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worksheets/sheet11.xml" ContentType="application/vnd.openxmlformats-officedocument.spreadsheetml.worksheet+xml"/>
  <Override PartName="/xl/worksheets/sheet12.xml" ContentType="application/vnd.openxmlformats-officedocument.spreadsheetml.worksheet+xml"/>
  <Override PartName="/xl/worksheets/sheet13.xml" ContentType="application/vnd.openxmlformats-officedocument.spreadsheetml.worksheet+xml"/>
  <Override PartName="/xl/worksheets/sheet14.xml" ContentType="application/vnd.openxmlformats-officedocument.spreadsheetml.worksheet+xml"/>
  <Override PartName="/xl/worksheets/sheet15.xml" ContentType="application/vnd.openxmlformats-officedocument.spreadsheetml.worksheet+xml"/>
  <Override PartName="/xl/worksheets/sheet16.xml" ContentType="application/vnd.openxmlformats-officedocument.spreadsheetml.worksheet+xml"/>
  <Override PartName="/xl/worksheets/sheet17.xml" ContentType="application/vnd.openxmlformats-officedocument.spreadsheetml.worksheet+xml"/>
  <Override PartName="/xl/worksheets/sheet18.xml" ContentType="application/vnd.openxmlformats-officedocument.spreadsheetml.worksheet+xml"/>
  <Override PartName="/xl/worksheets/sheet19.xml" ContentType="application/vnd.openxmlformats-officedocument.spreadsheetml.worksheet+xml"/>
  <Override PartName="/xl/worksheets/sheet20.xml" ContentType="application/vnd.openxmlformats-officedocument.spreadsheetml.worksheet+xml"/>
  <Override PartName="/xl/worksheets/sheet21.xml" ContentType="application/vnd.openxmlformats-officedocument.spreadsheetml.worksheet+xml"/>
  <Override PartName="/xl/worksheets/sheet22.xml" ContentType="application/vnd.openxmlformats-officedocument.spreadsheetml.worksheet+xml"/>
  <Override PartName="/xl/worksheets/sheet23.xml" ContentType="application/vnd.openxmlformats-officedocument.spreadsheetml.worksheet+xml"/>
  <Override PartName="/xl/worksheets/sheet24.xml" ContentType="application/vnd.openxmlformats-officedocument.spreadsheetml.worksheet+xml"/>
  <Override PartName="/xl/worksheets/sheet25.xml" ContentType="application/vnd.openxmlformats-officedocument.spreadsheetml.worksheet+xml"/>
  <Override PartName="/xl/worksheets/sheet26.xml" ContentType="application/vnd.openxmlformats-officedocument.spreadsheetml.worksheet+xml"/>
  <Override PartName="/xl/worksheets/sheet27.xml" ContentType="application/vnd.openxmlformats-officedocument.spreadsheetml.worksheet+xml"/>
  <Override PartName="/xl/worksheets/sheet28.xml" ContentType="application/vnd.openxmlformats-officedocument.spreadsheetml.worksheet+xml"/>
  <Override PartName="/xl/worksheets/sheet29.xml" ContentType="application/vnd.openxmlformats-officedocument.spreadsheetml.worksheet+xml"/>
  <Override PartName="/xl/worksheets/sheet30.xml" ContentType="application/vnd.openxmlformats-officedocument.spreadsheetml.worksheet+xml"/>
  <Override PartName="/xl/worksheets/sheet31.xml" ContentType="application/vnd.openxmlformats-officedocument.spreadsheetml.worksheet+xml"/>
  <Override PartName="/xl/worksheets/sheet32.xml" ContentType="application/vnd.openxmlformats-officedocument.spreadsheetml.worksheet+xml"/>
  <Override PartName="/xl/worksheets/sheet33.xml" ContentType="application/vnd.openxmlformats-officedocument.spreadsheetml.worksheet+xml"/>
  <Override PartName="/xl/worksheets/sheet34.xml" ContentType="application/vnd.openxmlformats-officedocument.spreadsheetml.worksheet+xml"/>
  <Override PartName="/xl/worksheets/sheet35.xml" ContentType="application/vnd.openxmlformats-officedocument.spreadsheetml.worksheet+xml"/>
  <Override PartName="/xl/worksheets/sheet36.xml" ContentType="application/vnd.openxmlformats-officedocument.spreadsheetml.worksheet+xml"/>
  <Override PartName="/xl/worksheets/sheet37.xml" ContentType="application/vnd.openxmlformats-officedocument.spreadsheetml.worksheet+xml"/>
  <Override PartName="/xl/worksheets/sheet38.xml" ContentType="application/vnd.openxmlformats-officedocument.spreadsheetml.worksheet+xml"/>
  <Override PartName="/xl/worksheets/sheet39.xml" ContentType="application/vnd.openxmlformats-officedocument.spreadsheetml.worksheet+xml"/>
  <Override PartName="/xl/worksheets/sheet40.xml" ContentType="application/vnd.openxmlformats-officedocument.spreadsheetml.worksheet+xml"/>
  <Override PartName="/xl/worksheets/sheet41.xml" ContentType="application/vnd.openxmlformats-officedocument.spreadsheetml.worksheet+xml"/>
  <Override PartName="/xl/worksheets/sheet42.xml" ContentType="application/vnd.openxmlformats-officedocument.spreadsheetml.worksheet+xml"/>
  <Override PartName="/xl/worksheets/sheet43.xml" ContentType="application/vnd.openxmlformats-officedocument.spreadsheetml.worksheet+xml"/>
  <Override PartName="/xl/worksheets/sheet44.xml" ContentType="application/vnd.openxmlformats-officedocument.spreadsheetml.worksheet+xml"/>
  <Override PartName="/xl/worksheets/sheet45.xml" ContentType="application/vnd.openxmlformats-officedocument.spreadsheetml.worksheet+xml"/>
  <Override PartName="/xl/worksheets/sheet46.xml" ContentType="application/vnd.openxmlformats-officedocument.spreadsheetml.worksheet+xml"/>
  <Override PartName="/xl/worksheets/sheet47.xml" ContentType="application/vnd.openxmlformats-officedocument.spreadsheetml.worksheet+xml"/>
  <Override PartName="/xl/worksheets/sheet48.xml" ContentType="application/vnd.openxmlformats-officedocument.spreadsheetml.worksheet+xml"/>
  <Override PartName="/xl/worksheets/sheet49.xml" ContentType="application/vnd.openxmlformats-officedocument.spreadsheetml.worksheet+xml"/>
  <Override PartName="/xl/worksheets/sheet50.xml" ContentType="application/vnd.openxmlformats-officedocument.spreadsheetml.worksheet+xml"/>
  <Override PartName="/xl/worksheets/sheet51.xml" ContentType="application/vnd.openxmlformats-officedocument.spreadsheetml.worksheet+xml"/>
  <Override PartName="/xl/worksheets/sheet52.xml" ContentType="application/vnd.openxmlformats-officedocument.spreadsheetml.worksheet+xml"/>
  <Override PartName="/xl/worksheets/sheet53.xml" ContentType="application/vnd.openxmlformats-officedocument.spreadsheetml.worksheet+xml"/>
  <Override PartName="/xl/worksheets/sheet54.xml" ContentType="application/vnd.openxmlformats-officedocument.spreadsheetml.worksheet+xml"/>
  <Override PartName="/xl/worksheets/sheet5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6" rupBuild="25225"/>
  <workbookPr/>
  <mc:AlternateContent xmlns:mc="http://schemas.openxmlformats.org/markup-compatibility/2006">
    <mc:Choice Requires="x15">
      <x15ac:absPath xmlns:x15ac="http://schemas.microsoft.com/office/spreadsheetml/2010/11/ac" url="C:\Users\s001672\Desktop\（加工後）R2国勢調査20220527\"/>
    </mc:Choice>
  </mc:AlternateContent>
  <xr:revisionPtr revIDLastSave="0" documentId="13_ncr:1_{6C32AE51-AE88-4E0A-8B11-9CA8259394D4}" xr6:coauthVersionLast="47" xr6:coauthVersionMax="47" xr10:uidLastSave="{00000000-0000-0000-0000-000000000000}"/>
  <bookViews>
    <workbookView xWindow="-120" yWindow="-120" windowWidth="29040" windowHeight="15840" tabRatio="788" xr2:uid="{00000000-000D-0000-FFFF-FFFF00000000}"/>
  </bookViews>
  <sheets>
    <sheet name="目次" sheetId="55" r:id="rId1"/>
    <sheet name="1-2" sheetId="1" r:id="rId2"/>
    <sheet name="1-4" sheetId="2" r:id="rId3"/>
    <sheet name="2-2-1" sheetId="3" r:id="rId4"/>
    <sheet name="2-2-2" sheetId="4" r:id="rId5"/>
    <sheet name="2-2-3" sheetId="5" r:id="rId6"/>
    <sheet name="2-2-4" sheetId="6" r:id="rId7"/>
    <sheet name="2-2-5" sheetId="7" r:id="rId8"/>
    <sheet name="2-2-6" sheetId="8" r:id="rId9"/>
    <sheet name="3-2" sheetId="9" r:id="rId10"/>
    <sheet name="5-3" sheetId="10" r:id="rId11"/>
    <sheet name="5-4" sheetId="11" r:id="rId12"/>
    <sheet name="6-3" sheetId="12" r:id="rId13"/>
    <sheet name="6-4" sheetId="13" r:id="rId14"/>
    <sheet name="6-5" sheetId="14" r:id="rId15"/>
    <sheet name="8-3" sheetId="15" r:id="rId16"/>
    <sheet name="8-4" sheetId="16" r:id="rId17"/>
    <sheet name="9-3" sheetId="17" r:id="rId18"/>
    <sheet name="9-4" sheetId="18" r:id="rId19"/>
    <sheet name="9-5" sheetId="19" r:id="rId20"/>
    <sheet name="10-3" sheetId="20" r:id="rId21"/>
    <sheet name="10-4" sheetId="21" r:id="rId22"/>
    <sheet name="11-2" sheetId="22" r:id="rId23"/>
    <sheet name="15-3" sheetId="23" r:id="rId24"/>
    <sheet name="20-1" sheetId="24" r:id="rId25"/>
    <sheet name="20-2" sheetId="25" r:id="rId26"/>
    <sheet name="20-3" sheetId="26" r:id="rId27"/>
    <sheet name="25-1-1" sheetId="27" r:id="rId28"/>
    <sheet name="25-1-2" sheetId="28" r:id="rId29"/>
    <sheet name="25-1-3" sheetId="29" r:id="rId30"/>
    <sheet name="25-1-4" sheetId="30" r:id="rId31"/>
    <sheet name="25-1-5" sheetId="31" r:id="rId32"/>
    <sheet name="25-2-1" sheetId="32" r:id="rId33"/>
    <sheet name="25-2-2" sheetId="33" r:id="rId34"/>
    <sheet name="25-2-3" sheetId="34" r:id="rId35"/>
    <sheet name="25-2-4" sheetId="35" r:id="rId36"/>
    <sheet name="25-2-5" sheetId="36" r:id="rId37"/>
    <sheet name="25-3-1" sheetId="37" r:id="rId38"/>
    <sheet name="25-3-2" sheetId="38" r:id="rId39"/>
    <sheet name="25-3-3" sheetId="39" r:id="rId40"/>
    <sheet name="25-3-4" sheetId="40" r:id="rId41"/>
    <sheet name="25-3-5" sheetId="41" r:id="rId42"/>
    <sheet name="25-4-1" sheetId="42" r:id="rId43"/>
    <sheet name="25-4-2" sheetId="43" r:id="rId44"/>
    <sheet name="25-4-3" sheetId="44" r:id="rId45"/>
    <sheet name="25-4-4" sheetId="45" r:id="rId46"/>
    <sheet name="25-4-5" sheetId="46" r:id="rId47"/>
    <sheet name="51-1" sheetId="47" r:id="rId48"/>
    <sheet name="51-2" sheetId="48" r:id="rId49"/>
    <sheet name="52-1" sheetId="49" r:id="rId50"/>
    <sheet name="52-2" sheetId="50" r:id="rId51"/>
    <sheet name="52-3" sheetId="51" r:id="rId52"/>
    <sheet name="52-4" sheetId="52" r:id="rId53"/>
    <sheet name="56-1" sheetId="53" r:id="rId54"/>
    <sheet name="56-2" sheetId="54" r:id="rId55"/>
  </sheets>
  <definedNames>
    <definedName name="_xlnm._FilterDatabase" localSheetId="20" hidden="1">'10-3'!$A$10:$T$235</definedName>
    <definedName name="_xlnm._FilterDatabase" localSheetId="21" hidden="1">'10-4'!$A$10:$T$235</definedName>
    <definedName name="_xlnm._FilterDatabase" localSheetId="22" hidden="1">'11-2'!$A$10:$R$217</definedName>
    <definedName name="_xlnm._FilterDatabase" localSheetId="1" hidden="1">'1-2'!$A$10:$T$217</definedName>
    <definedName name="_xlnm._FilterDatabase" localSheetId="2" hidden="1">'1-4'!$A$10:$T$217</definedName>
    <definedName name="_xlnm._FilterDatabase" localSheetId="23" hidden="1">'15-3'!$A$10:$S$19</definedName>
    <definedName name="_xlnm._FilterDatabase" localSheetId="24" hidden="1">'20-1'!$A$10:$R$424</definedName>
    <definedName name="_xlnm._FilterDatabase" localSheetId="25" hidden="1">'20-2'!$A$10:$R$424</definedName>
    <definedName name="_xlnm._FilterDatabase" localSheetId="26" hidden="1">'20-3'!$A$10:$R$424</definedName>
    <definedName name="_xlnm._FilterDatabase" localSheetId="3" hidden="1">'2-2-1'!$A$10:$AC$631</definedName>
    <definedName name="_xlnm._FilterDatabase" localSheetId="4" hidden="1">'2-2-2'!$A$10:$AC$631</definedName>
    <definedName name="_xlnm._FilterDatabase" localSheetId="5" hidden="1">'2-2-3'!$A$10:$AC$631</definedName>
    <definedName name="_xlnm._FilterDatabase" localSheetId="6" hidden="1">'2-2-4'!$A$10:$AC$631</definedName>
    <definedName name="_xlnm._FilterDatabase" localSheetId="7" hidden="1">'2-2-5'!$A$10:$AC$631</definedName>
    <definedName name="_xlnm._FilterDatabase" localSheetId="8" hidden="1">'2-2-6'!$A$10:$AC$631</definedName>
    <definedName name="_xlnm._FilterDatabase" localSheetId="27" hidden="1">'25-1-1'!$A$10:$M$370</definedName>
    <definedName name="_xlnm._FilterDatabase" localSheetId="28" hidden="1">'25-1-2'!$A$10:$M$370</definedName>
    <definedName name="_xlnm._FilterDatabase" localSheetId="29" hidden="1">'25-1-3'!$A$10:$M$370</definedName>
    <definedName name="_xlnm._FilterDatabase" localSheetId="30" hidden="1">'25-1-4'!$A$10:$M$370</definedName>
    <definedName name="_xlnm._FilterDatabase" localSheetId="31" hidden="1">'25-1-5'!$A$10:$M$370</definedName>
    <definedName name="_xlnm._FilterDatabase" localSheetId="32" hidden="1">'25-2-1'!$A$10:$M$370</definedName>
    <definedName name="_xlnm._FilterDatabase" localSheetId="33" hidden="1">'25-2-2'!$A$10:$M$370</definedName>
    <definedName name="_xlnm._FilterDatabase" localSheetId="34" hidden="1">'25-2-3'!$A$10:$M$370</definedName>
    <definedName name="_xlnm._FilterDatabase" localSheetId="35" hidden="1">'25-2-4'!$A$10:$M$370</definedName>
    <definedName name="_xlnm._FilterDatabase" localSheetId="36" hidden="1">'25-2-5'!$A$10:$M$370</definedName>
    <definedName name="_xlnm._FilterDatabase" localSheetId="37" hidden="1">'25-3-1'!$A$10:$M$640</definedName>
    <definedName name="_xlnm._FilterDatabase" localSheetId="38" hidden="1">'25-3-2'!$A$10:$M$640</definedName>
    <definedName name="_xlnm._FilterDatabase" localSheetId="39" hidden="1">'25-3-3'!$A$10:$M$640</definedName>
    <definedName name="_xlnm._FilterDatabase" localSheetId="40" hidden="1">'25-3-4'!$A$10:$M$640</definedName>
    <definedName name="_xlnm._FilterDatabase" localSheetId="41" hidden="1">'25-3-5'!$A$10:$M$640</definedName>
    <definedName name="_xlnm._FilterDatabase" localSheetId="42" hidden="1">'25-4-1'!$A$10:$M$640</definedName>
    <definedName name="_xlnm._FilterDatabase" localSheetId="43" hidden="1">'25-4-2'!$A$10:$M$640</definedName>
    <definedName name="_xlnm._FilterDatabase" localSheetId="44" hidden="1">'25-4-3'!$A$10:$M$640</definedName>
    <definedName name="_xlnm._FilterDatabase" localSheetId="45" hidden="1">'25-4-4'!$A$10:$M$640</definedName>
    <definedName name="_xlnm._FilterDatabase" localSheetId="46" hidden="1">'25-4-5'!$A$10:$M$640</definedName>
    <definedName name="_xlnm._FilterDatabase" localSheetId="9" hidden="1">'3-2'!$A$10:$Q$19</definedName>
    <definedName name="_xlnm._FilterDatabase" localSheetId="47" hidden="1">'51-1'!$A$10:$K$1090</definedName>
    <definedName name="_xlnm._FilterDatabase" localSheetId="48" hidden="1">'51-2'!$A$10:$J$70</definedName>
    <definedName name="_xlnm._FilterDatabase" localSheetId="49" hidden="1">'52-1'!$A$10:$T$13</definedName>
    <definedName name="_xlnm._FilterDatabase" localSheetId="50" hidden="1">'52-2'!$A$10:$T$13</definedName>
    <definedName name="_xlnm._FilterDatabase" localSheetId="51" hidden="1">'52-3'!$A$10:$T$13</definedName>
    <definedName name="_xlnm._FilterDatabase" localSheetId="52" hidden="1">'52-4'!$A$10:$T$13</definedName>
    <definedName name="_xlnm._FilterDatabase" localSheetId="10" hidden="1">'5-3'!$A$10:$W$685</definedName>
    <definedName name="_xlnm._FilterDatabase" localSheetId="11" hidden="1">'5-4'!$A$10:$S$235</definedName>
    <definedName name="_xlnm._FilterDatabase" localSheetId="53" hidden="1">'56-1'!$A$10:$T$226</definedName>
    <definedName name="_xlnm._FilterDatabase" localSheetId="54" hidden="1">'56-2'!$A$10:$S$46</definedName>
    <definedName name="_xlnm._FilterDatabase" localSheetId="12" hidden="1">'6-3'!$A$10:$AE$235</definedName>
    <definedName name="_xlnm._FilterDatabase" localSheetId="13" hidden="1">'6-4'!$A$10:$AE$235</definedName>
    <definedName name="_xlnm._FilterDatabase" localSheetId="14" hidden="1">'6-5'!$A$10:$AC$19</definedName>
    <definedName name="_xlnm._FilterDatabase" localSheetId="15" hidden="1">'8-3'!$A$10:$V$361</definedName>
    <definedName name="_xlnm._FilterDatabase" localSheetId="16" hidden="1">'8-4'!$A$10:$R$127</definedName>
    <definedName name="_xlnm._FilterDatabase" localSheetId="17" hidden="1">'9-3'!$A$10:$AD$127</definedName>
    <definedName name="_xlnm._FilterDatabase" localSheetId="18" hidden="1">'9-4'!$A$10:$AD$127</definedName>
    <definedName name="_xlnm._FilterDatabase" localSheetId="19" hidden="1">'9-5'!$A$10:$Q$19</definedName>
    <definedName name="_xlnm.Print_Titles" localSheetId="0">目次!$1:$6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88851" uniqueCount="539">
  <si>
    <t>令和２年国勢調査　就業状態等基本集計</t>
  </si>
  <si>
    <t>第１－２表　男女，年齢（5歳階級），労働力状態別人口及び労働力率（15歳以上）－全国，都道府県，市区町村</t>
  </si>
  <si>
    <t>1) 労働力率については，労働力状態「不詳」の者を除いて算出。</t>
  </si>
  <si>
    <t>人口</t>
  </si>
  <si>
    <t>労働力率</t>
  </si>
  <si>
    <t>労働力状態</t>
  </si>
  <si>
    <t>0_総数</t>
  </si>
  <si>
    <t>1_労働力人口</t>
  </si>
  <si>
    <t>11_就業者</t>
  </si>
  <si>
    <t>111_（就業者）主に仕事</t>
  </si>
  <si>
    <t>112_（就業者）家事のほか仕事</t>
  </si>
  <si>
    <t>113_（就業者）通学のかたわら仕事</t>
  </si>
  <si>
    <t>114_（就業者）休業者</t>
  </si>
  <si>
    <t>12_完全失業者</t>
  </si>
  <si>
    <t>2_非労働力人口</t>
  </si>
  <si>
    <t>21_家事</t>
  </si>
  <si>
    <t>22_通学</t>
  </si>
  <si>
    <t>23_その他</t>
  </si>
  <si>
    <t>3_労働力状態「不詳」</t>
  </si>
  <si>
    <t>人</t>
  </si>
  <si>
    <t>％</t>
  </si>
  <si>
    <t>地域識別コード</t>
    <phoneticPr fontId="2"/>
  </si>
  <si>
    <t>都道府県</t>
    <phoneticPr fontId="2"/>
  </si>
  <si>
    <t>地域名</t>
  </si>
  <si>
    <t>男女</t>
  </si>
  <si>
    <t>年齢</t>
  </si>
  <si>
    <t xml:space="preserve"> </t>
  </si>
  <si>
    <t>a</t>
  </si>
  <si>
    <t>00_全国</t>
  </si>
  <si>
    <t>00000_全国</t>
  </si>
  <si>
    <t>00_総数</t>
  </si>
  <si>
    <t>01_15～19歳</t>
  </si>
  <si>
    <t>02_20～24歳</t>
  </si>
  <si>
    <t>03_25～29歳</t>
  </si>
  <si>
    <t>04_30～34歳</t>
  </si>
  <si>
    <t>05_35～39歳</t>
  </si>
  <si>
    <t>06_40～44歳</t>
  </si>
  <si>
    <t>07_45～49歳</t>
  </si>
  <si>
    <t>08_50～54歳</t>
  </si>
  <si>
    <t>09_55～59歳</t>
  </si>
  <si>
    <t>10_60～64歳</t>
  </si>
  <si>
    <t>11_65～69歳</t>
  </si>
  <si>
    <t>12_70～74歳</t>
  </si>
  <si>
    <t>13_75～79歳</t>
  </si>
  <si>
    <t>14_80～84歳</t>
  </si>
  <si>
    <t>15_85～89歳</t>
  </si>
  <si>
    <t>16_90～94歳</t>
  </si>
  <si>
    <t>17_95歳以上</t>
  </si>
  <si>
    <t>R1_（再掲）15～64歳</t>
  </si>
  <si>
    <t>R2_（再掲）65歳以上</t>
  </si>
  <si>
    <t>R3_（再掲）75歳以上</t>
  </si>
  <si>
    <t>R4_（再掲）85歳以上</t>
  </si>
  <si>
    <t>R5_（再掲）20～69歳</t>
  </si>
  <si>
    <t>1_男</t>
  </si>
  <si>
    <t>2_女</t>
  </si>
  <si>
    <t>-</t>
  </si>
  <si>
    <t>2</t>
  </si>
  <si>
    <t>43_熊本県</t>
  </si>
  <si>
    <t>43000_熊本県</t>
  </si>
  <si>
    <t>43202_八代市</t>
  </si>
  <si>
    <t>第１－４表　男女，年齢（5歳階級），労働力状態別人口及び労働力率（15歳以上）－全国，都道府県，市区町村（人口集中地区）</t>
  </si>
  <si>
    <t>地域名（人口集中地区）</t>
  </si>
  <si>
    <t>第２－２表　男女，年齢（5歳階級），配偶関係，労働力状態・従業上の地位別人口（15歳以上）－全国，都道府県，市区町村（2000年（平成12年）市区町村含む）：総数（配偶関係）</t>
  </si>
  <si>
    <t>1) 地域名において，「旧：○○○」と表記されている項目は「2000年（平成12年）市区町村」を示す。「2000年（平成12年）市区町村」については，令和２年10月１日現在の市区町村の境域に基づいて平成12年10月１日時点の市区町村に組み替えた，令和２年10月１日現在の結果数値を表章している。</t>
  </si>
  <si>
    <t>労働力状態・従業上の地位</t>
  </si>
  <si>
    <t>R1_（別掲）雇用者（役員を含む）</t>
  </si>
  <si>
    <t>R11_（別掲）主に仕事（うち雇用者（役員を含む））</t>
  </si>
  <si>
    <t>R12_（別掲）家事のほか仕事（うち雇用者（役員を含む））</t>
  </si>
  <si>
    <t>R13_（別掲）通学のかたわら仕事（うち雇用者（役員を含む））</t>
  </si>
  <si>
    <t>R14_（別掲）休業者（うち雇用者（役員を含む））</t>
  </si>
  <si>
    <t>2000年_都道府県</t>
    <phoneticPr fontId="2"/>
  </si>
  <si>
    <t>2000年_地域コード</t>
    <phoneticPr fontId="2"/>
  </si>
  <si>
    <t>2000年地域</t>
    <phoneticPr fontId="2"/>
  </si>
  <si>
    <t>2020年_都道府県</t>
    <phoneticPr fontId="2"/>
  </si>
  <si>
    <t>2020年_地域コード</t>
    <phoneticPr fontId="2"/>
  </si>
  <si>
    <t>配偶関係</t>
  </si>
  <si>
    <t>00000</t>
  </si>
  <si>
    <t>2000</t>
  </si>
  <si>
    <t>0001_全国</t>
  </si>
  <si>
    <t>43000</t>
  </si>
  <si>
    <t>3668_熊本県</t>
  </si>
  <si>
    <t>43202</t>
  </si>
  <si>
    <t>3679_八代市</t>
  </si>
  <si>
    <t>9</t>
  </si>
  <si>
    <t>3680_（旧：八代市）</t>
  </si>
  <si>
    <t>43461</t>
  </si>
  <si>
    <t>3681_（旧：坂本村）</t>
  </si>
  <si>
    <t>43462</t>
  </si>
  <si>
    <t>3682_（旧：千丁町）</t>
  </si>
  <si>
    <t>43463</t>
  </si>
  <si>
    <t>3683_（旧：鏡町）</t>
  </si>
  <si>
    <t>43466</t>
  </si>
  <si>
    <t>3684_（旧：東陽村）</t>
  </si>
  <si>
    <t>43467</t>
  </si>
  <si>
    <t>3685_（旧：泉村）</t>
  </si>
  <si>
    <t>第２－２表　男女，年齢（5歳階級），配偶関係，労働力状態・従業上の地位別人口（15歳以上）－全国，都道府県，市区町村（2000年（平成12年）市区町村含む）：未婚</t>
  </si>
  <si>
    <t>1_未婚</t>
  </si>
  <si>
    <t>第２－２表　男女，年齢（5歳階級），配偶関係，労働力状態・従業上の地位別人口（15歳以上）－全国，都道府県，市区町村（2000年（平成12年）市区町村含む）：有配偶</t>
  </si>
  <si>
    <t>2_有配偶</t>
  </si>
  <si>
    <t>第２－２表　男女，年齢（5歳階級），配偶関係，労働力状態・従業上の地位別人口（15歳以上）－全国，都道府県，市区町村（2000年（平成12年）市区町村含む）：死別</t>
  </si>
  <si>
    <t>3_死別</t>
  </si>
  <si>
    <t>第２－２表　男女，年齢（5歳階級），配偶関係，労働力状態・従業上の地位別人口（15歳以上）－全国，都道府県，市区町村（2000年（平成12年）市区町村含む）：離別</t>
  </si>
  <si>
    <t>4_離別</t>
  </si>
  <si>
    <t>第２－２表　男女，年齢（5歳階級），配偶関係，労働力状態・従業上の地位別人口（15歳以上）－全国，都道府県，市区町村（2000年（平成12年）市区町村含む）：配偶関係「不詳」</t>
  </si>
  <si>
    <t>5_配偶関係「不詳」</t>
  </si>
  <si>
    <t>第３－２表　男女，従業上の地位別就業者数（15歳以上）－全国，都道府県，市区町村</t>
  </si>
  <si>
    <t>就業者数</t>
  </si>
  <si>
    <t>従業上の地位</t>
  </si>
  <si>
    <t>1_雇用者</t>
  </si>
  <si>
    <t>11_（雇用者）正規の職員・従業員</t>
  </si>
  <si>
    <t>12_（雇用者）労働者派遣事業所の派遣社員</t>
  </si>
  <si>
    <t>13_（雇用者）パート・アルバイト・その他</t>
  </si>
  <si>
    <t>2_役員</t>
  </si>
  <si>
    <t>3_雇人のある業主</t>
  </si>
  <si>
    <t>4_雇人のない業主</t>
  </si>
  <si>
    <t>5_家族従業者</t>
  </si>
  <si>
    <t>6_家庭内職者</t>
  </si>
  <si>
    <t>7_従業上の地位「不詳」</t>
  </si>
  <si>
    <t>R1_（再掲）雇用者（役員を含む）</t>
  </si>
  <si>
    <t>第５－３表　男女，従業上の地位，産業（大分類）別就業者数（15歳以上）－全国，都道府県，市区町村（2000年（平成12年）市区町村含む）</t>
  </si>
  <si>
    <t>産業3部門</t>
    <phoneticPr fontId="2"/>
  </si>
  <si>
    <t>産業</t>
  </si>
  <si>
    <t>第1次</t>
  </si>
  <si>
    <t>A_農業，林業</t>
  </si>
  <si>
    <t>01_うち農業</t>
  </si>
  <si>
    <t>B_漁業</t>
  </si>
  <si>
    <t>第2次</t>
  </si>
  <si>
    <t>C_鉱業，採石業，砂利採取業</t>
  </si>
  <si>
    <t>D_建設業</t>
  </si>
  <si>
    <t>E_製造業</t>
  </si>
  <si>
    <t>第3次</t>
  </si>
  <si>
    <t>F_電気・ガス・熱供給・水道業</t>
  </si>
  <si>
    <t>G_情報通信業</t>
  </si>
  <si>
    <t>H_運輸業，郵便業</t>
  </si>
  <si>
    <t>I_卸売業，小売業</t>
  </si>
  <si>
    <t>J_金融業，保険業</t>
  </si>
  <si>
    <t>K_不動産業，物品賃貸業</t>
  </si>
  <si>
    <t>L_学術研究，専門・技術サービス業</t>
  </si>
  <si>
    <t>M_宿泊業，飲食サービス業</t>
  </si>
  <si>
    <t>N_生活関連サービス業，娯楽業</t>
  </si>
  <si>
    <t>O_教育，学習支援業</t>
  </si>
  <si>
    <t>P_医療，福祉</t>
  </si>
  <si>
    <t>Q_複合サービス事業</t>
  </si>
  <si>
    <t>R_サービス業（他に分類されないもの）</t>
  </si>
  <si>
    <t>S_公務（他に分類されるものを除く）</t>
  </si>
  <si>
    <t>T_分類不能の産業</t>
  </si>
  <si>
    <t>R1_（再掲）第1次産業</t>
  </si>
  <si>
    <t>R2_（再掲）第2次産業</t>
  </si>
  <si>
    <t>R3_（再掲）第3次産業</t>
  </si>
  <si>
    <t>第５－４表　男女，従業上の地位，産業（大分類）別就業者数（15歳以上）－全国，都道府県，市区町村（人口集中地区）</t>
  </si>
  <si>
    <t>第６－３表　男女，年齢（5歳階級），産業（大分類）別就業者数及び平均年齢（15歳以上就業者）－全国，都道府県，市区町村</t>
  </si>
  <si>
    <t>平均年齢</t>
  </si>
  <si>
    <t>歳</t>
  </si>
  <si>
    <t>第６－４表　男女，年齢（5歳階級），産業（大分類）別役員を含む雇用者数及び平均年齢（15歳以上雇用者（役員を含む））－全国，都道府県，市区町村</t>
  </si>
  <si>
    <t>役員を含む雇用者数</t>
  </si>
  <si>
    <t>第６－５表　男女，産業（大分類）別人口構成比［産業別］（15歳以上就業者）－全国，都道府県，市区町村</t>
  </si>
  <si>
    <t>1) 「第1次産業」～「第3次産業」における人口構成比［産業別］については，「分類不能の産業」を除いて算出。</t>
  </si>
  <si>
    <t>人口構成比［産業別］</t>
  </si>
  <si>
    <t>第８－３表　男女，従業上の地位，職業（大分類）別就業者数（15歳以上）－全国，都道府県，市区町村（2000年（平成12年）市区町村含む）</t>
  </si>
  <si>
    <t>職業</t>
  </si>
  <si>
    <t>A_管理的職業従事者</t>
  </si>
  <si>
    <t>B_専門的・技術的職業従事者</t>
  </si>
  <si>
    <t>C_事務従事者</t>
  </si>
  <si>
    <t>D_販売従事者</t>
  </si>
  <si>
    <t>E_サービス職業従事者</t>
  </si>
  <si>
    <t>F_保安職業従事者</t>
  </si>
  <si>
    <t>G_農林漁業従事者</t>
  </si>
  <si>
    <t>H_生産工程従事者</t>
  </si>
  <si>
    <t>I_輸送・機械運転従事者</t>
  </si>
  <si>
    <t>J_建設・採掘従事者</t>
  </si>
  <si>
    <t>K_運搬・清掃・包装等従事者</t>
  </si>
  <si>
    <t>L_分類不能の職業</t>
  </si>
  <si>
    <t>第８－４表　男女，従業上の地位，職業（大分類）別就業者数（15歳以上）－全国，都道府県，市区町村（人口集中地区）</t>
  </si>
  <si>
    <t>第９－３表　男女，年齢（5歳階級），職業（大分類）別就業者数及び平均年齢（15歳以上就業者）－全国，都道府県，市区町村</t>
  </si>
  <si>
    <t>第９－４表　男女，年齢（5歳階級），職業（大分類）別役員を含む雇用者数及び平均年齢（15歳以上雇用者（役員を含む））－全国，都道府県，市区町村</t>
  </si>
  <si>
    <t>第９－５表　男女，職業（大分類）別人口構成比［職業別］（15歳以上就業者）－全国，都道府県，市区町村</t>
  </si>
  <si>
    <t>人口構成比［職業別］</t>
  </si>
  <si>
    <t>第１０－３表　男女，産業（大分類），職業（大分類）別就業者数（15歳以上）－全国，都道府県，市区町村</t>
  </si>
  <si>
    <t>第１０－４表　男女，産業（大分類），職業（大分類）別役員を含む雇用者数（15歳以上）－全国，都道府県，市区町村</t>
  </si>
  <si>
    <t>第１１－２表　男女，年齢（5歳階級），在学か否かの別・最終卒業学校の種類別人口（15歳以上）－全国，都道府県，市区町村</t>
  </si>
  <si>
    <t>在学か否かの別・最終卒業学校の種類</t>
  </si>
  <si>
    <t>1_卒業者</t>
  </si>
  <si>
    <t>11_（卒業者）小学校</t>
  </si>
  <si>
    <t>12_（卒業者）中学校</t>
  </si>
  <si>
    <t>13_（卒業者）高校・旧中</t>
  </si>
  <si>
    <t>14_（卒業者）短大・高専</t>
  </si>
  <si>
    <t>15_（卒業者）大学</t>
  </si>
  <si>
    <t>16_（卒業者）大学院</t>
  </si>
  <si>
    <t>17_（卒業者）不詳</t>
  </si>
  <si>
    <t>2_在学者</t>
  </si>
  <si>
    <t>3_未就学者</t>
  </si>
  <si>
    <t>4_在学か否かの別「不詳」</t>
  </si>
  <si>
    <t>第１５－３表　男女，在学学校・未就学の種類別人口－全国，都道府県，市区町村</t>
  </si>
  <si>
    <t>在学学校・未就学の種類</t>
  </si>
  <si>
    <t>1_在学者</t>
  </si>
  <si>
    <t>11_（在学者）小学校</t>
  </si>
  <si>
    <t>12_（在学者）中学校</t>
  </si>
  <si>
    <t>13_（在学者）高校</t>
  </si>
  <si>
    <t>14_（在学者）短大・高専</t>
  </si>
  <si>
    <t>15_（在学者）大学</t>
  </si>
  <si>
    <t>16_（在学者）大学院</t>
  </si>
  <si>
    <t>17_（在学者）不詳</t>
  </si>
  <si>
    <t>2_未就学者</t>
  </si>
  <si>
    <t>21_（未就学者）幼稚園</t>
  </si>
  <si>
    <t>22_（未就学者）保育園・保育所</t>
  </si>
  <si>
    <t>23_（未就学者）認定こども園</t>
  </si>
  <si>
    <t>24_（未就学者）その他</t>
  </si>
  <si>
    <t>25_（未就学者）不詳</t>
  </si>
  <si>
    <t>第２０表　男女，年齢（5歳階級），世帯の家族類型，労働力状態別一般世帯人員（15歳以上）－全国，都道府県，市区町村：総数（男女）</t>
  </si>
  <si>
    <t>一般世帯人員</t>
  </si>
  <si>
    <t>世帯の家族類型</t>
  </si>
  <si>
    <t>1_親族のみの世帯</t>
  </si>
  <si>
    <t>11_核家族世帯</t>
  </si>
  <si>
    <t>111_うち夫婦のみの世帯</t>
  </si>
  <si>
    <t>12_核家族以外の世帯</t>
  </si>
  <si>
    <t>2_非親族を含む世帯</t>
  </si>
  <si>
    <t>3_単独世帯</t>
  </si>
  <si>
    <t>4_世帯の家族類型「不詳」</t>
  </si>
  <si>
    <t>R1_（再掲）3世代世帯</t>
  </si>
  <si>
    <t>R2_（再掲）夫65歳以上，妻60歳以上の夫婦のみの世帯</t>
  </si>
  <si>
    <t>R3_（再掲）65歳以上の単独世帯</t>
  </si>
  <si>
    <t>第２０表　男女，年齢（5歳階級），世帯の家族類型，労働力状態別一般世帯人員（15歳以上）－全国，都道府県，市区町村：男</t>
  </si>
  <si>
    <t>第２０表　男女，年齢（5歳階級），世帯の家族類型，労働力状態別一般世帯人員（15歳以上）－全国，都道府県，市区町村：女</t>
  </si>
  <si>
    <t>第２５－１表　夫婦のいる世帯の家族類型，子供の有無，最年少の子供の年齢（各歳），夫の労働力状態，妻の労働力状態別一般世帯数（夫婦のいる一般世帯）－全国，都道府県，市区町村：夫婦のいる一般世帯</t>
  </si>
  <si>
    <t>一般世帯数</t>
  </si>
  <si>
    <t>妻の労働力状態</t>
  </si>
  <si>
    <t>1_就業者</t>
  </si>
  <si>
    <t>11_うち雇用者（役員を含む）</t>
  </si>
  <si>
    <t>2_非就業者</t>
  </si>
  <si>
    <t>世帯</t>
  </si>
  <si>
    <t>夫婦のいる世帯の家族類型</t>
  </si>
  <si>
    <t>夫の労働力状態</t>
  </si>
  <si>
    <t>子供の有無</t>
  </si>
  <si>
    <t>最年少の子供の年齢</t>
  </si>
  <si>
    <t>1_子供なし</t>
  </si>
  <si>
    <t>2_子供あり</t>
  </si>
  <si>
    <t>01_0歳</t>
  </si>
  <si>
    <t>02_1歳</t>
  </si>
  <si>
    <t>03_2歳</t>
  </si>
  <si>
    <t>04_3歳</t>
  </si>
  <si>
    <t>05_4歳</t>
  </si>
  <si>
    <t>06_5歳</t>
  </si>
  <si>
    <t>07_6歳</t>
  </si>
  <si>
    <t>08_7歳</t>
  </si>
  <si>
    <t>09_8歳</t>
  </si>
  <si>
    <t>10_9歳</t>
  </si>
  <si>
    <t>11_10歳</t>
  </si>
  <si>
    <t>12_11歳</t>
  </si>
  <si>
    <t>13_12歳</t>
  </si>
  <si>
    <t>14_13歳</t>
  </si>
  <si>
    <t>15_14歳</t>
  </si>
  <si>
    <t>16_15歳</t>
  </si>
  <si>
    <t>17_16歳</t>
  </si>
  <si>
    <t>18_17歳</t>
  </si>
  <si>
    <t>19_18歳</t>
  </si>
  <si>
    <t>20_19歳</t>
  </si>
  <si>
    <t>21_20歳以上</t>
  </si>
  <si>
    <t>第２５－１表　夫婦のいる世帯の家族類型，子供の有無，最年少の子供の年齢（各歳），夫の労働力状態，妻の労働力状態別一般世帯数（夫婦のいる一般世帯）－全国，都道府県，市区町村：夫婦のいる核家族世帯</t>
  </si>
  <si>
    <t>1_夫婦のいる核家族世帯</t>
  </si>
  <si>
    <t>第２５－１表　夫婦のいる世帯の家族類型，子供の有無，最年少の子供の年齢（各歳），夫の労働力状態，妻の労働力状態別一般世帯数（夫婦のいる一般世帯）－全国，都道府県，市区町村：夫婦のいるその他の世帯（同居の親あり）</t>
  </si>
  <si>
    <t>2_夫婦のいるその他の世帯（同居の親あり）</t>
  </si>
  <si>
    <t>第２５－１表　夫婦のいる世帯の家族類型，子供の有無，最年少の子供の年齢（各歳），夫の労働力状態，妻の労働力状態別一般世帯数（夫婦のいる一般世帯）－全国，都道府県，市区町村：夫婦のいるその他の世帯（同居の親なし）</t>
  </si>
  <si>
    <t>3_夫婦のいるその他の世帯（同居の親なし）</t>
  </si>
  <si>
    <t>第２５－１表　夫婦のいる世帯の家族類型，子供の有無，最年少の子供の年齢（各歳），夫の労働力状態，妻の労働力状態別一般世帯数（夫婦のいる一般世帯）－全国，都道府県，市区町村：（再掲）夫婦のいる3世代世帯</t>
  </si>
  <si>
    <t>R1_（再掲）夫婦のいる3世代世帯</t>
  </si>
  <si>
    <t>第２５－２表　夫婦のいる世帯の家族類型，子供の有無，最年少の子供の年齢（各歳），夫の労働力状態，妻の労働力状態別一般世帯人員（夫婦のいる一般世帯）－全国，都道府県，市区町村：夫婦のいる一般世帯</t>
  </si>
  <si>
    <t>第２５－２表　夫婦のいる世帯の家族類型，子供の有無，最年少の子供の年齢（各歳），夫の労働力状態，妻の労働力状態別一般世帯人員（夫婦のいる一般世帯）－全国，都道府県，市区町村：夫婦のいる核家族世帯</t>
  </si>
  <si>
    <t>第２５－２表　夫婦のいる世帯の家族類型，子供の有無，最年少の子供の年齢（各歳），夫の労働力状態，妻の労働力状態別一般世帯人員（夫婦のいる一般世帯）－全国，都道府県，市区町村：夫婦のいるその他の世帯（同居の親あり）</t>
  </si>
  <si>
    <t>第２５－２表　夫婦のいる世帯の家族類型，子供の有無，最年少の子供の年齢（各歳），夫の労働力状態，妻の労働力状態別一般世帯人員（夫婦のいる一般世帯）－全国，都道府県，市区町村：夫婦のいるその他の世帯（同居の親なし）</t>
  </si>
  <si>
    <t>第２５－２表　夫婦のいる世帯の家族類型，子供の有無，最年少の子供の年齢（各歳），夫の労働力状態，妻の労働力状態別一般世帯人員（夫婦のいる一般世帯）－全国，都道府県，市区町村：（再掲）夫婦のいる3世代世帯</t>
  </si>
  <si>
    <t>第２５－３表　夫婦のいる世帯の家族類型，子供の有無・数，最年少の子供の年齢，夫の労働力状態，妻の労働力状態別一般世帯数（夫婦のいる一般世帯）－全国，都道府県，市区町村：夫婦のいる一般世帯</t>
  </si>
  <si>
    <t>子供の有無・数</t>
  </si>
  <si>
    <t>1_0歳</t>
  </si>
  <si>
    <t>2_1～2歳</t>
  </si>
  <si>
    <t>3_3～5歳</t>
  </si>
  <si>
    <t>4_6～8歳</t>
  </si>
  <si>
    <t>5_9～11歳</t>
  </si>
  <si>
    <t>6_12～14歳</t>
  </si>
  <si>
    <t>7_15～17歳</t>
  </si>
  <si>
    <t>8_18～19歳</t>
  </si>
  <si>
    <t>9_20歳以上</t>
  </si>
  <si>
    <t>21_子供が1人</t>
  </si>
  <si>
    <t>22_子供が2人</t>
  </si>
  <si>
    <t>23_子供が3人以上</t>
  </si>
  <si>
    <t>第２５－３表　夫婦のいる世帯の家族類型，子供の有無・数，最年少の子供の年齢，夫の労働力状態，妻の労働力状態別一般世帯数（夫婦のいる一般世帯）－全国，都道府県，市区町村：夫婦のいる核家族世帯</t>
  </si>
  <si>
    <t>第２５－３表　夫婦のいる世帯の家族類型，子供の有無・数，最年少の子供の年齢，夫の労働力状態，妻の労働力状態別一般世帯数（夫婦のいる一般世帯）－全国，都道府県，市区町村：夫婦のいるその他の世帯（同居の親あり）</t>
  </si>
  <si>
    <t>第２５－３表　夫婦のいる世帯の家族類型，子供の有無・数，最年少の子供の年齢，夫の労働力状態，妻の労働力状態別一般世帯数（夫婦のいる一般世帯）－全国，都道府県，市区町村：夫婦のいるその他の世帯（同居の親なし）</t>
  </si>
  <si>
    <t>第２５－３表　夫婦のいる世帯の家族類型，子供の有無・数，最年少の子供の年齢，夫の労働力状態，妻の労働力状態別一般世帯数（夫婦のいる一般世帯）－全国，都道府県，市区町村：（再掲）夫婦のいる3世代世帯</t>
  </si>
  <si>
    <t>第２５－４表　夫婦のいる世帯の家族類型，子供の有無・数，最年少の子供の年齢，夫の労働力状態，妻の労働力状態別一般世帯人員（夫婦のいる一般世帯）－全国，都道府県，市区町村：夫婦のいる一般世帯</t>
  </si>
  <si>
    <t>第２５－４表　夫婦のいる世帯の家族類型，子供の有無・数，最年少の子供の年齢，夫の労働力状態，妻の労働力状態別一般世帯人員（夫婦のいる一般世帯）－全国，都道府県，市区町村：夫婦のいる核家族世帯</t>
  </si>
  <si>
    <t>第２５－４表　夫婦のいる世帯の家族類型，子供の有無・数，最年少の子供の年齢，夫の労働力状態，妻の労働力状態別一般世帯人員（夫婦のいる一般世帯）－全国，都道府県，市区町村：夫婦のいるその他の世帯（同居の親あり）</t>
  </si>
  <si>
    <t>第２５－４表　夫婦のいる世帯の家族類型，子供の有無・数，最年少の子供の年齢，夫の労働力状態，妻の労働力状態別一般世帯人員（夫婦のいる一般世帯）－全国，都道府県，市区町村：夫婦のいるその他の世帯（同居の親なし）</t>
  </si>
  <si>
    <t>第２５－４表　夫婦のいる世帯の家族類型，子供の有無・数，最年少の子供の年齢，夫の労働力状態，妻の労働力状態別一般世帯人員（夫婦のいる一般世帯）－全国，都道府県，市区町村：（再掲）夫婦のいる3世代世帯</t>
  </si>
  <si>
    <t>第５１－１表　夫の年齢（5歳階級），妻の年齢（5歳階級），夫の労働力状態，妻の労働力状態別夫婦のみの世帯数（一般世帯）－全国，都道府県，市区町村</t>
  </si>
  <si>
    <t>夫婦のみの世帯数</t>
  </si>
  <si>
    <t>夫の年齢</t>
  </si>
  <si>
    <t>妻の年齢</t>
  </si>
  <si>
    <t>1_60歳未満</t>
  </si>
  <si>
    <t>2_60～64歳</t>
  </si>
  <si>
    <t>3_65～69歳</t>
  </si>
  <si>
    <t>4_70～74歳</t>
  </si>
  <si>
    <t>5_75～79歳</t>
  </si>
  <si>
    <t>6_80～84歳</t>
  </si>
  <si>
    <t>7_85歳以上</t>
  </si>
  <si>
    <t>R1_（再掲）60歳以上</t>
  </si>
  <si>
    <t>R1_（再掲）65歳以上</t>
  </si>
  <si>
    <t>第５１－２表　夫婦のいる世帯の家族類型，夫の労働力状態，妻の労働力状態別夫婦のみの世帯数（一般世帯）－全国，都道府県，市区町村</t>
  </si>
  <si>
    <t>0_夫婦のみの世帯</t>
  </si>
  <si>
    <t>1_うち夫65歳以上，妻60歳以上の夫婦のみの世帯</t>
  </si>
  <si>
    <t>R1_（再掲）いずれかが60歳以上の夫婦のみの世帯</t>
  </si>
  <si>
    <t>R2_（再掲）いずれかが65歳以上の夫婦のみの世帯</t>
  </si>
  <si>
    <t>R3_（再掲）夫婦とも65歳以上の夫婦のみの世帯</t>
  </si>
  <si>
    <t>第５２－１表　世帯の経済構成別一般世帯数（一般世帯）－全国，都道府県，市区町村</t>
  </si>
  <si>
    <t>1) 「非就業者世帯」については，親族全員が労働力状態「不詳」の世帯を含む。</t>
  </si>
  <si>
    <t>世帯の経済構成</t>
  </si>
  <si>
    <t>1_農林漁業就業者世帯</t>
  </si>
  <si>
    <t>11_農林漁業・業主世帯</t>
  </si>
  <si>
    <t>12_農林漁業・雇用者世帯</t>
  </si>
  <si>
    <t>2_農林漁業・非農林漁業就業者混合世帯</t>
  </si>
  <si>
    <t>21_農林漁業・業主混合世帯</t>
  </si>
  <si>
    <t>22_農林漁業・雇用者混合世帯</t>
  </si>
  <si>
    <t>23_非農林漁業・業主混合世帯</t>
  </si>
  <si>
    <t>24_非農林漁業・雇用者混合世帯</t>
  </si>
  <si>
    <t>3_非農林漁業就業者世帯</t>
  </si>
  <si>
    <t>31_非農林漁業・業主世帯</t>
  </si>
  <si>
    <t>32_非農林漁業・雇用者世帯</t>
  </si>
  <si>
    <t>33_非農林漁業・業主・雇用者世帯（世帯の主な就業者が業主）</t>
  </si>
  <si>
    <t>34_非農林漁業・業主・雇用者世帯（世帯の主な就業者が雇用者）</t>
  </si>
  <si>
    <t>4_非就業者世帯</t>
  </si>
  <si>
    <t>5_分類不能の世帯</t>
  </si>
  <si>
    <t>第５２－２表　世帯の経済構成別一般世帯人員（一般世帯）－全国，都道府県，市区町村</t>
  </si>
  <si>
    <t>第５２－３表　世帯の経済構成別就業者数（一般世帯）－全国，都道府県，市区町村</t>
  </si>
  <si>
    <t>第５２－４表　世帯の経済構成別一般世帯の1世帯当たり人員（一般世帯）－全国，都道府県，市区町村</t>
  </si>
  <si>
    <t>一般世帯の1世帯当たり人員</t>
  </si>
  <si>
    <t>第５６－１表　都市計画の地域区分，年齢（3区分）・男女別人口並びに世帯の種類別世帯数及び世帯人員－全国，都道府県，人口1万以上の市区町村</t>
  </si>
  <si>
    <t>世帯数</t>
  </si>
  <si>
    <t>世帯人員</t>
  </si>
  <si>
    <t>世帯の種類</t>
  </si>
  <si>
    <t>1_15歳未満</t>
  </si>
  <si>
    <t>2_15～64歳</t>
  </si>
  <si>
    <t>3_65歳以上</t>
  </si>
  <si>
    <t>4_年齢「不詳」</t>
  </si>
  <si>
    <t>R1_（再掲）20～69歳</t>
  </si>
  <si>
    <t>1_一般世帯</t>
  </si>
  <si>
    <t>2_施設等の世帯</t>
  </si>
  <si>
    <t>階層レベル（都市計画の地域区分）</t>
    <phoneticPr fontId="2"/>
  </si>
  <si>
    <t>都市計画の地域区分</t>
  </si>
  <si>
    <t>1</t>
  </si>
  <si>
    <t>1_都市計画区域</t>
  </si>
  <si>
    <t>11_市街化区域</t>
  </si>
  <si>
    <t>3</t>
  </si>
  <si>
    <t>111_工業区域</t>
  </si>
  <si>
    <t>4</t>
  </si>
  <si>
    <t>1111_工業A区域</t>
  </si>
  <si>
    <t>5</t>
  </si>
  <si>
    <t>11111_工業専用地域</t>
  </si>
  <si>
    <t>11112_工業専用地域とその他</t>
  </si>
  <si>
    <t>11113_工業地域</t>
  </si>
  <si>
    <t>11114_工業地域とその他</t>
  </si>
  <si>
    <t>1112_工業B区域</t>
  </si>
  <si>
    <t>11121_準工業地域</t>
  </si>
  <si>
    <t>11122_準工業地域とその他</t>
  </si>
  <si>
    <t>112_商業区域</t>
  </si>
  <si>
    <t>1121_商業A区域</t>
  </si>
  <si>
    <t>11211_商業地域</t>
  </si>
  <si>
    <t>11212_商業地域とその他</t>
  </si>
  <si>
    <t>1122_商業B区域</t>
  </si>
  <si>
    <t>11221_近隣商業地域</t>
  </si>
  <si>
    <t>11222_近隣商業地域とその他</t>
  </si>
  <si>
    <t>113_住居区域</t>
  </si>
  <si>
    <t>1131_住居地域</t>
  </si>
  <si>
    <t>11311_田園住居地域</t>
  </si>
  <si>
    <t>11312_準住居地域</t>
  </si>
  <si>
    <t>11313_第二種住居地域</t>
  </si>
  <si>
    <t>11314_第一種住居地域</t>
  </si>
  <si>
    <t>11315_住居地域混合</t>
  </si>
  <si>
    <t>11316_住居地域とその他</t>
  </si>
  <si>
    <t>1132_中高層住居専用地域</t>
  </si>
  <si>
    <t>11321_第二種中高層住居専用地域</t>
  </si>
  <si>
    <t>11322_第一種中高層住居専用地域</t>
  </si>
  <si>
    <t>11323_中高層住居専用地域混合</t>
  </si>
  <si>
    <t>11324_中高層住居専用地域とその他</t>
  </si>
  <si>
    <t>1133_低層住居専用地域</t>
  </si>
  <si>
    <t>11331_第二種低層住居専用地域</t>
  </si>
  <si>
    <t>11332_第一種低層住居専用地域</t>
  </si>
  <si>
    <t>11333_低層住居専用地域混合</t>
  </si>
  <si>
    <t>12_市街化調整区域</t>
  </si>
  <si>
    <t>13_非線引きの区域</t>
  </si>
  <si>
    <t>131_工業区域</t>
  </si>
  <si>
    <t>1311_工業A区域</t>
  </si>
  <si>
    <t>13111_工業専用地域</t>
  </si>
  <si>
    <t>13112_工業専用地域とその他</t>
  </si>
  <si>
    <t>13113_工業地域</t>
  </si>
  <si>
    <t>13114_工業地域とその他</t>
  </si>
  <si>
    <t>1312_工業B区域</t>
  </si>
  <si>
    <t>13121_準工業地域</t>
  </si>
  <si>
    <t>13122_準工業地域とその他</t>
  </si>
  <si>
    <t>132_商業区域</t>
  </si>
  <si>
    <t>1321_商業A区域</t>
  </si>
  <si>
    <t>13211_商業地域</t>
  </si>
  <si>
    <t>13212_商業地域とその他</t>
  </si>
  <si>
    <t>1322_商業B区域</t>
  </si>
  <si>
    <t>13221_近隣商業地域</t>
  </si>
  <si>
    <t>13222_近隣商業地域とその他</t>
  </si>
  <si>
    <t>133_住居区域</t>
  </si>
  <si>
    <t>1331_住居地域</t>
  </si>
  <si>
    <t>13311_田園住居地域</t>
  </si>
  <si>
    <t>13312_準住居地域</t>
  </si>
  <si>
    <t>13313_第二種住居地域</t>
  </si>
  <si>
    <t>13314_第一種住居地域</t>
  </si>
  <si>
    <t>13315_住居地域混合</t>
  </si>
  <si>
    <t>13316_住居地域とその他</t>
  </si>
  <si>
    <t>1332_中高層住居専用地域</t>
  </si>
  <si>
    <t>13321_第二種中高層住居専用地域</t>
  </si>
  <si>
    <t>13322_第一種中高層住居専用地域</t>
  </si>
  <si>
    <t>13323_中高層住居専用地域混合</t>
  </si>
  <si>
    <t>13324_中高層住居専用地域とその他</t>
  </si>
  <si>
    <t>1333_低層住居専用地域</t>
  </si>
  <si>
    <t>13331_第二種低層住居専用地域</t>
  </si>
  <si>
    <t>13332_第一種低層住居専用地域</t>
  </si>
  <si>
    <t>13333_低層住居専用地域混合</t>
  </si>
  <si>
    <t>2_都市計画区域以外の区域</t>
  </si>
  <si>
    <t>第５６－２表　都市計画の地域区分，年齢（3区分）・男女別人口並びに世帯の種類別世帯数及び世帯人員－全国，都道府県，市区町村</t>
  </si>
  <si>
    <t>令和２年国勢調査（八代市データ）</t>
    <rPh sb="9" eb="12">
      <t>ヤツシロシ</t>
    </rPh>
    <phoneticPr fontId="2"/>
  </si>
  <si>
    <t>表番号</t>
    <rPh sb="0" eb="3">
      <t>ヒョウバンゴウ</t>
    </rPh>
    <phoneticPr fontId="2"/>
  </si>
  <si>
    <t>統計表</t>
    <rPh sb="0" eb="3">
      <t>トウケイヒョウ</t>
    </rPh>
    <phoneticPr fontId="2"/>
  </si>
  <si>
    <t>　総数（男女）</t>
    <phoneticPr fontId="2"/>
  </si>
  <si>
    <t>15-3</t>
    <phoneticPr fontId="2"/>
  </si>
  <si>
    <t>　女</t>
    <rPh sb="1" eb="2">
      <t>オンナ</t>
    </rPh>
    <phoneticPr fontId="2"/>
  </si>
  <si>
    <t xml:space="preserve">就業状態等基本集計　（主な内容：労働力状態，就業者の産業･職業，教育など） </t>
    <phoneticPr fontId="2"/>
  </si>
  <si>
    <t>労働力状態・産業・職業・従業上の地位</t>
    <phoneticPr fontId="2"/>
  </si>
  <si>
    <t>1-2</t>
    <phoneticPr fontId="2"/>
  </si>
  <si>
    <t>1-4</t>
    <phoneticPr fontId="2"/>
  </si>
  <si>
    <t>男女，年齢（5歳階級），労働力状態別人口及び労働力率（15歳以上）－全国，都道府県，市区町村</t>
    <phoneticPr fontId="2"/>
  </si>
  <si>
    <t>男女，年齢（5歳階級），労働力状態別人口及び労働力率（15歳以上）－全国，都道府県，市区町村（人口集中地区）</t>
    <phoneticPr fontId="2"/>
  </si>
  <si>
    <t>2-2-1</t>
    <phoneticPr fontId="2"/>
  </si>
  <si>
    <t>2-2-2</t>
    <phoneticPr fontId="2"/>
  </si>
  <si>
    <t>2-2-3</t>
  </si>
  <si>
    <t>2-2-4</t>
  </si>
  <si>
    <t>2-2-5</t>
  </si>
  <si>
    <t>2-2-6</t>
  </si>
  <si>
    <t>3-2</t>
    <phoneticPr fontId="2"/>
  </si>
  <si>
    <t>5-3</t>
    <phoneticPr fontId="2"/>
  </si>
  <si>
    <t>5-4</t>
    <phoneticPr fontId="2"/>
  </si>
  <si>
    <t>6-3</t>
    <phoneticPr fontId="2"/>
  </si>
  <si>
    <t>6-4</t>
    <phoneticPr fontId="2"/>
  </si>
  <si>
    <t>6-5</t>
    <phoneticPr fontId="2"/>
  </si>
  <si>
    <t>8-3</t>
    <phoneticPr fontId="2"/>
  </si>
  <si>
    <t>8-4</t>
    <phoneticPr fontId="2"/>
  </si>
  <si>
    <t>9-3</t>
    <phoneticPr fontId="2"/>
  </si>
  <si>
    <t>9-4</t>
    <phoneticPr fontId="2"/>
  </si>
  <si>
    <t>9-5</t>
    <phoneticPr fontId="2"/>
  </si>
  <si>
    <t>10-3</t>
    <phoneticPr fontId="2"/>
  </si>
  <si>
    <t>10-4</t>
    <phoneticPr fontId="2"/>
  </si>
  <si>
    <t>教育</t>
    <rPh sb="0" eb="2">
      <t>キョウイク</t>
    </rPh>
    <phoneticPr fontId="2"/>
  </si>
  <si>
    <t>2-2</t>
    <phoneticPr fontId="2"/>
  </si>
  <si>
    <t>男女，年齢（5歳階級），配偶関係，労働力状態・従業上の地位別人口（15歳以上）－全国，都道府県，市区町村（2000年（平成12年）市区町村含む）</t>
    <phoneticPr fontId="2"/>
  </si>
  <si>
    <t>　総数（配偶関係）</t>
    <phoneticPr fontId="2"/>
  </si>
  <si>
    <t>　未婚</t>
    <phoneticPr fontId="2"/>
  </si>
  <si>
    <t>　有配偶</t>
    <phoneticPr fontId="2"/>
  </si>
  <si>
    <t>　死別</t>
    <phoneticPr fontId="2"/>
  </si>
  <si>
    <t>　離別</t>
    <phoneticPr fontId="2"/>
  </si>
  <si>
    <t>　配偶関係「不詳」</t>
    <phoneticPr fontId="2"/>
  </si>
  <si>
    <t>男女，従業上の地位別就業者数（15歳以上）－全国，都道府県，市区町村</t>
    <phoneticPr fontId="2"/>
  </si>
  <si>
    <t xml:space="preserve">男女，従業上の地位，産業（大分類）別就業者数（15歳以上）－全国，都道府県，市区町村（2000年（平成12年）市区町村含む） </t>
    <phoneticPr fontId="2"/>
  </si>
  <si>
    <t>男女，従業上の地位，産業（大分類）別就業者数（15歳以上）－全国，都道府県，市区町村（人口集中地区）</t>
    <phoneticPr fontId="2"/>
  </si>
  <si>
    <t>男女，年齢（5歳階級），産業（大分類）別就業者数及び平均年齢（15歳以上就業者）－全国，都道府県，市区町村</t>
    <phoneticPr fontId="2"/>
  </si>
  <si>
    <t>男女，年齢（5歳階級），産業（大分類）別役員を含む雇用者数及び平均年齢（15歳以上雇用者（役員を含む））－全国，都道府県，市区町村</t>
    <phoneticPr fontId="2"/>
  </si>
  <si>
    <t>男女，産業（大分類）別人口構成比［産業別］（15歳以上就業者）－全国，都道府県，市区町村</t>
    <phoneticPr fontId="2"/>
  </si>
  <si>
    <t>男女，従業上の地位，職業（大分類）別就業者数（15歳以上）－全国，都道府県，市区町村（2000年（平成12年）市区町村含む）</t>
    <phoneticPr fontId="2"/>
  </si>
  <si>
    <t>男女，従業上の地位，職業（大分類）別就業者数（15歳以上）－全国，都道府県，市区町村（人口集中地区）</t>
    <phoneticPr fontId="2"/>
  </si>
  <si>
    <t>男女，年齢（5歳階級），職業（大分類）別就業者数及び平均年齢（15歳以上就業者）－全国，都道府県，市区町村</t>
    <phoneticPr fontId="2"/>
  </si>
  <si>
    <t>男女，年齢（5歳階級），職業（大分類）別役員を含む雇用者数及び平均年齢（15歳以上雇用者（役員を含む））－全国，都道府県，市区町村</t>
    <phoneticPr fontId="2"/>
  </si>
  <si>
    <t>男女，職業（大分類）別人口構成比［職業別］（15歳以上就業者）－全国，都道府県，市区町村</t>
    <phoneticPr fontId="2"/>
  </si>
  <si>
    <t>男女，産業（大分類），職業（大分類）別就業者数（15歳以上）－全国，都道府県，市区町村</t>
    <phoneticPr fontId="2"/>
  </si>
  <si>
    <t>男女，産業（大分類），職業（大分類）別役員を含む雇用者数（15歳以上）－全国，都道府県，市区町村</t>
    <phoneticPr fontId="2"/>
  </si>
  <si>
    <t>男女，年齢（5歳階級），在学か否かの別・最終卒業学校の種類別人口（15歳以上）－全国，都道府県，市区町村</t>
    <phoneticPr fontId="2"/>
  </si>
  <si>
    <t>11-2</t>
    <phoneticPr fontId="2"/>
  </si>
  <si>
    <t>男女，在学学校・未就学の種類別人口－全国，都道府県，市区町村</t>
    <phoneticPr fontId="2"/>
  </si>
  <si>
    <t>世帯主との続き柄・世帯の家族類型</t>
    <phoneticPr fontId="2"/>
  </si>
  <si>
    <t>男女，年齢（5歳階級），世帯の家族類型，労働力状態別一般世帯人員（15歳以上）－全国，都道府県，市区町村</t>
    <phoneticPr fontId="2"/>
  </si>
  <si>
    <t>20</t>
    <phoneticPr fontId="2"/>
  </si>
  <si>
    <t>20-1</t>
    <phoneticPr fontId="2"/>
  </si>
  <si>
    <t>20-2</t>
    <phoneticPr fontId="2"/>
  </si>
  <si>
    <t>20-3</t>
    <phoneticPr fontId="2"/>
  </si>
  <si>
    <t>　男</t>
    <rPh sb="1" eb="2">
      <t>オトコ</t>
    </rPh>
    <phoneticPr fontId="2"/>
  </si>
  <si>
    <t>親（夫婦）の労働力状態・子供</t>
    <phoneticPr fontId="2"/>
  </si>
  <si>
    <t>夫婦のいる世帯の家族類型，子供の有無，最年少の子供の年齢（各歳），夫の労働力状態，妻の労働力状態別一般世帯数（夫婦のいる一般世帯）－全国，都道府県，市区町村</t>
    <phoneticPr fontId="2"/>
  </si>
  <si>
    <t>25-1</t>
    <phoneticPr fontId="2"/>
  </si>
  <si>
    <t>25-1-1</t>
    <phoneticPr fontId="2"/>
  </si>
  <si>
    <t>25-1-2</t>
    <phoneticPr fontId="2"/>
  </si>
  <si>
    <t>25-1-3</t>
    <phoneticPr fontId="2"/>
  </si>
  <si>
    <t>25-1-4</t>
    <phoneticPr fontId="2"/>
  </si>
  <si>
    <t>25-1-5</t>
    <phoneticPr fontId="2"/>
  </si>
  <si>
    <t>25-2</t>
    <phoneticPr fontId="2"/>
  </si>
  <si>
    <t>25-2-1</t>
    <phoneticPr fontId="2"/>
  </si>
  <si>
    <t>25-2-2</t>
    <phoneticPr fontId="2"/>
  </si>
  <si>
    <t>25-2-3</t>
    <phoneticPr fontId="2"/>
  </si>
  <si>
    <t>25-2-4</t>
    <phoneticPr fontId="2"/>
  </si>
  <si>
    <t>25-2-5</t>
    <phoneticPr fontId="2"/>
  </si>
  <si>
    <t>25-3</t>
    <phoneticPr fontId="2"/>
  </si>
  <si>
    <t>25-3-1</t>
    <phoneticPr fontId="2"/>
  </si>
  <si>
    <t>25-3-2</t>
    <phoneticPr fontId="2"/>
  </si>
  <si>
    <t>25-3-3</t>
    <phoneticPr fontId="2"/>
  </si>
  <si>
    <t>25-3-4</t>
    <phoneticPr fontId="2"/>
  </si>
  <si>
    <t>25-3-5</t>
    <phoneticPr fontId="2"/>
  </si>
  <si>
    <t>25-4</t>
    <phoneticPr fontId="2"/>
  </si>
  <si>
    <t>25-4-1</t>
    <phoneticPr fontId="2"/>
  </si>
  <si>
    <t>25-4-2</t>
    <phoneticPr fontId="2"/>
  </si>
  <si>
    <t>25-4-3</t>
    <phoneticPr fontId="2"/>
  </si>
  <si>
    <t>25-4-4</t>
    <phoneticPr fontId="2"/>
  </si>
  <si>
    <t>25-4-5</t>
    <phoneticPr fontId="2"/>
  </si>
  <si>
    <t xml:space="preserve">　夫婦のいる一般世帯 </t>
    <phoneticPr fontId="2"/>
  </si>
  <si>
    <t>　夫婦のいる核家族世帯</t>
    <phoneticPr fontId="2"/>
  </si>
  <si>
    <t>　夫婦のいるその他の世帯（同居の親あり）</t>
    <phoneticPr fontId="2"/>
  </si>
  <si>
    <t>　夫婦のいるその他の世帯（同居の親なし）</t>
    <phoneticPr fontId="2"/>
  </si>
  <si>
    <t>　（再掲）夫婦のいる3世代世帯</t>
    <phoneticPr fontId="2"/>
  </si>
  <si>
    <t>夫婦のいる世帯の家族類型，子供の有無，最年少の子供の年齢（各歳），夫の労働力状態，妻の労働力状態別一般世帯人員（夫婦のいる一般世帯）－全国，都道府県，市区町村</t>
    <phoneticPr fontId="2"/>
  </si>
  <si>
    <t>夫婦のいる世帯の家族類型，子供の有無・数，最年少の子供の年齢，夫の労働力状態，妻の労働力状態別一般世帯数（夫婦のいる一般世帯）－全国，都道府県，市区町村</t>
    <phoneticPr fontId="2"/>
  </si>
  <si>
    <t>夫婦のいる世帯の家族類型，子供の有無・数，最年少の子供の年齢，夫の労働力状態，妻の労働力状態別一般世帯人員（夫婦のいる一般世帯）－全国，都道府県，市区町村</t>
    <phoneticPr fontId="2"/>
  </si>
  <si>
    <t>65歳以上の夫又は妻に係る世帯の状態</t>
    <phoneticPr fontId="2"/>
  </si>
  <si>
    <t>51-1</t>
    <phoneticPr fontId="2"/>
  </si>
  <si>
    <t>51-2</t>
    <phoneticPr fontId="2"/>
  </si>
  <si>
    <t>夫の年齢（5歳階級），妻の年齢（5歳階級），夫の労働力状態，妻の労働力状態別夫婦のみの世帯数（一般世帯）－全国，都道府県，市区町村</t>
    <phoneticPr fontId="2"/>
  </si>
  <si>
    <t>夫婦のいる世帯の家族類型，夫の労働力状態，妻の労働力状態別夫婦のみの世帯数（一般世帯）－全国，都道府県，市区町村</t>
    <phoneticPr fontId="2"/>
  </si>
  <si>
    <t>世帯の経済構成</t>
    <phoneticPr fontId="2"/>
  </si>
  <si>
    <t>52-1</t>
    <phoneticPr fontId="2"/>
  </si>
  <si>
    <t>52-2</t>
    <phoneticPr fontId="2"/>
  </si>
  <si>
    <t>52-3</t>
    <phoneticPr fontId="2"/>
  </si>
  <si>
    <t>52-4</t>
    <phoneticPr fontId="2"/>
  </si>
  <si>
    <t>世帯の経済構成別一般世帯数（一般世帯）－全国，都道府県，市区町村</t>
    <phoneticPr fontId="2"/>
  </si>
  <si>
    <t>世帯の経済構成別一般世帯人員（一般世帯）－全国，都道府県，市区町村</t>
    <phoneticPr fontId="2"/>
  </si>
  <si>
    <t>世帯の経済構成別就業者数（一般世帯）－全国，都道府県，市区町村</t>
    <phoneticPr fontId="2"/>
  </si>
  <si>
    <t>世帯の経済構成別一般世帯の1世帯当たり人員（一般世帯）－全国，都道府県，市区町村</t>
    <phoneticPr fontId="2"/>
  </si>
  <si>
    <t>都市計画の地域区分</t>
    <phoneticPr fontId="2"/>
  </si>
  <si>
    <t>56-1</t>
    <phoneticPr fontId="2"/>
  </si>
  <si>
    <t>56-2</t>
    <phoneticPr fontId="2"/>
  </si>
  <si>
    <t>都市計画の地域区分，年齢（3区分）・男女別人口並びに世帯の種類別世帯数及び世帯人員－全国，都道府県，人口1万以上の市区町村</t>
    <phoneticPr fontId="2"/>
  </si>
  <si>
    <t>都市計画の地域区分，年齢（3区分）・男女別人口並びに世帯の種類別世帯数及び世帯人員－全国，都道府県，市区町村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\(@\)"/>
    <numFmt numFmtId="177" formatCode="#,##0.00000;\-#,##0.00000"/>
  </numFmts>
  <fonts count="5">
    <font>
      <sz val="11"/>
      <color theme="1"/>
      <name val="ＭＳ Ｐゴシック"/>
      <family val="2"/>
      <charset val="128"/>
    </font>
    <font>
      <sz val="10"/>
      <color theme="1"/>
      <name val="ＭＳゴシック"/>
      <family val="3"/>
      <charset val="128"/>
    </font>
    <font>
      <sz val="6"/>
      <name val="ＭＳ Ｐゴシック"/>
      <family val="2"/>
      <charset val="128"/>
    </font>
    <font>
      <b/>
      <sz val="11"/>
      <color theme="1"/>
      <name val="ＭＳ Ｐゴシック"/>
      <family val="3"/>
      <charset val="128"/>
    </font>
    <font>
      <u/>
      <sz val="11"/>
      <color theme="10"/>
      <name val="ＭＳ Ｐゴシック"/>
      <family val="2"/>
      <charset val="128"/>
    </font>
  </fonts>
  <fills count="5">
    <fill>
      <patternFill patternType="none"/>
    </fill>
    <fill>
      <patternFill patternType="gray125"/>
    </fill>
    <fill>
      <patternFill patternType="solid">
        <fgColor rgb="FF99CCFF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0" tint="-0.14999847407452621"/>
        <bgColor indexed="64"/>
      </patternFill>
    </fill>
  </fills>
  <borders count="7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</borders>
  <cellStyleXfs count="2">
    <xf numFmtId="0" fontId="0" fillId="0" borderId="0">
      <alignment vertical="center"/>
    </xf>
    <xf numFmtId="0" fontId="4" fillId="0" borderId="0" applyNumberFormat="0" applyFill="0" applyBorder="0" applyAlignment="0" applyProtection="0">
      <alignment vertical="center"/>
    </xf>
  </cellStyleXfs>
  <cellXfs count="29">
    <xf numFmtId="0" fontId="0" fillId="0" borderId="0" xfId="0">
      <alignment vertical="center"/>
    </xf>
    <xf numFmtId="49" fontId="1" fillId="0" borderId="0" xfId="0" applyNumberFormat="1" applyFont="1" applyAlignment="1">
      <alignment horizontal="left" vertical="top"/>
    </xf>
    <xf numFmtId="49" fontId="1" fillId="2" borderId="1" xfId="0" applyNumberFormat="1" applyFont="1" applyFill="1" applyBorder="1" applyAlignment="1">
      <alignment horizontal="left" vertical="top"/>
    </xf>
    <xf numFmtId="49" fontId="1" fillId="2" borderId="1" xfId="0" applyNumberFormat="1" applyFont="1" applyFill="1" applyBorder="1" applyAlignment="1">
      <alignment horizontal="left" vertical="top" wrapText="1"/>
    </xf>
    <xf numFmtId="176" fontId="1" fillId="2" borderId="1" xfId="0" applyNumberFormat="1" applyFont="1" applyFill="1" applyBorder="1" applyAlignment="1">
      <alignment horizontal="left" vertical="top" wrapText="1"/>
    </xf>
    <xf numFmtId="49" fontId="1" fillId="2" borderId="2" xfId="0" applyNumberFormat="1" applyFont="1" applyFill="1" applyBorder="1" applyAlignment="1">
      <alignment horizontal="left" vertical="top"/>
    </xf>
    <xf numFmtId="37" fontId="1" fillId="0" borderId="0" xfId="0" applyNumberFormat="1" applyFont="1" applyAlignment="1">
      <alignment horizontal="right" vertical="top"/>
    </xf>
    <xf numFmtId="177" fontId="1" fillId="0" borderId="0" xfId="0" applyNumberFormat="1" applyFont="1" applyAlignment="1">
      <alignment horizontal="right" vertical="top"/>
    </xf>
    <xf numFmtId="0" fontId="1" fillId="0" borderId="0" xfId="0" applyNumberFormat="1" applyFont="1" applyAlignment="1">
      <alignment horizontal="left" vertical="top"/>
    </xf>
    <xf numFmtId="49" fontId="1" fillId="2" borderId="3" xfId="0" applyNumberFormat="1" applyFont="1" applyFill="1" applyBorder="1" applyAlignment="1">
      <alignment horizontal="left" vertical="top"/>
    </xf>
    <xf numFmtId="37" fontId="1" fillId="0" borderId="0" xfId="0" quotePrefix="1" applyNumberFormat="1" applyFont="1" applyAlignment="1">
      <alignment horizontal="right" vertical="top"/>
    </xf>
    <xf numFmtId="0" fontId="1" fillId="0" borderId="0" xfId="0" applyFont="1" applyAlignment="1">
      <alignment horizontal="left" vertical="top"/>
    </xf>
    <xf numFmtId="0" fontId="0" fillId="0" borderId="0" xfId="0" applyAlignment="1">
      <alignment horizontal="center" vertical="center"/>
    </xf>
    <xf numFmtId="0" fontId="0" fillId="0" borderId="0" xfId="0" applyAlignment="1">
      <alignment vertical="center" wrapText="1"/>
    </xf>
    <xf numFmtId="0" fontId="3" fillId="0" borderId="0" xfId="0" applyFont="1">
      <alignment vertical="center"/>
    </xf>
    <xf numFmtId="0" fontId="0" fillId="3" borderId="4" xfId="0" applyFill="1" applyBorder="1" applyAlignment="1">
      <alignment horizontal="center" vertical="center"/>
    </xf>
    <xf numFmtId="0" fontId="0" fillId="3" borderId="4" xfId="0" applyFill="1" applyBorder="1" applyAlignment="1">
      <alignment horizontal="center" vertical="center" wrapText="1"/>
    </xf>
    <xf numFmtId="49" fontId="0" fillId="0" borderId="4" xfId="0" applyNumberFormat="1" applyBorder="1" applyAlignment="1">
      <alignment horizontal="center" vertical="center"/>
    </xf>
    <xf numFmtId="0" fontId="0" fillId="0" borderId="4" xfId="0" applyBorder="1" applyAlignment="1">
      <alignment vertical="center" wrapText="1"/>
    </xf>
    <xf numFmtId="0" fontId="0" fillId="0" borderId="4" xfId="0" applyFill="1" applyBorder="1">
      <alignment vertical="center"/>
    </xf>
    <xf numFmtId="49" fontId="0" fillId="0" borderId="4" xfId="0" applyNumberFormat="1" applyFill="1" applyBorder="1" applyAlignment="1">
      <alignment horizontal="center" vertical="center"/>
    </xf>
    <xf numFmtId="0" fontId="0" fillId="0" borderId="4" xfId="0" applyFill="1" applyBorder="1" applyAlignment="1">
      <alignment vertical="center" wrapText="1"/>
    </xf>
    <xf numFmtId="49" fontId="4" fillId="0" borderId="4" xfId="1" applyNumberFormat="1" applyFill="1" applyBorder="1" applyAlignment="1">
      <alignment horizontal="center" vertical="center"/>
    </xf>
    <xf numFmtId="0" fontId="4" fillId="0" borderId="4" xfId="1" applyFill="1" applyBorder="1" applyAlignment="1">
      <alignment vertical="center" wrapText="1"/>
    </xf>
    <xf numFmtId="0" fontId="4" fillId="0" borderId="4" xfId="1" applyBorder="1" applyAlignment="1">
      <alignment vertical="center" wrapText="1"/>
    </xf>
    <xf numFmtId="0" fontId="4" fillId="0" borderId="4" xfId="1" applyFill="1" applyBorder="1">
      <alignment vertical="center"/>
    </xf>
    <xf numFmtId="49" fontId="4" fillId="0" borderId="4" xfId="1" applyNumberFormat="1" applyBorder="1" applyAlignment="1">
      <alignment horizontal="center" vertical="center"/>
    </xf>
    <xf numFmtId="0" fontId="3" fillId="4" borderId="5" xfId="0" applyFont="1" applyFill="1" applyBorder="1">
      <alignment vertical="center"/>
    </xf>
    <xf numFmtId="0" fontId="3" fillId="4" borderId="6" xfId="0" applyFont="1" applyFill="1" applyBorder="1">
      <alignment vertical="center"/>
    </xf>
  </cellXfs>
  <cellStyles count="2">
    <cellStyle name="ハイパーリンク" xfId="1" builtinId="8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13" Type="http://schemas.openxmlformats.org/officeDocument/2006/relationships/worksheet" Target="worksheets/sheet13.xml"/><Relationship Id="rId18" Type="http://schemas.openxmlformats.org/officeDocument/2006/relationships/worksheet" Target="worksheets/sheet18.xml"/><Relationship Id="rId26" Type="http://schemas.openxmlformats.org/officeDocument/2006/relationships/worksheet" Target="worksheets/sheet26.xml"/><Relationship Id="rId39" Type="http://schemas.openxmlformats.org/officeDocument/2006/relationships/worksheet" Target="worksheets/sheet39.xml"/><Relationship Id="rId21" Type="http://schemas.openxmlformats.org/officeDocument/2006/relationships/worksheet" Target="worksheets/sheet21.xml"/><Relationship Id="rId34" Type="http://schemas.openxmlformats.org/officeDocument/2006/relationships/worksheet" Target="worksheets/sheet34.xml"/><Relationship Id="rId42" Type="http://schemas.openxmlformats.org/officeDocument/2006/relationships/worksheet" Target="worksheets/sheet42.xml"/><Relationship Id="rId47" Type="http://schemas.openxmlformats.org/officeDocument/2006/relationships/worksheet" Target="worksheets/sheet47.xml"/><Relationship Id="rId50" Type="http://schemas.openxmlformats.org/officeDocument/2006/relationships/worksheet" Target="worksheets/sheet50.xml"/><Relationship Id="rId55" Type="http://schemas.openxmlformats.org/officeDocument/2006/relationships/worksheet" Target="worksheets/sheet55.xml"/><Relationship Id="rId7" Type="http://schemas.openxmlformats.org/officeDocument/2006/relationships/worksheet" Target="worksheets/sheet7.xml"/><Relationship Id="rId12" Type="http://schemas.openxmlformats.org/officeDocument/2006/relationships/worksheet" Target="worksheets/sheet12.xml"/><Relationship Id="rId17" Type="http://schemas.openxmlformats.org/officeDocument/2006/relationships/worksheet" Target="worksheets/sheet17.xml"/><Relationship Id="rId25" Type="http://schemas.openxmlformats.org/officeDocument/2006/relationships/worksheet" Target="worksheets/sheet25.xml"/><Relationship Id="rId33" Type="http://schemas.openxmlformats.org/officeDocument/2006/relationships/worksheet" Target="worksheets/sheet33.xml"/><Relationship Id="rId38" Type="http://schemas.openxmlformats.org/officeDocument/2006/relationships/worksheet" Target="worksheets/sheet38.xml"/><Relationship Id="rId46" Type="http://schemas.openxmlformats.org/officeDocument/2006/relationships/worksheet" Target="worksheets/sheet46.xml"/><Relationship Id="rId2" Type="http://schemas.openxmlformats.org/officeDocument/2006/relationships/worksheet" Target="worksheets/sheet2.xml"/><Relationship Id="rId16" Type="http://schemas.openxmlformats.org/officeDocument/2006/relationships/worksheet" Target="worksheets/sheet16.xml"/><Relationship Id="rId20" Type="http://schemas.openxmlformats.org/officeDocument/2006/relationships/worksheet" Target="worksheets/sheet20.xml"/><Relationship Id="rId29" Type="http://schemas.openxmlformats.org/officeDocument/2006/relationships/worksheet" Target="worksheets/sheet29.xml"/><Relationship Id="rId41" Type="http://schemas.openxmlformats.org/officeDocument/2006/relationships/worksheet" Target="worksheets/sheet41.xml"/><Relationship Id="rId54" Type="http://schemas.openxmlformats.org/officeDocument/2006/relationships/worksheet" Target="worksheets/sheet54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worksheet" Target="worksheets/sheet11.xml"/><Relationship Id="rId24" Type="http://schemas.openxmlformats.org/officeDocument/2006/relationships/worksheet" Target="worksheets/sheet24.xml"/><Relationship Id="rId32" Type="http://schemas.openxmlformats.org/officeDocument/2006/relationships/worksheet" Target="worksheets/sheet32.xml"/><Relationship Id="rId37" Type="http://schemas.openxmlformats.org/officeDocument/2006/relationships/worksheet" Target="worksheets/sheet37.xml"/><Relationship Id="rId40" Type="http://schemas.openxmlformats.org/officeDocument/2006/relationships/worksheet" Target="worksheets/sheet40.xml"/><Relationship Id="rId45" Type="http://schemas.openxmlformats.org/officeDocument/2006/relationships/worksheet" Target="worksheets/sheet45.xml"/><Relationship Id="rId53" Type="http://schemas.openxmlformats.org/officeDocument/2006/relationships/worksheet" Target="worksheets/sheet53.xml"/><Relationship Id="rId58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5" Type="http://schemas.openxmlformats.org/officeDocument/2006/relationships/worksheet" Target="worksheets/sheet15.xml"/><Relationship Id="rId23" Type="http://schemas.openxmlformats.org/officeDocument/2006/relationships/worksheet" Target="worksheets/sheet23.xml"/><Relationship Id="rId28" Type="http://schemas.openxmlformats.org/officeDocument/2006/relationships/worksheet" Target="worksheets/sheet28.xml"/><Relationship Id="rId36" Type="http://schemas.openxmlformats.org/officeDocument/2006/relationships/worksheet" Target="worksheets/sheet36.xml"/><Relationship Id="rId49" Type="http://schemas.openxmlformats.org/officeDocument/2006/relationships/worksheet" Target="worksheets/sheet49.xml"/><Relationship Id="rId57" Type="http://schemas.openxmlformats.org/officeDocument/2006/relationships/styles" Target="styles.xml"/><Relationship Id="rId10" Type="http://schemas.openxmlformats.org/officeDocument/2006/relationships/worksheet" Target="worksheets/sheet10.xml"/><Relationship Id="rId19" Type="http://schemas.openxmlformats.org/officeDocument/2006/relationships/worksheet" Target="worksheets/sheet19.xml"/><Relationship Id="rId31" Type="http://schemas.openxmlformats.org/officeDocument/2006/relationships/worksheet" Target="worksheets/sheet31.xml"/><Relationship Id="rId44" Type="http://schemas.openxmlformats.org/officeDocument/2006/relationships/worksheet" Target="worksheets/sheet44.xml"/><Relationship Id="rId52" Type="http://schemas.openxmlformats.org/officeDocument/2006/relationships/worksheet" Target="worksheets/sheet52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Relationship Id="rId14" Type="http://schemas.openxmlformats.org/officeDocument/2006/relationships/worksheet" Target="worksheets/sheet14.xml"/><Relationship Id="rId22" Type="http://schemas.openxmlformats.org/officeDocument/2006/relationships/worksheet" Target="worksheets/sheet22.xml"/><Relationship Id="rId27" Type="http://schemas.openxmlformats.org/officeDocument/2006/relationships/worksheet" Target="worksheets/sheet27.xml"/><Relationship Id="rId30" Type="http://schemas.openxmlformats.org/officeDocument/2006/relationships/worksheet" Target="worksheets/sheet30.xml"/><Relationship Id="rId35" Type="http://schemas.openxmlformats.org/officeDocument/2006/relationships/worksheet" Target="worksheets/sheet35.xml"/><Relationship Id="rId43" Type="http://schemas.openxmlformats.org/officeDocument/2006/relationships/worksheet" Target="worksheets/sheet43.xml"/><Relationship Id="rId48" Type="http://schemas.openxmlformats.org/officeDocument/2006/relationships/worksheet" Target="worksheets/sheet48.xml"/><Relationship Id="rId56" Type="http://schemas.openxmlformats.org/officeDocument/2006/relationships/theme" Target="theme/theme1.xml"/><Relationship Id="rId8" Type="http://schemas.openxmlformats.org/officeDocument/2006/relationships/worksheet" Target="worksheets/sheet8.xml"/><Relationship Id="rId51" Type="http://schemas.openxmlformats.org/officeDocument/2006/relationships/worksheet" Target="worksheets/sheet51.xml"/><Relationship Id="rId3" Type="http://schemas.openxmlformats.org/officeDocument/2006/relationships/worksheet" Target="worksheets/sheet3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0.bin"/></Relationships>
</file>

<file path=xl/worksheets/_rels/sheet1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1.bin"/></Relationships>
</file>

<file path=xl/worksheets/_rels/sheet1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2.bin"/></Relationships>
</file>

<file path=xl/worksheets/_rels/sheet1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3.bin"/></Relationships>
</file>

<file path=xl/worksheets/_rels/sheet1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4.bin"/></Relationships>
</file>

<file path=xl/worksheets/_rels/sheet1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5.bin"/></Relationships>
</file>

<file path=xl/worksheets/_rels/sheet1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6.bin"/></Relationships>
</file>

<file path=xl/worksheets/_rels/sheet1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7.bin"/></Relationships>
</file>

<file path=xl/worksheets/_rels/sheet1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8.bin"/></Relationships>
</file>

<file path=xl/worksheets/_rels/sheet1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9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2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0.bin"/></Relationships>
</file>

<file path=xl/worksheets/_rels/sheet2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1.bin"/></Relationships>
</file>

<file path=xl/worksheets/_rels/sheet2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2.bin"/></Relationships>
</file>

<file path=xl/worksheets/_rels/sheet2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3.bin"/></Relationships>
</file>

<file path=xl/worksheets/_rels/sheet2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4.bin"/></Relationships>
</file>

<file path=xl/worksheets/_rels/sheet2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5.bin"/></Relationships>
</file>

<file path=xl/worksheets/_rels/sheet2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6.bin"/></Relationships>
</file>

<file path=xl/worksheets/_rels/sheet2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7.bin"/></Relationships>
</file>

<file path=xl/worksheets/_rels/sheet2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8.bin"/></Relationships>
</file>

<file path=xl/worksheets/_rels/sheet2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9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3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0.bin"/></Relationships>
</file>

<file path=xl/worksheets/_rels/sheet3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1.bin"/></Relationships>
</file>

<file path=xl/worksheets/_rels/sheet3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2.bin"/></Relationships>
</file>

<file path=xl/worksheets/_rels/sheet3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3.bin"/></Relationships>
</file>

<file path=xl/worksheets/_rels/sheet3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4.bin"/></Relationships>
</file>

<file path=xl/worksheets/_rels/sheet3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5.bin"/></Relationships>
</file>

<file path=xl/worksheets/_rels/sheet3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6.bin"/></Relationships>
</file>

<file path=xl/worksheets/_rels/sheet3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7.bin"/></Relationships>
</file>

<file path=xl/worksheets/_rels/sheet3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8.bin"/></Relationships>
</file>

<file path=xl/worksheets/_rels/sheet3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9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4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0.bin"/></Relationships>
</file>

<file path=xl/worksheets/_rels/sheet4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1.bin"/></Relationships>
</file>

<file path=xl/worksheets/_rels/sheet4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2.bin"/></Relationships>
</file>

<file path=xl/worksheets/_rels/sheet4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3.bin"/></Relationships>
</file>

<file path=xl/worksheets/_rels/sheet4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4.bin"/></Relationships>
</file>

<file path=xl/worksheets/_rels/sheet4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5.bin"/></Relationships>
</file>

<file path=xl/worksheets/_rels/sheet4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6.bin"/></Relationships>
</file>

<file path=xl/worksheets/_rels/sheet4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7.bin"/></Relationships>
</file>

<file path=xl/worksheets/_rels/sheet4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8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50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9.bin"/></Relationships>
</file>

<file path=xl/worksheets/_rels/sheet5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0.bin"/></Relationships>
</file>

<file path=xl/worksheets/_rels/sheet5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1.bin"/></Relationships>
</file>

<file path=xl/worksheets/_rels/sheet5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2.bin"/></Relationships>
</file>

<file path=xl/worksheets/_rels/sheet5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3.bin"/></Relationships>
</file>

<file path=xl/worksheets/_rels/sheet5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4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82FB69-07A4-4613-8FF0-9D77F0332710}">
  <sheetPr>
    <pageSetUpPr fitToPage="1"/>
  </sheetPr>
  <dimension ref="B2:C73"/>
  <sheetViews>
    <sheetView tabSelected="1" workbookViewId="0">
      <pane xSplit="1" ySplit="6" topLeftCell="B7" activePane="bottomRight" state="frozen"/>
      <selection pane="topRight" activeCell="B1" sqref="B1"/>
      <selection pane="bottomLeft" activeCell="A7" sqref="A7"/>
      <selection pane="bottomRight"/>
    </sheetView>
  </sheetViews>
  <sheetFormatPr defaultRowHeight="13.5"/>
  <cols>
    <col min="1" max="1" width="3.75" customWidth="1"/>
    <col min="2" max="2" width="10" style="12" customWidth="1"/>
    <col min="3" max="3" width="90" style="13" customWidth="1"/>
    <col min="4" max="4" width="3.75" customWidth="1"/>
  </cols>
  <sheetData>
    <row r="2" spans="2:3">
      <c r="B2" s="14" t="s">
        <v>423</v>
      </c>
    </row>
    <row r="3" spans="2:3">
      <c r="B3" s="14"/>
    </row>
    <row r="4" spans="2:3">
      <c r="B4" s="14" t="s">
        <v>429</v>
      </c>
    </row>
    <row r="6" spans="2:3">
      <c r="B6" s="15" t="s">
        <v>424</v>
      </c>
      <c r="C6" s="16" t="s">
        <v>425</v>
      </c>
    </row>
    <row r="7" spans="2:3">
      <c r="B7" s="27" t="s">
        <v>430</v>
      </c>
      <c r="C7" s="28"/>
    </row>
    <row r="8" spans="2:3" ht="27" customHeight="1">
      <c r="B8" s="22" t="s">
        <v>431</v>
      </c>
      <c r="C8" s="23" t="s">
        <v>433</v>
      </c>
    </row>
    <row r="9" spans="2:3" ht="27" customHeight="1">
      <c r="B9" s="22" t="s">
        <v>432</v>
      </c>
      <c r="C9" s="24" t="s">
        <v>434</v>
      </c>
    </row>
    <row r="10" spans="2:3" ht="27" customHeight="1">
      <c r="B10" s="17" t="s">
        <v>455</v>
      </c>
      <c r="C10" s="18" t="s">
        <v>456</v>
      </c>
    </row>
    <row r="11" spans="2:3" ht="27" customHeight="1">
      <c r="B11" s="22" t="s">
        <v>435</v>
      </c>
      <c r="C11" s="23" t="s">
        <v>457</v>
      </c>
    </row>
    <row r="12" spans="2:3" ht="27" customHeight="1">
      <c r="B12" s="22" t="s">
        <v>436</v>
      </c>
      <c r="C12" s="23" t="s">
        <v>458</v>
      </c>
    </row>
    <row r="13" spans="2:3" ht="27" customHeight="1">
      <c r="B13" s="22" t="s">
        <v>437</v>
      </c>
      <c r="C13" s="23" t="s">
        <v>459</v>
      </c>
    </row>
    <row r="14" spans="2:3" ht="27" customHeight="1">
      <c r="B14" s="22" t="s">
        <v>438</v>
      </c>
      <c r="C14" s="23" t="s">
        <v>460</v>
      </c>
    </row>
    <row r="15" spans="2:3" ht="27" customHeight="1">
      <c r="B15" s="22" t="s">
        <v>439</v>
      </c>
      <c r="C15" s="23" t="s">
        <v>461</v>
      </c>
    </row>
    <row r="16" spans="2:3" ht="27" customHeight="1">
      <c r="B16" s="22" t="s">
        <v>440</v>
      </c>
      <c r="C16" s="23" t="s">
        <v>462</v>
      </c>
    </row>
    <row r="17" spans="2:3" ht="27" customHeight="1">
      <c r="B17" s="22" t="s">
        <v>441</v>
      </c>
      <c r="C17" s="24" t="s">
        <v>463</v>
      </c>
    </row>
    <row r="18" spans="2:3" ht="27" customHeight="1">
      <c r="B18" s="22" t="s">
        <v>442</v>
      </c>
      <c r="C18" s="23" t="s">
        <v>464</v>
      </c>
    </row>
    <row r="19" spans="2:3" ht="27" customHeight="1">
      <c r="B19" s="22" t="s">
        <v>443</v>
      </c>
      <c r="C19" s="23" t="s">
        <v>465</v>
      </c>
    </row>
    <row r="20" spans="2:3" ht="27" customHeight="1">
      <c r="B20" s="22" t="s">
        <v>444</v>
      </c>
      <c r="C20" s="23" t="s">
        <v>466</v>
      </c>
    </row>
    <row r="21" spans="2:3" ht="27" customHeight="1">
      <c r="B21" s="22" t="s">
        <v>445</v>
      </c>
      <c r="C21" s="23" t="s">
        <v>467</v>
      </c>
    </row>
    <row r="22" spans="2:3" ht="27" customHeight="1">
      <c r="B22" s="22" t="s">
        <v>446</v>
      </c>
      <c r="C22" s="23" t="s">
        <v>468</v>
      </c>
    </row>
    <row r="23" spans="2:3" ht="27" customHeight="1">
      <c r="B23" s="22" t="s">
        <v>447</v>
      </c>
      <c r="C23" s="24" t="s">
        <v>469</v>
      </c>
    </row>
    <row r="24" spans="2:3" ht="27" customHeight="1">
      <c r="B24" s="22" t="s">
        <v>448</v>
      </c>
      <c r="C24" s="23" t="s">
        <v>470</v>
      </c>
    </row>
    <row r="25" spans="2:3" ht="27" customHeight="1">
      <c r="B25" s="22" t="s">
        <v>449</v>
      </c>
      <c r="C25" s="23" t="s">
        <v>471</v>
      </c>
    </row>
    <row r="26" spans="2:3" ht="27" customHeight="1">
      <c r="B26" s="22" t="s">
        <v>450</v>
      </c>
      <c r="C26" s="23" t="s">
        <v>472</v>
      </c>
    </row>
    <row r="27" spans="2:3" ht="27" customHeight="1">
      <c r="B27" s="22" t="s">
        <v>451</v>
      </c>
      <c r="C27" s="23" t="s">
        <v>473</v>
      </c>
    </row>
    <row r="28" spans="2:3" ht="27" customHeight="1">
      <c r="B28" s="22" t="s">
        <v>452</v>
      </c>
      <c r="C28" s="23" t="s">
        <v>474</v>
      </c>
    </row>
    <row r="29" spans="2:3" ht="27" customHeight="1">
      <c r="B29" s="22" t="s">
        <v>453</v>
      </c>
      <c r="C29" s="23" t="s">
        <v>475</v>
      </c>
    </row>
    <row r="30" spans="2:3">
      <c r="B30" s="27" t="s">
        <v>454</v>
      </c>
      <c r="C30" s="28"/>
    </row>
    <row r="31" spans="2:3" ht="27" customHeight="1">
      <c r="B31" s="22" t="s">
        <v>477</v>
      </c>
      <c r="C31" s="25" t="s">
        <v>476</v>
      </c>
    </row>
    <row r="32" spans="2:3" ht="27" customHeight="1">
      <c r="B32" s="22" t="s">
        <v>427</v>
      </c>
      <c r="C32" s="24" t="s">
        <v>478</v>
      </c>
    </row>
    <row r="33" spans="2:3">
      <c r="B33" s="27" t="s">
        <v>479</v>
      </c>
      <c r="C33" s="28"/>
    </row>
    <row r="34" spans="2:3" ht="27" customHeight="1">
      <c r="B34" s="20" t="s">
        <v>481</v>
      </c>
      <c r="C34" s="19" t="s">
        <v>480</v>
      </c>
    </row>
    <row r="35" spans="2:3" ht="27" customHeight="1">
      <c r="B35" s="22" t="s">
        <v>482</v>
      </c>
      <c r="C35" s="24" t="s">
        <v>426</v>
      </c>
    </row>
    <row r="36" spans="2:3" ht="27" customHeight="1">
      <c r="B36" s="22" t="s">
        <v>483</v>
      </c>
      <c r="C36" s="25" t="s">
        <v>485</v>
      </c>
    </row>
    <row r="37" spans="2:3" ht="27" customHeight="1">
      <c r="B37" s="22" t="s">
        <v>484</v>
      </c>
      <c r="C37" s="25" t="s">
        <v>428</v>
      </c>
    </row>
    <row r="38" spans="2:3">
      <c r="B38" s="27" t="s">
        <v>486</v>
      </c>
      <c r="C38" s="28"/>
    </row>
    <row r="39" spans="2:3" ht="27" customHeight="1">
      <c r="B39" s="20" t="s">
        <v>488</v>
      </c>
      <c r="C39" s="21" t="s">
        <v>487</v>
      </c>
    </row>
    <row r="40" spans="2:3" ht="27" customHeight="1">
      <c r="B40" s="22" t="s">
        <v>489</v>
      </c>
      <c r="C40" s="24" t="s">
        <v>512</v>
      </c>
    </row>
    <row r="41" spans="2:3" ht="27" customHeight="1">
      <c r="B41" s="22" t="s">
        <v>490</v>
      </c>
      <c r="C41" s="25" t="s">
        <v>513</v>
      </c>
    </row>
    <row r="42" spans="2:3" ht="27" customHeight="1">
      <c r="B42" s="22" t="s">
        <v>491</v>
      </c>
      <c r="C42" s="25" t="s">
        <v>514</v>
      </c>
    </row>
    <row r="43" spans="2:3" ht="27" customHeight="1">
      <c r="B43" s="22" t="s">
        <v>492</v>
      </c>
      <c r="C43" s="25" t="s">
        <v>515</v>
      </c>
    </row>
    <row r="44" spans="2:3" ht="27" customHeight="1">
      <c r="B44" s="26" t="s">
        <v>493</v>
      </c>
      <c r="C44" s="24" t="s">
        <v>516</v>
      </c>
    </row>
    <row r="45" spans="2:3" ht="27" customHeight="1">
      <c r="B45" s="20" t="s">
        <v>494</v>
      </c>
      <c r="C45" s="21" t="s">
        <v>517</v>
      </c>
    </row>
    <row r="46" spans="2:3" ht="27" customHeight="1">
      <c r="B46" s="22" t="s">
        <v>495</v>
      </c>
      <c r="C46" s="24" t="s">
        <v>512</v>
      </c>
    </row>
    <row r="47" spans="2:3" ht="27" customHeight="1">
      <c r="B47" s="22" t="s">
        <v>496</v>
      </c>
      <c r="C47" s="25" t="s">
        <v>513</v>
      </c>
    </row>
    <row r="48" spans="2:3" ht="27" customHeight="1">
      <c r="B48" s="22" t="s">
        <v>497</v>
      </c>
      <c r="C48" s="25" t="s">
        <v>514</v>
      </c>
    </row>
    <row r="49" spans="2:3" ht="27" customHeight="1">
      <c r="B49" s="22" t="s">
        <v>498</v>
      </c>
      <c r="C49" s="25" t="s">
        <v>515</v>
      </c>
    </row>
    <row r="50" spans="2:3" ht="27" customHeight="1">
      <c r="B50" s="26" t="s">
        <v>499</v>
      </c>
      <c r="C50" s="24" t="s">
        <v>516</v>
      </c>
    </row>
    <row r="51" spans="2:3" ht="27" customHeight="1">
      <c r="B51" s="20" t="s">
        <v>500</v>
      </c>
      <c r="C51" s="21" t="s">
        <v>518</v>
      </c>
    </row>
    <row r="52" spans="2:3" ht="27" customHeight="1">
      <c r="B52" s="22" t="s">
        <v>501</v>
      </c>
      <c r="C52" s="24" t="s">
        <v>512</v>
      </c>
    </row>
    <row r="53" spans="2:3" ht="27" customHeight="1">
      <c r="B53" s="22" t="s">
        <v>502</v>
      </c>
      <c r="C53" s="25" t="s">
        <v>513</v>
      </c>
    </row>
    <row r="54" spans="2:3" ht="27" customHeight="1">
      <c r="B54" s="22" t="s">
        <v>503</v>
      </c>
      <c r="C54" s="25" t="s">
        <v>514</v>
      </c>
    </row>
    <row r="55" spans="2:3" ht="27" customHeight="1">
      <c r="B55" s="22" t="s">
        <v>504</v>
      </c>
      <c r="C55" s="25" t="s">
        <v>515</v>
      </c>
    </row>
    <row r="56" spans="2:3" ht="27" customHeight="1">
      <c r="B56" s="26" t="s">
        <v>505</v>
      </c>
      <c r="C56" s="24" t="s">
        <v>516</v>
      </c>
    </row>
    <row r="57" spans="2:3" ht="27" customHeight="1">
      <c r="B57" s="20" t="s">
        <v>506</v>
      </c>
      <c r="C57" s="21" t="s">
        <v>519</v>
      </c>
    </row>
    <row r="58" spans="2:3" ht="27" customHeight="1">
      <c r="B58" s="22" t="s">
        <v>507</v>
      </c>
      <c r="C58" s="24" t="s">
        <v>512</v>
      </c>
    </row>
    <row r="59" spans="2:3" ht="27" customHeight="1">
      <c r="B59" s="22" t="s">
        <v>508</v>
      </c>
      <c r="C59" s="25" t="s">
        <v>513</v>
      </c>
    </row>
    <row r="60" spans="2:3" ht="27" customHeight="1">
      <c r="B60" s="22" t="s">
        <v>509</v>
      </c>
      <c r="C60" s="25" t="s">
        <v>514</v>
      </c>
    </row>
    <row r="61" spans="2:3" ht="27" customHeight="1">
      <c r="B61" s="22" t="s">
        <v>510</v>
      </c>
      <c r="C61" s="25" t="s">
        <v>515</v>
      </c>
    </row>
    <row r="62" spans="2:3" ht="27" customHeight="1">
      <c r="B62" s="26" t="s">
        <v>511</v>
      </c>
      <c r="C62" s="24" t="s">
        <v>516</v>
      </c>
    </row>
    <row r="63" spans="2:3">
      <c r="B63" s="27" t="s">
        <v>520</v>
      </c>
      <c r="C63" s="28"/>
    </row>
    <row r="64" spans="2:3" ht="27" customHeight="1">
      <c r="B64" s="22" t="s">
        <v>521</v>
      </c>
      <c r="C64" s="23" t="s">
        <v>523</v>
      </c>
    </row>
    <row r="65" spans="2:3" ht="27" customHeight="1">
      <c r="B65" s="22" t="s">
        <v>522</v>
      </c>
      <c r="C65" s="24" t="s">
        <v>524</v>
      </c>
    </row>
    <row r="66" spans="2:3">
      <c r="B66" s="27" t="s">
        <v>525</v>
      </c>
      <c r="C66" s="28"/>
    </row>
    <row r="67" spans="2:3" ht="27" customHeight="1">
      <c r="B67" s="22" t="s">
        <v>526</v>
      </c>
      <c r="C67" s="23" t="s">
        <v>530</v>
      </c>
    </row>
    <row r="68" spans="2:3" ht="27" customHeight="1">
      <c r="B68" s="22" t="s">
        <v>527</v>
      </c>
      <c r="C68" s="24" t="s">
        <v>531</v>
      </c>
    </row>
    <row r="69" spans="2:3" ht="27" customHeight="1">
      <c r="B69" s="22" t="s">
        <v>528</v>
      </c>
      <c r="C69" s="25" t="s">
        <v>532</v>
      </c>
    </row>
    <row r="70" spans="2:3" ht="27" customHeight="1">
      <c r="B70" s="22" t="s">
        <v>529</v>
      </c>
      <c r="C70" s="25" t="s">
        <v>533</v>
      </c>
    </row>
    <row r="71" spans="2:3">
      <c r="B71" s="27" t="s">
        <v>534</v>
      </c>
      <c r="C71" s="28"/>
    </row>
    <row r="72" spans="2:3" ht="27" customHeight="1">
      <c r="B72" s="22" t="s">
        <v>535</v>
      </c>
      <c r="C72" s="23" t="s">
        <v>537</v>
      </c>
    </row>
    <row r="73" spans="2:3" ht="27" customHeight="1">
      <c r="B73" s="22" t="s">
        <v>536</v>
      </c>
      <c r="C73" s="24" t="s">
        <v>538</v>
      </c>
    </row>
  </sheetData>
  <mergeCells count="7">
    <mergeCell ref="B71:C71"/>
    <mergeCell ref="B7:C7"/>
    <mergeCell ref="B30:C30"/>
    <mergeCell ref="B33:C33"/>
    <mergeCell ref="B38:C38"/>
    <mergeCell ref="B63:C63"/>
    <mergeCell ref="B66:C66"/>
  </mergeCells>
  <phoneticPr fontId="2"/>
  <hyperlinks>
    <hyperlink ref="B8:C8" location="'1-2'!R1C1" tooltip=" " display="1-2" xr:uid="{1480E917-DD92-43FF-9B3B-80346C4ECE6D}"/>
    <hyperlink ref="B9:C9" location="'1-4'!R1C1" tooltip=" " display="1-4" xr:uid="{84BEA53C-E275-439C-BEB2-580205F45B38}"/>
    <hyperlink ref="B11:C11" location="'2-2-1'!R1C1" tooltip=" " display="2-2-1" xr:uid="{4C353977-40EA-499A-B10D-6F3252DF2846}"/>
    <hyperlink ref="B12:C12" location="'2-2-2'!R1C1" tooltip=" " display="2-2-2" xr:uid="{6AC1675F-CDB9-4F56-8F39-8060857BC9C5}"/>
    <hyperlink ref="B13:C13" location="'2-2-3'!R1C1" tooltip=" " display="2-2-3" xr:uid="{78E0A62E-2671-4866-B852-43907D04964A}"/>
    <hyperlink ref="B14:C14" location="'2-2-4'!R1C1" tooltip=" " display="2-2-4" xr:uid="{8F24357F-E337-4FD5-9854-CE458715A73C}"/>
    <hyperlink ref="B15:C15" location="'2-2-5'!R1C1" tooltip=" " display="2-2-5" xr:uid="{0F9BFAAC-DF7F-4EF6-920F-8C291A0EF0A3}"/>
    <hyperlink ref="B16:C16" location="'2-2-6'!R1C1" tooltip=" " display="2-2-6" xr:uid="{D9A6FB6F-DDDD-455B-8944-D87AF290D999}"/>
    <hyperlink ref="B17:C17" location="'3-2'!R1C1" tooltip=" " display="3-2" xr:uid="{311CC948-FFDC-4C2D-B967-A245881B7AF9}"/>
    <hyperlink ref="B18:C18" location="'5-3'!R1C1" tooltip=" " display="5-3" xr:uid="{8BCF2A33-7CDC-4358-8E0D-98DEC115229E}"/>
    <hyperlink ref="B19:C19" location="'5-4'!R1C1" tooltip=" " display="5-4" xr:uid="{EE12D426-8C1A-4C09-B3CB-2AF0C714D128}"/>
    <hyperlink ref="B20:C20" location="'6-3'!R1C1" tooltip=" " display="6-3" xr:uid="{0BE58E25-7E1F-4E08-A6EF-18252747CA9E}"/>
    <hyperlink ref="B21:C21" location="'6-4'!R1C1" tooltip=" " display="6-4" xr:uid="{8F54C22B-835A-4945-8305-BABDD5C26838}"/>
    <hyperlink ref="B22:C22" location="'6-5'!R1C1" tooltip=" " display="6-5" xr:uid="{0ADA9A85-6491-4753-B4D0-8273C0F70447}"/>
    <hyperlink ref="B23:C23" location="'8-3'!R1C1" tooltip=" " display="8-3" xr:uid="{C6B0BE17-45DB-4495-8CDB-3AD7CA38A0CD}"/>
    <hyperlink ref="B24:C24" location="'8-4'!R1C1" tooltip=" " display="8-4" xr:uid="{E2560128-BE12-4013-9CF6-859D498B29EA}"/>
    <hyperlink ref="B25:C25" location="'9-3'!R1C1" tooltip=" " display="9-3" xr:uid="{F0D8CB9D-A24D-4B74-9250-14B84D048404}"/>
    <hyperlink ref="B26:C26" location="'9-4'!R1C1" tooltip=" " display="9-4" xr:uid="{879AA15C-674D-4901-A8A6-827B8FC0EC2D}"/>
    <hyperlink ref="B27:C27" location="'9-5'!R1C1" tooltip=" " display="9-5" xr:uid="{98B2259A-D06B-4487-A0FB-D3E7DA255232}"/>
    <hyperlink ref="B28:C28" location="'10-3'!R1C1" tooltip=" " display="10-3" xr:uid="{AAF11B9D-8853-42AD-942D-B36BC6DA04F2}"/>
    <hyperlink ref="B29:C29" location="'10-4'!R1C1" tooltip=" " display="10-4" xr:uid="{60C80BC4-6589-44C1-9D73-693CBFD0355D}"/>
    <hyperlink ref="B31:C31" location="'11-2'!R1C1" tooltip=" " display="11-2" xr:uid="{C4C32BB9-FEB3-47BC-A22E-45A962AC29EE}"/>
    <hyperlink ref="B32:C32" location="'15-3'!R1C1" tooltip=" " display="15-3" xr:uid="{0CACD460-24F7-4A3C-ACB9-BC1BCD0AE8BF}"/>
    <hyperlink ref="B35:C35" location="'20-1'!R1C1" tooltip=" " display="20-1" xr:uid="{3E3C8242-0F31-496B-AC59-080FE579489A}"/>
    <hyperlink ref="B36:C36" location="'20-2'!R1C1" tooltip=" " display="20-2" xr:uid="{E86EAC1C-5C8D-4CAC-BC94-8B2D04F09338}"/>
    <hyperlink ref="B37:C37" location="'20-3'!R1C1" tooltip=" " display="20-3" xr:uid="{E755D525-4392-452F-860D-3CDD895CA934}"/>
    <hyperlink ref="B40:C40" location="'25-1-1'!R1C1" tooltip=" " display="25-1-1" xr:uid="{CF2B8118-67EC-4DAE-A81C-5B822834DBDC}"/>
    <hyperlink ref="B41:C41" location="'25-1-2'!R1C1" tooltip=" " display="25-1-2" xr:uid="{8372C05A-B249-43ED-8130-49B6E9418E91}"/>
    <hyperlink ref="B42:C42" location="'25-1-3'!R1C1" tooltip=" " display="25-1-3" xr:uid="{6C772451-C411-4093-992F-B85F9E2FE94C}"/>
    <hyperlink ref="B43:C43" location="'25-1-4'!R1C1" tooltip=" " display="25-1-4" xr:uid="{9D18BD14-816E-47A2-8F75-C31862E98CCB}"/>
    <hyperlink ref="B44:C44" location="'25-1-5'!R1C1" tooltip=" " display="25-1-5" xr:uid="{288FBF56-3554-4272-93D3-22D8C10BED3C}"/>
    <hyperlink ref="B46:C46" location="'25-2-1'!R1C1" tooltip=" " display="25-2-1" xr:uid="{A486E089-07BD-4486-AFC0-C147F8388AF7}"/>
    <hyperlink ref="B47:C47" location="'25-2-2'!R1C1" tooltip=" " display="25-2-2" xr:uid="{A8162978-2BF0-4E9C-B851-17D5D915E305}"/>
    <hyperlink ref="B48:C48" location="'25-2-3'!R1C1" tooltip=" " display="25-2-3" xr:uid="{F8759663-5165-4584-82C1-CEC531388152}"/>
    <hyperlink ref="B49:C49" location="'25-2-4'!R1C1" tooltip=" " display="25-2-4" xr:uid="{FCB7083F-C049-4590-89E6-C9ECAD122DE6}"/>
    <hyperlink ref="B50:C50" location="'25-2-5'!R1C1" tooltip=" " display="25-2-5" xr:uid="{BAF4415F-9419-476E-979E-97FC7DEBF966}"/>
    <hyperlink ref="B52:C52" location="'25-3-1'!R1C1" tooltip=" " display="25-3-1" xr:uid="{0713F4CF-A24C-405B-8DFE-0F92817E25E9}"/>
    <hyperlink ref="B53:C53" location="'25-3-2'!R1C1" tooltip=" " display="25-3-2" xr:uid="{EB7517CA-E741-4556-9A4E-4F3A44C96C12}"/>
    <hyperlink ref="B54:C54" location="'25-3-3'!R1C1" tooltip=" " display="25-3-3" xr:uid="{C54446EF-0CDE-4893-8236-6F3B346BBFF5}"/>
    <hyperlink ref="B55:C55" location="'25-3-4'!R1C1" tooltip=" " display="25-3-4" xr:uid="{343B15AB-8B24-414F-A67C-D08C5B203ADB}"/>
    <hyperlink ref="B56:C56" location="'25-3-5'!R1C1" tooltip=" " display="25-3-5" xr:uid="{29E78190-8C1B-47FF-A38F-01A3BC9DC4FA}"/>
    <hyperlink ref="B58:C58" location="'25-4-1'!R1C1" tooltip=" " display="25-4-1" xr:uid="{C95A8B01-6B6E-44FA-9DA0-08B5F2F84062}"/>
    <hyperlink ref="B59:C59" location="'25-4-2'!R1C1" tooltip=" " display="25-4-2" xr:uid="{8F056DC4-7CD0-4082-9587-17F766973321}"/>
    <hyperlink ref="B60:C60" location="'25-4-3'!R1C1" tooltip=" " display="25-4-3" xr:uid="{07F2D7E4-D860-4BBB-8F69-16D9D4105BD7}"/>
    <hyperlink ref="B61:C61" location="'25-4-4'!R1C1" tooltip=" " display="25-4-4" xr:uid="{DB01FF7D-2797-4509-B962-39C7C4A02685}"/>
    <hyperlink ref="B62:C62" location="'25-4-5'!R1C1" tooltip=" " display="25-4-5" xr:uid="{B11707E4-A490-4FD3-B037-205C3168B50E}"/>
    <hyperlink ref="B64:C64" location="'51-1'!R1C1" tooltip=" " display="51-1" xr:uid="{EA132A4C-FBF3-453C-B2C6-58CCC87FB5B3}"/>
    <hyperlink ref="B65:C65" location="'51-2'!R1C1" tooltip=" " display="51-2" xr:uid="{CD518262-6B68-477A-A758-CC7923541BFA}"/>
    <hyperlink ref="B67:C67" location="'52-1'!R1C1" tooltip=" " display="52-1" xr:uid="{6B815A2F-D027-4E45-B3DC-2ED0890E998D}"/>
    <hyperlink ref="B68:C68" location="'52-2'!R1C1" tooltip=" " display="52-2" xr:uid="{3BC1DA01-8567-447C-9AA6-1EC387020039}"/>
    <hyperlink ref="B69:C69" location="'52-3'!R1C1" tooltip=" " display="52-3" xr:uid="{1AF7ACD6-D615-4815-8E13-932411325EA4}"/>
    <hyperlink ref="B70:C70" location="'52-4'!R1C1" tooltip=" " display="52-4" xr:uid="{A2E1D3E3-A115-419D-80D4-FCDD76B37AEB}"/>
    <hyperlink ref="B72:C72" location="'56-1'!R1C1" tooltip=" " display="56-1" xr:uid="{77B9A9D5-B786-4FD6-B713-D9EB5FFA058D}"/>
    <hyperlink ref="B73:C73" location="'56-2'!R1C1" tooltip=" " display="56-2" xr:uid="{952217E8-42AB-4CE3-A08D-4CE056FEC58E}"/>
  </hyperlinks>
  <pageMargins left="0.39370078740157483" right="0.39370078740157483" top="0.59055118110236227" bottom="0.59055118110236227" header="0.31496062992125984" footer="0.31496062992125984"/>
  <pageSetup paperSize="9" scale="44" orientation="portrait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2A01962-C0A6-49D2-ADE2-83E837511993}">
  <sheetPr>
    <pageSetUpPr fitToPage="1"/>
  </sheetPr>
  <dimension ref="A1:P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11" bestFit="1" customWidth="1"/>
    <col min="2" max="2" width="8.75" style="11" customWidth="1"/>
    <col min="3" max="3" width="11.25" style="11" customWidth="1"/>
    <col min="4" max="4" width="8.125" style="11" customWidth="1"/>
    <col min="5" max="16384" width="12.625" style="11"/>
  </cols>
  <sheetData>
    <row r="1" spans="1:16" s="1" customFormat="1">
      <c r="A1" s="1" t="s">
        <v>0</v>
      </c>
    </row>
    <row r="2" spans="1:16" s="1" customFormat="1">
      <c r="A2" s="1" t="s">
        <v>105</v>
      </c>
    </row>
    <row r="3" spans="1:16" s="1" customFormat="1"/>
    <row r="4" spans="1:16" s="1" customFormat="1" hidden="1"/>
    <row r="5" spans="1:16" s="1" customFormat="1">
      <c r="E5" s="3" t="s">
        <v>106</v>
      </c>
      <c r="F5" s="3" t="s">
        <v>106</v>
      </c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</row>
    <row r="6" spans="1:16" s="1" customFormat="1">
      <c r="E6" s="3" t="s">
        <v>107</v>
      </c>
      <c r="F6" s="3" t="s">
        <v>107</v>
      </c>
      <c r="G6" s="3" t="s">
        <v>107</v>
      </c>
      <c r="H6" s="3" t="s">
        <v>107</v>
      </c>
      <c r="I6" s="3" t="s">
        <v>107</v>
      </c>
      <c r="J6" s="3" t="s">
        <v>107</v>
      </c>
      <c r="K6" s="3" t="s">
        <v>107</v>
      </c>
      <c r="L6" s="3" t="s">
        <v>107</v>
      </c>
      <c r="M6" s="3" t="s">
        <v>107</v>
      </c>
      <c r="N6" s="3" t="s">
        <v>107</v>
      </c>
      <c r="O6" s="3" t="s">
        <v>107</v>
      </c>
      <c r="P6" s="3" t="s">
        <v>107</v>
      </c>
    </row>
    <row r="7" spans="1:16" s="1" customFormat="1">
      <c r="E7" s="3">
        <v>1</v>
      </c>
      <c r="F7" s="3">
        <v>1</v>
      </c>
      <c r="G7" s="3">
        <v>2</v>
      </c>
      <c r="H7" s="3">
        <v>2</v>
      </c>
      <c r="I7" s="3">
        <v>2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</row>
    <row r="8" spans="1:16" s="1" customFormat="1" ht="48">
      <c r="E8" s="3" t="s">
        <v>6</v>
      </c>
      <c r="F8" s="3" t="s">
        <v>108</v>
      </c>
      <c r="G8" s="3" t="s">
        <v>109</v>
      </c>
      <c r="H8" s="3" t="s">
        <v>110</v>
      </c>
      <c r="I8" s="3" t="s">
        <v>111</v>
      </c>
      <c r="J8" s="3" t="s">
        <v>112</v>
      </c>
      <c r="K8" s="3" t="s">
        <v>113</v>
      </c>
      <c r="L8" s="3" t="s">
        <v>114</v>
      </c>
      <c r="M8" s="3" t="s">
        <v>115</v>
      </c>
      <c r="N8" s="3" t="s">
        <v>116</v>
      </c>
      <c r="O8" s="3" t="s">
        <v>117</v>
      </c>
      <c r="P8" s="3" t="s">
        <v>118</v>
      </c>
    </row>
    <row r="9" spans="1:16" s="1" customFormat="1"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</row>
    <row r="10" spans="1:16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6</v>
      </c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</row>
    <row r="11" spans="1:16">
      <c r="A11" s="5" t="s">
        <v>27</v>
      </c>
      <c r="B11" s="5" t="s">
        <v>28</v>
      </c>
      <c r="C11" s="5" t="s">
        <v>29</v>
      </c>
      <c r="D11" s="5" t="s">
        <v>6</v>
      </c>
      <c r="E11" s="6">
        <v>57643225</v>
      </c>
      <c r="F11" s="6">
        <v>46942221</v>
      </c>
      <c r="G11" s="6">
        <v>30796831</v>
      </c>
      <c r="H11" s="6">
        <v>1522141</v>
      </c>
      <c r="I11" s="6">
        <v>14623249</v>
      </c>
      <c r="J11" s="6">
        <v>3134199</v>
      </c>
      <c r="K11" s="6">
        <v>1064884</v>
      </c>
      <c r="L11" s="6">
        <v>3716463</v>
      </c>
      <c r="M11" s="6">
        <v>1605742</v>
      </c>
      <c r="N11" s="6">
        <v>83529</v>
      </c>
      <c r="O11" s="6">
        <v>1096187</v>
      </c>
      <c r="P11" s="6">
        <v>50076420</v>
      </c>
    </row>
    <row r="12" spans="1:16">
      <c r="A12" s="9" t="s">
        <v>27</v>
      </c>
      <c r="B12" s="9" t="s">
        <v>28</v>
      </c>
      <c r="C12" s="9" t="s">
        <v>29</v>
      </c>
      <c r="D12" s="9" t="s">
        <v>53</v>
      </c>
      <c r="E12" s="6">
        <v>31501307</v>
      </c>
      <c r="F12" s="6">
        <v>24581181</v>
      </c>
      <c r="G12" s="6">
        <v>20065078</v>
      </c>
      <c r="H12" s="6">
        <v>638324</v>
      </c>
      <c r="I12" s="6">
        <v>3877779</v>
      </c>
      <c r="J12" s="6">
        <v>2364280</v>
      </c>
      <c r="K12" s="6">
        <v>868525</v>
      </c>
      <c r="L12" s="6">
        <v>2721299</v>
      </c>
      <c r="M12" s="6">
        <v>325629</v>
      </c>
      <c r="N12" s="6">
        <v>10753</v>
      </c>
      <c r="O12" s="6">
        <v>629640</v>
      </c>
      <c r="P12" s="6">
        <v>26945461</v>
      </c>
    </row>
    <row r="13" spans="1:16">
      <c r="A13" s="9" t="s">
        <v>27</v>
      </c>
      <c r="B13" s="9" t="s">
        <v>28</v>
      </c>
      <c r="C13" s="9" t="s">
        <v>29</v>
      </c>
      <c r="D13" s="9" t="s">
        <v>54</v>
      </c>
      <c r="E13" s="6">
        <v>26141918</v>
      </c>
      <c r="F13" s="6">
        <v>22361040</v>
      </c>
      <c r="G13" s="6">
        <v>10731753</v>
      </c>
      <c r="H13" s="6">
        <v>883817</v>
      </c>
      <c r="I13" s="6">
        <v>10745470</v>
      </c>
      <c r="J13" s="6">
        <v>769919</v>
      </c>
      <c r="K13" s="6">
        <v>196359</v>
      </c>
      <c r="L13" s="6">
        <v>995164</v>
      </c>
      <c r="M13" s="6">
        <v>1280113</v>
      </c>
      <c r="N13" s="6">
        <v>72776</v>
      </c>
      <c r="O13" s="6">
        <v>466547</v>
      </c>
      <c r="P13" s="6">
        <v>23130959</v>
      </c>
    </row>
    <row r="14" spans="1:16">
      <c r="A14" s="9" t="s">
        <v>27</v>
      </c>
      <c r="B14" s="9" t="s">
        <v>57</v>
      </c>
      <c r="C14" s="9" t="s">
        <v>58</v>
      </c>
      <c r="D14" s="9" t="s">
        <v>6</v>
      </c>
      <c r="E14" s="6">
        <v>819259</v>
      </c>
      <c r="F14" s="6">
        <v>635766</v>
      </c>
      <c r="G14" s="6">
        <v>424419</v>
      </c>
      <c r="H14" s="6">
        <v>16888</v>
      </c>
      <c r="I14" s="6">
        <v>194459</v>
      </c>
      <c r="J14" s="6">
        <v>42518</v>
      </c>
      <c r="K14" s="6">
        <v>20084</v>
      </c>
      <c r="L14" s="6">
        <v>67253</v>
      </c>
      <c r="M14" s="6">
        <v>41988</v>
      </c>
      <c r="N14" s="6">
        <v>736</v>
      </c>
      <c r="O14" s="6">
        <v>10914</v>
      </c>
      <c r="P14" s="6">
        <v>678284</v>
      </c>
    </row>
    <row r="15" spans="1:16">
      <c r="A15" s="9" t="s">
        <v>27</v>
      </c>
      <c r="B15" s="9" t="s">
        <v>57</v>
      </c>
      <c r="C15" s="9" t="s">
        <v>58</v>
      </c>
      <c r="D15" s="9" t="s">
        <v>53</v>
      </c>
      <c r="E15" s="6">
        <v>429368</v>
      </c>
      <c r="F15" s="6">
        <v>314234</v>
      </c>
      <c r="G15" s="6">
        <v>257340</v>
      </c>
      <c r="H15" s="6">
        <v>7312</v>
      </c>
      <c r="I15" s="6">
        <v>49582</v>
      </c>
      <c r="J15" s="6">
        <v>30324</v>
      </c>
      <c r="K15" s="6">
        <v>16777</v>
      </c>
      <c r="L15" s="6">
        <v>52334</v>
      </c>
      <c r="M15" s="6">
        <v>9655</v>
      </c>
      <c r="N15" s="6">
        <v>64</v>
      </c>
      <c r="O15" s="6">
        <v>5980</v>
      </c>
      <c r="P15" s="6">
        <v>344558</v>
      </c>
    </row>
    <row r="16" spans="1:16">
      <c r="A16" s="9" t="s">
        <v>27</v>
      </c>
      <c r="B16" s="9" t="s">
        <v>57</v>
      </c>
      <c r="C16" s="9" t="s">
        <v>58</v>
      </c>
      <c r="D16" s="9" t="s">
        <v>54</v>
      </c>
      <c r="E16" s="6">
        <v>389891</v>
      </c>
      <c r="F16" s="6">
        <v>321532</v>
      </c>
      <c r="G16" s="6">
        <v>167079</v>
      </c>
      <c r="H16" s="6">
        <v>9576</v>
      </c>
      <c r="I16" s="6">
        <v>144877</v>
      </c>
      <c r="J16" s="6">
        <v>12194</v>
      </c>
      <c r="K16" s="6">
        <v>3307</v>
      </c>
      <c r="L16" s="6">
        <v>14919</v>
      </c>
      <c r="M16" s="6">
        <v>32333</v>
      </c>
      <c r="N16" s="6">
        <v>672</v>
      </c>
      <c r="O16" s="6">
        <v>4934</v>
      </c>
      <c r="P16" s="6">
        <v>333726</v>
      </c>
    </row>
    <row r="17" spans="1:16">
      <c r="A17" s="9" t="s">
        <v>56</v>
      </c>
      <c r="B17" s="9" t="s">
        <v>57</v>
      </c>
      <c r="C17" s="9" t="s">
        <v>59</v>
      </c>
      <c r="D17" s="9" t="s">
        <v>6</v>
      </c>
      <c r="E17" s="6">
        <v>56898</v>
      </c>
      <c r="F17" s="6">
        <v>43276</v>
      </c>
      <c r="G17" s="6">
        <v>29275</v>
      </c>
      <c r="H17" s="6">
        <v>920</v>
      </c>
      <c r="I17" s="6">
        <v>13081</v>
      </c>
      <c r="J17" s="6">
        <v>2735</v>
      </c>
      <c r="K17" s="6">
        <v>1692</v>
      </c>
      <c r="L17" s="6">
        <v>4631</v>
      </c>
      <c r="M17" s="6">
        <v>4155</v>
      </c>
      <c r="N17" s="6">
        <v>29</v>
      </c>
      <c r="O17" s="6">
        <v>380</v>
      </c>
      <c r="P17" s="6">
        <v>46011</v>
      </c>
    </row>
    <row r="18" spans="1:16">
      <c r="A18" s="9" t="s">
        <v>56</v>
      </c>
      <c r="B18" s="9" t="s">
        <v>57</v>
      </c>
      <c r="C18" s="9" t="s">
        <v>59</v>
      </c>
      <c r="D18" s="9" t="s">
        <v>53</v>
      </c>
      <c r="E18" s="6">
        <v>29154</v>
      </c>
      <c r="F18" s="6">
        <v>20904</v>
      </c>
      <c r="G18" s="6">
        <v>17477</v>
      </c>
      <c r="H18" s="6">
        <v>433</v>
      </c>
      <c r="I18" s="6">
        <v>2994</v>
      </c>
      <c r="J18" s="6">
        <v>1924</v>
      </c>
      <c r="K18" s="6">
        <v>1442</v>
      </c>
      <c r="L18" s="6">
        <v>3621</v>
      </c>
      <c r="M18" s="6">
        <v>1044</v>
      </c>
      <c r="N18" s="6">
        <v>3</v>
      </c>
      <c r="O18" s="6">
        <v>216</v>
      </c>
      <c r="P18" s="6">
        <v>22828</v>
      </c>
    </row>
    <row r="19" spans="1:16">
      <c r="A19" s="9" t="s">
        <v>56</v>
      </c>
      <c r="B19" s="9" t="s">
        <v>57</v>
      </c>
      <c r="C19" s="9" t="s">
        <v>59</v>
      </c>
      <c r="D19" s="9" t="s">
        <v>54</v>
      </c>
      <c r="E19" s="6">
        <v>27744</v>
      </c>
      <c r="F19" s="6">
        <v>22372</v>
      </c>
      <c r="G19" s="6">
        <v>11798</v>
      </c>
      <c r="H19" s="6">
        <v>487</v>
      </c>
      <c r="I19" s="6">
        <v>10087</v>
      </c>
      <c r="J19" s="6">
        <v>811</v>
      </c>
      <c r="K19" s="6">
        <v>250</v>
      </c>
      <c r="L19" s="6">
        <v>1010</v>
      </c>
      <c r="M19" s="6">
        <v>3111</v>
      </c>
      <c r="N19" s="6">
        <v>26</v>
      </c>
      <c r="O19" s="6">
        <v>164</v>
      </c>
      <c r="P19" s="6">
        <v>2318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46" orientation="portrait" r:id="rId1"/>
</worksheet>
</file>

<file path=xl/worksheets/sheet1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915B3CE-7B32-4031-846A-C84A42E27E17}">
  <sheetPr>
    <pageSetUpPr fitToPage="1"/>
  </sheetPr>
  <dimension ref="A1:V685"/>
  <sheetViews>
    <sheetView zoomScaleNormal="100" workbookViewId="0">
      <pane xSplit="10" ySplit="10" topLeftCell="K11" activePane="bottomRight" state="frozen"/>
      <selection pane="topRight" activeCell="AF1" sqref="AF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8.75" style="11" customWidth="1"/>
    <col min="8" max="8" width="8.125" style="11" customWidth="1"/>
    <col min="9" max="9" width="11.25" style="11" customWidth="1"/>
    <col min="10" max="10" width="32.5" style="11" customWidth="1"/>
    <col min="11" max="16384" width="12.625" style="11"/>
  </cols>
  <sheetData>
    <row r="1" spans="1:22" s="1" customFormat="1">
      <c r="A1" s="1" t="s">
        <v>0</v>
      </c>
    </row>
    <row r="2" spans="1:22" s="1" customFormat="1">
      <c r="A2" s="1" t="s">
        <v>119</v>
      </c>
    </row>
    <row r="3" spans="1:22" s="1" customFormat="1"/>
    <row r="4" spans="1:22" s="1" customFormat="1" outlineLevel="1">
      <c r="A4" s="1" t="s">
        <v>63</v>
      </c>
    </row>
    <row r="5" spans="1:22" s="1" customFormat="1"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  <c r="T5" s="3" t="s">
        <v>106</v>
      </c>
      <c r="U5" s="3" t="s">
        <v>106</v>
      </c>
      <c r="V5" s="3" t="s">
        <v>106</v>
      </c>
    </row>
    <row r="6" spans="1:22" s="1" customFormat="1">
      <c r="K6" s="3" t="s">
        <v>107</v>
      </c>
      <c r="L6" s="3" t="s">
        <v>107</v>
      </c>
      <c r="M6" s="3" t="s">
        <v>107</v>
      </c>
      <c r="N6" s="3" t="s">
        <v>107</v>
      </c>
      <c r="O6" s="3" t="s">
        <v>107</v>
      </c>
      <c r="P6" s="3" t="s">
        <v>107</v>
      </c>
      <c r="Q6" s="3" t="s">
        <v>107</v>
      </c>
      <c r="R6" s="3" t="s">
        <v>107</v>
      </c>
      <c r="S6" s="3" t="s">
        <v>107</v>
      </c>
      <c r="T6" s="3" t="s">
        <v>107</v>
      </c>
      <c r="U6" s="3" t="s">
        <v>107</v>
      </c>
      <c r="V6" s="3" t="s">
        <v>107</v>
      </c>
    </row>
    <row r="7" spans="1:22" s="1" customFormat="1">
      <c r="K7" s="3">
        <v>1</v>
      </c>
      <c r="L7" s="3">
        <v>1</v>
      </c>
      <c r="M7" s="3">
        <v>2</v>
      </c>
      <c r="N7" s="3">
        <v>2</v>
      </c>
      <c r="O7" s="3">
        <v>2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</row>
    <row r="8" spans="1:22" s="1" customFormat="1" ht="48">
      <c r="K8" s="3" t="s">
        <v>6</v>
      </c>
      <c r="L8" s="3" t="s">
        <v>108</v>
      </c>
      <c r="M8" s="3" t="s">
        <v>109</v>
      </c>
      <c r="N8" s="3" t="s">
        <v>110</v>
      </c>
      <c r="O8" s="3" t="s">
        <v>111</v>
      </c>
      <c r="P8" s="3" t="s">
        <v>112</v>
      </c>
      <c r="Q8" s="3" t="s">
        <v>113</v>
      </c>
      <c r="R8" s="3" t="s">
        <v>114</v>
      </c>
      <c r="S8" s="3" t="s">
        <v>115</v>
      </c>
      <c r="T8" s="3" t="s">
        <v>116</v>
      </c>
      <c r="U8" s="3" t="s">
        <v>117</v>
      </c>
      <c r="V8" s="3" t="s">
        <v>118</v>
      </c>
    </row>
    <row r="9" spans="1:22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</row>
    <row r="10" spans="1:22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24</v>
      </c>
      <c r="I10" s="2" t="s">
        <v>120</v>
      </c>
      <c r="J10" s="2" t="s">
        <v>121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</row>
    <row r="11" spans="1:22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6</v>
      </c>
      <c r="I11" s="5" t="s">
        <v>55</v>
      </c>
      <c r="J11" s="5" t="s">
        <v>6</v>
      </c>
      <c r="K11" s="6">
        <v>57643225</v>
      </c>
      <c r="L11" s="6">
        <v>46942221</v>
      </c>
      <c r="M11" s="6">
        <v>30796831</v>
      </c>
      <c r="N11" s="6">
        <v>1522141</v>
      </c>
      <c r="O11" s="6">
        <v>14623249</v>
      </c>
      <c r="P11" s="6">
        <v>3134199</v>
      </c>
      <c r="Q11" s="6">
        <v>1064884</v>
      </c>
      <c r="R11" s="6">
        <v>3716463</v>
      </c>
      <c r="S11" s="6">
        <v>1605742</v>
      </c>
      <c r="T11" s="6">
        <v>83529</v>
      </c>
      <c r="U11" s="6">
        <v>1096187</v>
      </c>
      <c r="V11" s="6">
        <v>50076420</v>
      </c>
    </row>
    <row r="12" spans="1:22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6</v>
      </c>
      <c r="I12" s="9" t="s">
        <v>122</v>
      </c>
      <c r="J12" s="9" t="s">
        <v>123</v>
      </c>
      <c r="K12" s="6">
        <v>1830697</v>
      </c>
      <c r="L12" s="6">
        <v>431725</v>
      </c>
      <c r="M12" s="6">
        <v>205082</v>
      </c>
      <c r="N12" s="6">
        <v>8223</v>
      </c>
      <c r="O12" s="6">
        <v>218420</v>
      </c>
      <c r="P12" s="6">
        <v>49500</v>
      </c>
      <c r="Q12" s="6">
        <v>112134</v>
      </c>
      <c r="R12" s="6">
        <v>664860</v>
      </c>
      <c r="S12" s="6">
        <v>566899</v>
      </c>
      <c r="T12" s="10" t="s">
        <v>55</v>
      </c>
      <c r="U12" s="6">
        <v>5579</v>
      </c>
      <c r="V12" s="6">
        <v>481225</v>
      </c>
    </row>
    <row r="13" spans="1:22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6</v>
      </c>
      <c r="I13" s="9" t="s">
        <v>122</v>
      </c>
      <c r="J13" s="9" t="s">
        <v>124</v>
      </c>
      <c r="K13" s="6">
        <v>1769959</v>
      </c>
      <c r="L13" s="6">
        <v>385965</v>
      </c>
      <c r="M13" s="6">
        <v>167935</v>
      </c>
      <c r="N13" s="6">
        <v>7709</v>
      </c>
      <c r="O13" s="6">
        <v>210321</v>
      </c>
      <c r="P13" s="6">
        <v>44712</v>
      </c>
      <c r="Q13" s="6">
        <v>110027</v>
      </c>
      <c r="R13" s="6">
        <v>659332</v>
      </c>
      <c r="S13" s="6">
        <v>564765</v>
      </c>
      <c r="T13" s="10" t="s">
        <v>55</v>
      </c>
      <c r="U13" s="6">
        <v>5158</v>
      </c>
      <c r="V13" s="6">
        <v>430677</v>
      </c>
    </row>
    <row r="14" spans="1:22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6</v>
      </c>
      <c r="I14" s="9" t="s">
        <v>122</v>
      </c>
      <c r="J14" s="9" t="s">
        <v>125</v>
      </c>
      <c r="K14" s="6">
        <v>132065</v>
      </c>
      <c r="L14" s="6">
        <v>43219</v>
      </c>
      <c r="M14" s="6">
        <v>30415</v>
      </c>
      <c r="N14" s="6">
        <v>461</v>
      </c>
      <c r="O14" s="6">
        <v>12343</v>
      </c>
      <c r="P14" s="6">
        <v>5380</v>
      </c>
      <c r="Q14" s="6">
        <v>14630</v>
      </c>
      <c r="R14" s="6">
        <v>37149</v>
      </c>
      <c r="S14" s="6">
        <v>30901</v>
      </c>
      <c r="T14" s="10" t="s">
        <v>55</v>
      </c>
      <c r="U14" s="6">
        <v>786</v>
      </c>
      <c r="V14" s="6">
        <v>48599</v>
      </c>
    </row>
    <row r="15" spans="1:22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6</v>
      </c>
      <c r="I15" s="9" t="s">
        <v>126</v>
      </c>
      <c r="J15" s="9" t="s">
        <v>127</v>
      </c>
      <c r="K15" s="6">
        <v>18891</v>
      </c>
      <c r="L15" s="6">
        <v>16306</v>
      </c>
      <c r="M15" s="6">
        <v>14493</v>
      </c>
      <c r="N15" s="6">
        <v>150</v>
      </c>
      <c r="O15" s="6">
        <v>1663</v>
      </c>
      <c r="P15" s="6">
        <v>2062</v>
      </c>
      <c r="Q15" s="6">
        <v>88</v>
      </c>
      <c r="R15" s="6">
        <v>199</v>
      </c>
      <c r="S15" s="6">
        <v>95</v>
      </c>
      <c r="T15" s="10" t="s">
        <v>55</v>
      </c>
      <c r="U15" s="6">
        <v>141</v>
      </c>
      <c r="V15" s="6">
        <v>18368</v>
      </c>
    </row>
    <row r="16" spans="1:22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6</v>
      </c>
      <c r="I16" s="9" t="s">
        <v>126</v>
      </c>
      <c r="J16" s="9" t="s">
        <v>128</v>
      </c>
      <c r="K16" s="6">
        <v>4184052</v>
      </c>
      <c r="L16" s="6">
        <v>2719560</v>
      </c>
      <c r="M16" s="6">
        <v>2364490</v>
      </c>
      <c r="N16" s="6">
        <v>39886</v>
      </c>
      <c r="O16" s="6">
        <v>315184</v>
      </c>
      <c r="P16" s="6">
        <v>616271</v>
      </c>
      <c r="Q16" s="6">
        <v>152477</v>
      </c>
      <c r="R16" s="6">
        <v>523794</v>
      </c>
      <c r="S16" s="6">
        <v>134526</v>
      </c>
      <c r="T16" s="10" t="s">
        <v>55</v>
      </c>
      <c r="U16" s="6">
        <v>37424</v>
      </c>
      <c r="V16" s="6">
        <v>3335831</v>
      </c>
    </row>
    <row r="17" spans="1:22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6</v>
      </c>
      <c r="I17" s="9" t="s">
        <v>126</v>
      </c>
      <c r="J17" s="9" t="s">
        <v>129</v>
      </c>
      <c r="K17" s="6">
        <v>9056536</v>
      </c>
      <c r="L17" s="6">
        <v>8133889</v>
      </c>
      <c r="M17" s="6">
        <v>6218603</v>
      </c>
      <c r="N17" s="6">
        <v>460618</v>
      </c>
      <c r="O17" s="6">
        <v>1454668</v>
      </c>
      <c r="P17" s="6">
        <v>465852</v>
      </c>
      <c r="Q17" s="6">
        <v>57702</v>
      </c>
      <c r="R17" s="6">
        <v>183760</v>
      </c>
      <c r="S17" s="6">
        <v>82915</v>
      </c>
      <c r="T17" s="6">
        <v>68573</v>
      </c>
      <c r="U17" s="6">
        <v>63845</v>
      </c>
      <c r="V17" s="6">
        <v>8599741</v>
      </c>
    </row>
    <row r="18" spans="1:22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6</v>
      </c>
      <c r="I18" s="9" t="s">
        <v>130</v>
      </c>
      <c r="J18" s="9" t="s">
        <v>131</v>
      </c>
      <c r="K18" s="6">
        <v>275595</v>
      </c>
      <c r="L18" s="6">
        <v>267614</v>
      </c>
      <c r="M18" s="6">
        <v>237951</v>
      </c>
      <c r="N18" s="6">
        <v>8363</v>
      </c>
      <c r="O18" s="6">
        <v>21300</v>
      </c>
      <c r="P18" s="6">
        <v>5266</v>
      </c>
      <c r="Q18" s="6">
        <v>132</v>
      </c>
      <c r="R18" s="6">
        <v>1040</v>
      </c>
      <c r="S18" s="6">
        <v>243</v>
      </c>
      <c r="T18" s="10" t="s">
        <v>55</v>
      </c>
      <c r="U18" s="6">
        <v>1300</v>
      </c>
      <c r="V18" s="6">
        <v>272880</v>
      </c>
    </row>
    <row r="19" spans="1:22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6</v>
      </c>
      <c r="I19" s="9" t="s">
        <v>130</v>
      </c>
      <c r="J19" s="9" t="s">
        <v>132</v>
      </c>
      <c r="K19" s="6">
        <v>1955619</v>
      </c>
      <c r="L19" s="6">
        <v>1708854</v>
      </c>
      <c r="M19" s="6">
        <v>1484410</v>
      </c>
      <c r="N19" s="6">
        <v>89042</v>
      </c>
      <c r="O19" s="6">
        <v>135402</v>
      </c>
      <c r="P19" s="6">
        <v>128183</v>
      </c>
      <c r="Q19" s="6">
        <v>7499</v>
      </c>
      <c r="R19" s="6">
        <v>98868</v>
      </c>
      <c r="S19" s="6">
        <v>5573</v>
      </c>
      <c r="T19" s="10" t="s">
        <v>55</v>
      </c>
      <c r="U19" s="6">
        <v>6642</v>
      </c>
      <c r="V19" s="6">
        <v>1837037</v>
      </c>
    </row>
    <row r="20" spans="1:22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6</v>
      </c>
      <c r="I20" s="9" t="s">
        <v>130</v>
      </c>
      <c r="J20" s="9" t="s">
        <v>133</v>
      </c>
      <c r="K20" s="6">
        <v>3117623</v>
      </c>
      <c r="L20" s="6">
        <v>2849062</v>
      </c>
      <c r="M20" s="6">
        <v>2071708</v>
      </c>
      <c r="N20" s="6">
        <v>110618</v>
      </c>
      <c r="O20" s="6">
        <v>666736</v>
      </c>
      <c r="P20" s="6">
        <v>117179</v>
      </c>
      <c r="Q20" s="6">
        <v>11880</v>
      </c>
      <c r="R20" s="6">
        <v>100201</v>
      </c>
      <c r="S20" s="6">
        <v>8568</v>
      </c>
      <c r="T20" s="10" t="s">
        <v>55</v>
      </c>
      <c r="U20" s="6">
        <v>30733</v>
      </c>
      <c r="V20" s="6">
        <v>2966241</v>
      </c>
    </row>
    <row r="21" spans="1:22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6</v>
      </c>
      <c r="I21" s="9" t="s">
        <v>130</v>
      </c>
      <c r="J21" s="9" t="s">
        <v>134</v>
      </c>
      <c r="K21" s="6">
        <v>8805576</v>
      </c>
      <c r="L21" s="6">
        <v>7454748</v>
      </c>
      <c r="M21" s="6">
        <v>3881914</v>
      </c>
      <c r="N21" s="6">
        <v>149383</v>
      </c>
      <c r="O21" s="6">
        <v>3423451</v>
      </c>
      <c r="P21" s="6">
        <v>595399</v>
      </c>
      <c r="Q21" s="6">
        <v>139018</v>
      </c>
      <c r="R21" s="6">
        <v>348768</v>
      </c>
      <c r="S21" s="6">
        <v>214039</v>
      </c>
      <c r="T21" s="10" t="s">
        <v>55</v>
      </c>
      <c r="U21" s="6">
        <v>53604</v>
      </c>
      <c r="V21" s="6">
        <v>8050147</v>
      </c>
    </row>
    <row r="22" spans="1:22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6</v>
      </c>
      <c r="I22" s="9" t="s">
        <v>130</v>
      </c>
      <c r="J22" s="9" t="s">
        <v>135</v>
      </c>
      <c r="K22" s="6">
        <v>1355161</v>
      </c>
      <c r="L22" s="6">
        <v>1262493</v>
      </c>
      <c r="M22" s="6">
        <v>1034834</v>
      </c>
      <c r="N22" s="6">
        <v>48181</v>
      </c>
      <c r="O22" s="6">
        <v>179478</v>
      </c>
      <c r="P22" s="6">
        <v>54949</v>
      </c>
      <c r="Q22" s="6">
        <v>5936</v>
      </c>
      <c r="R22" s="6">
        <v>21870</v>
      </c>
      <c r="S22" s="6">
        <v>3103</v>
      </c>
      <c r="T22" s="10" t="s">
        <v>55</v>
      </c>
      <c r="U22" s="6">
        <v>6810</v>
      </c>
      <c r="V22" s="6">
        <v>1317442</v>
      </c>
    </row>
    <row r="23" spans="1:22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6</v>
      </c>
      <c r="I23" s="9" t="s">
        <v>130</v>
      </c>
      <c r="J23" s="9" t="s">
        <v>136</v>
      </c>
      <c r="K23" s="6">
        <v>1253905</v>
      </c>
      <c r="L23" s="6">
        <v>810286</v>
      </c>
      <c r="M23" s="6">
        <v>550298</v>
      </c>
      <c r="N23" s="6">
        <v>22656</v>
      </c>
      <c r="O23" s="6">
        <v>237332</v>
      </c>
      <c r="P23" s="6">
        <v>236392</v>
      </c>
      <c r="Q23" s="6">
        <v>23026</v>
      </c>
      <c r="R23" s="6">
        <v>137342</v>
      </c>
      <c r="S23" s="6">
        <v>40054</v>
      </c>
      <c r="T23" s="10" t="s">
        <v>55</v>
      </c>
      <c r="U23" s="6">
        <v>6805</v>
      </c>
      <c r="V23" s="6">
        <v>1046678</v>
      </c>
    </row>
    <row r="24" spans="1:22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6</v>
      </c>
      <c r="I24" s="9" t="s">
        <v>130</v>
      </c>
      <c r="J24" s="9" t="s">
        <v>137</v>
      </c>
      <c r="K24" s="6">
        <v>2103074</v>
      </c>
      <c r="L24" s="6">
        <v>1424349</v>
      </c>
      <c r="M24" s="6">
        <v>1133055</v>
      </c>
      <c r="N24" s="6">
        <v>53575</v>
      </c>
      <c r="O24" s="6">
        <v>237719</v>
      </c>
      <c r="P24" s="6">
        <v>198505</v>
      </c>
      <c r="Q24" s="6">
        <v>89051</v>
      </c>
      <c r="R24" s="6">
        <v>317026</v>
      </c>
      <c r="S24" s="6">
        <v>65621</v>
      </c>
      <c r="T24" s="10" t="s">
        <v>55</v>
      </c>
      <c r="U24" s="6">
        <v>8522</v>
      </c>
      <c r="V24" s="6">
        <v>1622854</v>
      </c>
    </row>
    <row r="25" spans="1:22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6</v>
      </c>
      <c r="I25" s="9" t="s">
        <v>130</v>
      </c>
      <c r="J25" s="9" t="s">
        <v>138</v>
      </c>
      <c r="K25" s="6">
        <v>3095434</v>
      </c>
      <c r="L25" s="6">
        <v>2489407</v>
      </c>
      <c r="M25" s="6">
        <v>725191</v>
      </c>
      <c r="N25" s="6">
        <v>26095</v>
      </c>
      <c r="O25" s="6">
        <v>1738121</v>
      </c>
      <c r="P25" s="6">
        <v>101474</v>
      </c>
      <c r="Q25" s="6">
        <v>148154</v>
      </c>
      <c r="R25" s="6">
        <v>182977</v>
      </c>
      <c r="S25" s="6">
        <v>153253</v>
      </c>
      <c r="T25" s="10" t="s">
        <v>55</v>
      </c>
      <c r="U25" s="6">
        <v>20169</v>
      </c>
      <c r="V25" s="6">
        <v>2590881</v>
      </c>
    </row>
    <row r="26" spans="1:22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6</v>
      </c>
      <c r="I26" s="9" t="s">
        <v>130</v>
      </c>
      <c r="J26" s="9" t="s">
        <v>139</v>
      </c>
      <c r="K26" s="6">
        <v>1979446</v>
      </c>
      <c r="L26" s="6">
        <v>1377275</v>
      </c>
      <c r="M26" s="6">
        <v>647379</v>
      </c>
      <c r="N26" s="6">
        <v>23682</v>
      </c>
      <c r="O26" s="6">
        <v>706214</v>
      </c>
      <c r="P26" s="6">
        <v>89701</v>
      </c>
      <c r="Q26" s="6">
        <v>88818</v>
      </c>
      <c r="R26" s="6">
        <v>310355</v>
      </c>
      <c r="S26" s="6">
        <v>97509</v>
      </c>
      <c r="T26" s="6">
        <v>1569</v>
      </c>
      <c r="U26" s="6">
        <v>14219</v>
      </c>
      <c r="V26" s="6">
        <v>1466976</v>
      </c>
    </row>
    <row r="27" spans="1:22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6</v>
      </c>
      <c r="I27" s="9" t="s">
        <v>130</v>
      </c>
      <c r="J27" s="9" t="s">
        <v>140</v>
      </c>
      <c r="K27" s="6">
        <v>2829694</v>
      </c>
      <c r="L27" s="6">
        <v>2548064</v>
      </c>
      <c r="M27" s="6">
        <v>1637433</v>
      </c>
      <c r="N27" s="6">
        <v>46722</v>
      </c>
      <c r="O27" s="6">
        <v>863909</v>
      </c>
      <c r="P27" s="6">
        <v>47139</v>
      </c>
      <c r="Q27" s="6">
        <v>34606</v>
      </c>
      <c r="R27" s="6">
        <v>172012</v>
      </c>
      <c r="S27" s="6">
        <v>14201</v>
      </c>
      <c r="T27" s="10" t="s">
        <v>55</v>
      </c>
      <c r="U27" s="6">
        <v>13672</v>
      </c>
      <c r="V27" s="6">
        <v>2595203</v>
      </c>
    </row>
    <row r="28" spans="1:22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6</v>
      </c>
      <c r="I28" s="9" t="s">
        <v>130</v>
      </c>
      <c r="J28" s="9" t="s">
        <v>141</v>
      </c>
      <c r="K28" s="6">
        <v>7633170</v>
      </c>
      <c r="L28" s="6">
        <v>7103571</v>
      </c>
      <c r="M28" s="6">
        <v>4509197</v>
      </c>
      <c r="N28" s="6">
        <v>125999</v>
      </c>
      <c r="O28" s="6">
        <v>2468375</v>
      </c>
      <c r="P28" s="6">
        <v>173503</v>
      </c>
      <c r="Q28" s="6">
        <v>122782</v>
      </c>
      <c r="R28" s="6">
        <v>101130</v>
      </c>
      <c r="S28" s="6">
        <v>80541</v>
      </c>
      <c r="T28" s="10" t="s">
        <v>55</v>
      </c>
      <c r="U28" s="6">
        <v>51643</v>
      </c>
      <c r="V28" s="6">
        <v>7277074</v>
      </c>
    </row>
    <row r="29" spans="1:22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6</v>
      </c>
      <c r="I29" s="9" t="s">
        <v>130</v>
      </c>
      <c r="J29" s="9" t="s">
        <v>142</v>
      </c>
      <c r="K29" s="6">
        <v>441618</v>
      </c>
      <c r="L29" s="6">
        <v>429115</v>
      </c>
      <c r="M29" s="6">
        <v>301542</v>
      </c>
      <c r="N29" s="6">
        <v>7033</v>
      </c>
      <c r="O29" s="6">
        <v>120540</v>
      </c>
      <c r="P29" s="6">
        <v>5796</v>
      </c>
      <c r="Q29" s="6">
        <v>1896</v>
      </c>
      <c r="R29" s="6">
        <v>774</v>
      </c>
      <c r="S29" s="6">
        <v>669</v>
      </c>
      <c r="T29" s="10" t="s">
        <v>55</v>
      </c>
      <c r="U29" s="6">
        <v>3368</v>
      </c>
      <c r="V29" s="6">
        <v>434911</v>
      </c>
    </row>
    <row r="30" spans="1:22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6</v>
      </c>
      <c r="I30" s="9" t="s">
        <v>130</v>
      </c>
      <c r="J30" s="9" t="s">
        <v>143</v>
      </c>
      <c r="K30" s="6">
        <v>3801218</v>
      </c>
      <c r="L30" s="6">
        <v>3121843</v>
      </c>
      <c r="M30" s="6">
        <v>1758929</v>
      </c>
      <c r="N30" s="6">
        <v>161982</v>
      </c>
      <c r="O30" s="6">
        <v>1200932</v>
      </c>
      <c r="P30" s="6">
        <v>219833</v>
      </c>
      <c r="Q30" s="6">
        <v>35082</v>
      </c>
      <c r="R30" s="6">
        <v>333543</v>
      </c>
      <c r="S30" s="6">
        <v>44076</v>
      </c>
      <c r="T30" s="6">
        <v>13387</v>
      </c>
      <c r="U30" s="6">
        <v>33454</v>
      </c>
      <c r="V30" s="6">
        <v>3341676</v>
      </c>
    </row>
    <row r="31" spans="1:22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6</v>
      </c>
      <c r="I31" s="9" t="s">
        <v>130</v>
      </c>
      <c r="J31" s="9" t="s">
        <v>144</v>
      </c>
      <c r="K31" s="6">
        <v>2032199</v>
      </c>
      <c r="L31" s="6">
        <v>2032174</v>
      </c>
      <c r="M31" s="6">
        <v>1718706</v>
      </c>
      <c r="N31" s="6">
        <v>19140</v>
      </c>
      <c r="O31" s="6">
        <v>294328</v>
      </c>
      <c r="P31" s="10" t="s">
        <v>55</v>
      </c>
      <c r="Q31" s="10" t="s">
        <v>55</v>
      </c>
      <c r="R31" s="10" t="s">
        <v>55</v>
      </c>
      <c r="S31" s="10" t="s">
        <v>55</v>
      </c>
      <c r="T31" s="10" t="s">
        <v>55</v>
      </c>
      <c r="U31" s="6">
        <v>25</v>
      </c>
      <c r="V31" s="6">
        <v>2032174</v>
      </c>
    </row>
    <row r="32" spans="1:22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6</v>
      </c>
      <c r="I32" s="9" t="s">
        <v>55</v>
      </c>
      <c r="J32" s="9" t="s">
        <v>145</v>
      </c>
      <c r="K32" s="6">
        <v>1741652</v>
      </c>
      <c r="L32" s="6">
        <v>718667</v>
      </c>
      <c r="M32" s="6">
        <v>271201</v>
      </c>
      <c r="N32" s="6">
        <v>120332</v>
      </c>
      <c r="O32" s="6">
        <v>327134</v>
      </c>
      <c r="P32" s="6">
        <v>21815</v>
      </c>
      <c r="Q32" s="6">
        <v>19973</v>
      </c>
      <c r="R32" s="6">
        <v>180795</v>
      </c>
      <c r="S32" s="6">
        <v>62956</v>
      </c>
      <c r="T32" s="10" t="s">
        <v>55</v>
      </c>
      <c r="U32" s="6">
        <v>737446</v>
      </c>
      <c r="V32" s="6">
        <v>740482</v>
      </c>
    </row>
    <row r="33" spans="1:22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6</v>
      </c>
      <c r="I33" s="9" t="s">
        <v>55</v>
      </c>
      <c r="J33" s="9" t="s">
        <v>146</v>
      </c>
      <c r="K33" s="6">
        <v>1962762</v>
      </c>
      <c r="L33" s="6">
        <v>474944</v>
      </c>
      <c r="M33" s="6">
        <v>235497</v>
      </c>
      <c r="N33" s="6">
        <v>8684</v>
      </c>
      <c r="O33" s="6">
        <v>230763</v>
      </c>
      <c r="P33" s="6">
        <v>54880</v>
      </c>
      <c r="Q33" s="6">
        <v>126764</v>
      </c>
      <c r="R33" s="6">
        <v>702009</v>
      </c>
      <c r="S33" s="6">
        <v>597800</v>
      </c>
      <c r="T33" s="10" t="s">
        <v>55</v>
      </c>
      <c r="U33" s="6">
        <v>6365</v>
      </c>
      <c r="V33" s="6">
        <v>529824</v>
      </c>
    </row>
    <row r="34" spans="1:22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6</v>
      </c>
      <c r="I34" s="9" t="s">
        <v>55</v>
      </c>
      <c r="J34" s="9" t="s">
        <v>147</v>
      </c>
      <c r="K34" s="6">
        <v>13259479</v>
      </c>
      <c r="L34" s="6">
        <v>10869755</v>
      </c>
      <c r="M34" s="6">
        <v>8597586</v>
      </c>
      <c r="N34" s="6">
        <v>500654</v>
      </c>
      <c r="O34" s="6">
        <v>1771515</v>
      </c>
      <c r="P34" s="6">
        <v>1084185</v>
      </c>
      <c r="Q34" s="6">
        <v>210267</v>
      </c>
      <c r="R34" s="6">
        <v>707753</v>
      </c>
      <c r="S34" s="6">
        <v>217536</v>
      </c>
      <c r="T34" s="6">
        <v>68573</v>
      </c>
      <c r="U34" s="6">
        <v>101410</v>
      </c>
      <c r="V34" s="6">
        <v>11953940</v>
      </c>
    </row>
    <row r="35" spans="1:22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6</v>
      </c>
      <c r="I35" s="9" t="s">
        <v>55</v>
      </c>
      <c r="J35" s="9" t="s">
        <v>148</v>
      </c>
      <c r="K35" s="6">
        <v>40679332</v>
      </c>
      <c r="L35" s="6">
        <v>34878855</v>
      </c>
      <c r="M35" s="6">
        <v>21692547</v>
      </c>
      <c r="N35" s="6">
        <v>892471</v>
      </c>
      <c r="O35" s="6">
        <v>12293837</v>
      </c>
      <c r="P35" s="6">
        <v>1973319</v>
      </c>
      <c r="Q35" s="6">
        <v>707880</v>
      </c>
      <c r="R35" s="6">
        <v>2125906</v>
      </c>
      <c r="S35" s="6">
        <v>727450</v>
      </c>
      <c r="T35" s="6">
        <v>14956</v>
      </c>
      <c r="U35" s="6">
        <v>250966</v>
      </c>
      <c r="V35" s="6">
        <v>36852174</v>
      </c>
    </row>
    <row r="36" spans="1:22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53</v>
      </c>
      <c r="I36" s="9" t="s">
        <v>55</v>
      </c>
      <c r="J36" s="9" t="s">
        <v>6</v>
      </c>
      <c r="K36" s="6">
        <v>31501307</v>
      </c>
      <c r="L36" s="6">
        <v>24581181</v>
      </c>
      <c r="M36" s="6">
        <v>20065078</v>
      </c>
      <c r="N36" s="6">
        <v>638324</v>
      </c>
      <c r="O36" s="6">
        <v>3877779</v>
      </c>
      <c r="P36" s="6">
        <v>2364280</v>
      </c>
      <c r="Q36" s="6">
        <v>868525</v>
      </c>
      <c r="R36" s="6">
        <v>2721299</v>
      </c>
      <c r="S36" s="6">
        <v>325629</v>
      </c>
      <c r="T36" s="6">
        <v>10753</v>
      </c>
      <c r="U36" s="6">
        <v>629640</v>
      </c>
      <c r="V36" s="6">
        <v>26945461</v>
      </c>
    </row>
    <row r="37" spans="1:22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53</v>
      </c>
      <c r="I37" s="9" t="s">
        <v>122</v>
      </c>
      <c r="J37" s="9" t="s">
        <v>123</v>
      </c>
      <c r="K37" s="6">
        <v>1105962</v>
      </c>
      <c r="L37" s="6">
        <v>243974</v>
      </c>
      <c r="M37" s="6">
        <v>150654</v>
      </c>
      <c r="N37" s="6">
        <v>5145</v>
      </c>
      <c r="O37" s="6">
        <v>88175</v>
      </c>
      <c r="P37" s="6">
        <v>38312</v>
      </c>
      <c r="Q37" s="6">
        <v>104912</v>
      </c>
      <c r="R37" s="6">
        <v>596052</v>
      </c>
      <c r="S37" s="6">
        <v>118616</v>
      </c>
      <c r="T37" s="10" t="s">
        <v>55</v>
      </c>
      <c r="U37" s="6">
        <v>4096</v>
      </c>
      <c r="V37" s="6">
        <v>282286</v>
      </c>
    </row>
    <row r="38" spans="1:22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53</v>
      </c>
      <c r="I38" s="9" t="s">
        <v>122</v>
      </c>
      <c r="J38" s="9" t="s">
        <v>124</v>
      </c>
      <c r="K38" s="6">
        <v>1054606</v>
      </c>
      <c r="L38" s="6">
        <v>204991</v>
      </c>
      <c r="M38" s="6">
        <v>117705</v>
      </c>
      <c r="N38" s="6">
        <v>4701</v>
      </c>
      <c r="O38" s="6">
        <v>82585</v>
      </c>
      <c r="P38" s="6">
        <v>34342</v>
      </c>
      <c r="Q38" s="6">
        <v>102851</v>
      </c>
      <c r="R38" s="6">
        <v>590797</v>
      </c>
      <c r="S38" s="6">
        <v>117908</v>
      </c>
      <c r="T38" s="10" t="s">
        <v>55</v>
      </c>
      <c r="U38" s="6">
        <v>3717</v>
      </c>
      <c r="V38" s="6">
        <v>239333</v>
      </c>
    </row>
    <row r="39" spans="1:22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53</v>
      </c>
      <c r="I39" s="9" t="s">
        <v>122</v>
      </c>
      <c r="J39" s="9" t="s">
        <v>125</v>
      </c>
      <c r="K39" s="6">
        <v>99587</v>
      </c>
      <c r="L39" s="6">
        <v>33929</v>
      </c>
      <c r="M39" s="6">
        <v>26676</v>
      </c>
      <c r="N39" s="6">
        <v>358</v>
      </c>
      <c r="O39" s="6">
        <v>6895</v>
      </c>
      <c r="P39" s="6">
        <v>4255</v>
      </c>
      <c r="Q39" s="6">
        <v>14381</v>
      </c>
      <c r="R39" s="6">
        <v>36412</v>
      </c>
      <c r="S39" s="6">
        <v>9913</v>
      </c>
      <c r="T39" s="10" t="s">
        <v>55</v>
      </c>
      <c r="U39" s="6">
        <v>697</v>
      </c>
      <c r="V39" s="6">
        <v>38184</v>
      </c>
    </row>
    <row r="40" spans="1:22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53</v>
      </c>
      <c r="I40" s="9" t="s">
        <v>126</v>
      </c>
      <c r="J40" s="9" t="s">
        <v>127</v>
      </c>
      <c r="K40" s="6">
        <v>15796</v>
      </c>
      <c r="L40" s="6">
        <v>13683</v>
      </c>
      <c r="M40" s="6">
        <v>12433</v>
      </c>
      <c r="N40" s="6">
        <v>93</v>
      </c>
      <c r="O40" s="6">
        <v>1157</v>
      </c>
      <c r="P40" s="6">
        <v>1670</v>
      </c>
      <c r="Q40" s="6">
        <v>80</v>
      </c>
      <c r="R40" s="6">
        <v>197</v>
      </c>
      <c r="S40" s="6">
        <v>35</v>
      </c>
      <c r="T40" s="10" t="s">
        <v>55</v>
      </c>
      <c r="U40" s="6">
        <v>131</v>
      </c>
      <c r="V40" s="6">
        <v>15353</v>
      </c>
    </row>
    <row r="41" spans="1:22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53</v>
      </c>
      <c r="I41" s="9" t="s">
        <v>126</v>
      </c>
      <c r="J41" s="9" t="s">
        <v>128</v>
      </c>
      <c r="K41" s="6">
        <v>3447458</v>
      </c>
      <c r="L41" s="6">
        <v>2205676</v>
      </c>
      <c r="M41" s="6">
        <v>2003986</v>
      </c>
      <c r="N41" s="6">
        <v>17397</v>
      </c>
      <c r="O41" s="6">
        <v>184293</v>
      </c>
      <c r="P41" s="6">
        <v>496135</v>
      </c>
      <c r="Q41" s="6">
        <v>150010</v>
      </c>
      <c r="R41" s="6">
        <v>519215</v>
      </c>
      <c r="S41" s="6">
        <v>42142</v>
      </c>
      <c r="T41" s="10" t="s">
        <v>55</v>
      </c>
      <c r="U41" s="6">
        <v>34280</v>
      </c>
      <c r="V41" s="6">
        <v>2701811</v>
      </c>
    </row>
    <row r="42" spans="1:22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53</v>
      </c>
      <c r="I42" s="9" t="s">
        <v>126</v>
      </c>
      <c r="J42" s="9" t="s">
        <v>129</v>
      </c>
      <c r="K42" s="6">
        <v>6211896</v>
      </c>
      <c r="L42" s="6">
        <v>5574936</v>
      </c>
      <c r="M42" s="6">
        <v>4876855</v>
      </c>
      <c r="N42" s="6">
        <v>251033</v>
      </c>
      <c r="O42" s="6">
        <v>447048</v>
      </c>
      <c r="P42" s="6">
        <v>370277</v>
      </c>
      <c r="Q42" s="6">
        <v>52033</v>
      </c>
      <c r="R42" s="6">
        <v>140449</v>
      </c>
      <c r="S42" s="6">
        <v>19795</v>
      </c>
      <c r="T42" s="6">
        <v>9304</v>
      </c>
      <c r="U42" s="6">
        <v>45102</v>
      </c>
      <c r="V42" s="6">
        <v>5945213</v>
      </c>
    </row>
    <row r="43" spans="1:22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53</v>
      </c>
      <c r="I43" s="9" t="s">
        <v>130</v>
      </c>
      <c r="J43" s="9" t="s">
        <v>131</v>
      </c>
      <c r="K43" s="6">
        <v>229062</v>
      </c>
      <c r="L43" s="6">
        <v>222596</v>
      </c>
      <c r="M43" s="6">
        <v>209727</v>
      </c>
      <c r="N43" s="6">
        <v>2586</v>
      </c>
      <c r="O43" s="6">
        <v>10283</v>
      </c>
      <c r="P43" s="6">
        <v>4418</v>
      </c>
      <c r="Q43" s="6">
        <v>114</v>
      </c>
      <c r="R43" s="6">
        <v>818</v>
      </c>
      <c r="S43" s="6">
        <v>36</v>
      </c>
      <c r="T43" s="10" t="s">
        <v>55</v>
      </c>
      <c r="U43" s="6">
        <v>1080</v>
      </c>
      <c r="V43" s="6">
        <v>227014</v>
      </c>
    </row>
    <row r="44" spans="1:22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53</v>
      </c>
      <c r="I44" s="9" t="s">
        <v>130</v>
      </c>
      <c r="J44" s="9" t="s">
        <v>132</v>
      </c>
      <c r="K44" s="6">
        <v>1381459</v>
      </c>
      <c r="L44" s="6">
        <v>1191762</v>
      </c>
      <c r="M44" s="6">
        <v>1104271</v>
      </c>
      <c r="N44" s="6">
        <v>38628</v>
      </c>
      <c r="O44" s="6">
        <v>48863</v>
      </c>
      <c r="P44" s="6">
        <v>107965</v>
      </c>
      <c r="Q44" s="6">
        <v>6103</v>
      </c>
      <c r="R44" s="6">
        <v>70400</v>
      </c>
      <c r="S44" s="6">
        <v>537</v>
      </c>
      <c r="T44" s="10" t="s">
        <v>55</v>
      </c>
      <c r="U44" s="6">
        <v>4692</v>
      </c>
      <c r="V44" s="6">
        <v>1299727</v>
      </c>
    </row>
    <row r="45" spans="1:22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53</v>
      </c>
      <c r="I45" s="9" t="s">
        <v>130</v>
      </c>
      <c r="J45" s="9" t="s">
        <v>133</v>
      </c>
      <c r="K45" s="6">
        <v>2423004</v>
      </c>
      <c r="L45" s="6">
        <v>2193159</v>
      </c>
      <c r="M45" s="6">
        <v>1800631</v>
      </c>
      <c r="N45" s="6">
        <v>70107</v>
      </c>
      <c r="O45" s="6">
        <v>322421</v>
      </c>
      <c r="P45" s="6">
        <v>95649</v>
      </c>
      <c r="Q45" s="6">
        <v>11048</v>
      </c>
      <c r="R45" s="6">
        <v>94596</v>
      </c>
      <c r="S45" s="6">
        <v>1965</v>
      </c>
      <c r="T45" s="10" t="s">
        <v>55</v>
      </c>
      <c r="U45" s="6">
        <v>26587</v>
      </c>
      <c r="V45" s="6">
        <v>2288808</v>
      </c>
    </row>
    <row r="46" spans="1:22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53</v>
      </c>
      <c r="I46" s="9" t="s">
        <v>130</v>
      </c>
      <c r="J46" s="9" t="s">
        <v>134</v>
      </c>
      <c r="K46" s="6">
        <v>4122732</v>
      </c>
      <c r="L46" s="6">
        <v>3270559</v>
      </c>
      <c r="M46" s="6">
        <v>2479290</v>
      </c>
      <c r="N46" s="6">
        <v>48779</v>
      </c>
      <c r="O46" s="6">
        <v>742490</v>
      </c>
      <c r="P46" s="6">
        <v>438722</v>
      </c>
      <c r="Q46" s="6">
        <v>112462</v>
      </c>
      <c r="R46" s="6">
        <v>231444</v>
      </c>
      <c r="S46" s="6">
        <v>41824</v>
      </c>
      <c r="T46" s="10" t="s">
        <v>55</v>
      </c>
      <c r="U46" s="6">
        <v>27721</v>
      </c>
      <c r="V46" s="6">
        <v>3709281</v>
      </c>
    </row>
    <row r="47" spans="1:22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53</v>
      </c>
      <c r="I47" s="9" t="s">
        <v>130</v>
      </c>
      <c r="J47" s="9" t="s">
        <v>135</v>
      </c>
      <c r="K47" s="6">
        <v>583178</v>
      </c>
      <c r="L47" s="6">
        <v>519096</v>
      </c>
      <c r="M47" s="6">
        <v>491666</v>
      </c>
      <c r="N47" s="6">
        <v>5255</v>
      </c>
      <c r="O47" s="6">
        <v>22175</v>
      </c>
      <c r="P47" s="6">
        <v>43553</v>
      </c>
      <c r="Q47" s="6">
        <v>3453</v>
      </c>
      <c r="R47" s="6">
        <v>14094</v>
      </c>
      <c r="S47" s="6">
        <v>518</v>
      </c>
      <c r="T47" s="10" t="s">
        <v>55</v>
      </c>
      <c r="U47" s="6">
        <v>2464</v>
      </c>
      <c r="V47" s="6">
        <v>562649</v>
      </c>
    </row>
    <row r="48" spans="1:22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53</v>
      </c>
      <c r="I48" s="9" t="s">
        <v>130</v>
      </c>
      <c r="J48" s="9" t="s">
        <v>136</v>
      </c>
      <c r="K48" s="6">
        <v>734443</v>
      </c>
      <c r="L48" s="6">
        <v>469636</v>
      </c>
      <c r="M48" s="6">
        <v>351968</v>
      </c>
      <c r="N48" s="6">
        <v>9493</v>
      </c>
      <c r="O48" s="6">
        <v>108175</v>
      </c>
      <c r="P48" s="6">
        <v>149651</v>
      </c>
      <c r="Q48" s="6">
        <v>16852</v>
      </c>
      <c r="R48" s="6">
        <v>86460</v>
      </c>
      <c r="S48" s="6">
        <v>7380</v>
      </c>
      <c r="T48" s="10" t="s">
        <v>55</v>
      </c>
      <c r="U48" s="6">
        <v>4464</v>
      </c>
      <c r="V48" s="6">
        <v>619287</v>
      </c>
    </row>
    <row r="49" spans="1:22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53</v>
      </c>
      <c r="I49" s="9" t="s">
        <v>130</v>
      </c>
      <c r="J49" s="9" t="s">
        <v>137</v>
      </c>
      <c r="K49" s="6">
        <v>1328211</v>
      </c>
      <c r="L49" s="6">
        <v>852091</v>
      </c>
      <c r="M49" s="6">
        <v>763901</v>
      </c>
      <c r="N49" s="6">
        <v>22227</v>
      </c>
      <c r="O49" s="6">
        <v>65963</v>
      </c>
      <c r="P49" s="6">
        <v>157964</v>
      </c>
      <c r="Q49" s="6">
        <v>78358</v>
      </c>
      <c r="R49" s="6">
        <v>225977</v>
      </c>
      <c r="S49" s="6">
        <v>8123</v>
      </c>
      <c r="T49" s="10" t="s">
        <v>55</v>
      </c>
      <c r="U49" s="6">
        <v>5698</v>
      </c>
      <c r="V49" s="6">
        <v>1010055</v>
      </c>
    </row>
    <row r="50" spans="1:22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53</v>
      </c>
      <c r="I50" s="9" t="s">
        <v>130</v>
      </c>
      <c r="J50" s="9" t="s">
        <v>138</v>
      </c>
      <c r="K50" s="6">
        <v>1161705</v>
      </c>
      <c r="L50" s="6">
        <v>850283</v>
      </c>
      <c r="M50" s="6">
        <v>436768</v>
      </c>
      <c r="N50" s="6">
        <v>10773</v>
      </c>
      <c r="O50" s="6">
        <v>402742</v>
      </c>
      <c r="P50" s="6">
        <v>68066</v>
      </c>
      <c r="Q50" s="6">
        <v>100583</v>
      </c>
      <c r="R50" s="6">
        <v>106182</v>
      </c>
      <c r="S50" s="6">
        <v>27360</v>
      </c>
      <c r="T50" s="10" t="s">
        <v>55</v>
      </c>
      <c r="U50" s="6">
        <v>9231</v>
      </c>
      <c r="V50" s="6">
        <v>918349</v>
      </c>
    </row>
    <row r="51" spans="1:22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53</v>
      </c>
      <c r="I51" s="9" t="s">
        <v>130</v>
      </c>
      <c r="J51" s="9" t="s">
        <v>139</v>
      </c>
      <c r="K51" s="6">
        <v>781098</v>
      </c>
      <c r="L51" s="6">
        <v>516443</v>
      </c>
      <c r="M51" s="6">
        <v>324921</v>
      </c>
      <c r="N51" s="6">
        <v>9108</v>
      </c>
      <c r="O51" s="6">
        <v>182414</v>
      </c>
      <c r="P51" s="6">
        <v>57311</v>
      </c>
      <c r="Q51" s="6">
        <v>52559</v>
      </c>
      <c r="R51" s="6">
        <v>132101</v>
      </c>
      <c r="S51" s="6">
        <v>16369</v>
      </c>
      <c r="T51" s="6">
        <v>63</v>
      </c>
      <c r="U51" s="6">
        <v>6252</v>
      </c>
      <c r="V51" s="6">
        <v>573754</v>
      </c>
    </row>
    <row r="52" spans="1:22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53</v>
      </c>
      <c r="I52" s="9" t="s">
        <v>130</v>
      </c>
      <c r="J52" s="9" t="s">
        <v>140</v>
      </c>
      <c r="K52" s="6">
        <v>1168959</v>
      </c>
      <c r="L52" s="6">
        <v>1071201</v>
      </c>
      <c r="M52" s="6">
        <v>811289</v>
      </c>
      <c r="N52" s="6">
        <v>13960</v>
      </c>
      <c r="O52" s="6">
        <v>245952</v>
      </c>
      <c r="P52" s="6">
        <v>30537</v>
      </c>
      <c r="Q52" s="6">
        <v>12328</v>
      </c>
      <c r="R52" s="6">
        <v>46175</v>
      </c>
      <c r="S52" s="6">
        <v>2657</v>
      </c>
      <c r="T52" s="10" t="s">
        <v>55</v>
      </c>
      <c r="U52" s="6">
        <v>6061</v>
      </c>
      <c r="V52" s="6">
        <v>1101738</v>
      </c>
    </row>
    <row r="53" spans="1:22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53</v>
      </c>
      <c r="I53" s="9" t="s">
        <v>130</v>
      </c>
      <c r="J53" s="9" t="s">
        <v>141</v>
      </c>
      <c r="K53" s="6">
        <v>1860056</v>
      </c>
      <c r="L53" s="6">
        <v>1559412</v>
      </c>
      <c r="M53" s="6">
        <v>1247632</v>
      </c>
      <c r="N53" s="6">
        <v>19547</v>
      </c>
      <c r="O53" s="6">
        <v>292233</v>
      </c>
      <c r="P53" s="6">
        <v>104048</v>
      </c>
      <c r="Q53" s="6">
        <v>105761</v>
      </c>
      <c r="R53" s="6">
        <v>71095</v>
      </c>
      <c r="S53" s="6">
        <v>6539</v>
      </c>
      <c r="T53" s="10" t="s">
        <v>55</v>
      </c>
      <c r="U53" s="6">
        <v>13201</v>
      </c>
      <c r="V53" s="6">
        <v>1663460</v>
      </c>
    </row>
    <row r="54" spans="1:22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53</v>
      </c>
      <c r="I54" s="9" t="s">
        <v>130</v>
      </c>
      <c r="J54" s="9" t="s">
        <v>142</v>
      </c>
      <c r="K54" s="6">
        <v>258336</v>
      </c>
      <c r="L54" s="6">
        <v>249782</v>
      </c>
      <c r="M54" s="6">
        <v>204132</v>
      </c>
      <c r="N54" s="6">
        <v>3431</v>
      </c>
      <c r="O54" s="6">
        <v>42219</v>
      </c>
      <c r="P54" s="6">
        <v>5246</v>
      </c>
      <c r="Q54" s="6">
        <v>653</v>
      </c>
      <c r="R54" s="6">
        <v>341</v>
      </c>
      <c r="S54" s="6">
        <v>199</v>
      </c>
      <c r="T54" s="10" t="s">
        <v>55</v>
      </c>
      <c r="U54" s="6">
        <v>2115</v>
      </c>
      <c r="V54" s="6">
        <v>255028</v>
      </c>
    </row>
    <row r="55" spans="1:22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53</v>
      </c>
      <c r="I55" s="9" t="s">
        <v>130</v>
      </c>
      <c r="J55" s="9" t="s">
        <v>143</v>
      </c>
      <c r="K55" s="6">
        <v>2270141</v>
      </c>
      <c r="L55" s="6">
        <v>1790891</v>
      </c>
      <c r="M55" s="6">
        <v>1262685</v>
      </c>
      <c r="N55" s="6">
        <v>62314</v>
      </c>
      <c r="O55" s="6">
        <v>465892</v>
      </c>
      <c r="P55" s="6">
        <v>175469</v>
      </c>
      <c r="Q55" s="6">
        <v>31540</v>
      </c>
      <c r="R55" s="6">
        <v>237374</v>
      </c>
      <c r="S55" s="6">
        <v>10705</v>
      </c>
      <c r="T55" s="6">
        <v>1386</v>
      </c>
      <c r="U55" s="6">
        <v>22776</v>
      </c>
      <c r="V55" s="6">
        <v>1966360</v>
      </c>
    </row>
    <row r="56" spans="1:22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53</v>
      </c>
      <c r="I56" s="9" t="s">
        <v>130</v>
      </c>
      <c r="J56" s="9" t="s">
        <v>144</v>
      </c>
      <c r="K56" s="6">
        <v>1413985</v>
      </c>
      <c r="L56" s="6">
        <v>1413969</v>
      </c>
      <c r="M56" s="6">
        <v>1329650</v>
      </c>
      <c r="N56" s="6">
        <v>3703</v>
      </c>
      <c r="O56" s="6">
        <v>80616</v>
      </c>
      <c r="P56" s="10" t="s">
        <v>55</v>
      </c>
      <c r="Q56" s="10" t="s">
        <v>55</v>
      </c>
      <c r="R56" s="10" t="s">
        <v>55</v>
      </c>
      <c r="S56" s="10" t="s">
        <v>55</v>
      </c>
      <c r="T56" s="10" t="s">
        <v>55</v>
      </c>
      <c r="U56" s="6">
        <v>16</v>
      </c>
      <c r="V56" s="6">
        <v>1413969</v>
      </c>
    </row>
    <row r="57" spans="1:22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53</v>
      </c>
      <c r="I57" s="9" t="s">
        <v>55</v>
      </c>
      <c r="J57" s="9" t="s">
        <v>145</v>
      </c>
      <c r="K57" s="6">
        <v>904239</v>
      </c>
      <c r="L57" s="6">
        <v>338103</v>
      </c>
      <c r="M57" s="6">
        <v>175943</v>
      </c>
      <c r="N57" s="6">
        <v>44387</v>
      </c>
      <c r="O57" s="6">
        <v>117773</v>
      </c>
      <c r="P57" s="6">
        <v>15032</v>
      </c>
      <c r="Q57" s="6">
        <v>15295</v>
      </c>
      <c r="R57" s="6">
        <v>111917</v>
      </c>
      <c r="S57" s="6">
        <v>10916</v>
      </c>
      <c r="T57" s="10" t="s">
        <v>55</v>
      </c>
      <c r="U57" s="6">
        <v>412976</v>
      </c>
      <c r="V57" s="6">
        <v>353135</v>
      </c>
    </row>
    <row r="58" spans="1:22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53</v>
      </c>
      <c r="I58" s="9" t="s">
        <v>55</v>
      </c>
      <c r="J58" s="9" t="s">
        <v>146</v>
      </c>
      <c r="K58" s="6">
        <v>1205549</v>
      </c>
      <c r="L58" s="6">
        <v>277903</v>
      </c>
      <c r="M58" s="6">
        <v>177330</v>
      </c>
      <c r="N58" s="6">
        <v>5503</v>
      </c>
      <c r="O58" s="6">
        <v>95070</v>
      </c>
      <c r="P58" s="6">
        <v>42567</v>
      </c>
      <c r="Q58" s="6">
        <v>119293</v>
      </c>
      <c r="R58" s="6">
        <v>632464</v>
      </c>
      <c r="S58" s="6">
        <v>128529</v>
      </c>
      <c r="T58" s="10" t="s">
        <v>55</v>
      </c>
      <c r="U58" s="6">
        <v>4793</v>
      </c>
      <c r="V58" s="6">
        <v>320470</v>
      </c>
    </row>
    <row r="59" spans="1:22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53</v>
      </c>
      <c r="I59" s="9" t="s">
        <v>55</v>
      </c>
      <c r="J59" s="9" t="s">
        <v>147</v>
      </c>
      <c r="K59" s="6">
        <v>9675150</v>
      </c>
      <c r="L59" s="6">
        <v>7794295</v>
      </c>
      <c r="M59" s="6">
        <v>6893274</v>
      </c>
      <c r="N59" s="6">
        <v>268523</v>
      </c>
      <c r="O59" s="6">
        <v>632498</v>
      </c>
      <c r="P59" s="6">
        <v>868082</v>
      </c>
      <c r="Q59" s="6">
        <v>202123</v>
      </c>
      <c r="R59" s="6">
        <v>659861</v>
      </c>
      <c r="S59" s="6">
        <v>61972</v>
      </c>
      <c r="T59" s="6">
        <v>9304</v>
      </c>
      <c r="U59" s="6">
        <v>79513</v>
      </c>
      <c r="V59" s="6">
        <v>8662377</v>
      </c>
    </row>
    <row r="60" spans="1:22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53</v>
      </c>
      <c r="I60" s="9" t="s">
        <v>55</v>
      </c>
      <c r="J60" s="9" t="s">
        <v>148</v>
      </c>
      <c r="K60" s="6">
        <v>19716369</v>
      </c>
      <c r="L60" s="6">
        <v>16170880</v>
      </c>
      <c r="M60" s="6">
        <v>12818531</v>
      </c>
      <c r="N60" s="6">
        <v>319911</v>
      </c>
      <c r="O60" s="6">
        <v>3032438</v>
      </c>
      <c r="P60" s="6">
        <v>1438599</v>
      </c>
      <c r="Q60" s="6">
        <v>531814</v>
      </c>
      <c r="R60" s="6">
        <v>1317057</v>
      </c>
      <c r="S60" s="6">
        <v>124212</v>
      </c>
      <c r="T60" s="6">
        <v>1449</v>
      </c>
      <c r="U60" s="6">
        <v>132358</v>
      </c>
      <c r="V60" s="6">
        <v>17609479</v>
      </c>
    </row>
    <row r="61" spans="1:22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54</v>
      </c>
      <c r="I61" s="9" t="s">
        <v>55</v>
      </c>
      <c r="J61" s="9" t="s">
        <v>6</v>
      </c>
      <c r="K61" s="6">
        <v>26141918</v>
      </c>
      <c r="L61" s="6">
        <v>22361040</v>
      </c>
      <c r="M61" s="6">
        <v>10731753</v>
      </c>
      <c r="N61" s="6">
        <v>883817</v>
      </c>
      <c r="O61" s="6">
        <v>10745470</v>
      </c>
      <c r="P61" s="6">
        <v>769919</v>
      </c>
      <c r="Q61" s="6">
        <v>196359</v>
      </c>
      <c r="R61" s="6">
        <v>995164</v>
      </c>
      <c r="S61" s="6">
        <v>1280113</v>
      </c>
      <c r="T61" s="6">
        <v>72776</v>
      </c>
      <c r="U61" s="6">
        <v>466547</v>
      </c>
      <c r="V61" s="6">
        <v>23130959</v>
      </c>
    </row>
    <row r="62" spans="1:22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54</v>
      </c>
      <c r="I62" s="9" t="s">
        <v>122</v>
      </c>
      <c r="J62" s="9" t="s">
        <v>123</v>
      </c>
      <c r="K62" s="6">
        <v>724735</v>
      </c>
      <c r="L62" s="6">
        <v>187751</v>
      </c>
      <c r="M62" s="6">
        <v>54428</v>
      </c>
      <c r="N62" s="6">
        <v>3078</v>
      </c>
      <c r="O62" s="6">
        <v>130245</v>
      </c>
      <c r="P62" s="6">
        <v>11188</v>
      </c>
      <c r="Q62" s="6">
        <v>7222</v>
      </c>
      <c r="R62" s="6">
        <v>68808</v>
      </c>
      <c r="S62" s="6">
        <v>448283</v>
      </c>
      <c r="T62" s="10" t="s">
        <v>55</v>
      </c>
      <c r="U62" s="6">
        <v>1483</v>
      </c>
      <c r="V62" s="6">
        <v>198939</v>
      </c>
    </row>
    <row r="63" spans="1:22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54</v>
      </c>
      <c r="I63" s="9" t="s">
        <v>122</v>
      </c>
      <c r="J63" s="9" t="s">
        <v>124</v>
      </c>
      <c r="K63" s="6">
        <v>715353</v>
      </c>
      <c r="L63" s="6">
        <v>180974</v>
      </c>
      <c r="M63" s="6">
        <v>50230</v>
      </c>
      <c r="N63" s="6">
        <v>3008</v>
      </c>
      <c r="O63" s="6">
        <v>127736</v>
      </c>
      <c r="P63" s="6">
        <v>10370</v>
      </c>
      <c r="Q63" s="6">
        <v>7176</v>
      </c>
      <c r="R63" s="6">
        <v>68535</v>
      </c>
      <c r="S63" s="6">
        <v>446857</v>
      </c>
      <c r="T63" s="10" t="s">
        <v>55</v>
      </c>
      <c r="U63" s="6">
        <v>1441</v>
      </c>
      <c r="V63" s="6">
        <v>191344</v>
      </c>
    </row>
    <row r="64" spans="1:22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54</v>
      </c>
      <c r="I64" s="9" t="s">
        <v>122</v>
      </c>
      <c r="J64" s="9" t="s">
        <v>125</v>
      </c>
      <c r="K64" s="6">
        <v>32478</v>
      </c>
      <c r="L64" s="6">
        <v>9290</v>
      </c>
      <c r="M64" s="6">
        <v>3739</v>
      </c>
      <c r="N64" s="6">
        <v>103</v>
      </c>
      <c r="O64" s="6">
        <v>5448</v>
      </c>
      <c r="P64" s="6">
        <v>1125</v>
      </c>
      <c r="Q64" s="6">
        <v>249</v>
      </c>
      <c r="R64" s="6">
        <v>737</v>
      </c>
      <c r="S64" s="6">
        <v>20988</v>
      </c>
      <c r="T64" s="10" t="s">
        <v>55</v>
      </c>
      <c r="U64" s="6">
        <v>89</v>
      </c>
      <c r="V64" s="6">
        <v>10415</v>
      </c>
    </row>
    <row r="65" spans="1:22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54</v>
      </c>
      <c r="I65" s="9" t="s">
        <v>126</v>
      </c>
      <c r="J65" s="9" t="s">
        <v>127</v>
      </c>
      <c r="K65" s="6">
        <v>3095</v>
      </c>
      <c r="L65" s="6">
        <v>2623</v>
      </c>
      <c r="M65" s="6">
        <v>2060</v>
      </c>
      <c r="N65" s="6">
        <v>57</v>
      </c>
      <c r="O65" s="6">
        <v>506</v>
      </c>
      <c r="P65" s="6">
        <v>392</v>
      </c>
      <c r="Q65" s="6">
        <v>8</v>
      </c>
      <c r="R65" s="6">
        <v>2</v>
      </c>
      <c r="S65" s="6">
        <v>60</v>
      </c>
      <c r="T65" s="10" t="s">
        <v>55</v>
      </c>
      <c r="U65" s="6">
        <v>10</v>
      </c>
      <c r="V65" s="6">
        <v>3015</v>
      </c>
    </row>
    <row r="66" spans="1:22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54</v>
      </c>
      <c r="I66" s="9" t="s">
        <v>126</v>
      </c>
      <c r="J66" s="9" t="s">
        <v>128</v>
      </c>
      <c r="K66" s="6">
        <v>736594</v>
      </c>
      <c r="L66" s="6">
        <v>513884</v>
      </c>
      <c r="M66" s="6">
        <v>360504</v>
      </c>
      <c r="N66" s="6">
        <v>22489</v>
      </c>
      <c r="O66" s="6">
        <v>130891</v>
      </c>
      <c r="P66" s="6">
        <v>120136</v>
      </c>
      <c r="Q66" s="6">
        <v>2467</v>
      </c>
      <c r="R66" s="6">
        <v>4579</v>
      </c>
      <c r="S66" s="6">
        <v>92384</v>
      </c>
      <c r="T66" s="10" t="s">
        <v>55</v>
      </c>
      <c r="U66" s="6">
        <v>3144</v>
      </c>
      <c r="V66" s="6">
        <v>634020</v>
      </c>
    </row>
    <row r="67" spans="1:22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54</v>
      </c>
      <c r="I67" s="9" t="s">
        <v>126</v>
      </c>
      <c r="J67" s="9" t="s">
        <v>129</v>
      </c>
      <c r="K67" s="6">
        <v>2844640</v>
      </c>
      <c r="L67" s="6">
        <v>2558953</v>
      </c>
      <c r="M67" s="6">
        <v>1341748</v>
      </c>
      <c r="N67" s="6">
        <v>209585</v>
      </c>
      <c r="O67" s="6">
        <v>1007620</v>
      </c>
      <c r="P67" s="6">
        <v>95575</v>
      </c>
      <c r="Q67" s="6">
        <v>5669</v>
      </c>
      <c r="R67" s="6">
        <v>43311</v>
      </c>
      <c r="S67" s="6">
        <v>63120</v>
      </c>
      <c r="T67" s="6">
        <v>59269</v>
      </c>
      <c r="U67" s="6">
        <v>18743</v>
      </c>
      <c r="V67" s="6">
        <v>2654528</v>
      </c>
    </row>
    <row r="68" spans="1:22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54</v>
      </c>
      <c r="I68" s="9" t="s">
        <v>130</v>
      </c>
      <c r="J68" s="9" t="s">
        <v>131</v>
      </c>
      <c r="K68" s="6">
        <v>46533</v>
      </c>
      <c r="L68" s="6">
        <v>45018</v>
      </c>
      <c r="M68" s="6">
        <v>28224</v>
      </c>
      <c r="N68" s="6">
        <v>5777</v>
      </c>
      <c r="O68" s="6">
        <v>11017</v>
      </c>
      <c r="P68" s="6">
        <v>848</v>
      </c>
      <c r="Q68" s="6">
        <v>18</v>
      </c>
      <c r="R68" s="6">
        <v>222</v>
      </c>
      <c r="S68" s="6">
        <v>207</v>
      </c>
      <c r="T68" s="10" t="s">
        <v>55</v>
      </c>
      <c r="U68" s="6">
        <v>220</v>
      </c>
      <c r="V68" s="6">
        <v>45866</v>
      </c>
    </row>
    <row r="69" spans="1:22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54</v>
      </c>
      <c r="I69" s="9" t="s">
        <v>130</v>
      </c>
      <c r="J69" s="9" t="s">
        <v>132</v>
      </c>
      <c r="K69" s="6">
        <v>574160</v>
      </c>
      <c r="L69" s="6">
        <v>517092</v>
      </c>
      <c r="M69" s="6">
        <v>380139</v>
      </c>
      <c r="N69" s="6">
        <v>50414</v>
      </c>
      <c r="O69" s="6">
        <v>86539</v>
      </c>
      <c r="P69" s="6">
        <v>20218</v>
      </c>
      <c r="Q69" s="6">
        <v>1396</v>
      </c>
      <c r="R69" s="6">
        <v>28468</v>
      </c>
      <c r="S69" s="6">
        <v>5036</v>
      </c>
      <c r="T69" s="10" t="s">
        <v>55</v>
      </c>
      <c r="U69" s="6">
        <v>1950</v>
      </c>
      <c r="V69" s="6">
        <v>537310</v>
      </c>
    </row>
    <row r="70" spans="1:22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54</v>
      </c>
      <c r="I70" s="9" t="s">
        <v>130</v>
      </c>
      <c r="J70" s="9" t="s">
        <v>133</v>
      </c>
      <c r="K70" s="6">
        <v>694619</v>
      </c>
      <c r="L70" s="6">
        <v>655903</v>
      </c>
      <c r="M70" s="6">
        <v>271077</v>
      </c>
      <c r="N70" s="6">
        <v>40511</v>
      </c>
      <c r="O70" s="6">
        <v>344315</v>
      </c>
      <c r="P70" s="6">
        <v>21530</v>
      </c>
      <c r="Q70" s="6">
        <v>832</v>
      </c>
      <c r="R70" s="6">
        <v>5605</v>
      </c>
      <c r="S70" s="6">
        <v>6603</v>
      </c>
      <c r="T70" s="10" t="s">
        <v>55</v>
      </c>
      <c r="U70" s="6">
        <v>4146</v>
      </c>
      <c r="V70" s="6">
        <v>677433</v>
      </c>
    </row>
    <row r="71" spans="1:22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54</v>
      </c>
      <c r="I71" s="9" t="s">
        <v>130</v>
      </c>
      <c r="J71" s="9" t="s">
        <v>134</v>
      </c>
      <c r="K71" s="6">
        <v>4682844</v>
      </c>
      <c r="L71" s="6">
        <v>4184189</v>
      </c>
      <c r="M71" s="6">
        <v>1402624</v>
      </c>
      <c r="N71" s="6">
        <v>100604</v>
      </c>
      <c r="O71" s="6">
        <v>2680961</v>
      </c>
      <c r="P71" s="6">
        <v>156677</v>
      </c>
      <c r="Q71" s="6">
        <v>26556</v>
      </c>
      <c r="R71" s="6">
        <v>117324</v>
      </c>
      <c r="S71" s="6">
        <v>172215</v>
      </c>
      <c r="T71" s="10" t="s">
        <v>55</v>
      </c>
      <c r="U71" s="6">
        <v>25883</v>
      </c>
      <c r="V71" s="6">
        <v>4340866</v>
      </c>
    </row>
    <row r="72" spans="1:22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54</v>
      </c>
      <c r="I72" s="9" t="s">
        <v>130</v>
      </c>
      <c r="J72" s="9" t="s">
        <v>135</v>
      </c>
      <c r="K72" s="6">
        <v>771983</v>
      </c>
      <c r="L72" s="6">
        <v>743397</v>
      </c>
      <c r="M72" s="6">
        <v>543168</v>
      </c>
      <c r="N72" s="6">
        <v>42926</v>
      </c>
      <c r="O72" s="6">
        <v>157303</v>
      </c>
      <c r="P72" s="6">
        <v>11396</v>
      </c>
      <c r="Q72" s="6">
        <v>2483</v>
      </c>
      <c r="R72" s="6">
        <v>7776</v>
      </c>
      <c r="S72" s="6">
        <v>2585</v>
      </c>
      <c r="T72" s="10" t="s">
        <v>55</v>
      </c>
      <c r="U72" s="6">
        <v>4346</v>
      </c>
      <c r="V72" s="6">
        <v>754793</v>
      </c>
    </row>
    <row r="73" spans="1:22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54</v>
      </c>
      <c r="I73" s="9" t="s">
        <v>130</v>
      </c>
      <c r="J73" s="9" t="s">
        <v>136</v>
      </c>
      <c r="K73" s="6">
        <v>519462</v>
      </c>
      <c r="L73" s="6">
        <v>340650</v>
      </c>
      <c r="M73" s="6">
        <v>198330</v>
      </c>
      <c r="N73" s="6">
        <v>13163</v>
      </c>
      <c r="O73" s="6">
        <v>129157</v>
      </c>
      <c r="P73" s="6">
        <v>86741</v>
      </c>
      <c r="Q73" s="6">
        <v>6174</v>
      </c>
      <c r="R73" s="6">
        <v>50882</v>
      </c>
      <c r="S73" s="6">
        <v>32674</v>
      </c>
      <c r="T73" s="10" t="s">
        <v>55</v>
      </c>
      <c r="U73" s="6">
        <v>2341</v>
      </c>
      <c r="V73" s="6">
        <v>427391</v>
      </c>
    </row>
    <row r="74" spans="1:22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54</v>
      </c>
      <c r="I74" s="9" t="s">
        <v>130</v>
      </c>
      <c r="J74" s="9" t="s">
        <v>137</v>
      </c>
      <c r="K74" s="6">
        <v>774863</v>
      </c>
      <c r="L74" s="6">
        <v>572258</v>
      </c>
      <c r="M74" s="6">
        <v>369154</v>
      </c>
      <c r="N74" s="6">
        <v>31348</v>
      </c>
      <c r="O74" s="6">
        <v>171756</v>
      </c>
      <c r="P74" s="6">
        <v>40541</v>
      </c>
      <c r="Q74" s="6">
        <v>10693</v>
      </c>
      <c r="R74" s="6">
        <v>91049</v>
      </c>
      <c r="S74" s="6">
        <v>57498</v>
      </c>
      <c r="T74" s="10" t="s">
        <v>55</v>
      </c>
      <c r="U74" s="6">
        <v>2824</v>
      </c>
      <c r="V74" s="6">
        <v>612799</v>
      </c>
    </row>
    <row r="75" spans="1:22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54</v>
      </c>
      <c r="I75" s="9" t="s">
        <v>130</v>
      </c>
      <c r="J75" s="9" t="s">
        <v>138</v>
      </c>
      <c r="K75" s="6">
        <v>1933729</v>
      </c>
      <c r="L75" s="6">
        <v>1639124</v>
      </c>
      <c r="M75" s="6">
        <v>288423</v>
      </c>
      <c r="N75" s="6">
        <v>15322</v>
      </c>
      <c r="O75" s="6">
        <v>1335379</v>
      </c>
      <c r="P75" s="6">
        <v>33408</v>
      </c>
      <c r="Q75" s="6">
        <v>47571</v>
      </c>
      <c r="R75" s="6">
        <v>76795</v>
      </c>
      <c r="S75" s="6">
        <v>125893</v>
      </c>
      <c r="T75" s="10" t="s">
        <v>55</v>
      </c>
      <c r="U75" s="6">
        <v>10938</v>
      </c>
      <c r="V75" s="6">
        <v>1672532</v>
      </c>
    </row>
    <row r="76" spans="1:22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54</v>
      </c>
      <c r="I76" s="9" t="s">
        <v>130</v>
      </c>
      <c r="J76" s="9" t="s">
        <v>139</v>
      </c>
      <c r="K76" s="6">
        <v>1198348</v>
      </c>
      <c r="L76" s="6">
        <v>860832</v>
      </c>
      <c r="M76" s="6">
        <v>322458</v>
      </c>
      <c r="N76" s="6">
        <v>14574</v>
      </c>
      <c r="O76" s="6">
        <v>523800</v>
      </c>
      <c r="P76" s="6">
        <v>32390</v>
      </c>
      <c r="Q76" s="6">
        <v>36259</v>
      </c>
      <c r="R76" s="6">
        <v>178254</v>
      </c>
      <c r="S76" s="6">
        <v>81140</v>
      </c>
      <c r="T76" s="6">
        <v>1506</v>
      </c>
      <c r="U76" s="6">
        <v>7967</v>
      </c>
      <c r="V76" s="6">
        <v>893222</v>
      </c>
    </row>
    <row r="77" spans="1:22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54</v>
      </c>
      <c r="I77" s="9" t="s">
        <v>130</v>
      </c>
      <c r="J77" s="9" t="s">
        <v>140</v>
      </c>
      <c r="K77" s="6">
        <v>1660735</v>
      </c>
      <c r="L77" s="6">
        <v>1476863</v>
      </c>
      <c r="M77" s="6">
        <v>826144</v>
      </c>
      <c r="N77" s="6">
        <v>32762</v>
      </c>
      <c r="O77" s="6">
        <v>617957</v>
      </c>
      <c r="P77" s="6">
        <v>16602</v>
      </c>
      <c r="Q77" s="6">
        <v>22278</v>
      </c>
      <c r="R77" s="6">
        <v>125837</v>
      </c>
      <c r="S77" s="6">
        <v>11544</v>
      </c>
      <c r="T77" s="10" t="s">
        <v>55</v>
      </c>
      <c r="U77" s="6">
        <v>7611</v>
      </c>
      <c r="V77" s="6">
        <v>1493465</v>
      </c>
    </row>
    <row r="78" spans="1:22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54</v>
      </c>
      <c r="I78" s="9" t="s">
        <v>130</v>
      </c>
      <c r="J78" s="9" t="s">
        <v>141</v>
      </c>
      <c r="K78" s="6">
        <v>5773114</v>
      </c>
      <c r="L78" s="6">
        <v>5544159</v>
      </c>
      <c r="M78" s="6">
        <v>3261565</v>
      </c>
      <c r="N78" s="6">
        <v>106452</v>
      </c>
      <c r="O78" s="6">
        <v>2176142</v>
      </c>
      <c r="P78" s="6">
        <v>69455</v>
      </c>
      <c r="Q78" s="6">
        <v>17021</v>
      </c>
      <c r="R78" s="6">
        <v>30035</v>
      </c>
      <c r="S78" s="6">
        <v>74002</v>
      </c>
      <c r="T78" s="10" t="s">
        <v>55</v>
      </c>
      <c r="U78" s="6">
        <v>38442</v>
      </c>
      <c r="V78" s="6">
        <v>5613614</v>
      </c>
    </row>
    <row r="79" spans="1:22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54</v>
      </c>
      <c r="I79" s="9" t="s">
        <v>130</v>
      </c>
      <c r="J79" s="9" t="s">
        <v>142</v>
      </c>
      <c r="K79" s="6">
        <v>183282</v>
      </c>
      <c r="L79" s="6">
        <v>179333</v>
      </c>
      <c r="M79" s="6">
        <v>97410</v>
      </c>
      <c r="N79" s="6">
        <v>3602</v>
      </c>
      <c r="O79" s="6">
        <v>78321</v>
      </c>
      <c r="P79" s="6">
        <v>550</v>
      </c>
      <c r="Q79" s="6">
        <v>1243</v>
      </c>
      <c r="R79" s="6">
        <v>433</v>
      </c>
      <c r="S79" s="6">
        <v>470</v>
      </c>
      <c r="T79" s="10" t="s">
        <v>55</v>
      </c>
      <c r="U79" s="6">
        <v>1253</v>
      </c>
      <c r="V79" s="6">
        <v>179883</v>
      </c>
    </row>
    <row r="80" spans="1:22">
      <c r="A80" s="9" t="s">
        <v>27</v>
      </c>
      <c r="B80" s="9" t="s">
        <v>28</v>
      </c>
      <c r="C80" s="9" t="s">
        <v>76</v>
      </c>
      <c r="D80" s="9" t="s">
        <v>77</v>
      </c>
      <c r="E80" s="9" t="s">
        <v>28</v>
      </c>
      <c r="F80" s="9" t="s">
        <v>76</v>
      </c>
      <c r="G80" s="9" t="s">
        <v>78</v>
      </c>
      <c r="H80" s="9" t="s">
        <v>54</v>
      </c>
      <c r="I80" s="9" t="s">
        <v>130</v>
      </c>
      <c r="J80" s="9" t="s">
        <v>143</v>
      </c>
      <c r="K80" s="6">
        <v>1531077</v>
      </c>
      <c r="L80" s="6">
        <v>1330952</v>
      </c>
      <c r="M80" s="6">
        <v>496244</v>
      </c>
      <c r="N80" s="6">
        <v>99668</v>
      </c>
      <c r="O80" s="6">
        <v>735040</v>
      </c>
      <c r="P80" s="6">
        <v>44364</v>
      </c>
      <c r="Q80" s="6">
        <v>3542</v>
      </c>
      <c r="R80" s="6">
        <v>96169</v>
      </c>
      <c r="S80" s="6">
        <v>33371</v>
      </c>
      <c r="T80" s="6">
        <v>12001</v>
      </c>
      <c r="U80" s="6">
        <v>10678</v>
      </c>
      <c r="V80" s="6">
        <v>1375316</v>
      </c>
    </row>
    <row r="81" spans="1:22">
      <c r="A81" s="9" t="s">
        <v>27</v>
      </c>
      <c r="B81" s="9" t="s">
        <v>28</v>
      </c>
      <c r="C81" s="9" t="s">
        <v>76</v>
      </c>
      <c r="D81" s="9" t="s">
        <v>77</v>
      </c>
      <c r="E81" s="9" t="s">
        <v>28</v>
      </c>
      <c r="F81" s="9" t="s">
        <v>76</v>
      </c>
      <c r="G81" s="9" t="s">
        <v>78</v>
      </c>
      <c r="H81" s="9" t="s">
        <v>54</v>
      </c>
      <c r="I81" s="9" t="s">
        <v>130</v>
      </c>
      <c r="J81" s="9" t="s">
        <v>144</v>
      </c>
      <c r="K81" s="6">
        <v>618214</v>
      </c>
      <c r="L81" s="6">
        <v>618205</v>
      </c>
      <c r="M81" s="6">
        <v>389056</v>
      </c>
      <c r="N81" s="6">
        <v>15437</v>
      </c>
      <c r="O81" s="6">
        <v>213712</v>
      </c>
      <c r="P81" s="10" t="s">
        <v>55</v>
      </c>
      <c r="Q81" s="10" t="s">
        <v>55</v>
      </c>
      <c r="R81" s="10" t="s">
        <v>55</v>
      </c>
      <c r="S81" s="10" t="s">
        <v>55</v>
      </c>
      <c r="T81" s="10" t="s">
        <v>55</v>
      </c>
      <c r="U81" s="6">
        <v>9</v>
      </c>
      <c r="V81" s="6">
        <v>618205</v>
      </c>
    </row>
    <row r="82" spans="1:22">
      <c r="A82" s="9" t="s">
        <v>27</v>
      </c>
      <c r="B82" s="9" t="s">
        <v>28</v>
      </c>
      <c r="C82" s="9" t="s">
        <v>76</v>
      </c>
      <c r="D82" s="9" t="s">
        <v>77</v>
      </c>
      <c r="E82" s="9" t="s">
        <v>28</v>
      </c>
      <c r="F82" s="9" t="s">
        <v>76</v>
      </c>
      <c r="G82" s="9" t="s">
        <v>78</v>
      </c>
      <c r="H82" s="9" t="s">
        <v>54</v>
      </c>
      <c r="I82" s="9" t="s">
        <v>55</v>
      </c>
      <c r="J82" s="9" t="s">
        <v>145</v>
      </c>
      <c r="K82" s="6">
        <v>837413</v>
      </c>
      <c r="L82" s="6">
        <v>380564</v>
      </c>
      <c r="M82" s="6">
        <v>95258</v>
      </c>
      <c r="N82" s="6">
        <v>75945</v>
      </c>
      <c r="O82" s="6">
        <v>209361</v>
      </c>
      <c r="P82" s="6">
        <v>6783</v>
      </c>
      <c r="Q82" s="6">
        <v>4678</v>
      </c>
      <c r="R82" s="6">
        <v>68878</v>
      </c>
      <c r="S82" s="6">
        <v>52040</v>
      </c>
      <c r="T82" s="10" t="s">
        <v>55</v>
      </c>
      <c r="U82" s="6">
        <v>324470</v>
      </c>
      <c r="V82" s="6">
        <v>387347</v>
      </c>
    </row>
    <row r="83" spans="1:22">
      <c r="A83" s="9" t="s">
        <v>27</v>
      </c>
      <c r="B83" s="9" t="s">
        <v>28</v>
      </c>
      <c r="C83" s="9" t="s">
        <v>76</v>
      </c>
      <c r="D83" s="9" t="s">
        <v>77</v>
      </c>
      <c r="E83" s="9" t="s">
        <v>28</v>
      </c>
      <c r="F83" s="9" t="s">
        <v>76</v>
      </c>
      <c r="G83" s="9" t="s">
        <v>78</v>
      </c>
      <c r="H83" s="9" t="s">
        <v>54</v>
      </c>
      <c r="I83" s="9" t="s">
        <v>55</v>
      </c>
      <c r="J83" s="9" t="s">
        <v>146</v>
      </c>
      <c r="K83" s="6">
        <v>757213</v>
      </c>
      <c r="L83" s="6">
        <v>197041</v>
      </c>
      <c r="M83" s="6">
        <v>58167</v>
      </c>
      <c r="N83" s="6">
        <v>3181</v>
      </c>
      <c r="O83" s="6">
        <v>135693</v>
      </c>
      <c r="P83" s="6">
        <v>12313</v>
      </c>
      <c r="Q83" s="6">
        <v>7471</v>
      </c>
      <c r="R83" s="6">
        <v>69545</v>
      </c>
      <c r="S83" s="6">
        <v>469271</v>
      </c>
      <c r="T83" s="10" t="s">
        <v>55</v>
      </c>
      <c r="U83" s="6">
        <v>1572</v>
      </c>
      <c r="V83" s="6">
        <v>209354</v>
      </c>
    </row>
    <row r="84" spans="1:22">
      <c r="A84" s="9" t="s">
        <v>27</v>
      </c>
      <c r="B84" s="9" t="s">
        <v>28</v>
      </c>
      <c r="C84" s="9" t="s">
        <v>76</v>
      </c>
      <c r="D84" s="9" t="s">
        <v>77</v>
      </c>
      <c r="E84" s="9" t="s">
        <v>28</v>
      </c>
      <c r="F84" s="9" t="s">
        <v>76</v>
      </c>
      <c r="G84" s="9" t="s">
        <v>78</v>
      </c>
      <c r="H84" s="9" t="s">
        <v>54</v>
      </c>
      <c r="I84" s="9" t="s">
        <v>55</v>
      </c>
      <c r="J84" s="9" t="s">
        <v>147</v>
      </c>
      <c r="K84" s="6">
        <v>3584329</v>
      </c>
      <c r="L84" s="6">
        <v>3075460</v>
      </c>
      <c r="M84" s="6">
        <v>1704312</v>
      </c>
      <c r="N84" s="6">
        <v>232131</v>
      </c>
      <c r="O84" s="6">
        <v>1139017</v>
      </c>
      <c r="P84" s="6">
        <v>216103</v>
      </c>
      <c r="Q84" s="6">
        <v>8144</v>
      </c>
      <c r="R84" s="6">
        <v>47892</v>
      </c>
      <c r="S84" s="6">
        <v>155564</v>
      </c>
      <c r="T84" s="6">
        <v>59269</v>
      </c>
      <c r="U84" s="6">
        <v>21897</v>
      </c>
      <c r="V84" s="6">
        <v>3291563</v>
      </c>
    </row>
    <row r="85" spans="1:22">
      <c r="A85" s="9" t="s">
        <v>27</v>
      </c>
      <c r="B85" s="9" t="s">
        <v>28</v>
      </c>
      <c r="C85" s="9" t="s">
        <v>76</v>
      </c>
      <c r="D85" s="9" t="s">
        <v>77</v>
      </c>
      <c r="E85" s="9" t="s">
        <v>28</v>
      </c>
      <c r="F85" s="9" t="s">
        <v>76</v>
      </c>
      <c r="G85" s="9" t="s">
        <v>78</v>
      </c>
      <c r="H85" s="9" t="s">
        <v>54</v>
      </c>
      <c r="I85" s="9" t="s">
        <v>55</v>
      </c>
      <c r="J85" s="9" t="s">
        <v>148</v>
      </c>
      <c r="K85" s="6">
        <v>20962963</v>
      </c>
      <c r="L85" s="6">
        <v>18707975</v>
      </c>
      <c r="M85" s="6">
        <v>8874016</v>
      </c>
      <c r="N85" s="6">
        <v>572560</v>
      </c>
      <c r="O85" s="6">
        <v>9261399</v>
      </c>
      <c r="P85" s="6">
        <v>534720</v>
      </c>
      <c r="Q85" s="6">
        <v>176066</v>
      </c>
      <c r="R85" s="6">
        <v>808849</v>
      </c>
      <c r="S85" s="6">
        <v>603238</v>
      </c>
      <c r="T85" s="6">
        <v>13507</v>
      </c>
      <c r="U85" s="6">
        <v>118608</v>
      </c>
      <c r="V85" s="6">
        <v>19242695</v>
      </c>
    </row>
    <row r="86" spans="1:22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6</v>
      </c>
      <c r="I86" s="9" t="s">
        <v>55</v>
      </c>
      <c r="J86" s="9" t="s">
        <v>6</v>
      </c>
      <c r="K86" s="6">
        <v>819259</v>
      </c>
      <c r="L86" s="6">
        <v>635766</v>
      </c>
      <c r="M86" s="6">
        <v>424419</v>
      </c>
      <c r="N86" s="6">
        <v>16888</v>
      </c>
      <c r="O86" s="6">
        <v>194459</v>
      </c>
      <c r="P86" s="6">
        <v>42518</v>
      </c>
      <c r="Q86" s="6">
        <v>20084</v>
      </c>
      <c r="R86" s="6">
        <v>67253</v>
      </c>
      <c r="S86" s="6">
        <v>41988</v>
      </c>
      <c r="T86" s="6">
        <v>736</v>
      </c>
      <c r="U86" s="6">
        <v>10914</v>
      </c>
      <c r="V86" s="6">
        <v>678284</v>
      </c>
    </row>
    <row r="87" spans="1:22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6</v>
      </c>
      <c r="I87" s="9" t="s">
        <v>122</v>
      </c>
      <c r="J87" s="9" t="s">
        <v>123</v>
      </c>
      <c r="K87" s="6">
        <v>67973</v>
      </c>
      <c r="L87" s="6">
        <v>14648</v>
      </c>
      <c r="M87" s="6">
        <v>7129</v>
      </c>
      <c r="N87" s="6">
        <v>278</v>
      </c>
      <c r="O87" s="6">
        <v>7241</v>
      </c>
      <c r="P87" s="6">
        <v>1587</v>
      </c>
      <c r="Q87" s="6">
        <v>4721</v>
      </c>
      <c r="R87" s="6">
        <v>22616</v>
      </c>
      <c r="S87" s="6">
        <v>24267</v>
      </c>
      <c r="T87" s="10" t="s">
        <v>55</v>
      </c>
      <c r="U87" s="6">
        <v>134</v>
      </c>
      <c r="V87" s="6">
        <v>16235</v>
      </c>
    </row>
    <row r="88" spans="1:22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6</v>
      </c>
      <c r="I88" s="9" t="s">
        <v>122</v>
      </c>
      <c r="J88" s="9" t="s">
        <v>124</v>
      </c>
      <c r="K88" s="6">
        <v>65575</v>
      </c>
      <c r="L88" s="6">
        <v>12853</v>
      </c>
      <c r="M88" s="6">
        <v>5618</v>
      </c>
      <c r="N88" s="6">
        <v>262</v>
      </c>
      <c r="O88" s="6">
        <v>6973</v>
      </c>
      <c r="P88" s="6">
        <v>1417</v>
      </c>
      <c r="Q88" s="6">
        <v>4633</v>
      </c>
      <c r="R88" s="6">
        <v>22398</v>
      </c>
      <c r="S88" s="6">
        <v>24149</v>
      </c>
      <c r="T88" s="10" t="s">
        <v>55</v>
      </c>
      <c r="U88" s="6">
        <v>125</v>
      </c>
      <c r="V88" s="6">
        <v>14270</v>
      </c>
    </row>
    <row r="89" spans="1:22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6</v>
      </c>
      <c r="I89" s="9" t="s">
        <v>122</v>
      </c>
      <c r="J89" s="9" t="s">
        <v>125</v>
      </c>
      <c r="K89" s="6">
        <v>3795</v>
      </c>
      <c r="L89" s="6">
        <v>1061</v>
      </c>
      <c r="M89" s="6">
        <v>754</v>
      </c>
      <c r="N89" s="6">
        <v>4</v>
      </c>
      <c r="O89" s="6">
        <v>303</v>
      </c>
      <c r="P89" s="6">
        <v>199</v>
      </c>
      <c r="Q89" s="6">
        <v>319</v>
      </c>
      <c r="R89" s="6">
        <v>1195</v>
      </c>
      <c r="S89" s="6">
        <v>1015</v>
      </c>
      <c r="T89" s="10" t="s">
        <v>55</v>
      </c>
      <c r="U89" s="6">
        <v>6</v>
      </c>
      <c r="V89" s="6">
        <v>1260</v>
      </c>
    </row>
    <row r="90" spans="1:22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6</v>
      </c>
      <c r="I90" s="9" t="s">
        <v>126</v>
      </c>
      <c r="J90" s="9" t="s">
        <v>127</v>
      </c>
      <c r="K90" s="6">
        <v>330</v>
      </c>
      <c r="L90" s="6">
        <v>283</v>
      </c>
      <c r="M90" s="6">
        <v>247</v>
      </c>
      <c r="N90" s="6">
        <v>2</v>
      </c>
      <c r="O90" s="6">
        <v>34</v>
      </c>
      <c r="P90" s="6">
        <v>36</v>
      </c>
      <c r="Q90" s="6">
        <v>2</v>
      </c>
      <c r="R90" s="6">
        <v>3</v>
      </c>
      <c r="S90" s="6">
        <v>2</v>
      </c>
      <c r="T90" s="10" t="s">
        <v>55</v>
      </c>
      <c r="U90" s="6">
        <v>4</v>
      </c>
      <c r="V90" s="6">
        <v>319</v>
      </c>
    </row>
    <row r="91" spans="1:22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6</v>
      </c>
      <c r="I91" s="9" t="s">
        <v>126</v>
      </c>
      <c r="J91" s="9" t="s">
        <v>128</v>
      </c>
      <c r="K91" s="6">
        <v>66649</v>
      </c>
      <c r="L91" s="6">
        <v>42027</v>
      </c>
      <c r="M91" s="6">
        <v>36359</v>
      </c>
      <c r="N91" s="6">
        <v>357</v>
      </c>
      <c r="O91" s="6">
        <v>5311</v>
      </c>
      <c r="P91" s="6">
        <v>9878</v>
      </c>
      <c r="Q91" s="6">
        <v>2902</v>
      </c>
      <c r="R91" s="6">
        <v>8791</v>
      </c>
      <c r="S91" s="6">
        <v>2624</v>
      </c>
      <c r="T91" s="10" t="s">
        <v>55</v>
      </c>
      <c r="U91" s="6">
        <v>427</v>
      </c>
      <c r="V91" s="6">
        <v>51905</v>
      </c>
    </row>
    <row r="92" spans="1:22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6</v>
      </c>
      <c r="I92" s="9" t="s">
        <v>126</v>
      </c>
      <c r="J92" s="9" t="s">
        <v>129</v>
      </c>
      <c r="K92" s="6">
        <v>102986</v>
      </c>
      <c r="L92" s="6">
        <v>93823</v>
      </c>
      <c r="M92" s="6">
        <v>69044</v>
      </c>
      <c r="N92" s="6">
        <v>6375</v>
      </c>
      <c r="O92" s="6">
        <v>18404</v>
      </c>
      <c r="P92" s="6">
        <v>3818</v>
      </c>
      <c r="Q92" s="6">
        <v>579</v>
      </c>
      <c r="R92" s="6">
        <v>2585</v>
      </c>
      <c r="S92" s="6">
        <v>1029</v>
      </c>
      <c r="T92" s="6">
        <v>622</v>
      </c>
      <c r="U92" s="6">
        <v>530</v>
      </c>
      <c r="V92" s="6">
        <v>97641</v>
      </c>
    </row>
    <row r="93" spans="1:22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6</v>
      </c>
      <c r="I93" s="9" t="s">
        <v>130</v>
      </c>
      <c r="J93" s="9" t="s">
        <v>131</v>
      </c>
      <c r="K93" s="6">
        <v>3232</v>
      </c>
      <c r="L93" s="6">
        <v>3099</v>
      </c>
      <c r="M93" s="6">
        <v>2694</v>
      </c>
      <c r="N93" s="6">
        <v>84</v>
      </c>
      <c r="O93" s="6">
        <v>321</v>
      </c>
      <c r="P93" s="6">
        <v>82</v>
      </c>
      <c r="Q93" s="6">
        <v>3</v>
      </c>
      <c r="R93" s="6">
        <v>25</v>
      </c>
      <c r="S93" s="6">
        <v>6</v>
      </c>
      <c r="T93" s="10" t="s">
        <v>55</v>
      </c>
      <c r="U93" s="6">
        <v>17</v>
      </c>
      <c r="V93" s="6">
        <v>3181</v>
      </c>
    </row>
    <row r="94" spans="1:22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6</v>
      </c>
      <c r="I94" s="9" t="s">
        <v>130</v>
      </c>
      <c r="J94" s="9" t="s">
        <v>132</v>
      </c>
      <c r="K94" s="6">
        <v>9908</v>
      </c>
      <c r="L94" s="6">
        <v>8250</v>
      </c>
      <c r="M94" s="6">
        <v>6649</v>
      </c>
      <c r="N94" s="6">
        <v>421</v>
      </c>
      <c r="O94" s="6">
        <v>1180</v>
      </c>
      <c r="P94" s="6">
        <v>787</v>
      </c>
      <c r="Q94" s="6">
        <v>49</v>
      </c>
      <c r="R94" s="6">
        <v>733</v>
      </c>
      <c r="S94" s="6">
        <v>47</v>
      </c>
      <c r="T94" s="10" t="s">
        <v>55</v>
      </c>
      <c r="U94" s="6">
        <v>42</v>
      </c>
      <c r="V94" s="6">
        <v>9037</v>
      </c>
    </row>
    <row r="95" spans="1:22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6</v>
      </c>
      <c r="I95" s="9" t="s">
        <v>130</v>
      </c>
      <c r="J95" s="9" t="s">
        <v>133</v>
      </c>
      <c r="K95" s="6">
        <v>31966</v>
      </c>
      <c r="L95" s="6">
        <v>28790</v>
      </c>
      <c r="M95" s="6">
        <v>23105</v>
      </c>
      <c r="N95" s="6">
        <v>804</v>
      </c>
      <c r="O95" s="6">
        <v>4881</v>
      </c>
      <c r="P95" s="6">
        <v>1444</v>
      </c>
      <c r="Q95" s="6">
        <v>155</v>
      </c>
      <c r="R95" s="6">
        <v>1157</v>
      </c>
      <c r="S95" s="6">
        <v>142</v>
      </c>
      <c r="T95" s="10" t="s">
        <v>55</v>
      </c>
      <c r="U95" s="6">
        <v>278</v>
      </c>
      <c r="V95" s="6">
        <v>30234</v>
      </c>
    </row>
    <row r="96" spans="1:22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6</v>
      </c>
      <c r="I96" s="9" t="s">
        <v>130</v>
      </c>
      <c r="J96" s="9" t="s">
        <v>134</v>
      </c>
      <c r="K96" s="6">
        <v>120546</v>
      </c>
      <c r="L96" s="6">
        <v>98730</v>
      </c>
      <c r="M96" s="6">
        <v>51626</v>
      </c>
      <c r="N96" s="6">
        <v>1483</v>
      </c>
      <c r="O96" s="6">
        <v>45621</v>
      </c>
      <c r="P96" s="6">
        <v>8556</v>
      </c>
      <c r="Q96" s="6">
        <v>2565</v>
      </c>
      <c r="R96" s="6">
        <v>6169</v>
      </c>
      <c r="S96" s="6">
        <v>3906</v>
      </c>
      <c r="T96" s="10" t="s">
        <v>55</v>
      </c>
      <c r="U96" s="6">
        <v>620</v>
      </c>
      <c r="V96" s="6">
        <v>107286</v>
      </c>
    </row>
    <row r="97" spans="1:22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6</v>
      </c>
      <c r="I97" s="9" t="s">
        <v>130</v>
      </c>
      <c r="J97" s="9" t="s">
        <v>135</v>
      </c>
      <c r="K97" s="6">
        <v>15288</v>
      </c>
      <c r="L97" s="6">
        <v>13737</v>
      </c>
      <c r="M97" s="6">
        <v>11456</v>
      </c>
      <c r="N97" s="6">
        <v>265</v>
      </c>
      <c r="O97" s="6">
        <v>2016</v>
      </c>
      <c r="P97" s="6">
        <v>881</v>
      </c>
      <c r="Q97" s="6">
        <v>102</v>
      </c>
      <c r="R97" s="6">
        <v>434</v>
      </c>
      <c r="S97" s="6">
        <v>47</v>
      </c>
      <c r="T97" s="10" t="s">
        <v>55</v>
      </c>
      <c r="U97" s="6">
        <v>87</v>
      </c>
      <c r="V97" s="6">
        <v>14618</v>
      </c>
    </row>
    <row r="98" spans="1:22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6</v>
      </c>
      <c r="I98" s="9" t="s">
        <v>130</v>
      </c>
      <c r="J98" s="9" t="s">
        <v>136</v>
      </c>
      <c r="K98" s="6">
        <v>12585</v>
      </c>
      <c r="L98" s="6">
        <v>7755</v>
      </c>
      <c r="M98" s="6">
        <v>5117</v>
      </c>
      <c r="N98" s="6">
        <v>171</v>
      </c>
      <c r="O98" s="6">
        <v>2467</v>
      </c>
      <c r="P98" s="6">
        <v>2557</v>
      </c>
      <c r="Q98" s="6">
        <v>299</v>
      </c>
      <c r="R98" s="6">
        <v>1424</v>
      </c>
      <c r="S98" s="6">
        <v>481</v>
      </c>
      <c r="T98" s="10" t="s">
        <v>55</v>
      </c>
      <c r="U98" s="6">
        <v>69</v>
      </c>
      <c r="V98" s="6">
        <v>10312</v>
      </c>
    </row>
    <row r="99" spans="1:22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6</v>
      </c>
      <c r="I99" s="9" t="s">
        <v>130</v>
      </c>
      <c r="J99" s="9" t="s">
        <v>137</v>
      </c>
      <c r="K99" s="6">
        <v>20488</v>
      </c>
      <c r="L99" s="6">
        <v>12988</v>
      </c>
      <c r="M99" s="6">
        <v>10003</v>
      </c>
      <c r="N99" s="6">
        <v>328</v>
      </c>
      <c r="O99" s="6">
        <v>2657</v>
      </c>
      <c r="P99" s="6">
        <v>2169</v>
      </c>
      <c r="Q99" s="6">
        <v>1205</v>
      </c>
      <c r="R99" s="6">
        <v>3032</v>
      </c>
      <c r="S99" s="6">
        <v>1018</v>
      </c>
      <c r="T99" s="10" t="s">
        <v>55</v>
      </c>
      <c r="U99" s="6">
        <v>76</v>
      </c>
      <c r="V99" s="6">
        <v>15157</v>
      </c>
    </row>
    <row r="100" spans="1:22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6</v>
      </c>
      <c r="I100" s="9" t="s">
        <v>130</v>
      </c>
      <c r="J100" s="9" t="s">
        <v>138</v>
      </c>
      <c r="K100" s="6">
        <v>42226</v>
      </c>
      <c r="L100" s="6">
        <v>32425</v>
      </c>
      <c r="M100" s="6">
        <v>10129</v>
      </c>
      <c r="N100" s="6">
        <v>451</v>
      </c>
      <c r="O100" s="6">
        <v>21845</v>
      </c>
      <c r="P100" s="6">
        <v>1778</v>
      </c>
      <c r="Q100" s="6">
        <v>2559</v>
      </c>
      <c r="R100" s="6">
        <v>2739</v>
      </c>
      <c r="S100" s="6">
        <v>2500</v>
      </c>
      <c r="T100" s="10" t="s">
        <v>55</v>
      </c>
      <c r="U100" s="6">
        <v>225</v>
      </c>
      <c r="V100" s="6">
        <v>34203</v>
      </c>
    </row>
    <row r="101" spans="1:22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6</v>
      </c>
      <c r="I101" s="9" t="s">
        <v>130</v>
      </c>
      <c r="J101" s="9" t="s">
        <v>139</v>
      </c>
      <c r="K101" s="6">
        <v>28641</v>
      </c>
      <c r="L101" s="6">
        <v>19119</v>
      </c>
      <c r="M101" s="6">
        <v>9747</v>
      </c>
      <c r="N101" s="6">
        <v>312</v>
      </c>
      <c r="O101" s="6">
        <v>9060</v>
      </c>
      <c r="P101" s="6">
        <v>1192</v>
      </c>
      <c r="Q101" s="6">
        <v>1471</v>
      </c>
      <c r="R101" s="6">
        <v>5047</v>
      </c>
      <c r="S101" s="6">
        <v>1638</v>
      </c>
      <c r="T101" s="6">
        <v>16</v>
      </c>
      <c r="U101" s="6">
        <v>158</v>
      </c>
      <c r="V101" s="6">
        <v>20311</v>
      </c>
    </row>
    <row r="102" spans="1:22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6</v>
      </c>
      <c r="I102" s="9" t="s">
        <v>130</v>
      </c>
      <c r="J102" s="9" t="s">
        <v>140</v>
      </c>
      <c r="K102" s="6">
        <v>39550</v>
      </c>
      <c r="L102" s="6">
        <v>36119</v>
      </c>
      <c r="M102" s="6">
        <v>24782</v>
      </c>
      <c r="N102" s="6">
        <v>407</v>
      </c>
      <c r="O102" s="6">
        <v>10930</v>
      </c>
      <c r="P102" s="6">
        <v>562</v>
      </c>
      <c r="Q102" s="6">
        <v>416</v>
      </c>
      <c r="R102" s="6">
        <v>2125</v>
      </c>
      <c r="S102" s="6">
        <v>181</v>
      </c>
      <c r="T102" s="10" t="s">
        <v>55</v>
      </c>
      <c r="U102" s="6">
        <v>147</v>
      </c>
      <c r="V102" s="6">
        <v>36681</v>
      </c>
    </row>
    <row r="103" spans="1:22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6</v>
      </c>
      <c r="I103" s="9" t="s">
        <v>130</v>
      </c>
      <c r="J103" s="9" t="s">
        <v>141</v>
      </c>
      <c r="K103" s="6">
        <v>141943</v>
      </c>
      <c r="L103" s="6">
        <v>133112</v>
      </c>
      <c r="M103" s="6">
        <v>93191</v>
      </c>
      <c r="N103" s="6">
        <v>1877</v>
      </c>
      <c r="O103" s="6">
        <v>38044</v>
      </c>
      <c r="P103" s="6">
        <v>3524</v>
      </c>
      <c r="Q103" s="6">
        <v>1717</v>
      </c>
      <c r="R103" s="6">
        <v>1532</v>
      </c>
      <c r="S103" s="6">
        <v>1233</v>
      </c>
      <c r="T103" s="10" t="s">
        <v>55</v>
      </c>
      <c r="U103" s="6">
        <v>825</v>
      </c>
      <c r="V103" s="6">
        <v>136636</v>
      </c>
    </row>
    <row r="104" spans="1:22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6</v>
      </c>
      <c r="I104" s="9" t="s">
        <v>130</v>
      </c>
      <c r="J104" s="9" t="s">
        <v>142</v>
      </c>
      <c r="K104" s="6">
        <v>10095</v>
      </c>
      <c r="L104" s="6">
        <v>9750</v>
      </c>
      <c r="M104" s="6">
        <v>7097</v>
      </c>
      <c r="N104" s="6">
        <v>161</v>
      </c>
      <c r="O104" s="6">
        <v>2492</v>
      </c>
      <c r="P104" s="6">
        <v>122</v>
      </c>
      <c r="Q104" s="6">
        <v>86</v>
      </c>
      <c r="R104" s="6">
        <v>38</v>
      </c>
      <c r="S104" s="6">
        <v>39</v>
      </c>
      <c r="T104" s="10" t="s">
        <v>55</v>
      </c>
      <c r="U104" s="6">
        <v>60</v>
      </c>
      <c r="V104" s="6">
        <v>9872</v>
      </c>
    </row>
    <row r="105" spans="1:22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6</v>
      </c>
      <c r="I105" s="9" t="s">
        <v>130</v>
      </c>
      <c r="J105" s="9" t="s">
        <v>143</v>
      </c>
      <c r="K105" s="6">
        <v>47687</v>
      </c>
      <c r="L105" s="6">
        <v>37024</v>
      </c>
      <c r="M105" s="6">
        <v>21745</v>
      </c>
      <c r="N105" s="6">
        <v>1984</v>
      </c>
      <c r="O105" s="6">
        <v>13295</v>
      </c>
      <c r="P105" s="6">
        <v>3109</v>
      </c>
      <c r="Q105" s="6">
        <v>648</v>
      </c>
      <c r="R105" s="6">
        <v>5414</v>
      </c>
      <c r="S105" s="6">
        <v>1034</v>
      </c>
      <c r="T105" s="6">
        <v>98</v>
      </c>
      <c r="U105" s="6">
        <v>360</v>
      </c>
      <c r="V105" s="6">
        <v>40133</v>
      </c>
    </row>
    <row r="106" spans="1:22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6</v>
      </c>
      <c r="I106" s="9" t="s">
        <v>130</v>
      </c>
      <c r="J106" s="9" t="s">
        <v>144</v>
      </c>
      <c r="K106" s="6">
        <v>36696</v>
      </c>
      <c r="L106" s="6">
        <v>36695</v>
      </c>
      <c r="M106" s="6">
        <v>31055</v>
      </c>
      <c r="N106" s="6">
        <v>226</v>
      </c>
      <c r="O106" s="6">
        <v>5414</v>
      </c>
      <c r="P106" s="10" t="s">
        <v>55</v>
      </c>
      <c r="Q106" s="10" t="s">
        <v>55</v>
      </c>
      <c r="R106" s="10" t="s">
        <v>55</v>
      </c>
      <c r="S106" s="10" t="s">
        <v>55</v>
      </c>
      <c r="T106" s="10" t="s">
        <v>55</v>
      </c>
      <c r="U106" s="6">
        <v>1</v>
      </c>
      <c r="V106" s="6">
        <v>36695</v>
      </c>
    </row>
    <row r="107" spans="1:22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6</v>
      </c>
      <c r="I107" s="9" t="s">
        <v>55</v>
      </c>
      <c r="J107" s="9" t="s">
        <v>145</v>
      </c>
      <c r="K107" s="6">
        <v>16675</v>
      </c>
      <c r="L107" s="6">
        <v>6331</v>
      </c>
      <c r="M107" s="6">
        <v>2490</v>
      </c>
      <c r="N107" s="6">
        <v>898</v>
      </c>
      <c r="O107" s="6">
        <v>2943</v>
      </c>
      <c r="P107" s="6">
        <v>237</v>
      </c>
      <c r="Q107" s="6">
        <v>286</v>
      </c>
      <c r="R107" s="6">
        <v>2194</v>
      </c>
      <c r="S107" s="6">
        <v>779</v>
      </c>
      <c r="T107" s="10" t="s">
        <v>55</v>
      </c>
      <c r="U107" s="6">
        <v>6848</v>
      </c>
      <c r="V107" s="6">
        <v>6568</v>
      </c>
    </row>
    <row r="108" spans="1:22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6</v>
      </c>
      <c r="I108" s="9" t="s">
        <v>55</v>
      </c>
      <c r="J108" s="9" t="s">
        <v>146</v>
      </c>
      <c r="K108" s="6">
        <v>71768</v>
      </c>
      <c r="L108" s="6">
        <v>15709</v>
      </c>
      <c r="M108" s="6">
        <v>7883</v>
      </c>
      <c r="N108" s="6">
        <v>282</v>
      </c>
      <c r="O108" s="6">
        <v>7544</v>
      </c>
      <c r="P108" s="6">
        <v>1786</v>
      </c>
      <c r="Q108" s="6">
        <v>5040</v>
      </c>
      <c r="R108" s="6">
        <v>23811</v>
      </c>
      <c r="S108" s="6">
        <v>25282</v>
      </c>
      <c r="T108" s="10" t="s">
        <v>55</v>
      </c>
      <c r="U108" s="6">
        <v>140</v>
      </c>
      <c r="V108" s="6">
        <v>17495</v>
      </c>
    </row>
    <row r="109" spans="1:22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6</v>
      </c>
      <c r="I109" s="9" t="s">
        <v>55</v>
      </c>
      <c r="J109" s="9" t="s">
        <v>147</v>
      </c>
      <c r="K109" s="6">
        <v>169965</v>
      </c>
      <c r="L109" s="6">
        <v>136133</v>
      </c>
      <c r="M109" s="6">
        <v>105650</v>
      </c>
      <c r="N109" s="6">
        <v>6734</v>
      </c>
      <c r="O109" s="6">
        <v>23749</v>
      </c>
      <c r="P109" s="6">
        <v>13732</v>
      </c>
      <c r="Q109" s="6">
        <v>3483</v>
      </c>
      <c r="R109" s="6">
        <v>11379</v>
      </c>
      <c r="S109" s="6">
        <v>3655</v>
      </c>
      <c r="T109" s="6">
        <v>622</v>
      </c>
      <c r="U109" s="6">
        <v>961</v>
      </c>
      <c r="V109" s="6">
        <v>149865</v>
      </c>
    </row>
    <row r="110" spans="1:22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6</v>
      </c>
      <c r="I110" s="9" t="s">
        <v>55</v>
      </c>
      <c r="J110" s="9" t="s">
        <v>148</v>
      </c>
      <c r="K110" s="6">
        <v>560851</v>
      </c>
      <c r="L110" s="6">
        <v>477593</v>
      </c>
      <c r="M110" s="6">
        <v>308396</v>
      </c>
      <c r="N110" s="6">
        <v>8974</v>
      </c>
      <c r="O110" s="6">
        <v>160223</v>
      </c>
      <c r="P110" s="6">
        <v>26763</v>
      </c>
      <c r="Q110" s="6">
        <v>11275</v>
      </c>
      <c r="R110" s="6">
        <v>29869</v>
      </c>
      <c r="S110" s="6">
        <v>12272</v>
      </c>
      <c r="T110" s="6">
        <v>114</v>
      </c>
      <c r="U110" s="6">
        <v>2965</v>
      </c>
      <c r="V110" s="6">
        <v>504356</v>
      </c>
    </row>
    <row r="111" spans="1:22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53</v>
      </c>
      <c r="I111" s="9" t="s">
        <v>55</v>
      </c>
      <c r="J111" s="9" t="s">
        <v>6</v>
      </c>
      <c r="K111" s="6">
        <v>429368</v>
      </c>
      <c r="L111" s="6">
        <v>314234</v>
      </c>
      <c r="M111" s="6">
        <v>257340</v>
      </c>
      <c r="N111" s="6">
        <v>7312</v>
      </c>
      <c r="O111" s="6">
        <v>49582</v>
      </c>
      <c r="P111" s="6">
        <v>30324</v>
      </c>
      <c r="Q111" s="6">
        <v>16777</v>
      </c>
      <c r="R111" s="6">
        <v>52334</v>
      </c>
      <c r="S111" s="6">
        <v>9655</v>
      </c>
      <c r="T111" s="6">
        <v>64</v>
      </c>
      <c r="U111" s="6">
        <v>5980</v>
      </c>
      <c r="V111" s="6">
        <v>344558</v>
      </c>
    </row>
    <row r="112" spans="1:22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53</v>
      </c>
      <c r="I112" s="9" t="s">
        <v>122</v>
      </c>
      <c r="J112" s="9" t="s">
        <v>123</v>
      </c>
      <c r="K112" s="6">
        <v>39654</v>
      </c>
      <c r="L112" s="6">
        <v>7434</v>
      </c>
      <c r="M112" s="6">
        <v>4724</v>
      </c>
      <c r="N112" s="6">
        <v>139</v>
      </c>
      <c r="O112" s="6">
        <v>2571</v>
      </c>
      <c r="P112" s="6">
        <v>1157</v>
      </c>
      <c r="Q112" s="6">
        <v>4497</v>
      </c>
      <c r="R112" s="6">
        <v>20701</v>
      </c>
      <c r="S112" s="6">
        <v>5770</v>
      </c>
      <c r="T112" s="10" t="s">
        <v>55</v>
      </c>
      <c r="U112" s="6">
        <v>95</v>
      </c>
      <c r="V112" s="6">
        <v>8591</v>
      </c>
    </row>
    <row r="113" spans="1:22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53</v>
      </c>
      <c r="I113" s="9" t="s">
        <v>122</v>
      </c>
      <c r="J113" s="9" t="s">
        <v>124</v>
      </c>
      <c r="K113" s="6">
        <v>37649</v>
      </c>
      <c r="L113" s="6">
        <v>5906</v>
      </c>
      <c r="M113" s="6">
        <v>3380</v>
      </c>
      <c r="N113" s="6">
        <v>129</v>
      </c>
      <c r="O113" s="6">
        <v>2397</v>
      </c>
      <c r="P113" s="6">
        <v>1020</v>
      </c>
      <c r="Q113" s="6">
        <v>4412</v>
      </c>
      <c r="R113" s="6">
        <v>20487</v>
      </c>
      <c r="S113" s="6">
        <v>5737</v>
      </c>
      <c r="T113" s="10" t="s">
        <v>55</v>
      </c>
      <c r="U113" s="6">
        <v>87</v>
      </c>
      <c r="V113" s="6">
        <v>6926</v>
      </c>
    </row>
    <row r="114" spans="1:22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53</v>
      </c>
      <c r="I114" s="9" t="s">
        <v>122</v>
      </c>
      <c r="J114" s="9" t="s">
        <v>125</v>
      </c>
      <c r="K114" s="6">
        <v>2775</v>
      </c>
      <c r="L114" s="6">
        <v>787</v>
      </c>
      <c r="M114" s="6">
        <v>616</v>
      </c>
      <c r="N114" s="6">
        <v>4</v>
      </c>
      <c r="O114" s="6">
        <v>167</v>
      </c>
      <c r="P114" s="6">
        <v>145</v>
      </c>
      <c r="Q114" s="6">
        <v>312</v>
      </c>
      <c r="R114" s="6">
        <v>1178</v>
      </c>
      <c r="S114" s="6">
        <v>348</v>
      </c>
      <c r="T114" s="10" t="s">
        <v>55</v>
      </c>
      <c r="U114" s="6">
        <v>5</v>
      </c>
      <c r="V114" s="6">
        <v>932</v>
      </c>
    </row>
    <row r="115" spans="1:22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53</v>
      </c>
      <c r="I115" s="9" t="s">
        <v>126</v>
      </c>
      <c r="J115" s="9" t="s">
        <v>127</v>
      </c>
      <c r="K115" s="6">
        <v>274</v>
      </c>
      <c r="L115" s="6">
        <v>236</v>
      </c>
      <c r="M115" s="6">
        <v>212</v>
      </c>
      <c r="N115" s="6">
        <v>1</v>
      </c>
      <c r="O115" s="6">
        <v>23</v>
      </c>
      <c r="P115" s="6">
        <v>29</v>
      </c>
      <c r="Q115" s="6">
        <v>2</v>
      </c>
      <c r="R115" s="6">
        <v>3</v>
      </c>
      <c r="S115" s="10" t="s">
        <v>55</v>
      </c>
      <c r="T115" s="10" t="s">
        <v>55</v>
      </c>
      <c r="U115" s="6">
        <v>4</v>
      </c>
      <c r="V115" s="6">
        <v>265</v>
      </c>
    </row>
    <row r="116" spans="1:22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53</v>
      </c>
      <c r="I116" s="9" t="s">
        <v>126</v>
      </c>
      <c r="J116" s="9" t="s">
        <v>128</v>
      </c>
      <c r="K116" s="6">
        <v>54961</v>
      </c>
      <c r="L116" s="6">
        <v>34482</v>
      </c>
      <c r="M116" s="6">
        <v>30945</v>
      </c>
      <c r="N116" s="6">
        <v>171</v>
      </c>
      <c r="O116" s="6">
        <v>3366</v>
      </c>
      <c r="P116" s="6">
        <v>7624</v>
      </c>
      <c r="Q116" s="6">
        <v>2855</v>
      </c>
      <c r="R116" s="6">
        <v>8726</v>
      </c>
      <c r="S116" s="6">
        <v>890</v>
      </c>
      <c r="T116" s="10" t="s">
        <v>55</v>
      </c>
      <c r="U116" s="6">
        <v>384</v>
      </c>
      <c r="V116" s="6">
        <v>42106</v>
      </c>
    </row>
    <row r="117" spans="1:22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53</v>
      </c>
      <c r="I117" s="9" t="s">
        <v>126</v>
      </c>
      <c r="J117" s="9" t="s">
        <v>129</v>
      </c>
      <c r="K117" s="6">
        <v>67626</v>
      </c>
      <c r="L117" s="6">
        <v>61772</v>
      </c>
      <c r="M117" s="6">
        <v>52707</v>
      </c>
      <c r="N117" s="6">
        <v>3608</v>
      </c>
      <c r="O117" s="6">
        <v>5457</v>
      </c>
      <c r="P117" s="6">
        <v>2899</v>
      </c>
      <c r="Q117" s="6">
        <v>496</v>
      </c>
      <c r="R117" s="6">
        <v>1777</v>
      </c>
      <c r="S117" s="6">
        <v>267</v>
      </c>
      <c r="T117" s="6">
        <v>55</v>
      </c>
      <c r="U117" s="6">
        <v>360</v>
      </c>
      <c r="V117" s="6">
        <v>64671</v>
      </c>
    </row>
    <row r="118" spans="1:22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53</v>
      </c>
      <c r="I118" s="9" t="s">
        <v>130</v>
      </c>
      <c r="J118" s="9" t="s">
        <v>131</v>
      </c>
      <c r="K118" s="6">
        <v>2704</v>
      </c>
      <c r="L118" s="6">
        <v>2607</v>
      </c>
      <c r="M118" s="6">
        <v>2413</v>
      </c>
      <c r="N118" s="6">
        <v>20</v>
      </c>
      <c r="O118" s="6">
        <v>174</v>
      </c>
      <c r="P118" s="6">
        <v>62</v>
      </c>
      <c r="Q118" s="6">
        <v>3</v>
      </c>
      <c r="R118" s="6">
        <v>19</v>
      </c>
      <c r="S118" s="10" t="s">
        <v>55</v>
      </c>
      <c r="T118" s="10" t="s">
        <v>55</v>
      </c>
      <c r="U118" s="6">
        <v>13</v>
      </c>
      <c r="V118" s="6">
        <v>2669</v>
      </c>
    </row>
    <row r="119" spans="1:22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53</v>
      </c>
      <c r="I119" s="9" t="s">
        <v>130</v>
      </c>
      <c r="J119" s="9" t="s">
        <v>132</v>
      </c>
      <c r="K119" s="6">
        <v>6699</v>
      </c>
      <c r="L119" s="6">
        <v>5482</v>
      </c>
      <c r="M119" s="6">
        <v>4857</v>
      </c>
      <c r="N119" s="6">
        <v>228</v>
      </c>
      <c r="O119" s="6">
        <v>397</v>
      </c>
      <c r="P119" s="6">
        <v>635</v>
      </c>
      <c r="Q119" s="6">
        <v>39</v>
      </c>
      <c r="R119" s="6">
        <v>506</v>
      </c>
      <c r="S119" s="6">
        <v>5</v>
      </c>
      <c r="T119" s="10" t="s">
        <v>55</v>
      </c>
      <c r="U119" s="6">
        <v>32</v>
      </c>
      <c r="V119" s="6">
        <v>6117</v>
      </c>
    </row>
    <row r="120" spans="1:22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53</v>
      </c>
      <c r="I120" s="9" t="s">
        <v>130</v>
      </c>
      <c r="J120" s="9" t="s">
        <v>133</v>
      </c>
      <c r="K120" s="6">
        <v>26628</v>
      </c>
      <c r="L120" s="6">
        <v>24009</v>
      </c>
      <c r="M120" s="6">
        <v>20719</v>
      </c>
      <c r="N120" s="6">
        <v>512</v>
      </c>
      <c r="O120" s="6">
        <v>2778</v>
      </c>
      <c r="P120" s="6">
        <v>1101</v>
      </c>
      <c r="Q120" s="6">
        <v>149</v>
      </c>
      <c r="R120" s="6">
        <v>1092</v>
      </c>
      <c r="S120" s="6">
        <v>39</v>
      </c>
      <c r="T120" s="10" t="s">
        <v>55</v>
      </c>
      <c r="U120" s="6">
        <v>238</v>
      </c>
      <c r="V120" s="6">
        <v>25110</v>
      </c>
    </row>
    <row r="121" spans="1:22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53</v>
      </c>
      <c r="I121" s="9" t="s">
        <v>130</v>
      </c>
      <c r="J121" s="9" t="s">
        <v>134</v>
      </c>
      <c r="K121" s="6">
        <v>55963</v>
      </c>
      <c r="L121" s="6">
        <v>42873</v>
      </c>
      <c r="M121" s="6">
        <v>32420</v>
      </c>
      <c r="N121" s="6">
        <v>459</v>
      </c>
      <c r="O121" s="6">
        <v>9994</v>
      </c>
      <c r="P121" s="6">
        <v>5921</v>
      </c>
      <c r="Q121" s="6">
        <v>2067</v>
      </c>
      <c r="R121" s="6">
        <v>3968</v>
      </c>
      <c r="S121" s="6">
        <v>802</v>
      </c>
      <c r="T121" s="10" t="s">
        <v>55</v>
      </c>
      <c r="U121" s="6">
        <v>332</v>
      </c>
      <c r="V121" s="6">
        <v>48794</v>
      </c>
    </row>
    <row r="122" spans="1:22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53</v>
      </c>
      <c r="I122" s="9" t="s">
        <v>130</v>
      </c>
      <c r="J122" s="9" t="s">
        <v>135</v>
      </c>
      <c r="K122" s="6">
        <v>6387</v>
      </c>
      <c r="L122" s="6">
        <v>5318</v>
      </c>
      <c r="M122" s="6">
        <v>5039</v>
      </c>
      <c r="N122" s="6">
        <v>37</v>
      </c>
      <c r="O122" s="6">
        <v>242</v>
      </c>
      <c r="P122" s="6">
        <v>659</v>
      </c>
      <c r="Q122" s="6">
        <v>73</v>
      </c>
      <c r="R122" s="6">
        <v>299</v>
      </c>
      <c r="S122" s="6">
        <v>6</v>
      </c>
      <c r="T122" s="10" t="s">
        <v>55</v>
      </c>
      <c r="U122" s="6">
        <v>32</v>
      </c>
      <c r="V122" s="6">
        <v>5977</v>
      </c>
    </row>
    <row r="123" spans="1:22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53</v>
      </c>
      <c r="I123" s="9" t="s">
        <v>130</v>
      </c>
      <c r="J123" s="9" t="s">
        <v>136</v>
      </c>
      <c r="K123" s="6">
        <v>7110</v>
      </c>
      <c r="L123" s="6">
        <v>4239</v>
      </c>
      <c r="M123" s="6">
        <v>3171</v>
      </c>
      <c r="N123" s="6">
        <v>96</v>
      </c>
      <c r="O123" s="6">
        <v>972</v>
      </c>
      <c r="P123" s="6">
        <v>1577</v>
      </c>
      <c r="Q123" s="6">
        <v>209</v>
      </c>
      <c r="R123" s="6">
        <v>957</v>
      </c>
      <c r="S123" s="6">
        <v>85</v>
      </c>
      <c r="T123" s="10" t="s">
        <v>55</v>
      </c>
      <c r="U123" s="6">
        <v>43</v>
      </c>
      <c r="V123" s="6">
        <v>5816</v>
      </c>
    </row>
    <row r="124" spans="1:22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53</v>
      </c>
      <c r="I124" s="9" t="s">
        <v>130</v>
      </c>
      <c r="J124" s="9" t="s">
        <v>137</v>
      </c>
      <c r="K124" s="6">
        <v>12551</v>
      </c>
      <c r="L124" s="6">
        <v>7289</v>
      </c>
      <c r="M124" s="6">
        <v>6459</v>
      </c>
      <c r="N124" s="6">
        <v>184</v>
      </c>
      <c r="O124" s="6">
        <v>646</v>
      </c>
      <c r="P124" s="6">
        <v>1680</v>
      </c>
      <c r="Q124" s="6">
        <v>1072</v>
      </c>
      <c r="R124" s="6">
        <v>2323</v>
      </c>
      <c r="S124" s="6">
        <v>134</v>
      </c>
      <c r="T124" s="10" t="s">
        <v>55</v>
      </c>
      <c r="U124" s="6">
        <v>53</v>
      </c>
      <c r="V124" s="6">
        <v>8969</v>
      </c>
    </row>
    <row r="125" spans="1:22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53</v>
      </c>
      <c r="I125" s="9" t="s">
        <v>130</v>
      </c>
      <c r="J125" s="9" t="s">
        <v>138</v>
      </c>
      <c r="K125" s="6">
        <v>15477</v>
      </c>
      <c r="L125" s="6">
        <v>10514</v>
      </c>
      <c r="M125" s="6">
        <v>5508</v>
      </c>
      <c r="N125" s="6">
        <v>117</v>
      </c>
      <c r="O125" s="6">
        <v>4889</v>
      </c>
      <c r="P125" s="6">
        <v>1071</v>
      </c>
      <c r="Q125" s="6">
        <v>1663</v>
      </c>
      <c r="R125" s="6">
        <v>1683</v>
      </c>
      <c r="S125" s="6">
        <v>449</v>
      </c>
      <c r="T125" s="10" t="s">
        <v>55</v>
      </c>
      <c r="U125" s="6">
        <v>97</v>
      </c>
      <c r="V125" s="6">
        <v>11585</v>
      </c>
    </row>
    <row r="126" spans="1:22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53</v>
      </c>
      <c r="I126" s="9" t="s">
        <v>130</v>
      </c>
      <c r="J126" s="9" t="s">
        <v>139</v>
      </c>
      <c r="K126" s="6">
        <v>11428</v>
      </c>
      <c r="L126" s="6">
        <v>7406</v>
      </c>
      <c r="M126" s="6">
        <v>5041</v>
      </c>
      <c r="N126" s="6">
        <v>118</v>
      </c>
      <c r="O126" s="6">
        <v>2247</v>
      </c>
      <c r="P126" s="6">
        <v>722</v>
      </c>
      <c r="Q126" s="6">
        <v>869</v>
      </c>
      <c r="R126" s="6">
        <v>2076</v>
      </c>
      <c r="S126" s="6">
        <v>276</v>
      </c>
      <c r="T126" s="6">
        <v>2</v>
      </c>
      <c r="U126" s="6">
        <v>77</v>
      </c>
      <c r="V126" s="6">
        <v>8128</v>
      </c>
    </row>
    <row r="127" spans="1:22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53</v>
      </c>
      <c r="I127" s="9" t="s">
        <v>130</v>
      </c>
      <c r="J127" s="9" t="s">
        <v>140</v>
      </c>
      <c r="K127" s="6">
        <v>16490</v>
      </c>
      <c r="L127" s="6">
        <v>15345</v>
      </c>
      <c r="M127" s="6">
        <v>12238</v>
      </c>
      <c r="N127" s="6">
        <v>151</v>
      </c>
      <c r="O127" s="6">
        <v>2956</v>
      </c>
      <c r="P127" s="6">
        <v>342</v>
      </c>
      <c r="Q127" s="6">
        <v>140</v>
      </c>
      <c r="R127" s="6">
        <v>555</v>
      </c>
      <c r="S127" s="6">
        <v>36</v>
      </c>
      <c r="T127" s="10" t="s">
        <v>55</v>
      </c>
      <c r="U127" s="6">
        <v>72</v>
      </c>
      <c r="V127" s="6">
        <v>15687</v>
      </c>
    </row>
    <row r="128" spans="1:22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53</v>
      </c>
      <c r="I128" s="9" t="s">
        <v>130</v>
      </c>
      <c r="J128" s="9" t="s">
        <v>141</v>
      </c>
      <c r="K128" s="6">
        <v>34315</v>
      </c>
      <c r="L128" s="6">
        <v>29435</v>
      </c>
      <c r="M128" s="6">
        <v>24831</v>
      </c>
      <c r="N128" s="6">
        <v>314</v>
      </c>
      <c r="O128" s="6">
        <v>4290</v>
      </c>
      <c r="P128" s="6">
        <v>2053</v>
      </c>
      <c r="Q128" s="6">
        <v>1486</v>
      </c>
      <c r="R128" s="6">
        <v>1038</v>
      </c>
      <c r="S128" s="6">
        <v>99</v>
      </c>
      <c r="T128" s="10" t="s">
        <v>55</v>
      </c>
      <c r="U128" s="6">
        <v>204</v>
      </c>
      <c r="V128" s="6">
        <v>31488</v>
      </c>
    </row>
    <row r="129" spans="1:22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53</v>
      </c>
      <c r="I129" s="9" t="s">
        <v>130</v>
      </c>
      <c r="J129" s="9" t="s">
        <v>142</v>
      </c>
      <c r="K129" s="6">
        <v>6158</v>
      </c>
      <c r="L129" s="6">
        <v>5956</v>
      </c>
      <c r="M129" s="6">
        <v>4846</v>
      </c>
      <c r="N129" s="6">
        <v>91</v>
      </c>
      <c r="O129" s="6">
        <v>1019</v>
      </c>
      <c r="P129" s="6">
        <v>104</v>
      </c>
      <c r="Q129" s="6">
        <v>23</v>
      </c>
      <c r="R129" s="6">
        <v>18</v>
      </c>
      <c r="S129" s="6">
        <v>14</v>
      </c>
      <c r="T129" s="10" t="s">
        <v>55</v>
      </c>
      <c r="U129" s="6">
        <v>43</v>
      </c>
      <c r="V129" s="6">
        <v>6060</v>
      </c>
    </row>
    <row r="130" spans="1:22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53</v>
      </c>
      <c r="I130" s="9" t="s">
        <v>130</v>
      </c>
      <c r="J130" s="9" t="s">
        <v>143</v>
      </c>
      <c r="K130" s="6">
        <v>27952</v>
      </c>
      <c r="L130" s="6">
        <v>20474</v>
      </c>
      <c r="M130" s="6">
        <v>15071</v>
      </c>
      <c r="N130" s="6">
        <v>612</v>
      </c>
      <c r="O130" s="6">
        <v>4791</v>
      </c>
      <c r="P130" s="6">
        <v>2390</v>
      </c>
      <c r="Q130" s="6">
        <v>598</v>
      </c>
      <c r="R130" s="6">
        <v>3978</v>
      </c>
      <c r="S130" s="6">
        <v>268</v>
      </c>
      <c r="T130" s="6">
        <v>7</v>
      </c>
      <c r="U130" s="6">
        <v>237</v>
      </c>
      <c r="V130" s="6">
        <v>22864</v>
      </c>
    </row>
    <row r="131" spans="1:22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53</v>
      </c>
      <c r="I131" s="9" t="s">
        <v>130</v>
      </c>
      <c r="J131" s="9" t="s">
        <v>144</v>
      </c>
      <c r="K131" s="6">
        <v>25521</v>
      </c>
      <c r="L131" s="6">
        <v>25521</v>
      </c>
      <c r="M131" s="6">
        <v>23973</v>
      </c>
      <c r="N131" s="6">
        <v>66</v>
      </c>
      <c r="O131" s="6">
        <v>1482</v>
      </c>
      <c r="P131" s="10" t="s">
        <v>55</v>
      </c>
      <c r="Q131" s="10" t="s">
        <v>55</v>
      </c>
      <c r="R131" s="10" t="s">
        <v>55</v>
      </c>
      <c r="S131" s="10" t="s">
        <v>55</v>
      </c>
      <c r="T131" s="10" t="s">
        <v>55</v>
      </c>
      <c r="U131" s="10" t="s">
        <v>55</v>
      </c>
      <c r="V131" s="6">
        <v>25521</v>
      </c>
    </row>
    <row r="132" spans="1:22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53</v>
      </c>
      <c r="I132" s="9" t="s">
        <v>55</v>
      </c>
      <c r="J132" s="9" t="s">
        <v>145</v>
      </c>
      <c r="K132" s="6">
        <v>8695</v>
      </c>
      <c r="L132" s="6">
        <v>3055</v>
      </c>
      <c r="M132" s="6">
        <v>1550</v>
      </c>
      <c r="N132" s="6">
        <v>384</v>
      </c>
      <c r="O132" s="6">
        <v>1121</v>
      </c>
      <c r="P132" s="6">
        <v>153</v>
      </c>
      <c r="Q132" s="6">
        <v>224</v>
      </c>
      <c r="R132" s="6">
        <v>1437</v>
      </c>
      <c r="S132" s="6">
        <v>167</v>
      </c>
      <c r="T132" s="10" t="s">
        <v>55</v>
      </c>
      <c r="U132" s="6">
        <v>3659</v>
      </c>
      <c r="V132" s="6">
        <v>3208</v>
      </c>
    </row>
    <row r="133" spans="1:22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53</v>
      </c>
      <c r="I133" s="9" t="s">
        <v>55</v>
      </c>
      <c r="J133" s="9" t="s">
        <v>146</v>
      </c>
      <c r="K133" s="6">
        <v>42429</v>
      </c>
      <c r="L133" s="6">
        <v>8221</v>
      </c>
      <c r="M133" s="6">
        <v>5340</v>
      </c>
      <c r="N133" s="6">
        <v>143</v>
      </c>
      <c r="O133" s="6">
        <v>2738</v>
      </c>
      <c r="P133" s="6">
        <v>1302</v>
      </c>
      <c r="Q133" s="6">
        <v>4809</v>
      </c>
      <c r="R133" s="6">
        <v>21879</v>
      </c>
      <c r="S133" s="6">
        <v>6118</v>
      </c>
      <c r="T133" s="10" t="s">
        <v>55</v>
      </c>
      <c r="U133" s="6">
        <v>100</v>
      </c>
      <c r="V133" s="6">
        <v>9523</v>
      </c>
    </row>
    <row r="134" spans="1:22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53</v>
      </c>
      <c r="I134" s="9" t="s">
        <v>55</v>
      </c>
      <c r="J134" s="9" t="s">
        <v>147</v>
      </c>
      <c r="K134" s="6">
        <v>122861</v>
      </c>
      <c r="L134" s="6">
        <v>96490</v>
      </c>
      <c r="M134" s="6">
        <v>83864</v>
      </c>
      <c r="N134" s="6">
        <v>3780</v>
      </c>
      <c r="O134" s="6">
        <v>8846</v>
      </c>
      <c r="P134" s="6">
        <v>10552</v>
      </c>
      <c r="Q134" s="6">
        <v>3353</v>
      </c>
      <c r="R134" s="6">
        <v>10506</v>
      </c>
      <c r="S134" s="6">
        <v>1157</v>
      </c>
      <c r="T134" s="6">
        <v>55</v>
      </c>
      <c r="U134" s="6">
        <v>748</v>
      </c>
      <c r="V134" s="6">
        <v>107042</v>
      </c>
    </row>
    <row r="135" spans="1:22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53</v>
      </c>
      <c r="I135" s="9" t="s">
        <v>55</v>
      </c>
      <c r="J135" s="9" t="s">
        <v>148</v>
      </c>
      <c r="K135" s="6">
        <v>255383</v>
      </c>
      <c r="L135" s="6">
        <v>206468</v>
      </c>
      <c r="M135" s="6">
        <v>166586</v>
      </c>
      <c r="N135" s="6">
        <v>3005</v>
      </c>
      <c r="O135" s="6">
        <v>36877</v>
      </c>
      <c r="P135" s="6">
        <v>18317</v>
      </c>
      <c r="Q135" s="6">
        <v>8391</v>
      </c>
      <c r="R135" s="6">
        <v>18512</v>
      </c>
      <c r="S135" s="6">
        <v>2213</v>
      </c>
      <c r="T135" s="6">
        <v>9</v>
      </c>
      <c r="U135" s="6">
        <v>1473</v>
      </c>
      <c r="V135" s="6">
        <v>224785</v>
      </c>
    </row>
    <row r="136" spans="1:22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54</v>
      </c>
      <c r="I136" s="9" t="s">
        <v>55</v>
      </c>
      <c r="J136" s="9" t="s">
        <v>6</v>
      </c>
      <c r="K136" s="6">
        <v>389891</v>
      </c>
      <c r="L136" s="6">
        <v>321532</v>
      </c>
      <c r="M136" s="6">
        <v>167079</v>
      </c>
      <c r="N136" s="6">
        <v>9576</v>
      </c>
      <c r="O136" s="6">
        <v>144877</v>
      </c>
      <c r="P136" s="6">
        <v>12194</v>
      </c>
      <c r="Q136" s="6">
        <v>3307</v>
      </c>
      <c r="R136" s="6">
        <v>14919</v>
      </c>
      <c r="S136" s="6">
        <v>32333</v>
      </c>
      <c r="T136" s="6">
        <v>672</v>
      </c>
      <c r="U136" s="6">
        <v>4934</v>
      </c>
      <c r="V136" s="6">
        <v>333726</v>
      </c>
    </row>
    <row r="137" spans="1:22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54</v>
      </c>
      <c r="I137" s="9" t="s">
        <v>122</v>
      </c>
      <c r="J137" s="9" t="s">
        <v>123</v>
      </c>
      <c r="K137" s="6">
        <v>28319</v>
      </c>
      <c r="L137" s="6">
        <v>7214</v>
      </c>
      <c r="M137" s="6">
        <v>2405</v>
      </c>
      <c r="N137" s="6">
        <v>139</v>
      </c>
      <c r="O137" s="6">
        <v>4670</v>
      </c>
      <c r="P137" s="6">
        <v>430</v>
      </c>
      <c r="Q137" s="6">
        <v>224</v>
      </c>
      <c r="R137" s="6">
        <v>1915</v>
      </c>
      <c r="S137" s="6">
        <v>18497</v>
      </c>
      <c r="T137" s="10" t="s">
        <v>55</v>
      </c>
      <c r="U137" s="6">
        <v>39</v>
      </c>
      <c r="V137" s="6">
        <v>7644</v>
      </c>
    </row>
    <row r="138" spans="1:22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54</v>
      </c>
      <c r="I138" s="9" t="s">
        <v>122</v>
      </c>
      <c r="J138" s="9" t="s">
        <v>124</v>
      </c>
      <c r="K138" s="6">
        <v>27926</v>
      </c>
      <c r="L138" s="6">
        <v>6947</v>
      </c>
      <c r="M138" s="6">
        <v>2238</v>
      </c>
      <c r="N138" s="6">
        <v>133</v>
      </c>
      <c r="O138" s="6">
        <v>4576</v>
      </c>
      <c r="P138" s="6">
        <v>397</v>
      </c>
      <c r="Q138" s="6">
        <v>221</v>
      </c>
      <c r="R138" s="6">
        <v>1911</v>
      </c>
      <c r="S138" s="6">
        <v>18412</v>
      </c>
      <c r="T138" s="10" t="s">
        <v>55</v>
      </c>
      <c r="U138" s="6">
        <v>38</v>
      </c>
      <c r="V138" s="6">
        <v>7344</v>
      </c>
    </row>
    <row r="139" spans="1:22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54</v>
      </c>
      <c r="I139" s="9" t="s">
        <v>122</v>
      </c>
      <c r="J139" s="9" t="s">
        <v>125</v>
      </c>
      <c r="K139" s="6">
        <v>1020</v>
      </c>
      <c r="L139" s="6">
        <v>274</v>
      </c>
      <c r="M139" s="6">
        <v>138</v>
      </c>
      <c r="N139" s="10" t="s">
        <v>55</v>
      </c>
      <c r="O139" s="6">
        <v>136</v>
      </c>
      <c r="P139" s="6">
        <v>54</v>
      </c>
      <c r="Q139" s="6">
        <v>7</v>
      </c>
      <c r="R139" s="6">
        <v>17</v>
      </c>
      <c r="S139" s="6">
        <v>667</v>
      </c>
      <c r="T139" s="10" t="s">
        <v>55</v>
      </c>
      <c r="U139" s="6">
        <v>1</v>
      </c>
      <c r="V139" s="6">
        <v>328</v>
      </c>
    </row>
    <row r="140" spans="1:22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54</v>
      </c>
      <c r="I140" s="9" t="s">
        <v>126</v>
      </c>
      <c r="J140" s="9" t="s">
        <v>127</v>
      </c>
      <c r="K140" s="6">
        <v>56</v>
      </c>
      <c r="L140" s="6">
        <v>47</v>
      </c>
      <c r="M140" s="6">
        <v>35</v>
      </c>
      <c r="N140" s="6">
        <v>1</v>
      </c>
      <c r="O140" s="6">
        <v>11</v>
      </c>
      <c r="P140" s="6">
        <v>7</v>
      </c>
      <c r="Q140" s="10" t="s">
        <v>55</v>
      </c>
      <c r="R140" s="10" t="s">
        <v>55</v>
      </c>
      <c r="S140" s="6">
        <v>2</v>
      </c>
      <c r="T140" s="10" t="s">
        <v>55</v>
      </c>
      <c r="U140" s="10" t="s">
        <v>55</v>
      </c>
      <c r="V140" s="6">
        <v>54</v>
      </c>
    </row>
    <row r="141" spans="1:22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54</v>
      </c>
      <c r="I141" s="9" t="s">
        <v>126</v>
      </c>
      <c r="J141" s="9" t="s">
        <v>128</v>
      </c>
      <c r="K141" s="6">
        <v>11688</v>
      </c>
      <c r="L141" s="6">
        <v>7545</v>
      </c>
      <c r="M141" s="6">
        <v>5414</v>
      </c>
      <c r="N141" s="6">
        <v>186</v>
      </c>
      <c r="O141" s="6">
        <v>1945</v>
      </c>
      <c r="P141" s="6">
        <v>2254</v>
      </c>
      <c r="Q141" s="6">
        <v>47</v>
      </c>
      <c r="R141" s="6">
        <v>65</v>
      </c>
      <c r="S141" s="6">
        <v>1734</v>
      </c>
      <c r="T141" s="10" t="s">
        <v>55</v>
      </c>
      <c r="U141" s="6">
        <v>43</v>
      </c>
      <c r="V141" s="6">
        <v>9799</v>
      </c>
    </row>
    <row r="142" spans="1:22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54</v>
      </c>
      <c r="I142" s="9" t="s">
        <v>126</v>
      </c>
      <c r="J142" s="9" t="s">
        <v>129</v>
      </c>
      <c r="K142" s="6">
        <v>35360</v>
      </c>
      <c r="L142" s="6">
        <v>32051</v>
      </c>
      <c r="M142" s="6">
        <v>16337</v>
      </c>
      <c r="N142" s="6">
        <v>2767</v>
      </c>
      <c r="O142" s="6">
        <v>12947</v>
      </c>
      <c r="P142" s="6">
        <v>919</v>
      </c>
      <c r="Q142" s="6">
        <v>83</v>
      </c>
      <c r="R142" s="6">
        <v>808</v>
      </c>
      <c r="S142" s="6">
        <v>762</v>
      </c>
      <c r="T142" s="6">
        <v>567</v>
      </c>
      <c r="U142" s="6">
        <v>170</v>
      </c>
      <c r="V142" s="6">
        <v>32970</v>
      </c>
    </row>
    <row r="143" spans="1:22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54</v>
      </c>
      <c r="I143" s="9" t="s">
        <v>130</v>
      </c>
      <c r="J143" s="9" t="s">
        <v>131</v>
      </c>
      <c r="K143" s="6">
        <v>528</v>
      </c>
      <c r="L143" s="6">
        <v>492</v>
      </c>
      <c r="M143" s="6">
        <v>281</v>
      </c>
      <c r="N143" s="6">
        <v>64</v>
      </c>
      <c r="O143" s="6">
        <v>147</v>
      </c>
      <c r="P143" s="6">
        <v>20</v>
      </c>
      <c r="Q143" s="10" t="s">
        <v>55</v>
      </c>
      <c r="R143" s="6">
        <v>6</v>
      </c>
      <c r="S143" s="6">
        <v>6</v>
      </c>
      <c r="T143" s="10" t="s">
        <v>55</v>
      </c>
      <c r="U143" s="6">
        <v>4</v>
      </c>
      <c r="V143" s="6">
        <v>512</v>
      </c>
    </row>
    <row r="144" spans="1:22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54</v>
      </c>
      <c r="I144" s="9" t="s">
        <v>130</v>
      </c>
      <c r="J144" s="9" t="s">
        <v>132</v>
      </c>
      <c r="K144" s="6">
        <v>3209</v>
      </c>
      <c r="L144" s="6">
        <v>2768</v>
      </c>
      <c r="M144" s="6">
        <v>1792</v>
      </c>
      <c r="N144" s="6">
        <v>193</v>
      </c>
      <c r="O144" s="6">
        <v>783</v>
      </c>
      <c r="P144" s="6">
        <v>152</v>
      </c>
      <c r="Q144" s="6">
        <v>10</v>
      </c>
      <c r="R144" s="6">
        <v>227</v>
      </c>
      <c r="S144" s="6">
        <v>42</v>
      </c>
      <c r="T144" s="10" t="s">
        <v>55</v>
      </c>
      <c r="U144" s="6">
        <v>10</v>
      </c>
      <c r="V144" s="6">
        <v>2920</v>
      </c>
    </row>
    <row r="145" spans="1:22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54</v>
      </c>
      <c r="I145" s="9" t="s">
        <v>130</v>
      </c>
      <c r="J145" s="9" t="s">
        <v>133</v>
      </c>
      <c r="K145" s="6">
        <v>5338</v>
      </c>
      <c r="L145" s="6">
        <v>4781</v>
      </c>
      <c r="M145" s="6">
        <v>2386</v>
      </c>
      <c r="N145" s="6">
        <v>292</v>
      </c>
      <c r="O145" s="6">
        <v>2103</v>
      </c>
      <c r="P145" s="6">
        <v>343</v>
      </c>
      <c r="Q145" s="6">
        <v>6</v>
      </c>
      <c r="R145" s="6">
        <v>65</v>
      </c>
      <c r="S145" s="6">
        <v>103</v>
      </c>
      <c r="T145" s="10" t="s">
        <v>55</v>
      </c>
      <c r="U145" s="6">
        <v>40</v>
      </c>
      <c r="V145" s="6">
        <v>5124</v>
      </c>
    </row>
    <row r="146" spans="1:22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54</v>
      </c>
      <c r="I146" s="9" t="s">
        <v>130</v>
      </c>
      <c r="J146" s="9" t="s">
        <v>134</v>
      </c>
      <c r="K146" s="6">
        <v>64583</v>
      </c>
      <c r="L146" s="6">
        <v>55857</v>
      </c>
      <c r="M146" s="6">
        <v>19206</v>
      </c>
      <c r="N146" s="6">
        <v>1024</v>
      </c>
      <c r="O146" s="6">
        <v>35627</v>
      </c>
      <c r="P146" s="6">
        <v>2635</v>
      </c>
      <c r="Q146" s="6">
        <v>498</v>
      </c>
      <c r="R146" s="6">
        <v>2201</v>
      </c>
      <c r="S146" s="6">
        <v>3104</v>
      </c>
      <c r="T146" s="10" t="s">
        <v>55</v>
      </c>
      <c r="U146" s="6">
        <v>288</v>
      </c>
      <c r="V146" s="6">
        <v>58492</v>
      </c>
    </row>
    <row r="147" spans="1:22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54</v>
      </c>
      <c r="I147" s="9" t="s">
        <v>130</v>
      </c>
      <c r="J147" s="9" t="s">
        <v>135</v>
      </c>
      <c r="K147" s="6">
        <v>8901</v>
      </c>
      <c r="L147" s="6">
        <v>8419</v>
      </c>
      <c r="M147" s="6">
        <v>6417</v>
      </c>
      <c r="N147" s="6">
        <v>228</v>
      </c>
      <c r="O147" s="6">
        <v>1774</v>
      </c>
      <c r="P147" s="6">
        <v>222</v>
      </c>
      <c r="Q147" s="6">
        <v>29</v>
      </c>
      <c r="R147" s="6">
        <v>135</v>
      </c>
      <c r="S147" s="6">
        <v>41</v>
      </c>
      <c r="T147" s="10" t="s">
        <v>55</v>
      </c>
      <c r="U147" s="6">
        <v>55</v>
      </c>
      <c r="V147" s="6">
        <v>8641</v>
      </c>
    </row>
    <row r="148" spans="1:22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54</v>
      </c>
      <c r="I148" s="9" t="s">
        <v>130</v>
      </c>
      <c r="J148" s="9" t="s">
        <v>136</v>
      </c>
      <c r="K148" s="6">
        <v>5475</v>
      </c>
      <c r="L148" s="6">
        <v>3516</v>
      </c>
      <c r="M148" s="6">
        <v>1946</v>
      </c>
      <c r="N148" s="6">
        <v>75</v>
      </c>
      <c r="O148" s="6">
        <v>1495</v>
      </c>
      <c r="P148" s="6">
        <v>980</v>
      </c>
      <c r="Q148" s="6">
        <v>90</v>
      </c>
      <c r="R148" s="6">
        <v>467</v>
      </c>
      <c r="S148" s="6">
        <v>396</v>
      </c>
      <c r="T148" s="10" t="s">
        <v>55</v>
      </c>
      <c r="U148" s="6">
        <v>26</v>
      </c>
      <c r="V148" s="6">
        <v>4496</v>
      </c>
    </row>
    <row r="149" spans="1:22">
      <c r="A149" s="9" t="s">
        <v>27</v>
      </c>
      <c r="B149" s="9" t="s">
        <v>57</v>
      </c>
      <c r="C149" s="9" t="s">
        <v>79</v>
      </c>
      <c r="D149" s="9" t="s">
        <v>77</v>
      </c>
      <c r="E149" s="9" t="s">
        <v>57</v>
      </c>
      <c r="F149" s="9" t="s">
        <v>79</v>
      </c>
      <c r="G149" s="9" t="s">
        <v>80</v>
      </c>
      <c r="H149" s="9" t="s">
        <v>54</v>
      </c>
      <c r="I149" s="9" t="s">
        <v>130</v>
      </c>
      <c r="J149" s="9" t="s">
        <v>137</v>
      </c>
      <c r="K149" s="6">
        <v>7937</v>
      </c>
      <c r="L149" s="6">
        <v>5699</v>
      </c>
      <c r="M149" s="6">
        <v>3544</v>
      </c>
      <c r="N149" s="6">
        <v>144</v>
      </c>
      <c r="O149" s="6">
        <v>2011</v>
      </c>
      <c r="P149" s="6">
        <v>489</v>
      </c>
      <c r="Q149" s="6">
        <v>133</v>
      </c>
      <c r="R149" s="6">
        <v>709</v>
      </c>
      <c r="S149" s="6">
        <v>884</v>
      </c>
      <c r="T149" s="10" t="s">
        <v>55</v>
      </c>
      <c r="U149" s="6">
        <v>23</v>
      </c>
      <c r="V149" s="6">
        <v>6188</v>
      </c>
    </row>
    <row r="150" spans="1:22">
      <c r="A150" s="9" t="s">
        <v>27</v>
      </c>
      <c r="B150" s="9" t="s">
        <v>57</v>
      </c>
      <c r="C150" s="9" t="s">
        <v>79</v>
      </c>
      <c r="D150" s="9" t="s">
        <v>77</v>
      </c>
      <c r="E150" s="9" t="s">
        <v>57</v>
      </c>
      <c r="F150" s="9" t="s">
        <v>79</v>
      </c>
      <c r="G150" s="9" t="s">
        <v>80</v>
      </c>
      <c r="H150" s="9" t="s">
        <v>54</v>
      </c>
      <c r="I150" s="9" t="s">
        <v>130</v>
      </c>
      <c r="J150" s="9" t="s">
        <v>138</v>
      </c>
      <c r="K150" s="6">
        <v>26749</v>
      </c>
      <c r="L150" s="6">
        <v>21911</v>
      </c>
      <c r="M150" s="6">
        <v>4621</v>
      </c>
      <c r="N150" s="6">
        <v>334</v>
      </c>
      <c r="O150" s="6">
        <v>16956</v>
      </c>
      <c r="P150" s="6">
        <v>707</v>
      </c>
      <c r="Q150" s="6">
        <v>896</v>
      </c>
      <c r="R150" s="6">
        <v>1056</v>
      </c>
      <c r="S150" s="6">
        <v>2051</v>
      </c>
      <c r="T150" s="10" t="s">
        <v>55</v>
      </c>
      <c r="U150" s="6">
        <v>128</v>
      </c>
      <c r="V150" s="6">
        <v>22618</v>
      </c>
    </row>
    <row r="151" spans="1:22">
      <c r="A151" s="9" t="s">
        <v>27</v>
      </c>
      <c r="B151" s="9" t="s">
        <v>57</v>
      </c>
      <c r="C151" s="9" t="s">
        <v>79</v>
      </c>
      <c r="D151" s="9" t="s">
        <v>77</v>
      </c>
      <c r="E151" s="9" t="s">
        <v>57</v>
      </c>
      <c r="F151" s="9" t="s">
        <v>79</v>
      </c>
      <c r="G151" s="9" t="s">
        <v>80</v>
      </c>
      <c r="H151" s="9" t="s">
        <v>54</v>
      </c>
      <c r="I151" s="9" t="s">
        <v>130</v>
      </c>
      <c r="J151" s="9" t="s">
        <v>139</v>
      </c>
      <c r="K151" s="6">
        <v>17213</v>
      </c>
      <c r="L151" s="6">
        <v>11713</v>
      </c>
      <c r="M151" s="6">
        <v>4706</v>
      </c>
      <c r="N151" s="6">
        <v>194</v>
      </c>
      <c r="O151" s="6">
        <v>6813</v>
      </c>
      <c r="P151" s="6">
        <v>470</v>
      </c>
      <c r="Q151" s="6">
        <v>602</v>
      </c>
      <c r="R151" s="6">
        <v>2971</v>
      </c>
      <c r="S151" s="6">
        <v>1362</v>
      </c>
      <c r="T151" s="6">
        <v>14</v>
      </c>
      <c r="U151" s="6">
        <v>81</v>
      </c>
      <c r="V151" s="6">
        <v>12183</v>
      </c>
    </row>
    <row r="152" spans="1:22">
      <c r="A152" s="9" t="s">
        <v>27</v>
      </c>
      <c r="B152" s="9" t="s">
        <v>57</v>
      </c>
      <c r="C152" s="9" t="s">
        <v>79</v>
      </c>
      <c r="D152" s="9" t="s">
        <v>77</v>
      </c>
      <c r="E152" s="9" t="s">
        <v>57</v>
      </c>
      <c r="F152" s="9" t="s">
        <v>79</v>
      </c>
      <c r="G152" s="9" t="s">
        <v>80</v>
      </c>
      <c r="H152" s="9" t="s">
        <v>54</v>
      </c>
      <c r="I152" s="9" t="s">
        <v>130</v>
      </c>
      <c r="J152" s="9" t="s">
        <v>140</v>
      </c>
      <c r="K152" s="6">
        <v>23060</v>
      </c>
      <c r="L152" s="6">
        <v>20774</v>
      </c>
      <c r="M152" s="6">
        <v>12544</v>
      </c>
      <c r="N152" s="6">
        <v>256</v>
      </c>
      <c r="O152" s="6">
        <v>7974</v>
      </c>
      <c r="P152" s="6">
        <v>220</v>
      </c>
      <c r="Q152" s="6">
        <v>276</v>
      </c>
      <c r="R152" s="6">
        <v>1570</v>
      </c>
      <c r="S152" s="6">
        <v>145</v>
      </c>
      <c r="T152" s="10" t="s">
        <v>55</v>
      </c>
      <c r="U152" s="6">
        <v>75</v>
      </c>
      <c r="V152" s="6">
        <v>20994</v>
      </c>
    </row>
    <row r="153" spans="1:22">
      <c r="A153" s="9" t="s">
        <v>27</v>
      </c>
      <c r="B153" s="9" t="s">
        <v>57</v>
      </c>
      <c r="C153" s="9" t="s">
        <v>79</v>
      </c>
      <c r="D153" s="9" t="s">
        <v>77</v>
      </c>
      <c r="E153" s="9" t="s">
        <v>57</v>
      </c>
      <c r="F153" s="9" t="s">
        <v>79</v>
      </c>
      <c r="G153" s="9" t="s">
        <v>80</v>
      </c>
      <c r="H153" s="9" t="s">
        <v>54</v>
      </c>
      <c r="I153" s="9" t="s">
        <v>130</v>
      </c>
      <c r="J153" s="9" t="s">
        <v>141</v>
      </c>
      <c r="K153" s="6">
        <v>107628</v>
      </c>
      <c r="L153" s="6">
        <v>103677</v>
      </c>
      <c r="M153" s="6">
        <v>68360</v>
      </c>
      <c r="N153" s="6">
        <v>1563</v>
      </c>
      <c r="O153" s="6">
        <v>33754</v>
      </c>
      <c r="P153" s="6">
        <v>1471</v>
      </c>
      <c r="Q153" s="6">
        <v>231</v>
      </c>
      <c r="R153" s="6">
        <v>494</v>
      </c>
      <c r="S153" s="6">
        <v>1134</v>
      </c>
      <c r="T153" s="10" t="s">
        <v>55</v>
      </c>
      <c r="U153" s="6">
        <v>621</v>
      </c>
      <c r="V153" s="6">
        <v>105148</v>
      </c>
    </row>
    <row r="154" spans="1:22">
      <c r="A154" s="9" t="s">
        <v>27</v>
      </c>
      <c r="B154" s="9" t="s">
        <v>57</v>
      </c>
      <c r="C154" s="9" t="s">
        <v>79</v>
      </c>
      <c r="D154" s="9" t="s">
        <v>77</v>
      </c>
      <c r="E154" s="9" t="s">
        <v>57</v>
      </c>
      <c r="F154" s="9" t="s">
        <v>79</v>
      </c>
      <c r="G154" s="9" t="s">
        <v>80</v>
      </c>
      <c r="H154" s="9" t="s">
        <v>54</v>
      </c>
      <c r="I154" s="9" t="s">
        <v>130</v>
      </c>
      <c r="J154" s="9" t="s">
        <v>142</v>
      </c>
      <c r="K154" s="6">
        <v>3937</v>
      </c>
      <c r="L154" s="6">
        <v>3794</v>
      </c>
      <c r="M154" s="6">
        <v>2251</v>
      </c>
      <c r="N154" s="6">
        <v>70</v>
      </c>
      <c r="O154" s="6">
        <v>1473</v>
      </c>
      <c r="P154" s="6">
        <v>18</v>
      </c>
      <c r="Q154" s="6">
        <v>63</v>
      </c>
      <c r="R154" s="6">
        <v>20</v>
      </c>
      <c r="S154" s="6">
        <v>25</v>
      </c>
      <c r="T154" s="10" t="s">
        <v>55</v>
      </c>
      <c r="U154" s="6">
        <v>17</v>
      </c>
      <c r="V154" s="6">
        <v>3812</v>
      </c>
    </row>
    <row r="155" spans="1:22">
      <c r="A155" s="9" t="s">
        <v>27</v>
      </c>
      <c r="B155" s="9" t="s">
        <v>57</v>
      </c>
      <c r="C155" s="9" t="s">
        <v>79</v>
      </c>
      <c r="D155" s="9" t="s">
        <v>77</v>
      </c>
      <c r="E155" s="9" t="s">
        <v>57</v>
      </c>
      <c r="F155" s="9" t="s">
        <v>79</v>
      </c>
      <c r="G155" s="9" t="s">
        <v>80</v>
      </c>
      <c r="H155" s="9" t="s">
        <v>54</v>
      </c>
      <c r="I155" s="9" t="s">
        <v>130</v>
      </c>
      <c r="J155" s="9" t="s">
        <v>143</v>
      </c>
      <c r="K155" s="6">
        <v>19735</v>
      </c>
      <c r="L155" s="6">
        <v>16550</v>
      </c>
      <c r="M155" s="6">
        <v>6674</v>
      </c>
      <c r="N155" s="6">
        <v>1372</v>
      </c>
      <c r="O155" s="6">
        <v>8504</v>
      </c>
      <c r="P155" s="6">
        <v>719</v>
      </c>
      <c r="Q155" s="6">
        <v>50</v>
      </c>
      <c r="R155" s="6">
        <v>1436</v>
      </c>
      <c r="S155" s="6">
        <v>766</v>
      </c>
      <c r="T155" s="6">
        <v>91</v>
      </c>
      <c r="U155" s="6">
        <v>123</v>
      </c>
      <c r="V155" s="6">
        <v>17269</v>
      </c>
    </row>
    <row r="156" spans="1:22">
      <c r="A156" s="9" t="s">
        <v>27</v>
      </c>
      <c r="B156" s="9" t="s">
        <v>57</v>
      </c>
      <c r="C156" s="9" t="s">
        <v>79</v>
      </c>
      <c r="D156" s="9" t="s">
        <v>77</v>
      </c>
      <c r="E156" s="9" t="s">
        <v>57</v>
      </c>
      <c r="F156" s="9" t="s">
        <v>79</v>
      </c>
      <c r="G156" s="9" t="s">
        <v>80</v>
      </c>
      <c r="H156" s="9" t="s">
        <v>54</v>
      </c>
      <c r="I156" s="9" t="s">
        <v>130</v>
      </c>
      <c r="J156" s="9" t="s">
        <v>144</v>
      </c>
      <c r="K156" s="6">
        <v>11175</v>
      </c>
      <c r="L156" s="6">
        <v>11174</v>
      </c>
      <c r="M156" s="6">
        <v>7082</v>
      </c>
      <c r="N156" s="6">
        <v>160</v>
      </c>
      <c r="O156" s="6">
        <v>3932</v>
      </c>
      <c r="P156" s="10" t="s">
        <v>55</v>
      </c>
      <c r="Q156" s="10" t="s">
        <v>55</v>
      </c>
      <c r="R156" s="10" t="s">
        <v>55</v>
      </c>
      <c r="S156" s="10" t="s">
        <v>55</v>
      </c>
      <c r="T156" s="10" t="s">
        <v>55</v>
      </c>
      <c r="U156" s="6">
        <v>1</v>
      </c>
      <c r="V156" s="6">
        <v>11174</v>
      </c>
    </row>
    <row r="157" spans="1:22">
      <c r="A157" s="9" t="s">
        <v>27</v>
      </c>
      <c r="B157" s="9" t="s">
        <v>57</v>
      </c>
      <c r="C157" s="9" t="s">
        <v>79</v>
      </c>
      <c r="D157" s="9" t="s">
        <v>77</v>
      </c>
      <c r="E157" s="9" t="s">
        <v>57</v>
      </c>
      <c r="F157" s="9" t="s">
        <v>79</v>
      </c>
      <c r="G157" s="9" t="s">
        <v>80</v>
      </c>
      <c r="H157" s="9" t="s">
        <v>54</v>
      </c>
      <c r="I157" s="9" t="s">
        <v>55</v>
      </c>
      <c r="J157" s="9" t="s">
        <v>145</v>
      </c>
      <c r="K157" s="6">
        <v>7980</v>
      </c>
      <c r="L157" s="6">
        <v>3276</v>
      </c>
      <c r="M157" s="6">
        <v>940</v>
      </c>
      <c r="N157" s="6">
        <v>514</v>
      </c>
      <c r="O157" s="6">
        <v>1822</v>
      </c>
      <c r="P157" s="6">
        <v>84</v>
      </c>
      <c r="Q157" s="6">
        <v>62</v>
      </c>
      <c r="R157" s="6">
        <v>757</v>
      </c>
      <c r="S157" s="6">
        <v>612</v>
      </c>
      <c r="T157" s="10" t="s">
        <v>55</v>
      </c>
      <c r="U157" s="6">
        <v>3189</v>
      </c>
      <c r="V157" s="6">
        <v>3360</v>
      </c>
    </row>
    <row r="158" spans="1:22">
      <c r="A158" s="9" t="s">
        <v>27</v>
      </c>
      <c r="B158" s="9" t="s">
        <v>57</v>
      </c>
      <c r="C158" s="9" t="s">
        <v>79</v>
      </c>
      <c r="D158" s="9" t="s">
        <v>77</v>
      </c>
      <c r="E158" s="9" t="s">
        <v>57</v>
      </c>
      <c r="F158" s="9" t="s">
        <v>79</v>
      </c>
      <c r="G158" s="9" t="s">
        <v>80</v>
      </c>
      <c r="H158" s="9" t="s">
        <v>54</v>
      </c>
      <c r="I158" s="9" t="s">
        <v>55</v>
      </c>
      <c r="J158" s="9" t="s">
        <v>146</v>
      </c>
      <c r="K158" s="6">
        <v>29339</v>
      </c>
      <c r="L158" s="6">
        <v>7488</v>
      </c>
      <c r="M158" s="6">
        <v>2543</v>
      </c>
      <c r="N158" s="6">
        <v>139</v>
      </c>
      <c r="O158" s="6">
        <v>4806</v>
      </c>
      <c r="P158" s="6">
        <v>484</v>
      </c>
      <c r="Q158" s="6">
        <v>231</v>
      </c>
      <c r="R158" s="6">
        <v>1932</v>
      </c>
      <c r="S158" s="6">
        <v>19164</v>
      </c>
      <c r="T158" s="10" t="s">
        <v>55</v>
      </c>
      <c r="U158" s="6">
        <v>40</v>
      </c>
      <c r="V158" s="6">
        <v>7972</v>
      </c>
    </row>
    <row r="159" spans="1:22">
      <c r="A159" s="9" t="s">
        <v>27</v>
      </c>
      <c r="B159" s="9" t="s">
        <v>57</v>
      </c>
      <c r="C159" s="9" t="s">
        <v>79</v>
      </c>
      <c r="D159" s="9" t="s">
        <v>77</v>
      </c>
      <c r="E159" s="9" t="s">
        <v>57</v>
      </c>
      <c r="F159" s="9" t="s">
        <v>79</v>
      </c>
      <c r="G159" s="9" t="s">
        <v>80</v>
      </c>
      <c r="H159" s="9" t="s">
        <v>54</v>
      </c>
      <c r="I159" s="9" t="s">
        <v>55</v>
      </c>
      <c r="J159" s="9" t="s">
        <v>147</v>
      </c>
      <c r="K159" s="6">
        <v>47104</v>
      </c>
      <c r="L159" s="6">
        <v>39643</v>
      </c>
      <c r="M159" s="6">
        <v>21786</v>
      </c>
      <c r="N159" s="6">
        <v>2954</v>
      </c>
      <c r="O159" s="6">
        <v>14903</v>
      </c>
      <c r="P159" s="6">
        <v>3180</v>
      </c>
      <c r="Q159" s="6">
        <v>130</v>
      </c>
      <c r="R159" s="6">
        <v>873</v>
      </c>
      <c r="S159" s="6">
        <v>2498</v>
      </c>
      <c r="T159" s="6">
        <v>567</v>
      </c>
      <c r="U159" s="6">
        <v>213</v>
      </c>
      <c r="V159" s="6">
        <v>42823</v>
      </c>
    </row>
    <row r="160" spans="1:22">
      <c r="A160" s="9" t="s">
        <v>27</v>
      </c>
      <c r="B160" s="9" t="s">
        <v>57</v>
      </c>
      <c r="C160" s="9" t="s">
        <v>79</v>
      </c>
      <c r="D160" s="9" t="s">
        <v>77</v>
      </c>
      <c r="E160" s="9" t="s">
        <v>57</v>
      </c>
      <c r="F160" s="9" t="s">
        <v>79</v>
      </c>
      <c r="G160" s="9" t="s">
        <v>80</v>
      </c>
      <c r="H160" s="9" t="s">
        <v>54</v>
      </c>
      <c r="I160" s="9" t="s">
        <v>55</v>
      </c>
      <c r="J160" s="9" t="s">
        <v>148</v>
      </c>
      <c r="K160" s="6">
        <v>305468</v>
      </c>
      <c r="L160" s="6">
        <v>271125</v>
      </c>
      <c r="M160" s="6">
        <v>141810</v>
      </c>
      <c r="N160" s="6">
        <v>5969</v>
      </c>
      <c r="O160" s="6">
        <v>123346</v>
      </c>
      <c r="P160" s="6">
        <v>8446</v>
      </c>
      <c r="Q160" s="6">
        <v>2884</v>
      </c>
      <c r="R160" s="6">
        <v>11357</v>
      </c>
      <c r="S160" s="6">
        <v>10059</v>
      </c>
      <c r="T160" s="6">
        <v>105</v>
      </c>
      <c r="U160" s="6">
        <v>1492</v>
      </c>
      <c r="V160" s="6">
        <v>279571</v>
      </c>
    </row>
    <row r="161" spans="1:22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6</v>
      </c>
      <c r="I161" s="9" t="s">
        <v>55</v>
      </c>
      <c r="J161" s="9" t="s">
        <v>6</v>
      </c>
      <c r="K161" s="6">
        <v>56898</v>
      </c>
      <c r="L161" s="6">
        <v>43276</v>
      </c>
      <c r="M161" s="6">
        <v>29275</v>
      </c>
      <c r="N161" s="6">
        <v>920</v>
      </c>
      <c r="O161" s="6">
        <v>13081</v>
      </c>
      <c r="P161" s="6">
        <v>2735</v>
      </c>
      <c r="Q161" s="6">
        <v>1692</v>
      </c>
      <c r="R161" s="6">
        <v>4631</v>
      </c>
      <c r="S161" s="6">
        <v>4155</v>
      </c>
      <c r="T161" s="6">
        <v>29</v>
      </c>
      <c r="U161" s="6">
        <v>380</v>
      </c>
      <c r="V161" s="6">
        <v>46011</v>
      </c>
    </row>
    <row r="162" spans="1:22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6</v>
      </c>
      <c r="I162" s="9" t="s">
        <v>122</v>
      </c>
      <c r="J162" s="9" t="s">
        <v>123</v>
      </c>
      <c r="K162" s="6">
        <v>7620</v>
      </c>
      <c r="L162" s="6">
        <v>2240</v>
      </c>
      <c r="M162" s="6">
        <v>887</v>
      </c>
      <c r="N162" s="6">
        <v>60</v>
      </c>
      <c r="O162" s="6">
        <v>1293</v>
      </c>
      <c r="P162" s="6">
        <v>136</v>
      </c>
      <c r="Q162" s="6">
        <v>668</v>
      </c>
      <c r="R162" s="6">
        <v>1708</v>
      </c>
      <c r="S162" s="6">
        <v>2856</v>
      </c>
      <c r="T162" s="10" t="s">
        <v>55</v>
      </c>
      <c r="U162" s="6">
        <v>12</v>
      </c>
      <c r="V162" s="6">
        <v>2376</v>
      </c>
    </row>
    <row r="163" spans="1:22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6</v>
      </c>
      <c r="I163" s="9" t="s">
        <v>122</v>
      </c>
      <c r="J163" s="9" t="s">
        <v>124</v>
      </c>
      <c r="K163" s="6">
        <v>7470</v>
      </c>
      <c r="L163" s="6">
        <v>2125</v>
      </c>
      <c r="M163" s="6">
        <v>802</v>
      </c>
      <c r="N163" s="6">
        <v>60</v>
      </c>
      <c r="O163" s="6">
        <v>1263</v>
      </c>
      <c r="P163" s="6">
        <v>120</v>
      </c>
      <c r="Q163" s="6">
        <v>665</v>
      </c>
      <c r="R163" s="6">
        <v>1700</v>
      </c>
      <c r="S163" s="6">
        <v>2849</v>
      </c>
      <c r="T163" s="10" t="s">
        <v>55</v>
      </c>
      <c r="U163" s="6">
        <v>11</v>
      </c>
      <c r="V163" s="6">
        <v>2245</v>
      </c>
    </row>
    <row r="164" spans="1:22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6</v>
      </c>
      <c r="I164" s="9" t="s">
        <v>122</v>
      </c>
      <c r="J164" s="9" t="s">
        <v>125</v>
      </c>
      <c r="K164" s="6">
        <v>133</v>
      </c>
      <c r="L164" s="6">
        <v>11</v>
      </c>
      <c r="M164" s="6">
        <v>7</v>
      </c>
      <c r="N164" s="10" t="s">
        <v>55</v>
      </c>
      <c r="O164" s="6">
        <v>4</v>
      </c>
      <c r="P164" s="10" t="s">
        <v>55</v>
      </c>
      <c r="Q164" s="6">
        <v>2</v>
      </c>
      <c r="R164" s="6">
        <v>73</v>
      </c>
      <c r="S164" s="6">
        <v>47</v>
      </c>
      <c r="T164" s="10" t="s">
        <v>55</v>
      </c>
      <c r="U164" s="10" t="s">
        <v>55</v>
      </c>
      <c r="V164" s="6">
        <v>11</v>
      </c>
    </row>
    <row r="165" spans="1:22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6</v>
      </c>
      <c r="I165" s="9" t="s">
        <v>126</v>
      </c>
      <c r="J165" s="9" t="s">
        <v>127</v>
      </c>
      <c r="K165" s="6">
        <v>34</v>
      </c>
      <c r="L165" s="6">
        <v>32</v>
      </c>
      <c r="M165" s="6">
        <v>23</v>
      </c>
      <c r="N165" s="10" t="s">
        <v>55</v>
      </c>
      <c r="O165" s="6">
        <v>9</v>
      </c>
      <c r="P165" s="6">
        <v>2</v>
      </c>
      <c r="Q165" s="10" t="s">
        <v>55</v>
      </c>
      <c r="R165" s="10" t="s">
        <v>55</v>
      </c>
      <c r="S165" s="10" t="s">
        <v>55</v>
      </c>
      <c r="T165" s="10" t="s">
        <v>55</v>
      </c>
      <c r="U165" s="10" t="s">
        <v>55</v>
      </c>
      <c r="V165" s="6">
        <v>34</v>
      </c>
    </row>
    <row r="166" spans="1:22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6</v>
      </c>
      <c r="I166" s="9" t="s">
        <v>126</v>
      </c>
      <c r="J166" s="9" t="s">
        <v>128</v>
      </c>
      <c r="K166" s="6">
        <v>4619</v>
      </c>
      <c r="L166" s="6">
        <v>2983</v>
      </c>
      <c r="M166" s="6">
        <v>2575</v>
      </c>
      <c r="N166" s="6">
        <v>15</v>
      </c>
      <c r="O166" s="6">
        <v>393</v>
      </c>
      <c r="P166" s="6">
        <v>642</v>
      </c>
      <c r="Q166" s="6">
        <v>202</v>
      </c>
      <c r="R166" s="6">
        <v>576</v>
      </c>
      <c r="S166" s="6">
        <v>199</v>
      </c>
      <c r="T166" s="10" t="s">
        <v>55</v>
      </c>
      <c r="U166" s="6">
        <v>17</v>
      </c>
      <c r="V166" s="6">
        <v>3625</v>
      </c>
    </row>
    <row r="167" spans="1:22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6</v>
      </c>
      <c r="I167" s="9" t="s">
        <v>126</v>
      </c>
      <c r="J167" s="9" t="s">
        <v>129</v>
      </c>
      <c r="K167" s="6">
        <v>7593</v>
      </c>
      <c r="L167" s="6">
        <v>6904</v>
      </c>
      <c r="M167" s="6">
        <v>5499</v>
      </c>
      <c r="N167" s="6">
        <v>320</v>
      </c>
      <c r="O167" s="6">
        <v>1085</v>
      </c>
      <c r="P167" s="6">
        <v>280</v>
      </c>
      <c r="Q167" s="6">
        <v>44</v>
      </c>
      <c r="R167" s="6">
        <v>202</v>
      </c>
      <c r="S167" s="6">
        <v>105</v>
      </c>
      <c r="T167" s="6">
        <v>24</v>
      </c>
      <c r="U167" s="6">
        <v>34</v>
      </c>
      <c r="V167" s="6">
        <v>7184</v>
      </c>
    </row>
    <row r="168" spans="1:22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6</v>
      </c>
      <c r="I168" s="9" t="s">
        <v>130</v>
      </c>
      <c r="J168" s="9" t="s">
        <v>131</v>
      </c>
      <c r="K168" s="6">
        <v>192</v>
      </c>
      <c r="L168" s="6">
        <v>189</v>
      </c>
      <c r="M168" s="6">
        <v>165</v>
      </c>
      <c r="N168" s="6">
        <v>8</v>
      </c>
      <c r="O168" s="6">
        <v>16</v>
      </c>
      <c r="P168" s="6">
        <v>2</v>
      </c>
      <c r="Q168" s="10" t="s">
        <v>55</v>
      </c>
      <c r="R168" s="10" t="s">
        <v>55</v>
      </c>
      <c r="S168" s="10" t="s">
        <v>55</v>
      </c>
      <c r="T168" s="10" t="s">
        <v>55</v>
      </c>
      <c r="U168" s="6">
        <v>1</v>
      </c>
      <c r="V168" s="6">
        <v>191</v>
      </c>
    </row>
    <row r="169" spans="1:22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6</v>
      </c>
      <c r="I169" s="9" t="s">
        <v>130</v>
      </c>
      <c r="J169" s="9" t="s">
        <v>132</v>
      </c>
      <c r="K169" s="6">
        <v>222</v>
      </c>
      <c r="L169" s="6">
        <v>169</v>
      </c>
      <c r="M169" s="6">
        <v>141</v>
      </c>
      <c r="N169" s="6">
        <v>5</v>
      </c>
      <c r="O169" s="6">
        <v>23</v>
      </c>
      <c r="P169" s="6">
        <v>15</v>
      </c>
      <c r="Q169" s="6">
        <v>3</v>
      </c>
      <c r="R169" s="6">
        <v>34</v>
      </c>
      <c r="S169" s="6">
        <v>1</v>
      </c>
      <c r="T169" s="10" t="s">
        <v>55</v>
      </c>
      <c r="U169" s="10" t="s">
        <v>55</v>
      </c>
      <c r="V169" s="6">
        <v>184</v>
      </c>
    </row>
    <row r="170" spans="1:22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6</v>
      </c>
      <c r="I170" s="9" t="s">
        <v>130</v>
      </c>
      <c r="J170" s="9" t="s">
        <v>133</v>
      </c>
      <c r="K170" s="6">
        <v>2928</v>
      </c>
      <c r="L170" s="6">
        <v>2748</v>
      </c>
      <c r="M170" s="6">
        <v>2226</v>
      </c>
      <c r="N170" s="6">
        <v>75</v>
      </c>
      <c r="O170" s="6">
        <v>447</v>
      </c>
      <c r="P170" s="6">
        <v>105</v>
      </c>
      <c r="Q170" s="6">
        <v>9</v>
      </c>
      <c r="R170" s="6">
        <v>45</v>
      </c>
      <c r="S170" s="6">
        <v>6</v>
      </c>
      <c r="T170" s="10" t="s">
        <v>55</v>
      </c>
      <c r="U170" s="6">
        <v>15</v>
      </c>
      <c r="V170" s="6">
        <v>2853</v>
      </c>
    </row>
    <row r="171" spans="1:22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6</v>
      </c>
      <c r="I171" s="9" t="s">
        <v>130</v>
      </c>
      <c r="J171" s="9" t="s">
        <v>134</v>
      </c>
      <c r="K171" s="6">
        <v>8945</v>
      </c>
      <c r="L171" s="6">
        <v>7236</v>
      </c>
      <c r="M171" s="6">
        <v>3621</v>
      </c>
      <c r="N171" s="6">
        <v>78</v>
      </c>
      <c r="O171" s="6">
        <v>3537</v>
      </c>
      <c r="P171" s="6">
        <v>650</v>
      </c>
      <c r="Q171" s="6">
        <v>199</v>
      </c>
      <c r="R171" s="6">
        <v>496</v>
      </c>
      <c r="S171" s="6">
        <v>338</v>
      </c>
      <c r="T171" s="10" t="s">
        <v>55</v>
      </c>
      <c r="U171" s="6">
        <v>26</v>
      </c>
      <c r="V171" s="6">
        <v>7886</v>
      </c>
    </row>
    <row r="172" spans="1:22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6</v>
      </c>
      <c r="I172" s="9" t="s">
        <v>130</v>
      </c>
      <c r="J172" s="9" t="s">
        <v>135</v>
      </c>
      <c r="K172" s="6">
        <v>828</v>
      </c>
      <c r="L172" s="6">
        <v>748</v>
      </c>
      <c r="M172" s="6">
        <v>604</v>
      </c>
      <c r="N172" s="6">
        <v>14</v>
      </c>
      <c r="O172" s="6">
        <v>130</v>
      </c>
      <c r="P172" s="6">
        <v>43</v>
      </c>
      <c r="Q172" s="6">
        <v>7</v>
      </c>
      <c r="R172" s="6">
        <v>25</v>
      </c>
      <c r="S172" s="6">
        <v>2</v>
      </c>
      <c r="T172" s="10" t="s">
        <v>55</v>
      </c>
      <c r="U172" s="6">
        <v>3</v>
      </c>
      <c r="V172" s="6">
        <v>791</v>
      </c>
    </row>
    <row r="173" spans="1:22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6</v>
      </c>
      <c r="I173" s="9" t="s">
        <v>130</v>
      </c>
      <c r="J173" s="9" t="s">
        <v>136</v>
      </c>
      <c r="K173" s="6">
        <v>575</v>
      </c>
      <c r="L173" s="6">
        <v>358</v>
      </c>
      <c r="M173" s="6">
        <v>247</v>
      </c>
      <c r="N173" s="6">
        <v>7</v>
      </c>
      <c r="O173" s="6">
        <v>104</v>
      </c>
      <c r="P173" s="6">
        <v>104</v>
      </c>
      <c r="Q173" s="6">
        <v>14</v>
      </c>
      <c r="R173" s="6">
        <v>77</v>
      </c>
      <c r="S173" s="6">
        <v>21</v>
      </c>
      <c r="T173" s="10" t="s">
        <v>55</v>
      </c>
      <c r="U173" s="6">
        <v>1</v>
      </c>
      <c r="V173" s="6">
        <v>462</v>
      </c>
    </row>
    <row r="174" spans="1:22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6</v>
      </c>
      <c r="I174" s="9" t="s">
        <v>130</v>
      </c>
      <c r="J174" s="9" t="s">
        <v>137</v>
      </c>
      <c r="K174" s="6">
        <v>1007</v>
      </c>
      <c r="L174" s="6">
        <v>633</v>
      </c>
      <c r="M174" s="6">
        <v>492</v>
      </c>
      <c r="N174" s="6">
        <v>14</v>
      </c>
      <c r="O174" s="6">
        <v>127</v>
      </c>
      <c r="P174" s="6">
        <v>96</v>
      </c>
      <c r="Q174" s="6">
        <v>67</v>
      </c>
      <c r="R174" s="6">
        <v>150</v>
      </c>
      <c r="S174" s="6">
        <v>61</v>
      </c>
      <c r="T174" s="10" t="s">
        <v>55</v>
      </c>
      <c r="U174" s="10" t="s">
        <v>55</v>
      </c>
      <c r="V174" s="6">
        <v>729</v>
      </c>
    </row>
    <row r="175" spans="1:22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6</v>
      </c>
      <c r="I175" s="9" t="s">
        <v>130</v>
      </c>
      <c r="J175" s="9" t="s">
        <v>138</v>
      </c>
      <c r="K175" s="6">
        <v>2244</v>
      </c>
      <c r="L175" s="6">
        <v>1555</v>
      </c>
      <c r="M175" s="6">
        <v>484</v>
      </c>
      <c r="N175" s="6">
        <v>24</v>
      </c>
      <c r="O175" s="6">
        <v>1047</v>
      </c>
      <c r="P175" s="6">
        <v>83</v>
      </c>
      <c r="Q175" s="6">
        <v>178</v>
      </c>
      <c r="R175" s="6">
        <v>228</v>
      </c>
      <c r="S175" s="6">
        <v>195</v>
      </c>
      <c r="T175" s="10" t="s">
        <v>55</v>
      </c>
      <c r="U175" s="6">
        <v>5</v>
      </c>
      <c r="V175" s="6">
        <v>1638</v>
      </c>
    </row>
    <row r="176" spans="1:22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6</v>
      </c>
      <c r="I176" s="9" t="s">
        <v>130</v>
      </c>
      <c r="J176" s="9" t="s">
        <v>139</v>
      </c>
      <c r="K176" s="6">
        <v>1865</v>
      </c>
      <c r="L176" s="6">
        <v>1206</v>
      </c>
      <c r="M176" s="6">
        <v>598</v>
      </c>
      <c r="N176" s="6">
        <v>12</v>
      </c>
      <c r="O176" s="6">
        <v>596</v>
      </c>
      <c r="P176" s="6">
        <v>69</v>
      </c>
      <c r="Q176" s="6">
        <v>106</v>
      </c>
      <c r="R176" s="6">
        <v>340</v>
      </c>
      <c r="S176" s="6">
        <v>140</v>
      </c>
      <c r="T176" s="6">
        <v>1</v>
      </c>
      <c r="U176" s="6">
        <v>3</v>
      </c>
      <c r="V176" s="6">
        <v>1275</v>
      </c>
    </row>
    <row r="177" spans="1:22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6</v>
      </c>
      <c r="I177" s="9" t="s">
        <v>130</v>
      </c>
      <c r="J177" s="9" t="s">
        <v>140</v>
      </c>
      <c r="K177" s="6">
        <v>2264</v>
      </c>
      <c r="L177" s="6">
        <v>2073</v>
      </c>
      <c r="M177" s="6">
        <v>1512</v>
      </c>
      <c r="N177" s="6">
        <v>15</v>
      </c>
      <c r="O177" s="6">
        <v>546</v>
      </c>
      <c r="P177" s="6">
        <v>20</v>
      </c>
      <c r="Q177" s="6">
        <v>19</v>
      </c>
      <c r="R177" s="6">
        <v>136</v>
      </c>
      <c r="S177" s="6">
        <v>11</v>
      </c>
      <c r="T177" s="10" t="s">
        <v>55</v>
      </c>
      <c r="U177" s="6">
        <v>5</v>
      </c>
      <c r="V177" s="6">
        <v>2093</v>
      </c>
    </row>
    <row r="178" spans="1:22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6</v>
      </c>
      <c r="I178" s="9" t="s">
        <v>130</v>
      </c>
      <c r="J178" s="9" t="s">
        <v>141</v>
      </c>
      <c r="K178" s="6">
        <v>10053</v>
      </c>
      <c r="L178" s="6">
        <v>9474</v>
      </c>
      <c r="M178" s="6">
        <v>6712</v>
      </c>
      <c r="N178" s="6">
        <v>140</v>
      </c>
      <c r="O178" s="6">
        <v>2622</v>
      </c>
      <c r="P178" s="6">
        <v>261</v>
      </c>
      <c r="Q178" s="6">
        <v>108</v>
      </c>
      <c r="R178" s="6">
        <v>101</v>
      </c>
      <c r="S178" s="6">
        <v>70</v>
      </c>
      <c r="T178" s="10" t="s">
        <v>55</v>
      </c>
      <c r="U178" s="6">
        <v>39</v>
      </c>
      <c r="V178" s="6">
        <v>9735</v>
      </c>
    </row>
    <row r="179" spans="1:22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6</v>
      </c>
      <c r="I179" s="9" t="s">
        <v>130</v>
      </c>
      <c r="J179" s="9" t="s">
        <v>142</v>
      </c>
      <c r="K179" s="6">
        <v>570</v>
      </c>
      <c r="L179" s="6">
        <v>547</v>
      </c>
      <c r="M179" s="6">
        <v>465</v>
      </c>
      <c r="N179" s="6">
        <v>5</v>
      </c>
      <c r="O179" s="6">
        <v>77</v>
      </c>
      <c r="P179" s="6">
        <v>11</v>
      </c>
      <c r="Q179" s="6">
        <v>5</v>
      </c>
      <c r="R179" s="6">
        <v>3</v>
      </c>
      <c r="S179" s="6">
        <v>1</v>
      </c>
      <c r="T179" s="10" t="s">
        <v>55</v>
      </c>
      <c r="U179" s="6">
        <v>3</v>
      </c>
      <c r="V179" s="6">
        <v>558</v>
      </c>
    </row>
    <row r="180" spans="1:22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6</v>
      </c>
      <c r="I180" s="9" t="s">
        <v>130</v>
      </c>
      <c r="J180" s="9" t="s">
        <v>143</v>
      </c>
      <c r="K180" s="6">
        <v>2852</v>
      </c>
      <c r="L180" s="6">
        <v>2098</v>
      </c>
      <c r="M180" s="6">
        <v>1344</v>
      </c>
      <c r="N180" s="6">
        <v>73</v>
      </c>
      <c r="O180" s="6">
        <v>681</v>
      </c>
      <c r="P180" s="6">
        <v>205</v>
      </c>
      <c r="Q180" s="6">
        <v>51</v>
      </c>
      <c r="R180" s="6">
        <v>389</v>
      </c>
      <c r="S180" s="6">
        <v>89</v>
      </c>
      <c r="T180" s="6">
        <v>4</v>
      </c>
      <c r="U180" s="6">
        <v>16</v>
      </c>
      <c r="V180" s="6">
        <v>2303</v>
      </c>
    </row>
    <row r="181" spans="1:22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6</v>
      </c>
      <c r="I181" s="9" t="s">
        <v>130</v>
      </c>
      <c r="J181" s="9" t="s">
        <v>144</v>
      </c>
      <c r="K181" s="6">
        <v>1911</v>
      </c>
      <c r="L181" s="6">
        <v>1911</v>
      </c>
      <c r="M181" s="6">
        <v>1615</v>
      </c>
      <c r="N181" s="6">
        <v>5</v>
      </c>
      <c r="O181" s="6">
        <v>291</v>
      </c>
      <c r="P181" s="10" t="s">
        <v>55</v>
      </c>
      <c r="Q181" s="10" t="s">
        <v>55</v>
      </c>
      <c r="R181" s="10" t="s">
        <v>55</v>
      </c>
      <c r="S181" s="10" t="s">
        <v>55</v>
      </c>
      <c r="T181" s="10" t="s">
        <v>55</v>
      </c>
      <c r="U181" s="10" t="s">
        <v>55</v>
      </c>
      <c r="V181" s="6">
        <v>1911</v>
      </c>
    </row>
    <row r="182" spans="1:22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6</v>
      </c>
      <c r="I182" s="9" t="s">
        <v>55</v>
      </c>
      <c r="J182" s="9" t="s">
        <v>145</v>
      </c>
      <c r="K182" s="6">
        <v>443</v>
      </c>
      <c r="L182" s="6">
        <v>161</v>
      </c>
      <c r="M182" s="6">
        <v>58</v>
      </c>
      <c r="N182" s="6">
        <v>50</v>
      </c>
      <c r="O182" s="6">
        <v>53</v>
      </c>
      <c r="P182" s="6">
        <v>11</v>
      </c>
      <c r="Q182" s="6">
        <v>10</v>
      </c>
      <c r="R182" s="6">
        <v>48</v>
      </c>
      <c r="S182" s="6">
        <v>13</v>
      </c>
      <c r="T182" s="10" t="s">
        <v>55</v>
      </c>
      <c r="U182" s="6">
        <v>200</v>
      </c>
      <c r="V182" s="6">
        <v>172</v>
      </c>
    </row>
    <row r="183" spans="1:22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6</v>
      </c>
      <c r="I183" s="9" t="s">
        <v>55</v>
      </c>
      <c r="J183" s="9" t="s">
        <v>146</v>
      </c>
      <c r="K183" s="6">
        <v>7753</v>
      </c>
      <c r="L183" s="6">
        <v>2251</v>
      </c>
      <c r="M183" s="6">
        <v>894</v>
      </c>
      <c r="N183" s="6">
        <v>60</v>
      </c>
      <c r="O183" s="6">
        <v>1297</v>
      </c>
      <c r="P183" s="6">
        <v>136</v>
      </c>
      <c r="Q183" s="6">
        <v>670</v>
      </c>
      <c r="R183" s="6">
        <v>1781</v>
      </c>
      <c r="S183" s="6">
        <v>2903</v>
      </c>
      <c r="T183" s="10" t="s">
        <v>55</v>
      </c>
      <c r="U183" s="6">
        <v>12</v>
      </c>
      <c r="V183" s="6">
        <v>2387</v>
      </c>
    </row>
    <row r="184" spans="1:22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6</v>
      </c>
      <c r="I184" s="9" t="s">
        <v>55</v>
      </c>
      <c r="J184" s="9" t="s">
        <v>147</v>
      </c>
      <c r="K184" s="6">
        <v>12246</v>
      </c>
      <c r="L184" s="6">
        <v>9919</v>
      </c>
      <c r="M184" s="6">
        <v>8097</v>
      </c>
      <c r="N184" s="6">
        <v>335</v>
      </c>
      <c r="O184" s="6">
        <v>1487</v>
      </c>
      <c r="P184" s="6">
        <v>924</v>
      </c>
      <c r="Q184" s="6">
        <v>246</v>
      </c>
      <c r="R184" s="6">
        <v>778</v>
      </c>
      <c r="S184" s="6">
        <v>304</v>
      </c>
      <c r="T184" s="6">
        <v>24</v>
      </c>
      <c r="U184" s="6">
        <v>51</v>
      </c>
      <c r="V184" s="6">
        <v>10843</v>
      </c>
    </row>
    <row r="185" spans="1:22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6</v>
      </c>
      <c r="I185" s="9" t="s">
        <v>55</v>
      </c>
      <c r="J185" s="9" t="s">
        <v>148</v>
      </c>
      <c r="K185" s="6">
        <v>36456</v>
      </c>
      <c r="L185" s="6">
        <v>30945</v>
      </c>
      <c r="M185" s="6">
        <v>20226</v>
      </c>
      <c r="N185" s="6">
        <v>475</v>
      </c>
      <c r="O185" s="6">
        <v>10244</v>
      </c>
      <c r="P185" s="6">
        <v>1664</v>
      </c>
      <c r="Q185" s="6">
        <v>766</v>
      </c>
      <c r="R185" s="6">
        <v>2024</v>
      </c>
      <c r="S185" s="6">
        <v>935</v>
      </c>
      <c r="T185" s="6">
        <v>5</v>
      </c>
      <c r="U185" s="6">
        <v>117</v>
      </c>
      <c r="V185" s="6">
        <v>32609</v>
      </c>
    </row>
    <row r="186" spans="1:22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53</v>
      </c>
      <c r="I186" s="9" t="s">
        <v>55</v>
      </c>
      <c r="J186" s="9" t="s">
        <v>6</v>
      </c>
      <c r="K186" s="6">
        <v>29154</v>
      </c>
      <c r="L186" s="6">
        <v>20904</v>
      </c>
      <c r="M186" s="6">
        <v>17477</v>
      </c>
      <c r="N186" s="6">
        <v>433</v>
      </c>
      <c r="O186" s="6">
        <v>2994</v>
      </c>
      <c r="P186" s="6">
        <v>1924</v>
      </c>
      <c r="Q186" s="6">
        <v>1442</v>
      </c>
      <c r="R186" s="6">
        <v>3621</v>
      </c>
      <c r="S186" s="6">
        <v>1044</v>
      </c>
      <c r="T186" s="6">
        <v>3</v>
      </c>
      <c r="U186" s="6">
        <v>216</v>
      </c>
      <c r="V186" s="6">
        <v>22828</v>
      </c>
    </row>
    <row r="187" spans="1:22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53</v>
      </c>
      <c r="I187" s="9" t="s">
        <v>122</v>
      </c>
      <c r="J187" s="9" t="s">
        <v>123</v>
      </c>
      <c r="K187" s="6">
        <v>3658</v>
      </c>
      <c r="L187" s="6">
        <v>558</v>
      </c>
      <c r="M187" s="6">
        <v>313</v>
      </c>
      <c r="N187" s="6">
        <v>12</v>
      </c>
      <c r="O187" s="6">
        <v>233</v>
      </c>
      <c r="P187" s="6">
        <v>91</v>
      </c>
      <c r="Q187" s="6">
        <v>644</v>
      </c>
      <c r="R187" s="6">
        <v>1584</v>
      </c>
      <c r="S187" s="6">
        <v>774</v>
      </c>
      <c r="T187" s="10" t="s">
        <v>55</v>
      </c>
      <c r="U187" s="6">
        <v>7</v>
      </c>
      <c r="V187" s="6">
        <v>649</v>
      </c>
    </row>
    <row r="188" spans="1:22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53</v>
      </c>
      <c r="I188" s="9" t="s">
        <v>122</v>
      </c>
      <c r="J188" s="9" t="s">
        <v>124</v>
      </c>
      <c r="K188" s="6">
        <v>3538</v>
      </c>
      <c r="L188" s="6">
        <v>464</v>
      </c>
      <c r="M188" s="6">
        <v>241</v>
      </c>
      <c r="N188" s="6">
        <v>12</v>
      </c>
      <c r="O188" s="6">
        <v>211</v>
      </c>
      <c r="P188" s="6">
        <v>77</v>
      </c>
      <c r="Q188" s="6">
        <v>641</v>
      </c>
      <c r="R188" s="6">
        <v>1576</v>
      </c>
      <c r="S188" s="6">
        <v>774</v>
      </c>
      <c r="T188" s="10" t="s">
        <v>55</v>
      </c>
      <c r="U188" s="6">
        <v>6</v>
      </c>
      <c r="V188" s="6">
        <v>541</v>
      </c>
    </row>
    <row r="189" spans="1:22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53</v>
      </c>
      <c r="I189" s="9" t="s">
        <v>122</v>
      </c>
      <c r="J189" s="9" t="s">
        <v>125</v>
      </c>
      <c r="K189" s="6">
        <v>92</v>
      </c>
      <c r="L189" s="6">
        <v>8</v>
      </c>
      <c r="M189" s="6">
        <v>6</v>
      </c>
      <c r="N189" s="10" t="s">
        <v>55</v>
      </c>
      <c r="O189" s="6">
        <v>2</v>
      </c>
      <c r="P189" s="10" t="s">
        <v>55</v>
      </c>
      <c r="Q189" s="6">
        <v>2</v>
      </c>
      <c r="R189" s="6">
        <v>72</v>
      </c>
      <c r="S189" s="6">
        <v>10</v>
      </c>
      <c r="T189" s="10" t="s">
        <v>55</v>
      </c>
      <c r="U189" s="10" t="s">
        <v>55</v>
      </c>
      <c r="V189" s="6">
        <v>8</v>
      </c>
    </row>
    <row r="190" spans="1:22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53</v>
      </c>
      <c r="I190" s="9" t="s">
        <v>126</v>
      </c>
      <c r="J190" s="9" t="s">
        <v>127</v>
      </c>
      <c r="K190" s="6">
        <v>29</v>
      </c>
      <c r="L190" s="6">
        <v>27</v>
      </c>
      <c r="M190" s="6">
        <v>21</v>
      </c>
      <c r="N190" s="10" t="s">
        <v>55</v>
      </c>
      <c r="O190" s="6">
        <v>6</v>
      </c>
      <c r="P190" s="6">
        <v>2</v>
      </c>
      <c r="Q190" s="10" t="s">
        <v>55</v>
      </c>
      <c r="R190" s="10" t="s">
        <v>55</v>
      </c>
      <c r="S190" s="10" t="s">
        <v>55</v>
      </c>
      <c r="T190" s="10" t="s">
        <v>55</v>
      </c>
      <c r="U190" s="10" t="s">
        <v>55</v>
      </c>
      <c r="V190" s="6">
        <v>29</v>
      </c>
    </row>
    <row r="191" spans="1:22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53</v>
      </c>
      <c r="I191" s="9" t="s">
        <v>126</v>
      </c>
      <c r="J191" s="9" t="s">
        <v>128</v>
      </c>
      <c r="K191" s="6">
        <v>3827</v>
      </c>
      <c r="L191" s="6">
        <v>2494</v>
      </c>
      <c r="M191" s="6">
        <v>2221</v>
      </c>
      <c r="N191" s="6">
        <v>9</v>
      </c>
      <c r="O191" s="6">
        <v>264</v>
      </c>
      <c r="P191" s="6">
        <v>485</v>
      </c>
      <c r="Q191" s="6">
        <v>202</v>
      </c>
      <c r="R191" s="6">
        <v>575</v>
      </c>
      <c r="S191" s="6">
        <v>55</v>
      </c>
      <c r="T191" s="10" t="s">
        <v>55</v>
      </c>
      <c r="U191" s="6">
        <v>16</v>
      </c>
      <c r="V191" s="6">
        <v>2979</v>
      </c>
    </row>
    <row r="192" spans="1:22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53</v>
      </c>
      <c r="I192" s="9" t="s">
        <v>126</v>
      </c>
      <c r="J192" s="9" t="s">
        <v>129</v>
      </c>
      <c r="K192" s="6">
        <v>5349</v>
      </c>
      <c r="L192" s="6">
        <v>4905</v>
      </c>
      <c r="M192" s="6">
        <v>4359</v>
      </c>
      <c r="N192" s="6">
        <v>215</v>
      </c>
      <c r="O192" s="6">
        <v>331</v>
      </c>
      <c r="P192" s="6">
        <v>212</v>
      </c>
      <c r="Q192" s="6">
        <v>38</v>
      </c>
      <c r="R192" s="6">
        <v>144</v>
      </c>
      <c r="S192" s="6">
        <v>25</v>
      </c>
      <c r="T192" s="6">
        <v>1</v>
      </c>
      <c r="U192" s="6">
        <v>24</v>
      </c>
      <c r="V192" s="6">
        <v>5117</v>
      </c>
    </row>
    <row r="193" spans="1:22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53</v>
      </c>
      <c r="I193" s="9" t="s">
        <v>130</v>
      </c>
      <c r="J193" s="9" t="s">
        <v>131</v>
      </c>
      <c r="K193" s="6">
        <v>163</v>
      </c>
      <c r="L193" s="6">
        <v>162</v>
      </c>
      <c r="M193" s="6">
        <v>147</v>
      </c>
      <c r="N193" s="6">
        <v>6</v>
      </c>
      <c r="O193" s="6">
        <v>9</v>
      </c>
      <c r="P193" s="6">
        <v>1</v>
      </c>
      <c r="Q193" s="10" t="s">
        <v>55</v>
      </c>
      <c r="R193" s="10" t="s">
        <v>55</v>
      </c>
      <c r="S193" s="10" t="s">
        <v>55</v>
      </c>
      <c r="T193" s="10" t="s">
        <v>55</v>
      </c>
      <c r="U193" s="10" t="s">
        <v>55</v>
      </c>
      <c r="V193" s="6">
        <v>163</v>
      </c>
    </row>
    <row r="194" spans="1:22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53</v>
      </c>
      <c r="I194" s="9" t="s">
        <v>130</v>
      </c>
      <c r="J194" s="9" t="s">
        <v>132</v>
      </c>
      <c r="K194" s="6">
        <v>149</v>
      </c>
      <c r="L194" s="6">
        <v>106</v>
      </c>
      <c r="M194" s="6">
        <v>94</v>
      </c>
      <c r="N194" s="6">
        <v>5</v>
      </c>
      <c r="O194" s="6">
        <v>7</v>
      </c>
      <c r="P194" s="6">
        <v>12</v>
      </c>
      <c r="Q194" s="6">
        <v>3</v>
      </c>
      <c r="R194" s="6">
        <v>28</v>
      </c>
      <c r="S194" s="10" t="s">
        <v>55</v>
      </c>
      <c r="T194" s="10" t="s">
        <v>55</v>
      </c>
      <c r="U194" s="10" t="s">
        <v>55</v>
      </c>
      <c r="V194" s="6">
        <v>118</v>
      </c>
    </row>
    <row r="195" spans="1:22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53</v>
      </c>
      <c r="I195" s="9" t="s">
        <v>130</v>
      </c>
      <c r="J195" s="9" t="s">
        <v>133</v>
      </c>
      <c r="K195" s="6">
        <v>2398</v>
      </c>
      <c r="L195" s="6">
        <v>2255</v>
      </c>
      <c r="M195" s="6">
        <v>1974</v>
      </c>
      <c r="N195" s="6">
        <v>44</v>
      </c>
      <c r="O195" s="6">
        <v>237</v>
      </c>
      <c r="P195" s="6">
        <v>81</v>
      </c>
      <c r="Q195" s="6">
        <v>9</v>
      </c>
      <c r="R195" s="6">
        <v>40</v>
      </c>
      <c r="S195" s="6">
        <v>2</v>
      </c>
      <c r="T195" s="10" t="s">
        <v>55</v>
      </c>
      <c r="U195" s="6">
        <v>11</v>
      </c>
      <c r="V195" s="6">
        <v>2336</v>
      </c>
    </row>
    <row r="196" spans="1:22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53</v>
      </c>
      <c r="I196" s="9" t="s">
        <v>130</v>
      </c>
      <c r="J196" s="9" t="s">
        <v>134</v>
      </c>
      <c r="K196" s="6">
        <v>3942</v>
      </c>
      <c r="L196" s="6">
        <v>2929</v>
      </c>
      <c r="M196" s="6">
        <v>2179</v>
      </c>
      <c r="N196" s="6">
        <v>25</v>
      </c>
      <c r="O196" s="6">
        <v>725</v>
      </c>
      <c r="P196" s="6">
        <v>441</v>
      </c>
      <c r="Q196" s="6">
        <v>163</v>
      </c>
      <c r="R196" s="6">
        <v>325</v>
      </c>
      <c r="S196" s="6">
        <v>69</v>
      </c>
      <c r="T196" s="10" t="s">
        <v>55</v>
      </c>
      <c r="U196" s="6">
        <v>15</v>
      </c>
      <c r="V196" s="6">
        <v>3370</v>
      </c>
    </row>
    <row r="197" spans="1:22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53</v>
      </c>
      <c r="I197" s="9" t="s">
        <v>130</v>
      </c>
      <c r="J197" s="9" t="s">
        <v>135</v>
      </c>
      <c r="K197" s="6">
        <v>285</v>
      </c>
      <c r="L197" s="6">
        <v>235</v>
      </c>
      <c r="M197" s="6">
        <v>223</v>
      </c>
      <c r="N197" s="6">
        <v>1</v>
      </c>
      <c r="O197" s="6">
        <v>11</v>
      </c>
      <c r="P197" s="6">
        <v>30</v>
      </c>
      <c r="Q197" s="6">
        <v>3</v>
      </c>
      <c r="R197" s="6">
        <v>15</v>
      </c>
      <c r="S197" s="10" t="s">
        <v>55</v>
      </c>
      <c r="T197" s="10" t="s">
        <v>55</v>
      </c>
      <c r="U197" s="6">
        <v>2</v>
      </c>
      <c r="V197" s="6">
        <v>265</v>
      </c>
    </row>
    <row r="198" spans="1:22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53</v>
      </c>
      <c r="I198" s="9" t="s">
        <v>130</v>
      </c>
      <c r="J198" s="9" t="s">
        <v>136</v>
      </c>
      <c r="K198" s="6">
        <v>315</v>
      </c>
      <c r="L198" s="6">
        <v>181</v>
      </c>
      <c r="M198" s="6">
        <v>143</v>
      </c>
      <c r="N198" s="6">
        <v>2</v>
      </c>
      <c r="O198" s="6">
        <v>36</v>
      </c>
      <c r="P198" s="6">
        <v>69</v>
      </c>
      <c r="Q198" s="6">
        <v>9</v>
      </c>
      <c r="R198" s="6">
        <v>51</v>
      </c>
      <c r="S198" s="6">
        <v>4</v>
      </c>
      <c r="T198" s="10" t="s">
        <v>55</v>
      </c>
      <c r="U198" s="6">
        <v>1</v>
      </c>
      <c r="V198" s="6">
        <v>250</v>
      </c>
    </row>
    <row r="199" spans="1:22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53</v>
      </c>
      <c r="I199" s="9" t="s">
        <v>130</v>
      </c>
      <c r="J199" s="9" t="s">
        <v>137</v>
      </c>
      <c r="K199" s="6">
        <v>607</v>
      </c>
      <c r="L199" s="6">
        <v>354</v>
      </c>
      <c r="M199" s="6">
        <v>322</v>
      </c>
      <c r="N199" s="6">
        <v>8</v>
      </c>
      <c r="O199" s="6">
        <v>24</v>
      </c>
      <c r="P199" s="6">
        <v>74</v>
      </c>
      <c r="Q199" s="6">
        <v>59</v>
      </c>
      <c r="R199" s="6">
        <v>113</v>
      </c>
      <c r="S199" s="6">
        <v>7</v>
      </c>
      <c r="T199" s="10" t="s">
        <v>55</v>
      </c>
      <c r="U199" s="10" t="s">
        <v>55</v>
      </c>
      <c r="V199" s="6">
        <v>428</v>
      </c>
    </row>
    <row r="200" spans="1:22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53</v>
      </c>
      <c r="I200" s="9" t="s">
        <v>130</v>
      </c>
      <c r="J200" s="9" t="s">
        <v>138</v>
      </c>
      <c r="K200" s="6">
        <v>721</v>
      </c>
      <c r="L200" s="6">
        <v>426</v>
      </c>
      <c r="M200" s="6">
        <v>240</v>
      </c>
      <c r="N200" s="6">
        <v>8</v>
      </c>
      <c r="O200" s="6">
        <v>178</v>
      </c>
      <c r="P200" s="6">
        <v>46</v>
      </c>
      <c r="Q200" s="6">
        <v>95</v>
      </c>
      <c r="R200" s="6">
        <v>121</v>
      </c>
      <c r="S200" s="6">
        <v>30</v>
      </c>
      <c r="T200" s="10" t="s">
        <v>55</v>
      </c>
      <c r="U200" s="6">
        <v>3</v>
      </c>
      <c r="V200" s="6">
        <v>472</v>
      </c>
    </row>
    <row r="201" spans="1:22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53</v>
      </c>
      <c r="I201" s="9" t="s">
        <v>130</v>
      </c>
      <c r="J201" s="9" t="s">
        <v>139</v>
      </c>
      <c r="K201" s="6">
        <v>709</v>
      </c>
      <c r="L201" s="6">
        <v>452</v>
      </c>
      <c r="M201" s="6">
        <v>326</v>
      </c>
      <c r="N201" s="6">
        <v>7</v>
      </c>
      <c r="O201" s="6">
        <v>119</v>
      </c>
      <c r="P201" s="6">
        <v>42</v>
      </c>
      <c r="Q201" s="6">
        <v>58</v>
      </c>
      <c r="R201" s="6">
        <v>127</v>
      </c>
      <c r="S201" s="6">
        <v>29</v>
      </c>
      <c r="T201" s="10" t="s">
        <v>55</v>
      </c>
      <c r="U201" s="6">
        <v>1</v>
      </c>
      <c r="V201" s="6">
        <v>494</v>
      </c>
    </row>
    <row r="202" spans="1:22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53</v>
      </c>
      <c r="I202" s="9" t="s">
        <v>130</v>
      </c>
      <c r="J202" s="9" t="s">
        <v>140</v>
      </c>
      <c r="K202" s="6">
        <v>986</v>
      </c>
      <c r="L202" s="6">
        <v>927</v>
      </c>
      <c r="M202" s="6">
        <v>773</v>
      </c>
      <c r="N202" s="6">
        <v>5</v>
      </c>
      <c r="O202" s="6">
        <v>149</v>
      </c>
      <c r="P202" s="6">
        <v>15</v>
      </c>
      <c r="Q202" s="6">
        <v>3</v>
      </c>
      <c r="R202" s="6">
        <v>38</v>
      </c>
      <c r="S202" s="6">
        <v>1</v>
      </c>
      <c r="T202" s="10" t="s">
        <v>55</v>
      </c>
      <c r="U202" s="6">
        <v>2</v>
      </c>
      <c r="V202" s="6">
        <v>942</v>
      </c>
    </row>
    <row r="203" spans="1:22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53</v>
      </c>
      <c r="I203" s="9" t="s">
        <v>130</v>
      </c>
      <c r="J203" s="9" t="s">
        <v>141</v>
      </c>
      <c r="K203" s="6">
        <v>2268</v>
      </c>
      <c r="L203" s="6">
        <v>1947</v>
      </c>
      <c r="M203" s="6">
        <v>1654</v>
      </c>
      <c r="N203" s="6">
        <v>20</v>
      </c>
      <c r="O203" s="6">
        <v>273</v>
      </c>
      <c r="P203" s="6">
        <v>144</v>
      </c>
      <c r="Q203" s="6">
        <v>95</v>
      </c>
      <c r="R203" s="6">
        <v>65</v>
      </c>
      <c r="S203" s="6">
        <v>10</v>
      </c>
      <c r="T203" s="10" t="s">
        <v>55</v>
      </c>
      <c r="U203" s="6">
        <v>7</v>
      </c>
      <c r="V203" s="6">
        <v>2091</v>
      </c>
    </row>
    <row r="204" spans="1:22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53</v>
      </c>
      <c r="I204" s="9" t="s">
        <v>130</v>
      </c>
      <c r="J204" s="9" t="s">
        <v>142</v>
      </c>
      <c r="K204" s="6">
        <v>343</v>
      </c>
      <c r="L204" s="6">
        <v>326</v>
      </c>
      <c r="M204" s="6">
        <v>293</v>
      </c>
      <c r="N204" s="6">
        <v>2</v>
      </c>
      <c r="O204" s="6">
        <v>31</v>
      </c>
      <c r="P204" s="6">
        <v>11</v>
      </c>
      <c r="Q204" s="6">
        <v>2</v>
      </c>
      <c r="R204" s="6">
        <v>1</v>
      </c>
      <c r="S204" s="10" t="s">
        <v>55</v>
      </c>
      <c r="T204" s="10" t="s">
        <v>55</v>
      </c>
      <c r="U204" s="6">
        <v>3</v>
      </c>
      <c r="V204" s="6">
        <v>337</v>
      </c>
    </row>
    <row r="205" spans="1:22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53</v>
      </c>
      <c r="I205" s="9" t="s">
        <v>130</v>
      </c>
      <c r="J205" s="9" t="s">
        <v>143</v>
      </c>
      <c r="K205" s="6">
        <v>1768</v>
      </c>
      <c r="L205" s="6">
        <v>1237</v>
      </c>
      <c r="M205" s="6">
        <v>936</v>
      </c>
      <c r="N205" s="6">
        <v>34</v>
      </c>
      <c r="O205" s="6">
        <v>267</v>
      </c>
      <c r="P205" s="6">
        <v>160</v>
      </c>
      <c r="Q205" s="6">
        <v>50</v>
      </c>
      <c r="R205" s="6">
        <v>283</v>
      </c>
      <c r="S205" s="6">
        <v>24</v>
      </c>
      <c r="T205" s="6">
        <v>2</v>
      </c>
      <c r="U205" s="6">
        <v>12</v>
      </c>
      <c r="V205" s="6">
        <v>1397</v>
      </c>
    </row>
    <row r="206" spans="1:22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53</v>
      </c>
      <c r="I206" s="9" t="s">
        <v>130</v>
      </c>
      <c r="J206" s="9" t="s">
        <v>144</v>
      </c>
      <c r="K206" s="6">
        <v>1293</v>
      </c>
      <c r="L206" s="6">
        <v>1293</v>
      </c>
      <c r="M206" s="6">
        <v>1217</v>
      </c>
      <c r="N206" s="6">
        <v>3</v>
      </c>
      <c r="O206" s="6">
        <v>73</v>
      </c>
      <c r="P206" s="10" t="s">
        <v>55</v>
      </c>
      <c r="Q206" s="10" t="s">
        <v>55</v>
      </c>
      <c r="R206" s="10" t="s">
        <v>55</v>
      </c>
      <c r="S206" s="10" t="s">
        <v>55</v>
      </c>
      <c r="T206" s="10" t="s">
        <v>55</v>
      </c>
      <c r="U206" s="10" t="s">
        <v>55</v>
      </c>
      <c r="V206" s="6">
        <v>1293</v>
      </c>
    </row>
    <row r="207" spans="1:22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53</v>
      </c>
      <c r="I207" s="9" t="s">
        <v>55</v>
      </c>
      <c r="J207" s="9" t="s">
        <v>145</v>
      </c>
      <c r="K207" s="6">
        <v>252</v>
      </c>
      <c r="L207" s="6">
        <v>82</v>
      </c>
      <c r="M207" s="6">
        <v>36</v>
      </c>
      <c r="N207" s="6">
        <v>27</v>
      </c>
      <c r="O207" s="6">
        <v>19</v>
      </c>
      <c r="P207" s="6">
        <v>8</v>
      </c>
      <c r="Q207" s="6">
        <v>7</v>
      </c>
      <c r="R207" s="6">
        <v>39</v>
      </c>
      <c r="S207" s="6">
        <v>4</v>
      </c>
      <c r="T207" s="10" t="s">
        <v>55</v>
      </c>
      <c r="U207" s="6">
        <v>112</v>
      </c>
      <c r="V207" s="6">
        <v>90</v>
      </c>
    </row>
    <row r="208" spans="1:22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53</v>
      </c>
      <c r="I208" s="9" t="s">
        <v>55</v>
      </c>
      <c r="J208" s="9" t="s">
        <v>146</v>
      </c>
      <c r="K208" s="6">
        <v>3750</v>
      </c>
      <c r="L208" s="6">
        <v>566</v>
      </c>
      <c r="M208" s="6">
        <v>319</v>
      </c>
      <c r="N208" s="6">
        <v>12</v>
      </c>
      <c r="O208" s="6">
        <v>235</v>
      </c>
      <c r="P208" s="6">
        <v>91</v>
      </c>
      <c r="Q208" s="6">
        <v>646</v>
      </c>
      <c r="R208" s="6">
        <v>1656</v>
      </c>
      <c r="S208" s="6">
        <v>784</v>
      </c>
      <c r="T208" s="10" t="s">
        <v>55</v>
      </c>
      <c r="U208" s="6">
        <v>7</v>
      </c>
      <c r="V208" s="6">
        <v>657</v>
      </c>
    </row>
    <row r="209" spans="1:22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53</v>
      </c>
      <c r="I209" s="9" t="s">
        <v>55</v>
      </c>
      <c r="J209" s="9" t="s">
        <v>147</v>
      </c>
      <c r="K209" s="6">
        <v>9205</v>
      </c>
      <c r="L209" s="6">
        <v>7426</v>
      </c>
      <c r="M209" s="6">
        <v>6601</v>
      </c>
      <c r="N209" s="6">
        <v>224</v>
      </c>
      <c r="O209" s="6">
        <v>601</v>
      </c>
      <c r="P209" s="6">
        <v>699</v>
      </c>
      <c r="Q209" s="6">
        <v>240</v>
      </c>
      <c r="R209" s="6">
        <v>719</v>
      </c>
      <c r="S209" s="6">
        <v>80</v>
      </c>
      <c r="T209" s="6">
        <v>1</v>
      </c>
      <c r="U209" s="6">
        <v>40</v>
      </c>
      <c r="V209" s="6">
        <v>8125</v>
      </c>
    </row>
    <row r="210" spans="1:22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53</v>
      </c>
      <c r="I210" s="9" t="s">
        <v>55</v>
      </c>
      <c r="J210" s="9" t="s">
        <v>148</v>
      </c>
      <c r="K210" s="6">
        <v>15947</v>
      </c>
      <c r="L210" s="6">
        <v>12830</v>
      </c>
      <c r="M210" s="6">
        <v>10521</v>
      </c>
      <c r="N210" s="6">
        <v>170</v>
      </c>
      <c r="O210" s="6">
        <v>2139</v>
      </c>
      <c r="P210" s="6">
        <v>1126</v>
      </c>
      <c r="Q210" s="6">
        <v>549</v>
      </c>
      <c r="R210" s="6">
        <v>1207</v>
      </c>
      <c r="S210" s="6">
        <v>176</v>
      </c>
      <c r="T210" s="6">
        <v>2</v>
      </c>
      <c r="U210" s="6">
        <v>57</v>
      </c>
      <c r="V210" s="6">
        <v>13956</v>
      </c>
    </row>
    <row r="211" spans="1:22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54</v>
      </c>
      <c r="I211" s="9" t="s">
        <v>55</v>
      </c>
      <c r="J211" s="9" t="s">
        <v>6</v>
      </c>
      <c r="K211" s="6">
        <v>27744</v>
      </c>
      <c r="L211" s="6">
        <v>22372</v>
      </c>
      <c r="M211" s="6">
        <v>11798</v>
      </c>
      <c r="N211" s="6">
        <v>487</v>
      </c>
      <c r="O211" s="6">
        <v>10087</v>
      </c>
      <c r="P211" s="6">
        <v>811</v>
      </c>
      <c r="Q211" s="6">
        <v>250</v>
      </c>
      <c r="R211" s="6">
        <v>1010</v>
      </c>
      <c r="S211" s="6">
        <v>3111</v>
      </c>
      <c r="T211" s="6">
        <v>26</v>
      </c>
      <c r="U211" s="6">
        <v>164</v>
      </c>
      <c r="V211" s="6">
        <v>23183</v>
      </c>
    </row>
    <row r="212" spans="1:22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54</v>
      </c>
      <c r="I212" s="9" t="s">
        <v>122</v>
      </c>
      <c r="J212" s="9" t="s">
        <v>123</v>
      </c>
      <c r="K212" s="6">
        <v>3962</v>
      </c>
      <c r="L212" s="6">
        <v>1682</v>
      </c>
      <c r="M212" s="6">
        <v>574</v>
      </c>
      <c r="N212" s="6">
        <v>48</v>
      </c>
      <c r="O212" s="6">
        <v>1060</v>
      </c>
      <c r="P212" s="6">
        <v>45</v>
      </c>
      <c r="Q212" s="6">
        <v>24</v>
      </c>
      <c r="R212" s="6">
        <v>124</v>
      </c>
      <c r="S212" s="6">
        <v>2082</v>
      </c>
      <c r="T212" s="10" t="s">
        <v>55</v>
      </c>
      <c r="U212" s="6">
        <v>5</v>
      </c>
      <c r="V212" s="6">
        <v>1727</v>
      </c>
    </row>
    <row r="213" spans="1:22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54</v>
      </c>
      <c r="I213" s="9" t="s">
        <v>122</v>
      </c>
      <c r="J213" s="9" t="s">
        <v>124</v>
      </c>
      <c r="K213" s="6">
        <v>3932</v>
      </c>
      <c r="L213" s="6">
        <v>1661</v>
      </c>
      <c r="M213" s="6">
        <v>561</v>
      </c>
      <c r="N213" s="6">
        <v>48</v>
      </c>
      <c r="O213" s="6">
        <v>1052</v>
      </c>
      <c r="P213" s="6">
        <v>43</v>
      </c>
      <c r="Q213" s="6">
        <v>24</v>
      </c>
      <c r="R213" s="6">
        <v>124</v>
      </c>
      <c r="S213" s="6">
        <v>2075</v>
      </c>
      <c r="T213" s="10" t="s">
        <v>55</v>
      </c>
      <c r="U213" s="6">
        <v>5</v>
      </c>
      <c r="V213" s="6">
        <v>1704</v>
      </c>
    </row>
    <row r="214" spans="1:22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54</v>
      </c>
      <c r="I214" s="9" t="s">
        <v>122</v>
      </c>
      <c r="J214" s="9" t="s">
        <v>125</v>
      </c>
      <c r="K214" s="6">
        <v>41</v>
      </c>
      <c r="L214" s="6">
        <v>3</v>
      </c>
      <c r="M214" s="6">
        <v>1</v>
      </c>
      <c r="N214" s="10" t="s">
        <v>55</v>
      </c>
      <c r="O214" s="6">
        <v>2</v>
      </c>
      <c r="P214" s="10" t="s">
        <v>55</v>
      </c>
      <c r="Q214" s="10" t="s">
        <v>55</v>
      </c>
      <c r="R214" s="6">
        <v>1</v>
      </c>
      <c r="S214" s="6">
        <v>37</v>
      </c>
      <c r="T214" s="10" t="s">
        <v>55</v>
      </c>
      <c r="U214" s="10" t="s">
        <v>55</v>
      </c>
      <c r="V214" s="6">
        <v>3</v>
      </c>
    </row>
    <row r="215" spans="1:22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54</v>
      </c>
      <c r="I215" s="9" t="s">
        <v>126</v>
      </c>
      <c r="J215" s="9" t="s">
        <v>127</v>
      </c>
      <c r="K215" s="6">
        <v>5</v>
      </c>
      <c r="L215" s="6">
        <v>5</v>
      </c>
      <c r="M215" s="6">
        <v>2</v>
      </c>
      <c r="N215" s="10" t="s">
        <v>55</v>
      </c>
      <c r="O215" s="6">
        <v>3</v>
      </c>
      <c r="P215" s="10" t="s">
        <v>55</v>
      </c>
      <c r="Q215" s="10" t="s">
        <v>55</v>
      </c>
      <c r="R215" s="10" t="s">
        <v>55</v>
      </c>
      <c r="S215" s="10" t="s">
        <v>55</v>
      </c>
      <c r="T215" s="10" t="s">
        <v>55</v>
      </c>
      <c r="U215" s="10" t="s">
        <v>55</v>
      </c>
      <c r="V215" s="6">
        <v>5</v>
      </c>
    </row>
    <row r="216" spans="1:22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54</v>
      </c>
      <c r="I216" s="9" t="s">
        <v>126</v>
      </c>
      <c r="J216" s="9" t="s">
        <v>128</v>
      </c>
      <c r="K216" s="6">
        <v>792</v>
      </c>
      <c r="L216" s="6">
        <v>489</v>
      </c>
      <c r="M216" s="6">
        <v>354</v>
      </c>
      <c r="N216" s="6">
        <v>6</v>
      </c>
      <c r="O216" s="6">
        <v>129</v>
      </c>
      <c r="P216" s="6">
        <v>157</v>
      </c>
      <c r="Q216" s="10" t="s">
        <v>55</v>
      </c>
      <c r="R216" s="6">
        <v>1</v>
      </c>
      <c r="S216" s="6">
        <v>144</v>
      </c>
      <c r="T216" s="10" t="s">
        <v>55</v>
      </c>
      <c r="U216" s="6">
        <v>1</v>
      </c>
      <c r="V216" s="6">
        <v>646</v>
      </c>
    </row>
    <row r="217" spans="1:22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54</v>
      </c>
      <c r="I217" s="9" t="s">
        <v>126</v>
      </c>
      <c r="J217" s="9" t="s">
        <v>129</v>
      </c>
      <c r="K217" s="6">
        <v>2244</v>
      </c>
      <c r="L217" s="6">
        <v>1999</v>
      </c>
      <c r="M217" s="6">
        <v>1140</v>
      </c>
      <c r="N217" s="6">
        <v>105</v>
      </c>
      <c r="O217" s="6">
        <v>754</v>
      </c>
      <c r="P217" s="6">
        <v>68</v>
      </c>
      <c r="Q217" s="6">
        <v>6</v>
      </c>
      <c r="R217" s="6">
        <v>58</v>
      </c>
      <c r="S217" s="6">
        <v>80</v>
      </c>
      <c r="T217" s="6">
        <v>23</v>
      </c>
      <c r="U217" s="6">
        <v>10</v>
      </c>
      <c r="V217" s="6">
        <v>2067</v>
      </c>
    </row>
    <row r="218" spans="1:22">
      <c r="A218" s="9" t="s">
        <v>56</v>
      </c>
      <c r="B218" s="9" t="s">
        <v>57</v>
      </c>
      <c r="C218" s="9" t="s">
        <v>81</v>
      </c>
      <c r="D218" s="9"/>
      <c r="E218" s="9" t="s">
        <v>57</v>
      </c>
      <c r="F218" s="9" t="s">
        <v>81</v>
      </c>
      <c r="G218" s="9" t="s">
        <v>82</v>
      </c>
      <c r="H218" s="9" t="s">
        <v>54</v>
      </c>
      <c r="I218" s="9" t="s">
        <v>130</v>
      </c>
      <c r="J218" s="9" t="s">
        <v>131</v>
      </c>
      <c r="K218" s="6">
        <v>29</v>
      </c>
      <c r="L218" s="6">
        <v>27</v>
      </c>
      <c r="M218" s="6">
        <v>18</v>
      </c>
      <c r="N218" s="6">
        <v>2</v>
      </c>
      <c r="O218" s="6">
        <v>7</v>
      </c>
      <c r="P218" s="6">
        <v>1</v>
      </c>
      <c r="Q218" s="10" t="s">
        <v>55</v>
      </c>
      <c r="R218" s="10" t="s">
        <v>55</v>
      </c>
      <c r="S218" s="10" t="s">
        <v>55</v>
      </c>
      <c r="T218" s="10" t="s">
        <v>55</v>
      </c>
      <c r="U218" s="6">
        <v>1</v>
      </c>
      <c r="V218" s="6">
        <v>28</v>
      </c>
    </row>
    <row r="219" spans="1:22">
      <c r="A219" s="9" t="s">
        <v>56</v>
      </c>
      <c r="B219" s="9" t="s">
        <v>57</v>
      </c>
      <c r="C219" s="9" t="s">
        <v>81</v>
      </c>
      <c r="D219" s="9"/>
      <c r="E219" s="9" t="s">
        <v>57</v>
      </c>
      <c r="F219" s="9" t="s">
        <v>81</v>
      </c>
      <c r="G219" s="9" t="s">
        <v>82</v>
      </c>
      <c r="H219" s="9" t="s">
        <v>54</v>
      </c>
      <c r="I219" s="9" t="s">
        <v>130</v>
      </c>
      <c r="J219" s="9" t="s">
        <v>132</v>
      </c>
      <c r="K219" s="6">
        <v>73</v>
      </c>
      <c r="L219" s="6">
        <v>63</v>
      </c>
      <c r="M219" s="6">
        <v>47</v>
      </c>
      <c r="N219" s="10" t="s">
        <v>55</v>
      </c>
      <c r="O219" s="6">
        <v>16</v>
      </c>
      <c r="P219" s="6">
        <v>3</v>
      </c>
      <c r="Q219" s="10" t="s">
        <v>55</v>
      </c>
      <c r="R219" s="6">
        <v>6</v>
      </c>
      <c r="S219" s="6">
        <v>1</v>
      </c>
      <c r="T219" s="10" t="s">
        <v>55</v>
      </c>
      <c r="U219" s="10" t="s">
        <v>55</v>
      </c>
      <c r="V219" s="6">
        <v>66</v>
      </c>
    </row>
    <row r="220" spans="1:22">
      <c r="A220" s="9" t="s">
        <v>56</v>
      </c>
      <c r="B220" s="9" t="s">
        <v>57</v>
      </c>
      <c r="C220" s="9" t="s">
        <v>81</v>
      </c>
      <c r="D220" s="9"/>
      <c r="E220" s="9" t="s">
        <v>57</v>
      </c>
      <c r="F220" s="9" t="s">
        <v>81</v>
      </c>
      <c r="G220" s="9" t="s">
        <v>82</v>
      </c>
      <c r="H220" s="9" t="s">
        <v>54</v>
      </c>
      <c r="I220" s="9" t="s">
        <v>130</v>
      </c>
      <c r="J220" s="9" t="s">
        <v>133</v>
      </c>
      <c r="K220" s="6">
        <v>530</v>
      </c>
      <c r="L220" s="6">
        <v>493</v>
      </c>
      <c r="M220" s="6">
        <v>252</v>
      </c>
      <c r="N220" s="6">
        <v>31</v>
      </c>
      <c r="O220" s="6">
        <v>210</v>
      </c>
      <c r="P220" s="6">
        <v>24</v>
      </c>
      <c r="Q220" s="10" t="s">
        <v>55</v>
      </c>
      <c r="R220" s="6">
        <v>5</v>
      </c>
      <c r="S220" s="6">
        <v>4</v>
      </c>
      <c r="T220" s="10" t="s">
        <v>55</v>
      </c>
      <c r="U220" s="6">
        <v>4</v>
      </c>
      <c r="V220" s="6">
        <v>517</v>
      </c>
    </row>
    <row r="221" spans="1:22">
      <c r="A221" s="9" t="s">
        <v>56</v>
      </c>
      <c r="B221" s="9" t="s">
        <v>57</v>
      </c>
      <c r="C221" s="9" t="s">
        <v>81</v>
      </c>
      <c r="D221" s="9"/>
      <c r="E221" s="9" t="s">
        <v>57</v>
      </c>
      <c r="F221" s="9" t="s">
        <v>81</v>
      </c>
      <c r="G221" s="9" t="s">
        <v>82</v>
      </c>
      <c r="H221" s="9" t="s">
        <v>54</v>
      </c>
      <c r="I221" s="9" t="s">
        <v>130</v>
      </c>
      <c r="J221" s="9" t="s">
        <v>134</v>
      </c>
      <c r="K221" s="6">
        <v>5003</v>
      </c>
      <c r="L221" s="6">
        <v>4307</v>
      </c>
      <c r="M221" s="6">
        <v>1442</v>
      </c>
      <c r="N221" s="6">
        <v>53</v>
      </c>
      <c r="O221" s="6">
        <v>2812</v>
      </c>
      <c r="P221" s="6">
        <v>209</v>
      </c>
      <c r="Q221" s="6">
        <v>36</v>
      </c>
      <c r="R221" s="6">
        <v>171</v>
      </c>
      <c r="S221" s="6">
        <v>269</v>
      </c>
      <c r="T221" s="10" t="s">
        <v>55</v>
      </c>
      <c r="U221" s="6">
        <v>11</v>
      </c>
      <c r="V221" s="6">
        <v>4516</v>
      </c>
    </row>
    <row r="222" spans="1:22">
      <c r="A222" s="9" t="s">
        <v>56</v>
      </c>
      <c r="B222" s="9" t="s">
        <v>57</v>
      </c>
      <c r="C222" s="9" t="s">
        <v>81</v>
      </c>
      <c r="D222" s="9"/>
      <c r="E222" s="9" t="s">
        <v>57</v>
      </c>
      <c r="F222" s="9" t="s">
        <v>81</v>
      </c>
      <c r="G222" s="9" t="s">
        <v>82</v>
      </c>
      <c r="H222" s="9" t="s">
        <v>54</v>
      </c>
      <c r="I222" s="9" t="s">
        <v>130</v>
      </c>
      <c r="J222" s="9" t="s">
        <v>135</v>
      </c>
      <c r="K222" s="6">
        <v>543</v>
      </c>
      <c r="L222" s="6">
        <v>513</v>
      </c>
      <c r="M222" s="6">
        <v>381</v>
      </c>
      <c r="N222" s="6">
        <v>13</v>
      </c>
      <c r="O222" s="6">
        <v>119</v>
      </c>
      <c r="P222" s="6">
        <v>13</v>
      </c>
      <c r="Q222" s="6">
        <v>4</v>
      </c>
      <c r="R222" s="6">
        <v>10</v>
      </c>
      <c r="S222" s="6">
        <v>2</v>
      </c>
      <c r="T222" s="10" t="s">
        <v>55</v>
      </c>
      <c r="U222" s="6">
        <v>1</v>
      </c>
      <c r="V222" s="6">
        <v>526</v>
      </c>
    </row>
    <row r="223" spans="1:22">
      <c r="A223" s="9" t="s">
        <v>56</v>
      </c>
      <c r="B223" s="9" t="s">
        <v>57</v>
      </c>
      <c r="C223" s="9" t="s">
        <v>81</v>
      </c>
      <c r="D223" s="9"/>
      <c r="E223" s="9" t="s">
        <v>57</v>
      </c>
      <c r="F223" s="9" t="s">
        <v>81</v>
      </c>
      <c r="G223" s="9" t="s">
        <v>82</v>
      </c>
      <c r="H223" s="9" t="s">
        <v>54</v>
      </c>
      <c r="I223" s="9" t="s">
        <v>130</v>
      </c>
      <c r="J223" s="9" t="s">
        <v>136</v>
      </c>
      <c r="K223" s="6">
        <v>260</v>
      </c>
      <c r="L223" s="6">
        <v>177</v>
      </c>
      <c r="M223" s="6">
        <v>104</v>
      </c>
      <c r="N223" s="6">
        <v>5</v>
      </c>
      <c r="O223" s="6">
        <v>68</v>
      </c>
      <c r="P223" s="6">
        <v>35</v>
      </c>
      <c r="Q223" s="6">
        <v>5</v>
      </c>
      <c r="R223" s="6">
        <v>26</v>
      </c>
      <c r="S223" s="6">
        <v>17</v>
      </c>
      <c r="T223" s="10" t="s">
        <v>55</v>
      </c>
      <c r="U223" s="10" t="s">
        <v>55</v>
      </c>
      <c r="V223" s="6">
        <v>212</v>
      </c>
    </row>
    <row r="224" spans="1:22">
      <c r="A224" s="9" t="s">
        <v>56</v>
      </c>
      <c r="B224" s="9" t="s">
        <v>57</v>
      </c>
      <c r="C224" s="9" t="s">
        <v>81</v>
      </c>
      <c r="D224" s="9"/>
      <c r="E224" s="9" t="s">
        <v>57</v>
      </c>
      <c r="F224" s="9" t="s">
        <v>81</v>
      </c>
      <c r="G224" s="9" t="s">
        <v>82</v>
      </c>
      <c r="H224" s="9" t="s">
        <v>54</v>
      </c>
      <c r="I224" s="9" t="s">
        <v>130</v>
      </c>
      <c r="J224" s="9" t="s">
        <v>137</v>
      </c>
      <c r="K224" s="6">
        <v>400</v>
      </c>
      <c r="L224" s="6">
        <v>279</v>
      </c>
      <c r="M224" s="6">
        <v>170</v>
      </c>
      <c r="N224" s="6">
        <v>6</v>
      </c>
      <c r="O224" s="6">
        <v>103</v>
      </c>
      <c r="P224" s="6">
        <v>22</v>
      </c>
      <c r="Q224" s="6">
        <v>8</v>
      </c>
      <c r="R224" s="6">
        <v>37</v>
      </c>
      <c r="S224" s="6">
        <v>54</v>
      </c>
      <c r="T224" s="10" t="s">
        <v>55</v>
      </c>
      <c r="U224" s="10" t="s">
        <v>55</v>
      </c>
      <c r="V224" s="6">
        <v>301</v>
      </c>
    </row>
    <row r="225" spans="1:22">
      <c r="A225" s="9" t="s">
        <v>56</v>
      </c>
      <c r="B225" s="9" t="s">
        <v>57</v>
      </c>
      <c r="C225" s="9" t="s">
        <v>81</v>
      </c>
      <c r="D225" s="9"/>
      <c r="E225" s="9" t="s">
        <v>57</v>
      </c>
      <c r="F225" s="9" t="s">
        <v>81</v>
      </c>
      <c r="G225" s="9" t="s">
        <v>82</v>
      </c>
      <c r="H225" s="9" t="s">
        <v>54</v>
      </c>
      <c r="I225" s="9" t="s">
        <v>130</v>
      </c>
      <c r="J225" s="9" t="s">
        <v>138</v>
      </c>
      <c r="K225" s="6">
        <v>1523</v>
      </c>
      <c r="L225" s="6">
        <v>1129</v>
      </c>
      <c r="M225" s="6">
        <v>244</v>
      </c>
      <c r="N225" s="6">
        <v>16</v>
      </c>
      <c r="O225" s="6">
        <v>869</v>
      </c>
      <c r="P225" s="6">
        <v>37</v>
      </c>
      <c r="Q225" s="6">
        <v>83</v>
      </c>
      <c r="R225" s="6">
        <v>107</v>
      </c>
      <c r="S225" s="6">
        <v>165</v>
      </c>
      <c r="T225" s="10" t="s">
        <v>55</v>
      </c>
      <c r="U225" s="6">
        <v>2</v>
      </c>
      <c r="V225" s="6">
        <v>1166</v>
      </c>
    </row>
    <row r="226" spans="1:22">
      <c r="A226" s="9" t="s">
        <v>56</v>
      </c>
      <c r="B226" s="9" t="s">
        <v>57</v>
      </c>
      <c r="C226" s="9" t="s">
        <v>81</v>
      </c>
      <c r="D226" s="9"/>
      <c r="E226" s="9" t="s">
        <v>57</v>
      </c>
      <c r="F226" s="9" t="s">
        <v>81</v>
      </c>
      <c r="G226" s="9" t="s">
        <v>82</v>
      </c>
      <c r="H226" s="9" t="s">
        <v>54</v>
      </c>
      <c r="I226" s="9" t="s">
        <v>130</v>
      </c>
      <c r="J226" s="9" t="s">
        <v>139</v>
      </c>
      <c r="K226" s="6">
        <v>1156</v>
      </c>
      <c r="L226" s="6">
        <v>754</v>
      </c>
      <c r="M226" s="6">
        <v>272</v>
      </c>
      <c r="N226" s="6">
        <v>5</v>
      </c>
      <c r="O226" s="6">
        <v>477</v>
      </c>
      <c r="P226" s="6">
        <v>27</v>
      </c>
      <c r="Q226" s="6">
        <v>48</v>
      </c>
      <c r="R226" s="6">
        <v>213</v>
      </c>
      <c r="S226" s="6">
        <v>111</v>
      </c>
      <c r="T226" s="6">
        <v>1</v>
      </c>
      <c r="U226" s="6">
        <v>2</v>
      </c>
      <c r="V226" s="6">
        <v>781</v>
      </c>
    </row>
    <row r="227" spans="1:22">
      <c r="A227" s="9" t="s">
        <v>56</v>
      </c>
      <c r="B227" s="9" t="s">
        <v>57</v>
      </c>
      <c r="C227" s="9" t="s">
        <v>81</v>
      </c>
      <c r="D227" s="9"/>
      <c r="E227" s="9" t="s">
        <v>57</v>
      </c>
      <c r="F227" s="9" t="s">
        <v>81</v>
      </c>
      <c r="G227" s="9" t="s">
        <v>82</v>
      </c>
      <c r="H227" s="9" t="s">
        <v>54</v>
      </c>
      <c r="I227" s="9" t="s">
        <v>130</v>
      </c>
      <c r="J227" s="9" t="s">
        <v>140</v>
      </c>
      <c r="K227" s="6">
        <v>1278</v>
      </c>
      <c r="L227" s="6">
        <v>1146</v>
      </c>
      <c r="M227" s="6">
        <v>739</v>
      </c>
      <c r="N227" s="6">
        <v>10</v>
      </c>
      <c r="O227" s="6">
        <v>397</v>
      </c>
      <c r="P227" s="6">
        <v>5</v>
      </c>
      <c r="Q227" s="6">
        <v>16</v>
      </c>
      <c r="R227" s="6">
        <v>98</v>
      </c>
      <c r="S227" s="6">
        <v>10</v>
      </c>
      <c r="T227" s="10" t="s">
        <v>55</v>
      </c>
      <c r="U227" s="6">
        <v>3</v>
      </c>
      <c r="V227" s="6">
        <v>1151</v>
      </c>
    </row>
    <row r="228" spans="1:22">
      <c r="A228" s="9" t="s">
        <v>56</v>
      </c>
      <c r="B228" s="9" t="s">
        <v>57</v>
      </c>
      <c r="C228" s="9" t="s">
        <v>81</v>
      </c>
      <c r="D228" s="9"/>
      <c r="E228" s="9" t="s">
        <v>57</v>
      </c>
      <c r="F228" s="9" t="s">
        <v>81</v>
      </c>
      <c r="G228" s="9" t="s">
        <v>82</v>
      </c>
      <c r="H228" s="9" t="s">
        <v>54</v>
      </c>
      <c r="I228" s="9" t="s">
        <v>130</v>
      </c>
      <c r="J228" s="9" t="s">
        <v>141</v>
      </c>
      <c r="K228" s="6">
        <v>7785</v>
      </c>
      <c r="L228" s="6">
        <v>7527</v>
      </c>
      <c r="M228" s="6">
        <v>5058</v>
      </c>
      <c r="N228" s="6">
        <v>120</v>
      </c>
      <c r="O228" s="6">
        <v>2349</v>
      </c>
      <c r="P228" s="6">
        <v>117</v>
      </c>
      <c r="Q228" s="6">
        <v>13</v>
      </c>
      <c r="R228" s="6">
        <v>36</v>
      </c>
      <c r="S228" s="6">
        <v>60</v>
      </c>
      <c r="T228" s="10" t="s">
        <v>55</v>
      </c>
      <c r="U228" s="6">
        <v>32</v>
      </c>
      <c r="V228" s="6">
        <v>7644</v>
      </c>
    </row>
    <row r="229" spans="1:22">
      <c r="A229" s="9" t="s">
        <v>56</v>
      </c>
      <c r="B229" s="9" t="s">
        <v>57</v>
      </c>
      <c r="C229" s="9" t="s">
        <v>81</v>
      </c>
      <c r="D229" s="9"/>
      <c r="E229" s="9" t="s">
        <v>57</v>
      </c>
      <c r="F229" s="9" t="s">
        <v>81</v>
      </c>
      <c r="G229" s="9" t="s">
        <v>82</v>
      </c>
      <c r="H229" s="9" t="s">
        <v>54</v>
      </c>
      <c r="I229" s="9" t="s">
        <v>130</v>
      </c>
      <c r="J229" s="9" t="s">
        <v>142</v>
      </c>
      <c r="K229" s="6">
        <v>227</v>
      </c>
      <c r="L229" s="6">
        <v>221</v>
      </c>
      <c r="M229" s="6">
        <v>172</v>
      </c>
      <c r="N229" s="6">
        <v>3</v>
      </c>
      <c r="O229" s="6">
        <v>46</v>
      </c>
      <c r="P229" s="10" t="s">
        <v>55</v>
      </c>
      <c r="Q229" s="6">
        <v>3</v>
      </c>
      <c r="R229" s="6">
        <v>2</v>
      </c>
      <c r="S229" s="6">
        <v>1</v>
      </c>
      <c r="T229" s="10" t="s">
        <v>55</v>
      </c>
      <c r="U229" s="10" t="s">
        <v>55</v>
      </c>
      <c r="V229" s="6">
        <v>221</v>
      </c>
    </row>
    <row r="230" spans="1:22">
      <c r="A230" s="9" t="s">
        <v>56</v>
      </c>
      <c r="B230" s="9" t="s">
        <v>57</v>
      </c>
      <c r="C230" s="9" t="s">
        <v>81</v>
      </c>
      <c r="D230" s="9"/>
      <c r="E230" s="9" t="s">
        <v>57</v>
      </c>
      <c r="F230" s="9" t="s">
        <v>81</v>
      </c>
      <c r="G230" s="9" t="s">
        <v>82</v>
      </c>
      <c r="H230" s="9" t="s">
        <v>54</v>
      </c>
      <c r="I230" s="9" t="s">
        <v>130</v>
      </c>
      <c r="J230" s="9" t="s">
        <v>143</v>
      </c>
      <c r="K230" s="6">
        <v>1084</v>
      </c>
      <c r="L230" s="6">
        <v>861</v>
      </c>
      <c r="M230" s="6">
        <v>408</v>
      </c>
      <c r="N230" s="6">
        <v>39</v>
      </c>
      <c r="O230" s="6">
        <v>414</v>
      </c>
      <c r="P230" s="6">
        <v>45</v>
      </c>
      <c r="Q230" s="6">
        <v>1</v>
      </c>
      <c r="R230" s="6">
        <v>106</v>
      </c>
      <c r="S230" s="6">
        <v>65</v>
      </c>
      <c r="T230" s="6">
        <v>2</v>
      </c>
      <c r="U230" s="6">
        <v>4</v>
      </c>
      <c r="V230" s="6">
        <v>906</v>
      </c>
    </row>
    <row r="231" spans="1:22">
      <c r="A231" s="9" t="s">
        <v>56</v>
      </c>
      <c r="B231" s="9" t="s">
        <v>57</v>
      </c>
      <c r="C231" s="9" t="s">
        <v>81</v>
      </c>
      <c r="D231" s="9"/>
      <c r="E231" s="9" t="s">
        <v>57</v>
      </c>
      <c r="F231" s="9" t="s">
        <v>81</v>
      </c>
      <c r="G231" s="9" t="s">
        <v>82</v>
      </c>
      <c r="H231" s="9" t="s">
        <v>54</v>
      </c>
      <c r="I231" s="9" t="s">
        <v>130</v>
      </c>
      <c r="J231" s="9" t="s">
        <v>144</v>
      </c>
      <c r="K231" s="6">
        <v>618</v>
      </c>
      <c r="L231" s="6">
        <v>618</v>
      </c>
      <c r="M231" s="6">
        <v>398</v>
      </c>
      <c r="N231" s="6">
        <v>2</v>
      </c>
      <c r="O231" s="6">
        <v>218</v>
      </c>
      <c r="P231" s="10" t="s">
        <v>55</v>
      </c>
      <c r="Q231" s="10" t="s">
        <v>55</v>
      </c>
      <c r="R231" s="10" t="s">
        <v>55</v>
      </c>
      <c r="S231" s="10" t="s">
        <v>55</v>
      </c>
      <c r="T231" s="10" t="s">
        <v>55</v>
      </c>
      <c r="U231" s="10" t="s">
        <v>55</v>
      </c>
      <c r="V231" s="6">
        <v>618</v>
      </c>
    </row>
    <row r="232" spans="1:22">
      <c r="A232" s="9" t="s">
        <v>56</v>
      </c>
      <c r="B232" s="9" t="s">
        <v>57</v>
      </c>
      <c r="C232" s="9" t="s">
        <v>81</v>
      </c>
      <c r="D232" s="9"/>
      <c r="E232" s="9" t="s">
        <v>57</v>
      </c>
      <c r="F232" s="9" t="s">
        <v>81</v>
      </c>
      <c r="G232" s="9" t="s">
        <v>82</v>
      </c>
      <c r="H232" s="9" t="s">
        <v>54</v>
      </c>
      <c r="I232" s="9" t="s">
        <v>55</v>
      </c>
      <c r="J232" s="9" t="s">
        <v>145</v>
      </c>
      <c r="K232" s="6">
        <v>191</v>
      </c>
      <c r="L232" s="6">
        <v>79</v>
      </c>
      <c r="M232" s="6">
        <v>22</v>
      </c>
      <c r="N232" s="6">
        <v>23</v>
      </c>
      <c r="O232" s="6">
        <v>34</v>
      </c>
      <c r="P232" s="6">
        <v>3</v>
      </c>
      <c r="Q232" s="6">
        <v>3</v>
      </c>
      <c r="R232" s="6">
        <v>9</v>
      </c>
      <c r="S232" s="6">
        <v>9</v>
      </c>
      <c r="T232" s="10" t="s">
        <v>55</v>
      </c>
      <c r="U232" s="6">
        <v>88</v>
      </c>
      <c r="V232" s="6">
        <v>82</v>
      </c>
    </row>
    <row r="233" spans="1:22">
      <c r="A233" s="9" t="s">
        <v>56</v>
      </c>
      <c r="B233" s="9" t="s">
        <v>57</v>
      </c>
      <c r="C233" s="9" t="s">
        <v>81</v>
      </c>
      <c r="D233" s="9"/>
      <c r="E233" s="9" t="s">
        <v>57</v>
      </c>
      <c r="F233" s="9" t="s">
        <v>81</v>
      </c>
      <c r="G233" s="9" t="s">
        <v>82</v>
      </c>
      <c r="H233" s="9" t="s">
        <v>54</v>
      </c>
      <c r="I233" s="9" t="s">
        <v>55</v>
      </c>
      <c r="J233" s="9" t="s">
        <v>146</v>
      </c>
      <c r="K233" s="6">
        <v>4003</v>
      </c>
      <c r="L233" s="6">
        <v>1685</v>
      </c>
      <c r="M233" s="6">
        <v>575</v>
      </c>
      <c r="N233" s="6">
        <v>48</v>
      </c>
      <c r="O233" s="6">
        <v>1062</v>
      </c>
      <c r="P233" s="6">
        <v>45</v>
      </c>
      <c r="Q233" s="6">
        <v>24</v>
      </c>
      <c r="R233" s="6">
        <v>125</v>
      </c>
      <c r="S233" s="6">
        <v>2119</v>
      </c>
      <c r="T233" s="10" t="s">
        <v>55</v>
      </c>
      <c r="U233" s="6">
        <v>5</v>
      </c>
      <c r="V233" s="6">
        <v>1730</v>
      </c>
    </row>
    <row r="234" spans="1:22">
      <c r="A234" s="9" t="s">
        <v>56</v>
      </c>
      <c r="B234" s="9" t="s">
        <v>57</v>
      </c>
      <c r="C234" s="9" t="s">
        <v>81</v>
      </c>
      <c r="D234" s="9"/>
      <c r="E234" s="9" t="s">
        <v>57</v>
      </c>
      <c r="F234" s="9" t="s">
        <v>81</v>
      </c>
      <c r="G234" s="9" t="s">
        <v>82</v>
      </c>
      <c r="H234" s="9" t="s">
        <v>54</v>
      </c>
      <c r="I234" s="9" t="s">
        <v>55</v>
      </c>
      <c r="J234" s="9" t="s">
        <v>147</v>
      </c>
      <c r="K234" s="6">
        <v>3041</v>
      </c>
      <c r="L234" s="6">
        <v>2493</v>
      </c>
      <c r="M234" s="6">
        <v>1496</v>
      </c>
      <c r="N234" s="6">
        <v>111</v>
      </c>
      <c r="O234" s="6">
        <v>886</v>
      </c>
      <c r="P234" s="6">
        <v>225</v>
      </c>
      <c r="Q234" s="6">
        <v>6</v>
      </c>
      <c r="R234" s="6">
        <v>59</v>
      </c>
      <c r="S234" s="6">
        <v>224</v>
      </c>
      <c r="T234" s="6">
        <v>23</v>
      </c>
      <c r="U234" s="6">
        <v>11</v>
      </c>
      <c r="V234" s="6">
        <v>2718</v>
      </c>
    </row>
    <row r="235" spans="1:22">
      <c r="A235" s="9" t="s">
        <v>56</v>
      </c>
      <c r="B235" s="9" t="s">
        <v>57</v>
      </c>
      <c r="C235" s="9" t="s">
        <v>81</v>
      </c>
      <c r="D235" s="9"/>
      <c r="E235" s="9" t="s">
        <v>57</v>
      </c>
      <c r="F235" s="9" t="s">
        <v>81</v>
      </c>
      <c r="G235" s="9" t="s">
        <v>82</v>
      </c>
      <c r="H235" s="9" t="s">
        <v>54</v>
      </c>
      <c r="I235" s="9" t="s">
        <v>55</v>
      </c>
      <c r="J235" s="9" t="s">
        <v>148</v>
      </c>
      <c r="K235" s="6">
        <v>20509</v>
      </c>
      <c r="L235" s="6">
        <v>18115</v>
      </c>
      <c r="M235" s="6">
        <v>9705</v>
      </c>
      <c r="N235" s="6">
        <v>305</v>
      </c>
      <c r="O235" s="6">
        <v>8105</v>
      </c>
      <c r="P235" s="6">
        <v>538</v>
      </c>
      <c r="Q235" s="6">
        <v>217</v>
      </c>
      <c r="R235" s="6">
        <v>817</v>
      </c>
      <c r="S235" s="6">
        <v>759</v>
      </c>
      <c r="T235" s="6">
        <v>3</v>
      </c>
      <c r="U235" s="6">
        <v>60</v>
      </c>
      <c r="V235" s="6">
        <v>18653</v>
      </c>
    </row>
    <row r="236" spans="1:22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6</v>
      </c>
      <c r="I236" s="9" t="s">
        <v>55</v>
      </c>
      <c r="J236" s="9" t="s">
        <v>6</v>
      </c>
      <c r="K236" s="6">
        <v>44241</v>
      </c>
      <c r="L236" s="6">
        <v>34419</v>
      </c>
      <c r="M236" s="6">
        <v>23405</v>
      </c>
      <c r="N236" s="6">
        <v>703</v>
      </c>
      <c r="O236" s="6">
        <v>10311</v>
      </c>
      <c r="P236" s="6">
        <v>2240</v>
      </c>
      <c r="Q236" s="6">
        <v>1279</v>
      </c>
      <c r="R236" s="6">
        <v>3228</v>
      </c>
      <c r="S236" s="6">
        <v>2750</v>
      </c>
      <c r="T236" s="6">
        <v>24</v>
      </c>
      <c r="U236" s="6">
        <v>301</v>
      </c>
      <c r="V236" s="6">
        <v>36659</v>
      </c>
    </row>
    <row r="237" spans="1:22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6</v>
      </c>
      <c r="I237" s="9" t="s">
        <v>122</v>
      </c>
      <c r="J237" s="9" t="s">
        <v>123</v>
      </c>
      <c r="K237" s="6">
        <v>4824</v>
      </c>
      <c r="L237" s="6">
        <v>1563</v>
      </c>
      <c r="M237" s="6">
        <v>631</v>
      </c>
      <c r="N237" s="6">
        <v>43</v>
      </c>
      <c r="O237" s="6">
        <v>889</v>
      </c>
      <c r="P237" s="6">
        <v>80</v>
      </c>
      <c r="Q237" s="6">
        <v>455</v>
      </c>
      <c r="R237" s="6">
        <v>937</v>
      </c>
      <c r="S237" s="6">
        <v>1782</v>
      </c>
      <c r="T237" s="10" t="s">
        <v>55</v>
      </c>
      <c r="U237" s="6">
        <v>7</v>
      </c>
      <c r="V237" s="6">
        <v>1643</v>
      </c>
    </row>
    <row r="238" spans="1:22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6</v>
      </c>
      <c r="I238" s="9" t="s">
        <v>122</v>
      </c>
      <c r="J238" s="9" t="s">
        <v>124</v>
      </c>
      <c r="K238" s="6">
        <v>4761</v>
      </c>
      <c r="L238" s="6">
        <v>1511</v>
      </c>
      <c r="M238" s="6">
        <v>588</v>
      </c>
      <c r="N238" s="6">
        <v>43</v>
      </c>
      <c r="O238" s="6">
        <v>880</v>
      </c>
      <c r="P238" s="6">
        <v>73</v>
      </c>
      <c r="Q238" s="6">
        <v>455</v>
      </c>
      <c r="R238" s="6">
        <v>936</v>
      </c>
      <c r="S238" s="6">
        <v>1779</v>
      </c>
      <c r="T238" s="10" t="s">
        <v>55</v>
      </c>
      <c r="U238" s="6">
        <v>7</v>
      </c>
      <c r="V238" s="6">
        <v>1584</v>
      </c>
    </row>
    <row r="239" spans="1:22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6</v>
      </c>
      <c r="I239" s="9" t="s">
        <v>122</v>
      </c>
      <c r="J239" s="9" t="s">
        <v>125</v>
      </c>
      <c r="K239" s="6">
        <v>88</v>
      </c>
      <c r="L239" s="6">
        <v>5</v>
      </c>
      <c r="M239" s="6">
        <v>3</v>
      </c>
      <c r="N239" s="10" t="s">
        <v>55</v>
      </c>
      <c r="O239" s="6">
        <v>2</v>
      </c>
      <c r="P239" s="10" t="s">
        <v>55</v>
      </c>
      <c r="Q239" s="6">
        <v>2</v>
      </c>
      <c r="R239" s="6">
        <v>51</v>
      </c>
      <c r="S239" s="6">
        <v>30</v>
      </c>
      <c r="T239" s="10" t="s">
        <v>55</v>
      </c>
      <c r="U239" s="10" t="s">
        <v>55</v>
      </c>
      <c r="V239" s="6">
        <v>5</v>
      </c>
    </row>
    <row r="240" spans="1:22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6</v>
      </c>
      <c r="I240" s="9" t="s">
        <v>126</v>
      </c>
      <c r="J240" s="9" t="s">
        <v>127</v>
      </c>
      <c r="K240" s="6">
        <v>26</v>
      </c>
      <c r="L240" s="6">
        <v>25</v>
      </c>
      <c r="M240" s="6">
        <v>18</v>
      </c>
      <c r="N240" s="10" t="s">
        <v>55</v>
      </c>
      <c r="O240" s="6">
        <v>7</v>
      </c>
      <c r="P240" s="6">
        <v>1</v>
      </c>
      <c r="Q240" s="10" t="s">
        <v>55</v>
      </c>
      <c r="R240" s="10" t="s">
        <v>55</v>
      </c>
      <c r="S240" s="10" t="s">
        <v>55</v>
      </c>
      <c r="T240" s="10" t="s">
        <v>55</v>
      </c>
      <c r="U240" s="10" t="s">
        <v>55</v>
      </c>
      <c r="V240" s="6">
        <v>26</v>
      </c>
    </row>
    <row r="241" spans="1:22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6</v>
      </c>
      <c r="I241" s="9" t="s">
        <v>126</v>
      </c>
      <c r="J241" s="9" t="s">
        <v>128</v>
      </c>
      <c r="K241" s="6">
        <v>3491</v>
      </c>
      <c r="L241" s="6">
        <v>2251</v>
      </c>
      <c r="M241" s="6">
        <v>1951</v>
      </c>
      <c r="N241" s="6">
        <v>11</v>
      </c>
      <c r="O241" s="6">
        <v>289</v>
      </c>
      <c r="P241" s="6">
        <v>504</v>
      </c>
      <c r="Q241" s="6">
        <v>147</v>
      </c>
      <c r="R241" s="6">
        <v>432</v>
      </c>
      <c r="S241" s="6">
        <v>143</v>
      </c>
      <c r="T241" s="10" t="s">
        <v>55</v>
      </c>
      <c r="U241" s="6">
        <v>14</v>
      </c>
      <c r="V241" s="6">
        <v>2755</v>
      </c>
    </row>
    <row r="242" spans="1:22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6</v>
      </c>
      <c r="I242" s="9" t="s">
        <v>126</v>
      </c>
      <c r="J242" s="9" t="s">
        <v>129</v>
      </c>
      <c r="K242" s="6">
        <v>6021</v>
      </c>
      <c r="L242" s="6">
        <v>5510</v>
      </c>
      <c r="M242" s="6">
        <v>4440</v>
      </c>
      <c r="N242" s="6">
        <v>250</v>
      </c>
      <c r="O242" s="6">
        <v>820</v>
      </c>
      <c r="P242" s="6">
        <v>232</v>
      </c>
      <c r="Q242" s="6">
        <v>29</v>
      </c>
      <c r="R242" s="6">
        <v>145</v>
      </c>
      <c r="S242" s="6">
        <v>58</v>
      </c>
      <c r="T242" s="6">
        <v>20</v>
      </c>
      <c r="U242" s="6">
        <v>27</v>
      </c>
      <c r="V242" s="6">
        <v>5742</v>
      </c>
    </row>
    <row r="243" spans="1:22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6</v>
      </c>
      <c r="I243" s="9" t="s">
        <v>130</v>
      </c>
      <c r="J243" s="9" t="s">
        <v>131</v>
      </c>
      <c r="K243" s="6">
        <v>161</v>
      </c>
      <c r="L243" s="6">
        <v>158</v>
      </c>
      <c r="M243" s="6">
        <v>140</v>
      </c>
      <c r="N243" s="6">
        <v>7</v>
      </c>
      <c r="O243" s="6">
        <v>11</v>
      </c>
      <c r="P243" s="6">
        <v>2</v>
      </c>
      <c r="Q243" s="10" t="s">
        <v>55</v>
      </c>
      <c r="R243" s="10" t="s">
        <v>55</v>
      </c>
      <c r="S243" s="10" t="s">
        <v>55</v>
      </c>
      <c r="T243" s="10" t="s">
        <v>55</v>
      </c>
      <c r="U243" s="6">
        <v>1</v>
      </c>
      <c r="V243" s="6">
        <v>160</v>
      </c>
    </row>
    <row r="244" spans="1:22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6</v>
      </c>
      <c r="I244" s="9" t="s">
        <v>130</v>
      </c>
      <c r="J244" s="9" t="s">
        <v>132</v>
      </c>
      <c r="K244" s="6">
        <v>182</v>
      </c>
      <c r="L244" s="6">
        <v>136</v>
      </c>
      <c r="M244" s="6">
        <v>111</v>
      </c>
      <c r="N244" s="6">
        <v>5</v>
      </c>
      <c r="O244" s="6">
        <v>20</v>
      </c>
      <c r="P244" s="6">
        <v>15</v>
      </c>
      <c r="Q244" s="6">
        <v>2</v>
      </c>
      <c r="R244" s="6">
        <v>28</v>
      </c>
      <c r="S244" s="6">
        <v>1</v>
      </c>
      <c r="T244" s="10" t="s">
        <v>55</v>
      </c>
      <c r="U244" s="10" t="s">
        <v>55</v>
      </c>
      <c r="V244" s="6">
        <v>151</v>
      </c>
    </row>
    <row r="245" spans="1:22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6</v>
      </c>
      <c r="I245" s="9" t="s">
        <v>130</v>
      </c>
      <c r="J245" s="9" t="s">
        <v>133</v>
      </c>
      <c r="K245" s="6">
        <v>2370</v>
      </c>
      <c r="L245" s="6">
        <v>2223</v>
      </c>
      <c r="M245" s="6">
        <v>1799</v>
      </c>
      <c r="N245" s="6">
        <v>58</v>
      </c>
      <c r="O245" s="6">
        <v>366</v>
      </c>
      <c r="P245" s="6">
        <v>93</v>
      </c>
      <c r="Q245" s="6">
        <v>7</v>
      </c>
      <c r="R245" s="6">
        <v>32</v>
      </c>
      <c r="S245" s="6">
        <v>4</v>
      </c>
      <c r="T245" s="10" t="s">
        <v>55</v>
      </c>
      <c r="U245" s="6">
        <v>11</v>
      </c>
      <c r="V245" s="6">
        <v>2316</v>
      </c>
    </row>
    <row r="246" spans="1:22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6</v>
      </c>
      <c r="I246" s="9" t="s">
        <v>130</v>
      </c>
      <c r="J246" s="9" t="s">
        <v>134</v>
      </c>
      <c r="K246" s="6">
        <v>7170</v>
      </c>
      <c r="L246" s="6">
        <v>5834</v>
      </c>
      <c r="M246" s="6">
        <v>2913</v>
      </c>
      <c r="N246" s="6">
        <v>60</v>
      </c>
      <c r="O246" s="6">
        <v>2861</v>
      </c>
      <c r="P246" s="6">
        <v>538</v>
      </c>
      <c r="Q246" s="6">
        <v>152</v>
      </c>
      <c r="R246" s="6">
        <v>377</v>
      </c>
      <c r="S246" s="6">
        <v>248</v>
      </c>
      <c r="T246" s="10" t="s">
        <v>55</v>
      </c>
      <c r="U246" s="6">
        <v>21</v>
      </c>
      <c r="V246" s="6">
        <v>6372</v>
      </c>
    </row>
    <row r="247" spans="1:22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6</v>
      </c>
      <c r="I247" s="9" t="s">
        <v>130</v>
      </c>
      <c r="J247" s="9" t="s">
        <v>135</v>
      </c>
      <c r="K247" s="6">
        <v>714</v>
      </c>
      <c r="L247" s="6">
        <v>640</v>
      </c>
      <c r="M247" s="6">
        <v>519</v>
      </c>
      <c r="N247" s="6">
        <v>11</v>
      </c>
      <c r="O247" s="6">
        <v>110</v>
      </c>
      <c r="P247" s="6">
        <v>42</v>
      </c>
      <c r="Q247" s="6">
        <v>6</v>
      </c>
      <c r="R247" s="6">
        <v>21</v>
      </c>
      <c r="S247" s="6">
        <v>2</v>
      </c>
      <c r="T247" s="10" t="s">
        <v>55</v>
      </c>
      <c r="U247" s="6">
        <v>3</v>
      </c>
      <c r="V247" s="6">
        <v>682</v>
      </c>
    </row>
    <row r="248" spans="1:22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6</v>
      </c>
      <c r="I248" s="9" t="s">
        <v>130</v>
      </c>
      <c r="J248" s="9" t="s">
        <v>136</v>
      </c>
      <c r="K248" s="6">
        <v>482</v>
      </c>
      <c r="L248" s="6">
        <v>288</v>
      </c>
      <c r="M248" s="6">
        <v>198</v>
      </c>
      <c r="N248" s="6">
        <v>4</v>
      </c>
      <c r="O248" s="6">
        <v>86</v>
      </c>
      <c r="P248" s="6">
        <v>93</v>
      </c>
      <c r="Q248" s="6">
        <v>10</v>
      </c>
      <c r="R248" s="6">
        <v>72</v>
      </c>
      <c r="S248" s="6">
        <v>18</v>
      </c>
      <c r="T248" s="10" t="s">
        <v>55</v>
      </c>
      <c r="U248" s="6">
        <v>1</v>
      </c>
      <c r="V248" s="6">
        <v>381</v>
      </c>
    </row>
    <row r="249" spans="1:22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6</v>
      </c>
      <c r="I249" s="9" t="s">
        <v>130</v>
      </c>
      <c r="J249" s="9" t="s">
        <v>137</v>
      </c>
      <c r="K249" s="6">
        <v>840</v>
      </c>
      <c r="L249" s="6">
        <v>515</v>
      </c>
      <c r="M249" s="6">
        <v>411</v>
      </c>
      <c r="N249" s="6">
        <v>12</v>
      </c>
      <c r="O249" s="6">
        <v>92</v>
      </c>
      <c r="P249" s="6">
        <v>85</v>
      </c>
      <c r="Q249" s="6">
        <v>61</v>
      </c>
      <c r="R249" s="6">
        <v>126</v>
      </c>
      <c r="S249" s="6">
        <v>53</v>
      </c>
      <c r="T249" s="10" t="s">
        <v>55</v>
      </c>
      <c r="U249" s="10" t="s">
        <v>55</v>
      </c>
      <c r="V249" s="6">
        <v>600</v>
      </c>
    </row>
    <row r="250" spans="1:22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6</v>
      </c>
      <c r="I250" s="9" t="s">
        <v>130</v>
      </c>
      <c r="J250" s="9" t="s">
        <v>138</v>
      </c>
      <c r="K250" s="6">
        <v>1880</v>
      </c>
      <c r="L250" s="6">
        <v>1307</v>
      </c>
      <c r="M250" s="6">
        <v>396</v>
      </c>
      <c r="N250" s="6">
        <v>17</v>
      </c>
      <c r="O250" s="6">
        <v>894</v>
      </c>
      <c r="P250" s="6">
        <v>76</v>
      </c>
      <c r="Q250" s="6">
        <v>157</v>
      </c>
      <c r="R250" s="6">
        <v>187</v>
      </c>
      <c r="S250" s="6">
        <v>150</v>
      </c>
      <c r="T250" s="10" t="s">
        <v>55</v>
      </c>
      <c r="U250" s="6">
        <v>3</v>
      </c>
      <c r="V250" s="6">
        <v>1383</v>
      </c>
    </row>
    <row r="251" spans="1:22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6</v>
      </c>
      <c r="I251" s="9" t="s">
        <v>130</v>
      </c>
      <c r="J251" s="9" t="s">
        <v>139</v>
      </c>
      <c r="K251" s="6">
        <v>1503</v>
      </c>
      <c r="L251" s="6">
        <v>967</v>
      </c>
      <c r="M251" s="6">
        <v>474</v>
      </c>
      <c r="N251" s="6">
        <v>9</v>
      </c>
      <c r="O251" s="6">
        <v>484</v>
      </c>
      <c r="P251" s="6">
        <v>62</v>
      </c>
      <c r="Q251" s="6">
        <v>86</v>
      </c>
      <c r="R251" s="6">
        <v>271</v>
      </c>
      <c r="S251" s="6">
        <v>114</v>
      </c>
      <c r="T251" s="6">
        <v>1</v>
      </c>
      <c r="U251" s="6">
        <v>2</v>
      </c>
      <c r="V251" s="6">
        <v>1029</v>
      </c>
    </row>
    <row r="252" spans="1:22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6</v>
      </c>
      <c r="I252" s="9" t="s">
        <v>130</v>
      </c>
      <c r="J252" s="9" t="s">
        <v>140</v>
      </c>
      <c r="K252" s="6">
        <v>1931</v>
      </c>
      <c r="L252" s="6">
        <v>1768</v>
      </c>
      <c r="M252" s="6">
        <v>1292</v>
      </c>
      <c r="N252" s="6">
        <v>12</v>
      </c>
      <c r="O252" s="6">
        <v>464</v>
      </c>
      <c r="P252" s="6">
        <v>19</v>
      </c>
      <c r="Q252" s="6">
        <v>16</v>
      </c>
      <c r="R252" s="6">
        <v>113</v>
      </c>
      <c r="S252" s="6">
        <v>10</v>
      </c>
      <c r="T252" s="10" t="s">
        <v>55</v>
      </c>
      <c r="U252" s="6">
        <v>5</v>
      </c>
      <c r="V252" s="6">
        <v>1787</v>
      </c>
    </row>
    <row r="253" spans="1:22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6</v>
      </c>
      <c r="I253" s="9" t="s">
        <v>130</v>
      </c>
      <c r="J253" s="9" t="s">
        <v>141</v>
      </c>
      <c r="K253" s="6">
        <v>7992</v>
      </c>
      <c r="L253" s="6">
        <v>7497</v>
      </c>
      <c r="M253" s="6">
        <v>5334</v>
      </c>
      <c r="N253" s="6">
        <v>105</v>
      </c>
      <c r="O253" s="6">
        <v>2058</v>
      </c>
      <c r="P253" s="6">
        <v>219</v>
      </c>
      <c r="Q253" s="6">
        <v>98</v>
      </c>
      <c r="R253" s="6">
        <v>84</v>
      </c>
      <c r="S253" s="6">
        <v>62</v>
      </c>
      <c r="T253" s="10" t="s">
        <v>55</v>
      </c>
      <c r="U253" s="6">
        <v>32</v>
      </c>
      <c r="V253" s="6">
        <v>7716</v>
      </c>
    </row>
    <row r="254" spans="1:22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6</v>
      </c>
      <c r="I254" s="9" t="s">
        <v>130</v>
      </c>
      <c r="J254" s="9" t="s">
        <v>142</v>
      </c>
      <c r="K254" s="6">
        <v>425</v>
      </c>
      <c r="L254" s="6">
        <v>409</v>
      </c>
      <c r="M254" s="6">
        <v>348</v>
      </c>
      <c r="N254" s="6">
        <v>4</v>
      </c>
      <c r="O254" s="6">
        <v>57</v>
      </c>
      <c r="P254" s="6">
        <v>5</v>
      </c>
      <c r="Q254" s="6">
        <v>5</v>
      </c>
      <c r="R254" s="6">
        <v>2</v>
      </c>
      <c r="S254" s="6">
        <v>1</v>
      </c>
      <c r="T254" s="10" t="s">
        <v>55</v>
      </c>
      <c r="U254" s="6">
        <v>3</v>
      </c>
      <c r="V254" s="6">
        <v>414</v>
      </c>
    </row>
    <row r="255" spans="1:22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6</v>
      </c>
      <c r="I255" s="9" t="s">
        <v>130</v>
      </c>
      <c r="J255" s="9" t="s">
        <v>143</v>
      </c>
      <c r="K255" s="6">
        <v>2228</v>
      </c>
      <c r="L255" s="6">
        <v>1634</v>
      </c>
      <c r="M255" s="6">
        <v>1067</v>
      </c>
      <c r="N255" s="6">
        <v>50</v>
      </c>
      <c r="O255" s="6">
        <v>517</v>
      </c>
      <c r="P255" s="6">
        <v>165</v>
      </c>
      <c r="Q255" s="6">
        <v>38</v>
      </c>
      <c r="R255" s="6">
        <v>312</v>
      </c>
      <c r="S255" s="6">
        <v>63</v>
      </c>
      <c r="T255" s="6">
        <v>3</v>
      </c>
      <c r="U255" s="6">
        <v>13</v>
      </c>
      <c r="V255" s="6">
        <v>1799</v>
      </c>
    </row>
    <row r="256" spans="1:22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6</v>
      </c>
      <c r="I256" s="9" t="s">
        <v>130</v>
      </c>
      <c r="J256" s="9" t="s">
        <v>144</v>
      </c>
      <c r="K256" s="6">
        <v>1559</v>
      </c>
      <c r="L256" s="6">
        <v>1559</v>
      </c>
      <c r="M256" s="6">
        <v>1312</v>
      </c>
      <c r="N256" s="6">
        <v>5</v>
      </c>
      <c r="O256" s="6">
        <v>242</v>
      </c>
      <c r="P256" s="10" t="s">
        <v>55</v>
      </c>
      <c r="Q256" s="10" t="s">
        <v>55</v>
      </c>
      <c r="R256" s="10" t="s">
        <v>55</v>
      </c>
      <c r="S256" s="10" t="s">
        <v>55</v>
      </c>
      <c r="T256" s="10" t="s">
        <v>55</v>
      </c>
      <c r="U256" s="10" t="s">
        <v>55</v>
      </c>
      <c r="V256" s="6">
        <v>1559</v>
      </c>
    </row>
    <row r="257" spans="1:22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6</v>
      </c>
      <c r="I257" s="9" t="s">
        <v>55</v>
      </c>
      <c r="J257" s="9" t="s">
        <v>145</v>
      </c>
      <c r="K257" s="6">
        <v>354</v>
      </c>
      <c r="L257" s="6">
        <v>130</v>
      </c>
      <c r="M257" s="6">
        <v>48</v>
      </c>
      <c r="N257" s="6">
        <v>40</v>
      </c>
      <c r="O257" s="6">
        <v>42</v>
      </c>
      <c r="P257" s="6">
        <v>9</v>
      </c>
      <c r="Q257" s="6">
        <v>8</v>
      </c>
      <c r="R257" s="6">
        <v>38</v>
      </c>
      <c r="S257" s="6">
        <v>11</v>
      </c>
      <c r="T257" s="10" t="s">
        <v>55</v>
      </c>
      <c r="U257" s="6">
        <v>158</v>
      </c>
      <c r="V257" s="6">
        <v>139</v>
      </c>
    </row>
    <row r="258" spans="1:22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6</v>
      </c>
      <c r="I258" s="9" t="s">
        <v>55</v>
      </c>
      <c r="J258" s="9" t="s">
        <v>146</v>
      </c>
      <c r="K258" s="6">
        <v>4912</v>
      </c>
      <c r="L258" s="6">
        <v>1568</v>
      </c>
      <c r="M258" s="6">
        <v>634</v>
      </c>
      <c r="N258" s="6">
        <v>43</v>
      </c>
      <c r="O258" s="6">
        <v>891</v>
      </c>
      <c r="P258" s="6">
        <v>80</v>
      </c>
      <c r="Q258" s="6">
        <v>457</v>
      </c>
      <c r="R258" s="6">
        <v>988</v>
      </c>
      <c r="S258" s="6">
        <v>1812</v>
      </c>
      <c r="T258" s="10" t="s">
        <v>55</v>
      </c>
      <c r="U258" s="6">
        <v>7</v>
      </c>
      <c r="V258" s="6">
        <v>1648</v>
      </c>
    </row>
    <row r="259" spans="1:22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6</v>
      </c>
      <c r="I259" s="9" t="s">
        <v>55</v>
      </c>
      <c r="J259" s="9" t="s">
        <v>147</v>
      </c>
      <c r="K259" s="6">
        <v>9538</v>
      </c>
      <c r="L259" s="6">
        <v>7786</v>
      </c>
      <c r="M259" s="6">
        <v>6409</v>
      </c>
      <c r="N259" s="6">
        <v>261</v>
      </c>
      <c r="O259" s="6">
        <v>1116</v>
      </c>
      <c r="P259" s="6">
        <v>737</v>
      </c>
      <c r="Q259" s="6">
        <v>176</v>
      </c>
      <c r="R259" s="6">
        <v>577</v>
      </c>
      <c r="S259" s="6">
        <v>201</v>
      </c>
      <c r="T259" s="6">
        <v>20</v>
      </c>
      <c r="U259" s="6">
        <v>41</v>
      </c>
      <c r="V259" s="6">
        <v>8523</v>
      </c>
    </row>
    <row r="260" spans="1:22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6</v>
      </c>
      <c r="I260" s="9" t="s">
        <v>55</v>
      </c>
      <c r="J260" s="9" t="s">
        <v>148</v>
      </c>
      <c r="K260" s="6">
        <v>29437</v>
      </c>
      <c r="L260" s="6">
        <v>24935</v>
      </c>
      <c r="M260" s="6">
        <v>16314</v>
      </c>
      <c r="N260" s="6">
        <v>359</v>
      </c>
      <c r="O260" s="6">
        <v>8262</v>
      </c>
      <c r="P260" s="6">
        <v>1414</v>
      </c>
      <c r="Q260" s="6">
        <v>638</v>
      </c>
      <c r="R260" s="6">
        <v>1625</v>
      </c>
      <c r="S260" s="6">
        <v>726</v>
      </c>
      <c r="T260" s="6">
        <v>4</v>
      </c>
      <c r="U260" s="6">
        <v>95</v>
      </c>
      <c r="V260" s="6">
        <v>26349</v>
      </c>
    </row>
    <row r="261" spans="1:22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53</v>
      </c>
      <c r="I261" s="9" t="s">
        <v>55</v>
      </c>
      <c r="J261" s="9" t="s">
        <v>6</v>
      </c>
      <c r="K261" s="6">
        <v>22640</v>
      </c>
      <c r="L261" s="6">
        <v>16678</v>
      </c>
      <c r="M261" s="6">
        <v>13997</v>
      </c>
      <c r="N261" s="6">
        <v>330</v>
      </c>
      <c r="O261" s="6">
        <v>2351</v>
      </c>
      <c r="P261" s="6">
        <v>1578</v>
      </c>
      <c r="Q261" s="6">
        <v>1072</v>
      </c>
      <c r="R261" s="6">
        <v>2429</v>
      </c>
      <c r="S261" s="6">
        <v>714</v>
      </c>
      <c r="T261" s="6">
        <v>2</v>
      </c>
      <c r="U261" s="6">
        <v>167</v>
      </c>
      <c r="V261" s="6">
        <v>18256</v>
      </c>
    </row>
    <row r="262" spans="1:22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53</v>
      </c>
      <c r="I262" s="9" t="s">
        <v>122</v>
      </c>
      <c r="J262" s="9" t="s">
        <v>123</v>
      </c>
      <c r="K262" s="6">
        <v>2214</v>
      </c>
      <c r="L262" s="6">
        <v>340</v>
      </c>
      <c r="M262" s="6">
        <v>198</v>
      </c>
      <c r="N262" s="6">
        <v>8</v>
      </c>
      <c r="O262" s="6">
        <v>134</v>
      </c>
      <c r="P262" s="6">
        <v>57</v>
      </c>
      <c r="Q262" s="6">
        <v>436</v>
      </c>
      <c r="R262" s="6">
        <v>868</v>
      </c>
      <c r="S262" s="6">
        <v>510</v>
      </c>
      <c r="T262" s="10" t="s">
        <v>55</v>
      </c>
      <c r="U262" s="6">
        <v>3</v>
      </c>
      <c r="V262" s="6">
        <v>397</v>
      </c>
    </row>
    <row r="263" spans="1:22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53</v>
      </c>
      <c r="I263" s="9" t="s">
        <v>122</v>
      </c>
      <c r="J263" s="9" t="s">
        <v>124</v>
      </c>
      <c r="K263" s="6">
        <v>2163</v>
      </c>
      <c r="L263" s="6">
        <v>297</v>
      </c>
      <c r="M263" s="6">
        <v>160</v>
      </c>
      <c r="N263" s="6">
        <v>8</v>
      </c>
      <c r="O263" s="6">
        <v>129</v>
      </c>
      <c r="P263" s="6">
        <v>50</v>
      </c>
      <c r="Q263" s="6">
        <v>436</v>
      </c>
      <c r="R263" s="6">
        <v>867</v>
      </c>
      <c r="S263" s="6">
        <v>510</v>
      </c>
      <c r="T263" s="10" t="s">
        <v>55</v>
      </c>
      <c r="U263" s="6">
        <v>3</v>
      </c>
      <c r="V263" s="6">
        <v>347</v>
      </c>
    </row>
    <row r="264" spans="1:22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53</v>
      </c>
      <c r="I264" s="9" t="s">
        <v>122</v>
      </c>
      <c r="J264" s="9" t="s">
        <v>125</v>
      </c>
      <c r="K264" s="6">
        <v>64</v>
      </c>
      <c r="L264" s="6">
        <v>4</v>
      </c>
      <c r="M264" s="6">
        <v>3</v>
      </c>
      <c r="N264" s="10" t="s">
        <v>55</v>
      </c>
      <c r="O264" s="6">
        <v>1</v>
      </c>
      <c r="P264" s="10" t="s">
        <v>55</v>
      </c>
      <c r="Q264" s="6">
        <v>2</v>
      </c>
      <c r="R264" s="6">
        <v>51</v>
      </c>
      <c r="S264" s="6">
        <v>7</v>
      </c>
      <c r="T264" s="10" t="s">
        <v>55</v>
      </c>
      <c r="U264" s="10" t="s">
        <v>55</v>
      </c>
      <c r="V264" s="6">
        <v>4</v>
      </c>
    </row>
    <row r="265" spans="1:22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53</v>
      </c>
      <c r="I265" s="9" t="s">
        <v>126</v>
      </c>
      <c r="J265" s="9" t="s">
        <v>127</v>
      </c>
      <c r="K265" s="6">
        <v>21</v>
      </c>
      <c r="L265" s="6">
        <v>20</v>
      </c>
      <c r="M265" s="6">
        <v>16</v>
      </c>
      <c r="N265" s="10" t="s">
        <v>55</v>
      </c>
      <c r="O265" s="6">
        <v>4</v>
      </c>
      <c r="P265" s="6">
        <v>1</v>
      </c>
      <c r="Q265" s="10" t="s">
        <v>55</v>
      </c>
      <c r="R265" s="10" t="s">
        <v>55</v>
      </c>
      <c r="S265" s="10" t="s">
        <v>55</v>
      </c>
      <c r="T265" s="10" t="s">
        <v>55</v>
      </c>
      <c r="U265" s="10" t="s">
        <v>55</v>
      </c>
      <c r="V265" s="6">
        <v>21</v>
      </c>
    </row>
    <row r="266" spans="1:22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53</v>
      </c>
      <c r="I266" s="9" t="s">
        <v>126</v>
      </c>
      <c r="J266" s="9" t="s">
        <v>128</v>
      </c>
      <c r="K266" s="6">
        <v>2894</v>
      </c>
      <c r="L266" s="6">
        <v>1877</v>
      </c>
      <c r="M266" s="6">
        <v>1683</v>
      </c>
      <c r="N266" s="6">
        <v>6</v>
      </c>
      <c r="O266" s="6">
        <v>188</v>
      </c>
      <c r="P266" s="6">
        <v>383</v>
      </c>
      <c r="Q266" s="6">
        <v>147</v>
      </c>
      <c r="R266" s="6">
        <v>431</v>
      </c>
      <c r="S266" s="6">
        <v>43</v>
      </c>
      <c r="T266" s="10" t="s">
        <v>55</v>
      </c>
      <c r="U266" s="6">
        <v>13</v>
      </c>
      <c r="V266" s="6">
        <v>2260</v>
      </c>
    </row>
    <row r="267" spans="1:22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53</v>
      </c>
      <c r="I267" s="9" t="s">
        <v>126</v>
      </c>
      <c r="J267" s="9" t="s">
        <v>129</v>
      </c>
      <c r="K267" s="6">
        <v>4317</v>
      </c>
      <c r="L267" s="6">
        <v>3977</v>
      </c>
      <c r="M267" s="6">
        <v>3557</v>
      </c>
      <c r="N267" s="6">
        <v>165</v>
      </c>
      <c r="O267" s="6">
        <v>255</v>
      </c>
      <c r="P267" s="6">
        <v>178</v>
      </c>
      <c r="Q267" s="6">
        <v>25</v>
      </c>
      <c r="R267" s="6">
        <v>99</v>
      </c>
      <c r="S267" s="6">
        <v>17</v>
      </c>
      <c r="T267" s="6">
        <v>1</v>
      </c>
      <c r="U267" s="6">
        <v>20</v>
      </c>
      <c r="V267" s="6">
        <v>4155</v>
      </c>
    </row>
    <row r="268" spans="1:22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53</v>
      </c>
      <c r="I268" s="9" t="s">
        <v>130</v>
      </c>
      <c r="J268" s="9" t="s">
        <v>131</v>
      </c>
      <c r="K268" s="6">
        <v>135</v>
      </c>
      <c r="L268" s="6">
        <v>134</v>
      </c>
      <c r="M268" s="6">
        <v>124</v>
      </c>
      <c r="N268" s="6">
        <v>5</v>
      </c>
      <c r="O268" s="6">
        <v>5</v>
      </c>
      <c r="P268" s="6">
        <v>1</v>
      </c>
      <c r="Q268" s="10" t="s">
        <v>55</v>
      </c>
      <c r="R268" s="10" t="s">
        <v>55</v>
      </c>
      <c r="S268" s="10" t="s">
        <v>55</v>
      </c>
      <c r="T268" s="10" t="s">
        <v>55</v>
      </c>
      <c r="U268" s="10" t="s">
        <v>55</v>
      </c>
      <c r="V268" s="6">
        <v>135</v>
      </c>
    </row>
    <row r="269" spans="1:22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53</v>
      </c>
      <c r="I269" s="9" t="s">
        <v>130</v>
      </c>
      <c r="J269" s="9" t="s">
        <v>132</v>
      </c>
      <c r="K269" s="6">
        <v>118</v>
      </c>
      <c r="L269" s="6">
        <v>81</v>
      </c>
      <c r="M269" s="6">
        <v>70</v>
      </c>
      <c r="N269" s="6">
        <v>5</v>
      </c>
      <c r="O269" s="6">
        <v>6</v>
      </c>
      <c r="P269" s="6">
        <v>12</v>
      </c>
      <c r="Q269" s="6">
        <v>2</v>
      </c>
      <c r="R269" s="6">
        <v>23</v>
      </c>
      <c r="S269" s="10" t="s">
        <v>55</v>
      </c>
      <c r="T269" s="10" t="s">
        <v>55</v>
      </c>
      <c r="U269" s="10" t="s">
        <v>55</v>
      </c>
      <c r="V269" s="6">
        <v>93</v>
      </c>
    </row>
    <row r="270" spans="1:22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53</v>
      </c>
      <c r="I270" s="9" t="s">
        <v>130</v>
      </c>
      <c r="J270" s="9" t="s">
        <v>133</v>
      </c>
      <c r="K270" s="6">
        <v>1923</v>
      </c>
      <c r="L270" s="6">
        <v>1810</v>
      </c>
      <c r="M270" s="6">
        <v>1582</v>
      </c>
      <c r="N270" s="6">
        <v>31</v>
      </c>
      <c r="O270" s="6">
        <v>197</v>
      </c>
      <c r="P270" s="6">
        <v>69</v>
      </c>
      <c r="Q270" s="6">
        <v>7</v>
      </c>
      <c r="R270" s="6">
        <v>29</v>
      </c>
      <c r="S270" s="6">
        <v>1</v>
      </c>
      <c r="T270" s="10" t="s">
        <v>55</v>
      </c>
      <c r="U270" s="6">
        <v>7</v>
      </c>
      <c r="V270" s="6">
        <v>1879</v>
      </c>
    </row>
    <row r="271" spans="1:22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53</v>
      </c>
      <c r="I271" s="9" t="s">
        <v>130</v>
      </c>
      <c r="J271" s="9" t="s">
        <v>134</v>
      </c>
      <c r="K271" s="6">
        <v>3158</v>
      </c>
      <c r="L271" s="6">
        <v>2370</v>
      </c>
      <c r="M271" s="6">
        <v>1754</v>
      </c>
      <c r="N271" s="6">
        <v>18</v>
      </c>
      <c r="O271" s="6">
        <v>598</v>
      </c>
      <c r="P271" s="6">
        <v>364</v>
      </c>
      <c r="Q271" s="6">
        <v>127</v>
      </c>
      <c r="R271" s="6">
        <v>236</v>
      </c>
      <c r="S271" s="6">
        <v>50</v>
      </c>
      <c r="T271" s="10" t="s">
        <v>55</v>
      </c>
      <c r="U271" s="6">
        <v>11</v>
      </c>
      <c r="V271" s="6">
        <v>2734</v>
      </c>
    </row>
    <row r="272" spans="1:22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53</v>
      </c>
      <c r="I272" s="9" t="s">
        <v>130</v>
      </c>
      <c r="J272" s="9" t="s">
        <v>135</v>
      </c>
      <c r="K272" s="6">
        <v>260</v>
      </c>
      <c r="L272" s="6">
        <v>213</v>
      </c>
      <c r="M272" s="6">
        <v>203</v>
      </c>
      <c r="N272" s="6">
        <v>1</v>
      </c>
      <c r="O272" s="6">
        <v>9</v>
      </c>
      <c r="P272" s="6">
        <v>30</v>
      </c>
      <c r="Q272" s="6">
        <v>3</v>
      </c>
      <c r="R272" s="6">
        <v>12</v>
      </c>
      <c r="S272" s="10" t="s">
        <v>55</v>
      </c>
      <c r="T272" s="10" t="s">
        <v>55</v>
      </c>
      <c r="U272" s="6">
        <v>2</v>
      </c>
      <c r="V272" s="6">
        <v>243</v>
      </c>
    </row>
    <row r="273" spans="1:22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53</v>
      </c>
      <c r="I273" s="9" t="s">
        <v>130</v>
      </c>
      <c r="J273" s="9" t="s">
        <v>136</v>
      </c>
      <c r="K273" s="6">
        <v>261</v>
      </c>
      <c r="L273" s="6">
        <v>143</v>
      </c>
      <c r="M273" s="6">
        <v>111</v>
      </c>
      <c r="N273" s="6">
        <v>2</v>
      </c>
      <c r="O273" s="6">
        <v>30</v>
      </c>
      <c r="P273" s="6">
        <v>62</v>
      </c>
      <c r="Q273" s="6">
        <v>5</v>
      </c>
      <c r="R273" s="6">
        <v>46</v>
      </c>
      <c r="S273" s="6">
        <v>4</v>
      </c>
      <c r="T273" s="10" t="s">
        <v>55</v>
      </c>
      <c r="U273" s="6">
        <v>1</v>
      </c>
      <c r="V273" s="6">
        <v>205</v>
      </c>
    </row>
    <row r="274" spans="1:22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53</v>
      </c>
      <c r="I274" s="9" t="s">
        <v>130</v>
      </c>
      <c r="J274" s="9" t="s">
        <v>137</v>
      </c>
      <c r="K274" s="6">
        <v>514</v>
      </c>
      <c r="L274" s="6">
        <v>293</v>
      </c>
      <c r="M274" s="6">
        <v>268</v>
      </c>
      <c r="N274" s="6">
        <v>7</v>
      </c>
      <c r="O274" s="6">
        <v>18</v>
      </c>
      <c r="P274" s="6">
        <v>65</v>
      </c>
      <c r="Q274" s="6">
        <v>54</v>
      </c>
      <c r="R274" s="6">
        <v>97</v>
      </c>
      <c r="S274" s="6">
        <v>5</v>
      </c>
      <c r="T274" s="10" t="s">
        <v>55</v>
      </c>
      <c r="U274" s="10" t="s">
        <v>55</v>
      </c>
      <c r="V274" s="6">
        <v>358</v>
      </c>
    </row>
    <row r="275" spans="1:22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53</v>
      </c>
      <c r="I275" s="9" t="s">
        <v>130</v>
      </c>
      <c r="J275" s="9" t="s">
        <v>138</v>
      </c>
      <c r="K275" s="6">
        <v>599</v>
      </c>
      <c r="L275" s="6">
        <v>354</v>
      </c>
      <c r="M275" s="6">
        <v>201</v>
      </c>
      <c r="N275" s="6">
        <v>7</v>
      </c>
      <c r="O275" s="6">
        <v>146</v>
      </c>
      <c r="P275" s="6">
        <v>40</v>
      </c>
      <c r="Q275" s="6">
        <v>84</v>
      </c>
      <c r="R275" s="6">
        <v>97</v>
      </c>
      <c r="S275" s="6">
        <v>23</v>
      </c>
      <c r="T275" s="10" t="s">
        <v>55</v>
      </c>
      <c r="U275" s="6">
        <v>1</v>
      </c>
      <c r="V275" s="6">
        <v>394</v>
      </c>
    </row>
    <row r="276" spans="1:22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53</v>
      </c>
      <c r="I276" s="9" t="s">
        <v>130</v>
      </c>
      <c r="J276" s="9" t="s">
        <v>139</v>
      </c>
      <c r="K276" s="6">
        <v>573</v>
      </c>
      <c r="L276" s="6">
        <v>364</v>
      </c>
      <c r="M276" s="6">
        <v>259</v>
      </c>
      <c r="N276" s="6">
        <v>6</v>
      </c>
      <c r="O276" s="6">
        <v>99</v>
      </c>
      <c r="P276" s="6">
        <v>37</v>
      </c>
      <c r="Q276" s="6">
        <v>49</v>
      </c>
      <c r="R276" s="6">
        <v>100</v>
      </c>
      <c r="S276" s="6">
        <v>23</v>
      </c>
      <c r="T276" s="10" t="s">
        <v>55</v>
      </c>
      <c r="U276" s="10" t="s">
        <v>55</v>
      </c>
      <c r="V276" s="6">
        <v>401</v>
      </c>
    </row>
    <row r="277" spans="1:22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53</v>
      </c>
      <c r="I277" s="9" t="s">
        <v>130</v>
      </c>
      <c r="J277" s="9" t="s">
        <v>140</v>
      </c>
      <c r="K277" s="6">
        <v>841</v>
      </c>
      <c r="L277" s="6">
        <v>790</v>
      </c>
      <c r="M277" s="6">
        <v>663</v>
      </c>
      <c r="N277" s="6">
        <v>4</v>
      </c>
      <c r="O277" s="6">
        <v>123</v>
      </c>
      <c r="P277" s="6">
        <v>14</v>
      </c>
      <c r="Q277" s="6">
        <v>2</v>
      </c>
      <c r="R277" s="6">
        <v>32</v>
      </c>
      <c r="S277" s="6">
        <v>1</v>
      </c>
      <c r="T277" s="10" t="s">
        <v>55</v>
      </c>
      <c r="U277" s="6">
        <v>2</v>
      </c>
      <c r="V277" s="6">
        <v>804</v>
      </c>
    </row>
    <row r="278" spans="1:22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53</v>
      </c>
      <c r="I278" s="9" t="s">
        <v>130</v>
      </c>
      <c r="J278" s="9" t="s">
        <v>141</v>
      </c>
      <c r="K278" s="6">
        <v>1857</v>
      </c>
      <c r="L278" s="6">
        <v>1578</v>
      </c>
      <c r="M278" s="6">
        <v>1320</v>
      </c>
      <c r="N278" s="6">
        <v>15</v>
      </c>
      <c r="O278" s="6">
        <v>243</v>
      </c>
      <c r="P278" s="6">
        <v>124</v>
      </c>
      <c r="Q278" s="6">
        <v>85</v>
      </c>
      <c r="R278" s="6">
        <v>55</v>
      </c>
      <c r="S278" s="6">
        <v>9</v>
      </c>
      <c r="T278" s="10" t="s">
        <v>55</v>
      </c>
      <c r="U278" s="6">
        <v>6</v>
      </c>
      <c r="V278" s="6">
        <v>1702</v>
      </c>
    </row>
    <row r="279" spans="1:22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53</v>
      </c>
      <c r="I279" s="9" t="s">
        <v>130</v>
      </c>
      <c r="J279" s="9" t="s">
        <v>142</v>
      </c>
      <c r="K279" s="6">
        <v>252</v>
      </c>
      <c r="L279" s="6">
        <v>241</v>
      </c>
      <c r="M279" s="6">
        <v>214</v>
      </c>
      <c r="N279" s="6">
        <v>2</v>
      </c>
      <c r="O279" s="6">
        <v>25</v>
      </c>
      <c r="P279" s="6">
        <v>5</v>
      </c>
      <c r="Q279" s="6">
        <v>2</v>
      </c>
      <c r="R279" s="6">
        <v>1</v>
      </c>
      <c r="S279" s="10" t="s">
        <v>55</v>
      </c>
      <c r="T279" s="10" t="s">
        <v>55</v>
      </c>
      <c r="U279" s="6">
        <v>3</v>
      </c>
      <c r="V279" s="6">
        <v>246</v>
      </c>
    </row>
    <row r="280" spans="1:22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53</v>
      </c>
      <c r="I280" s="9" t="s">
        <v>130</v>
      </c>
      <c r="J280" s="9" t="s">
        <v>143</v>
      </c>
      <c r="K280" s="6">
        <v>1383</v>
      </c>
      <c r="L280" s="6">
        <v>965</v>
      </c>
      <c r="M280" s="6">
        <v>748</v>
      </c>
      <c r="N280" s="6">
        <v>22</v>
      </c>
      <c r="O280" s="6">
        <v>195</v>
      </c>
      <c r="P280" s="6">
        <v>130</v>
      </c>
      <c r="Q280" s="6">
        <v>37</v>
      </c>
      <c r="R280" s="6">
        <v>223</v>
      </c>
      <c r="S280" s="6">
        <v>18</v>
      </c>
      <c r="T280" s="6">
        <v>1</v>
      </c>
      <c r="U280" s="6">
        <v>9</v>
      </c>
      <c r="V280" s="6">
        <v>1095</v>
      </c>
    </row>
    <row r="281" spans="1:22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53</v>
      </c>
      <c r="I281" s="9" t="s">
        <v>130</v>
      </c>
      <c r="J281" s="9" t="s">
        <v>144</v>
      </c>
      <c r="K281" s="6">
        <v>1056</v>
      </c>
      <c r="L281" s="6">
        <v>1056</v>
      </c>
      <c r="M281" s="6">
        <v>993</v>
      </c>
      <c r="N281" s="6">
        <v>3</v>
      </c>
      <c r="O281" s="6">
        <v>60</v>
      </c>
      <c r="P281" s="10" t="s">
        <v>55</v>
      </c>
      <c r="Q281" s="10" t="s">
        <v>55</v>
      </c>
      <c r="R281" s="10" t="s">
        <v>55</v>
      </c>
      <c r="S281" s="10" t="s">
        <v>55</v>
      </c>
      <c r="T281" s="10" t="s">
        <v>55</v>
      </c>
      <c r="U281" s="10" t="s">
        <v>55</v>
      </c>
      <c r="V281" s="6">
        <v>1056</v>
      </c>
    </row>
    <row r="282" spans="1:22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53</v>
      </c>
      <c r="I282" s="9" t="s">
        <v>55</v>
      </c>
      <c r="J282" s="9" t="s">
        <v>145</v>
      </c>
      <c r="K282" s="6">
        <v>200</v>
      </c>
      <c r="L282" s="6">
        <v>68</v>
      </c>
      <c r="M282" s="6">
        <v>30</v>
      </c>
      <c r="N282" s="6">
        <v>23</v>
      </c>
      <c r="O282" s="6">
        <v>15</v>
      </c>
      <c r="P282" s="6">
        <v>6</v>
      </c>
      <c r="Q282" s="6">
        <v>5</v>
      </c>
      <c r="R282" s="6">
        <v>29</v>
      </c>
      <c r="S282" s="6">
        <v>3</v>
      </c>
      <c r="T282" s="10" t="s">
        <v>55</v>
      </c>
      <c r="U282" s="6">
        <v>89</v>
      </c>
      <c r="V282" s="6">
        <v>74</v>
      </c>
    </row>
    <row r="283" spans="1:22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53</v>
      </c>
      <c r="I283" s="9" t="s">
        <v>55</v>
      </c>
      <c r="J283" s="9" t="s">
        <v>146</v>
      </c>
      <c r="K283" s="6">
        <v>2278</v>
      </c>
      <c r="L283" s="6">
        <v>344</v>
      </c>
      <c r="M283" s="6">
        <v>201</v>
      </c>
      <c r="N283" s="6">
        <v>8</v>
      </c>
      <c r="O283" s="6">
        <v>135</v>
      </c>
      <c r="P283" s="6">
        <v>57</v>
      </c>
      <c r="Q283" s="6">
        <v>438</v>
      </c>
      <c r="R283" s="6">
        <v>919</v>
      </c>
      <c r="S283" s="6">
        <v>517</v>
      </c>
      <c r="T283" s="10" t="s">
        <v>55</v>
      </c>
      <c r="U283" s="6">
        <v>3</v>
      </c>
      <c r="V283" s="6">
        <v>401</v>
      </c>
    </row>
    <row r="284" spans="1:22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53</v>
      </c>
      <c r="I284" s="9" t="s">
        <v>55</v>
      </c>
      <c r="J284" s="9" t="s">
        <v>147</v>
      </c>
      <c r="K284" s="6">
        <v>7232</v>
      </c>
      <c r="L284" s="6">
        <v>5874</v>
      </c>
      <c r="M284" s="6">
        <v>5256</v>
      </c>
      <c r="N284" s="6">
        <v>171</v>
      </c>
      <c r="O284" s="6">
        <v>447</v>
      </c>
      <c r="P284" s="6">
        <v>562</v>
      </c>
      <c r="Q284" s="6">
        <v>172</v>
      </c>
      <c r="R284" s="6">
        <v>530</v>
      </c>
      <c r="S284" s="6">
        <v>60</v>
      </c>
      <c r="T284" s="6">
        <v>1</v>
      </c>
      <c r="U284" s="6">
        <v>33</v>
      </c>
      <c r="V284" s="6">
        <v>6436</v>
      </c>
    </row>
    <row r="285" spans="1:22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53</v>
      </c>
      <c r="I285" s="9" t="s">
        <v>55</v>
      </c>
      <c r="J285" s="9" t="s">
        <v>148</v>
      </c>
      <c r="K285" s="6">
        <v>12930</v>
      </c>
      <c r="L285" s="6">
        <v>10392</v>
      </c>
      <c r="M285" s="6">
        <v>8510</v>
      </c>
      <c r="N285" s="6">
        <v>128</v>
      </c>
      <c r="O285" s="6">
        <v>1754</v>
      </c>
      <c r="P285" s="6">
        <v>953</v>
      </c>
      <c r="Q285" s="6">
        <v>457</v>
      </c>
      <c r="R285" s="6">
        <v>951</v>
      </c>
      <c r="S285" s="6">
        <v>134</v>
      </c>
      <c r="T285" s="6">
        <v>1</v>
      </c>
      <c r="U285" s="6">
        <v>42</v>
      </c>
      <c r="V285" s="6">
        <v>11345</v>
      </c>
    </row>
    <row r="286" spans="1:22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54</v>
      </c>
      <c r="I286" s="9" t="s">
        <v>55</v>
      </c>
      <c r="J286" s="9" t="s">
        <v>6</v>
      </c>
      <c r="K286" s="6">
        <v>21601</v>
      </c>
      <c r="L286" s="6">
        <v>17741</v>
      </c>
      <c r="M286" s="6">
        <v>9408</v>
      </c>
      <c r="N286" s="6">
        <v>373</v>
      </c>
      <c r="O286" s="6">
        <v>7960</v>
      </c>
      <c r="P286" s="6">
        <v>662</v>
      </c>
      <c r="Q286" s="6">
        <v>207</v>
      </c>
      <c r="R286" s="6">
        <v>799</v>
      </c>
      <c r="S286" s="6">
        <v>2036</v>
      </c>
      <c r="T286" s="6">
        <v>22</v>
      </c>
      <c r="U286" s="6">
        <v>134</v>
      </c>
      <c r="V286" s="6">
        <v>18403</v>
      </c>
    </row>
    <row r="287" spans="1:22">
      <c r="A287" s="9" t="s">
        <v>83</v>
      </c>
      <c r="B287" s="9" t="s">
        <v>57</v>
      </c>
      <c r="C287" s="9" t="s">
        <v>81</v>
      </c>
      <c r="D287" s="9" t="s">
        <v>77</v>
      </c>
      <c r="E287" s="9" t="s">
        <v>57</v>
      </c>
      <c r="F287" s="9" t="s">
        <v>81</v>
      </c>
      <c r="G287" s="9" t="s">
        <v>84</v>
      </c>
      <c r="H287" s="9" t="s">
        <v>54</v>
      </c>
      <c r="I287" s="9" t="s">
        <v>122</v>
      </c>
      <c r="J287" s="9" t="s">
        <v>123</v>
      </c>
      <c r="K287" s="6">
        <v>2610</v>
      </c>
      <c r="L287" s="6">
        <v>1223</v>
      </c>
      <c r="M287" s="6">
        <v>433</v>
      </c>
      <c r="N287" s="6">
        <v>35</v>
      </c>
      <c r="O287" s="6">
        <v>755</v>
      </c>
      <c r="P287" s="6">
        <v>23</v>
      </c>
      <c r="Q287" s="6">
        <v>19</v>
      </c>
      <c r="R287" s="6">
        <v>69</v>
      </c>
      <c r="S287" s="6">
        <v>1272</v>
      </c>
      <c r="T287" s="10" t="s">
        <v>55</v>
      </c>
      <c r="U287" s="6">
        <v>4</v>
      </c>
      <c r="V287" s="6">
        <v>1246</v>
      </c>
    </row>
    <row r="288" spans="1:22">
      <c r="A288" s="9" t="s">
        <v>83</v>
      </c>
      <c r="B288" s="9" t="s">
        <v>57</v>
      </c>
      <c r="C288" s="9" t="s">
        <v>81</v>
      </c>
      <c r="D288" s="9" t="s">
        <v>77</v>
      </c>
      <c r="E288" s="9" t="s">
        <v>57</v>
      </c>
      <c r="F288" s="9" t="s">
        <v>81</v>
      </c>
      <c r="G288" s="9" t="s">
        <v>84</v>
      </c>
      <c r="H288" s="9" t="s">
        <v>54</v>
      </c>
      <c r="I288" s="9" t="s">
        <v>122</v>
      </c>
      <c r="J288" s="9" t="s">
        <v>124</v>
      </c>
      <c r="K288" s="6">
        <v>2598</v>
      </c>
      <c r="L288" s="6">
        <v>1214</v>
      </c>
      <c r="M288" s="6">
        <v>428</v>
      </c>
      <c r="N288" s="6">
        <v>35</v>
      </c>
      <c r="O288" s="6">
        <v>751</v>
      </c>
      <c r="P288" s="6">
        <v>23</v>
      </c>
      <c r="Q288" s="6">
        <v>19</v>
      </c>
      <c r="R288" s="6">
        <v>69</v>
      </c>
      <c r="S288" s="6">
        <v>1269</v>
      </c>
      <c r="T288" s="10" t="s">
        <v>55</v>
      </c>
      <c r="U288" s="6">
        <v>4</v>
      </c>
      <c r="V288" s="6">
        <v>1237</v>
      </c>
    </row>
    <row r="289" spans="1:22">
      <c r="A289" s="9" t="s">
        <v>83</v>
      </c>
      <c r="B289" s="9" t="s">
        <v>57</v>
      </c>
      <c r="C289" s="9" t="s">
        <v>81</v>
      </c>
      <c r="D289" s="9" t="s">
        <v>77</v>
      </c>
      <c r="E289" s="9" t="s">
        <v>57</v>
      </c>
      <c r="F289" s="9" t="s">
        <v>81</v>
      </c>
      <c r="G289" s="9" t="s">
        <v>84</v>
      </c>
      <c r="H289" s="9" t="s">
        <v>54</v>
      </c>
      <c r="I289" s="9" t="s">
        <v>122</v>
      </c>
      <c r="J289" s="9" t="s">
        <v>125</v>
      </c>
      <c r="K289" s="6">
        <v>24</v>
      </c>
      <c r="L289" s="6">
        <v>1</v>
      </c>
      <c r="M289" s="10" t="s">
        <v>55</v>
      </c>
      <c r="N289" s="10" t="s">
        <v>55</v>
      </c>
      <c r="O289" s="6">
        <v>1</v>
      </c>
      <c r="P289" s="10" t="s">
        <v>55</v>
      </c>
      <c r="Q289" s="10" t="s">
        <v>55</v>
      </c>
      <c r="R289" s="10" t="s">
        <v>55</v>
      </c>
      <c r="S289" s="6">
        <v>23</v>
      </c>
      <c r="T289" s="10" t="s">
        <v>55</v>
      </c>
      <c r="U289" s="10" t="s">
        <v>55</v>
      </c>
      <c r="V289" s="6">
        <v>1</v>
      </c>
    </row>
    <row r="290" spans="1:22">
      <c r="A290" s="9" t="s">
        <v>83</v>
      </c>
      <c r="B290" s="9" t="s">
        <v>57</v>
      </c>
      <c r="C290" s="9" t="s">
        <v>81</v>
      </c>
      <c r="D290" s="9" t="s">
        <v>77</v>
      </c>
      <c r="E290" s="9" t="s">
        <v>57</v>
      </c>
      <c r="F290" s="9" t="s">
        <v>81</v>
      </c>
      <c r="G290" s="9" t="s">
        <v>84</v>
      </c>
      <c r="H290" s="9" t="s">
        <v>54</v>
      </c>
      <c r="I290" s="9" t="s">
        <v>126</v>
      </c>
      <c r="J290" s="9" t="s">
        <v>127</v>
      </c>
      <c r="K290" s="6">
        <v>5</v>
      </c>
      <c r="L290" s="6">
        <v>5</v>
      </c>
      <c r="M290" s="6">
        <v>2</v>
      </c>
      <c r="N290" s="10" t="s">
        <v>55</v>
      </c>
      <c r="O290" s="6">
        <v>3</v>
      </c>
      <c r="P290" s="10" t="s">
        <v>55</v>
      </c>
      <c r="Q290" s="10" t="s">
        <v>55</v>
      </c>
      <c r="R290" s="10" t="s">
        <v>55</v>
      </c>
      <c r="S290" s="10" t="s">
        <v>55</v>
      </c>
      <c r="T290" s="10" t="s">
        <v>55</v>
      </c>
      <c r="U290" s="10" t="s">
        <v>55</v>
      </c>
      <c r="V290" s="6">
        <v>5</v>
      </c>
    </row>
    <row r="291" spans="1:22">
      <c r="A291" s="9" t="s">
        <v>83</v>
      </c>
      <c r="B291" s="9" t="s">
        <v>57</v>
      </c>
      <c r="C291" s="9" t="s">
        <v>81</v>
      </c>
      <c r="D291" s="9" t="s">
        <v>77</v>
      </c>
      <c r="E291" s="9" t="s">
        <v>57</v>
      </c>
      <c r="F291" s="9" t="s">
        <v>81</v>
      </c>
      <c r="G291" s="9" t="s">
        <v>84</v>
      </c>
      <c r="H291" s="9" t="s">
        <v>54</v>
      </c>
      <c r="I291" s="9" t="s">
        <v>126</v>
      </c>
      <c r="J291" s="9" t="s">
        <v>128</v>
      </c>
      <c r="K291" s="6">
        <v>597</v>
      </c>
      <c r="L291" s="6">
        <v>374</v>
      </c>
      <c r="M291" s="6">
        <v>268</v>
      </c>
      <c r="N291" s="6">
        <v>5</v>
      </c>
      <c r="O291" s="6">
        <v>101</v>
      </c>
      <c r="P291" s="6">
        <v>121</v>
      </c>
      <c r="Q291" s="10" t="s">
        <v>55</v>
      </c>
      <c r="R291" s="6">
        <v>1</v>
      </c>
      <c r="S291" s="6">
        <v>100</v>
      </c>
      <c r="T291" s="10" t="s">
        <v>55</v>
      </c>
      <c r="U291" s="6">
        <v>1</v>
      </c>
      <c r="V291" s="6">
        <v>495</v>
      </c>
    </row>
    <row r="292" spans="1:22">
      <c r="A292" s="9" t="s">
        <v>83</v>
      </c>
      <c r="B292" s="9" t="s">
        <v>57</v>
      </c>
      <c r="C292" s="9" t="s">
        <v>81</v>
      </c>
      <c r="D292" s="9" t="s">
        <v>77</v>
      </c>
      <c r="E292" s="9" t="s">
        <v>57</v>
      </c>
      <c r="F292" s="9" t="s">
        <v>81</v>
      </c>
      <c r="G292" s="9" t="s">
        <v>84</v>
      </c>
      <c r="H292" s="9" t="s">
        <v>54</v>
      </c>
      <c r="I292" s="9" t="s">
        <v>126</v>
      </c>
      <c r="J292" s="9" t="s">
        <v>129</v>
      </c>
      <c r="K292" s="6">
        <v>1704</v>
      </c>
      <c r="L292" s="6">
        <v>1533</v>
      </c>
      <c r="M292" s="6">
        <v>883</v>
      </c>
      <c r="N292" s="6">
        <v>85</v>
      </c>
      <c r="O292" s="6">
        <v>565</v>
      </c>
      <c r="P292" s="6">
        <v>54</v>
      </c>
      <c r="Q292" s="6">
        <v>4</v>
      </c>
      <c r="R292" s="6">
        <v>46</v>
      </c>
      <c r="S292" s="6">
        <v>41</v>
      </c>
      <c r="T292" s="6">
        <v>19</v>
      </c>
      <c r="U292" s="6">
        <v>7</v>
      </c>
      <c r="V292" s="6">
        <v>1587</v>
      </c>
    </row>
    <row r="293" spans="1:22">
      <c r="A293" s="9" t="s">
        <v>83</v>
      </c>
      <c r="B293" s="9" t="s">
        <v>57</v>
      </c>
      <c r="C293" s="9" t="s">
        <v>81</v>
      </c>
      <c r="D293" s="9" t="s">
        <v>77</v>
      </c>
      <c r="E293" s="9" t="s">
        <v>57</v>
      </c>
      <c r="F293" s="9" t="s">
        <v>81</v>
      </c>
      <c r="G293" s="9" t="s">
        <v>84</v>
      </c>
      <c r="H293" s="9" t="s">
        <v>54</v>
      </c>
      <c r="I293" s="9" t="s">
        <v>130</v>
      </c>
      <c r="J293" s="9" t="s">
        <v>131</v>
      </c>
      <c r="K293" s="6">
        <v>26</v>
      </c>
      <c r="L293" s="6">
        <v>24</v>
      </c>
      <c r="M293" s="6">
        <v>16</v>
      </c>
      <c r="N293" s="6">
        <v>2</v>
      </c>
      <c r="O293" s="6">
        <v>6</v>
      </c>
      <c r="P293" s="6">
        <v>1</v>
      </c>
      <c r="Q293" s="10" t="s">
        <v>55</v>
      </c>
      <c r="R293" s="10" t="s">
        <v>55</v>
      </c>
      <c r="S293" s="10" t="s">
        <v>55</v>
      </c>
      <c r="T293" s="10" t="s">
        <v>55</v>
      </c>
      <c r="U293" s="6">
        <v>1</v>
      </c>
      <c r="V293" s="6">
        <v>25</v>
      </c>
    </row>
    <row r="294" spans="1:22">
      <c r="A294" s="9" t="s">
        <v>83</v>
      </c>
      <c r="B294" s="9" t="s">
        <v>57</v>
      </c>
      <c r="C294" s="9" t="s">
        <v>81</v>
      </c>
      <c r="D294" s="9" t="s">
        <v>77</v>
      </c>
      <c r="E294" s="9" t="s">
        <v>57</v>
      </c>
      <c r="F294" s="9" t="s">
        <v>81</v>
      </c>
      <c r="G294" s="9" t="s">
        <v>84</v>
      </c>
      <c r="H294" s="9" t="s">
        <v>54</v>
      </c>
      <c r="I294" s="9" t="s">
        <v>130</v>
      </c>
      <c r="J294" s="9" t="s">
        <v>132</v>
      </c>
      <c r="K294" s="6">
        <v>64</v>
      </c>
      <c r="L294" s="6">
        <v>55</v>
      </c>
      <c r="M294" s="6">
        <v>41</v>
      </c>
      <c r="N294" s="10" t="s">
        <v>55</v>
      </c>
      <c r="O294" s="6">
        <v>14</v>
      </c>
      <c r="P294" s="6">
        <v>3</v>
      </c>
      <c r="Q294" s="10" t="s">
        <v>55</v>
      </c>
      <c r="R294" s="6">
        <v>5</v>
      </c>
      <c r="S294" s="6">
        <v>1</v>
      </c>
      <c r="T294" s="10" t="s">
        <v>55</v>
      </c>
      <c r="U294" s="10" t="s">
        <v>55</v>
      </c>
      <c r="V294" s="6">
        <v>58</v>
      </c>
    </row>
    <row r="295" spans="1:22">
      <c r="A295" s="9" t="s">
        <v>83</v>
      </c>
      <c r="B295" s="9" t="s">
        <v>57</v>
      </c>
      <c r="C295" s="9" t="s">
        <v>81</v>
      </c>
      <c r="D295" s="9" t="s">
        <v>77</v>
      </c>
      <c r="E295" s="9" t="s">
        <v>57</v>
      </c>
      <c r="F295" s="9" t="s">
        <v>81</v>
      </c>
      <c r="G295" s="9" t="s">
        <v>84</v>
      </c>
      <c r="H295" s="9" t="s">
        <v>54</v>
      </c>
      <c r="I295" s="9" t="s">
        <v>130</v>
      </c>
      <c r="J295" s="9" t="s">
        <v>133</v>
      </c>
      <c r="K295" s="6">
        <v>447</v>
      </c>
      <c r="L295" s="6">
        <v>413</v>
      </c>
      <c r="M295" s="6">
        <v>217</v>
      </c>
      <c r="N295" s="6">
        <v>27</v>
      </c>
      <c r="O295" s="6">
        <v>169</v>
      </c>
      <c r="P295" s="6">
        <v>24</v>
      </c>
      <c r="Q295" s="10" t="s">
        <v>55</v>
      </c>
      <c r="R295" s="6">
        <v>3</v>
      </c>
      <c r="S295" s="6">
        <v>3</v>
      </c>
      <c r="T295" s="10" t="s">
        <v>55</v>
      </c>
      <c r="U295" s="6">
        <v>4</v>
      </c>
      <c r="V295" s="6">
        <v>437</v>
      </c>
    </row>
    <row r="296" spans="1:22">
      <c r="A296" s="9" t="s">
        <v>83</v>
      </c>
      <c r="B296" s="9" t="s">
        <v>57</v>
      </c>
      <c r="C296" s="9" t="s">
        <v>81</v>
      </c>
      <c r="D296" s="9" t="s">
        <v>77</v>
      </c>
      <c r="E296" s="9" t="s">
        <v>57</v>
      </c>
      <c r="F296" s="9" t="s">
        <v>81</v>
      </c>
      <c r="G296" s="9" t="s">
        <v>84</v>
      </c>
      <c r="H296" s="9" t="s">
        <v>54</v>
      </c>
      <c r="I296" s="9" t="s">
        <v>130</v>
      </c>
      <c r="J296" s="9" t="s">
        <v>134</v>
      </c>
      <c r="K296" s="6">
        <v>4012</v>
      </c>
      <c r="L296" s="6">
        <v>3464</v>
      </c>
      <c r="M296" s="6">
        <v>1159</v>
      </c>
      <c r="N296" s="6">
        <v>42</v>
      </c>
      <c r="O296" s="6">
        <v>2263</v>
      </c>
      <c r="P296" s="6">
        <v>174</v>
      </c>
      <c r="Q296" s="6">
        <v>25</v>
      </c>
      <c r="R296" s="6">
        <v>141</v>
      </c>
      <c r="S296" s="6">
        <v>198</v>
      </c>
      <c r="T296" s="10" t="s">
        <v>55</v>
      </c>
      <c r="U296" s="6">
        <v>10</v>
      </c>
      <c r="V296" s="6">
        <v>3638</v>
      </c>
    </row>
    <row r="297" spans="1:22">
      <c r="A297" s="9" t="s">
        <v>83</v>
      </c>
      <c r="B297" s="9" t="s">
        <v>57</v>
      </c>
      <c r="C297" s="9" t="s">
        <v>81</v>
      </c>
      <c r="D297" s="9" t="s">
        <v>77</v>
      </c>
      <c r="E297" s="9" t="s">
        <v>57</v>
      </c>
      <c r="F297" s="9" t="s">
        <v>81</v>
      </c>
      <c r="G297" s="9" t="s">
        <v>84</v>
      </c>
      <c r="H297" s="9" t="s">
        <v>54</v>
      </c>
      <c r="I297" s="9" t="s">
        <v>130</v>
      </c>
      <c r="J297" s="9" t="s">
        <v>135</v>
      </c>
      <c r="K297" s="6">
        <v>454</v>
      </c>
      <c r="L297" s="6">
        <v>427</v>
      </c>
      <c r="M297" s="6">
        <v>316</v>
      </c>
      <c r="N297" s="6">
        <v>10</v>
      </c>
      <c r="O297" s="6">
        <v>101</v>
      </c>
      <c r="P297" s="6">
        <v>12</v>
      </c>
      <c r="Q297" s="6">
        <v>3</v>
      </c>
      <c r="R297" s="6">
        <v>9</v>
      </c>
      <c r="S297" s="6">
        <v>2</v>
      </c>
      <c r="T297" s="10" t="s">
        <v>55</v>
      </c>
      <c r="U297" s="6">
        <v>1</v>
      </c>
      <c r="V297" s="6">
        <v>439</v>
      </c>
    </row>
    <row r="298" spans="1:22">
      <c r="A298" s="9" t="s">
        <v>83</v>
      </c>
      <c r="B298" s="9" t="s">
        <v>57</v>
      </c>
      <c r="C298" s="9" t="s">
        <v>81</v>
      </c>
      <c r="D298" s="9" t="s">
        <v>77</v>
      </c>
      <c r="E298" s="9" t="s">
        <v>57</v>
      </c>
      <c r="F298" s="9" t="s">
        <v>81</v>
      </c>
      <c r="G298" s="9" t="s">
        <v>84</v>
      </c>
      <c r="H298" s="9" t="s">
        <v>54</v>
      </c>
      <c r="I298" s="9" t="s">
        <v>130</v>
      </c>
      <c r="J298" s="9" t="s">
        <v>136</v>
      </c>
      <c r="K298" s="6">
        <v>221</v>
      </c>
      <c r="L298" s="6">
        <v>145</v>
      </c>
      <c r="M298" s="6">
        <v>87</v>
      </c>
      <c r="N298" s="6">
        <v>2</v>
      </c>
      <c r="O298" s="6">
        <v>56</v>
      </c>
      <c r="P298" s="6">
        <v>31</v>
      </c>
      <c r="Q298" s="6">
        <v>5</v>
      </c>
      <c r="R298" s="6">
        <v>26</v>
      </c>
      <c r="S298" s="6">
        <v>14</v>
      </c>
      <c r="T298" s="10" t="s">
        <v>55</v>
      </c>
      <c r="U298" s="10" t="s">
        <v>55</v>
      </c>
      <c r="V298" s="6">
        <v>176</v>
      </c>
    </row>
    <row r="299" spans="1:22">
      <c r="A299" s="9" t="s">
        <v>83</v>
      </c>
      <c r="B299" s="9" t="s">
        <v>57</v>
      </c>
      <c r="C299" s="9" t="s">
        <v>81</v>
      </c>
      <c r="D299" s="9" t="s">
        <v>77</v>
      </c>
      <c r="E299" s="9" t="s">
        <v>57</v>
      </c>
      <c r="F299" s="9" t="s">
        <v>81</v>
      </c>
      <c r="G299" s="9" t="s">
        <v>84</v>
      </c>
      <c r="H299" s="9" t="s">
        <v>54</v>
      </c>
      <c r="I299" s="9" t="s">
        <v>130</v>
      </c>
      <c r="J299" s="9" t="s">
        <v>137</v>
      </c>
      <c r="K299" s="6">
        <v>326</v>
      </c>
      <c r="L299" s="6">
        <v>222</v>
      </c>
      <c r="M299" s="6">
        <v>143</v>
      </c>
      <c r="N299" s="6">
        <v>5</v>
      </c>
      <c r="O299" s="6">
        <v>74</v>
      </c>
      <c r="P299" s="6">
        <v>20</v>
      </c>
      <c r="Q299" s="6">
        <v>7</v>
      </c>
      <c r="R299" s="6">
        <v>29</v>
      </c>
      <c r="S299" s="6">
        <v>48</v>
      </c>
      <c r="T299" s="10" t="s">
        <v>55</v>
      </c>
      <c r="U299" s="10" t="s">
        <v>55</v>
      </c>
      <c r="V299" s="6">
        <v>242</v>
      </c>
    </row>
    <row r="300" spans="1:22">
      <c r="A300" s="9" t="s">
        <v>83</v>
      </c>
      <c r="B300" s="9" t="s">
        <v>57</v>
      </c>
      <c r="C300" s="9" t="s">
        <v>81</v>
      </c>
      <c r="D300" s="9" t="s">
        <v>77</v>
      </c>
      <c r="E300" s="9" t="s">
        <v>57</v>
      </c>
      <c r="F300" s="9" t="s">
        <v>81</v>
      </c>
      <c r="G300" s="9" t="s">
        <v>84</v>
      </c>
      <c r="H300" s="9" t="s">
        <v>54</v>
      </c>
      <c r="I300" s="9" t="s">
        <v>130</v>
      </c>
      <c r="J300" s="9" t="s">
        <v>138</v>
      </c>
      <c r="K300" s="6">
        <v>1281</v>
      </c>
      <c r="L300" s="6">
        <v>953</v>
      </c>
      <c r="M300" s="6">
        <v>195</v>
      </c>
      <c r="N300" s="6">
        <v>10</v>
      </c>
      <c r="O300" s="6">
        <v>748</v>
      </c>
      <c r="P300" s="6">
        <v>36</v>
      </c>
      <c r="Q300" s="6">
        <v>73</v>
      </c>
      <c r="R300" s="6">
        <v>90</v>
      </c>
      <c r="S300" s="6">
        <v>127</v>
      </c>
      <c r="T300" s="10" t="s">
        <v>55</v>
      </c>
      <c r="U300" s="6">
        <v>2</v>
      </c>
      <c r="V300" s="6">
        <v>989</v>
      </c>
    </row>
    <row r="301" spans="1:22">
      <c r="A301" s="9" t="s">
        <v>83</v>
      </c>
      <c r="B301" s="9" t="s">
        <v>57</v>
      </c>
      <c r="C301" s="9" t="s">
        <v>81</v>
      </c>
      <c r="D301" s="9" t="s">
        <v>77</v>
      </c>
      <c r="E301" s="9" t="s">
        <v>57</v>
      </c>
      <c r="F301" s="9" t="s">
        <v>81</v>
      </c>
      <c r="G301" s="9" t="s">
        <v>84</v>
      </c>
      <c r="H301" s="9" t="s">
        <v>54</v>
      </c>
      <c r="I301" s="9" t="s">
        <v>130</v>
      </c>
      <c r="J301" s="9" t="s">
        <v>139</v>
      </c>
      <c r="K301" s="6">
        <v>930</v>
      </c>
      <c r="L301" s="6">
        <v>603</v>
      </c>
      <c r="M301" s="6">
        <v>215</v>
      </c>
      <c r="N301" s="6">
        <v>3</v>
      </c>
      <c r="O301" s="6">
        <v>385</v>
      </c>
      <c r="P301" s="6">
        <v>25</v>
      </c>
      <c r="Q301" s="6">
        <v>37</v>
      </c>
      <c r="R301" s="6">
        <v>171</v>
      </c>
      <c r="S301" s="6">
        <v>91</v>
      </c>
      <c r="T301" s="6">
        <v>1</v>
      </c>
      <c r="U301" s="6">
        <v>2</v>
      </c>
      <c r="V301" s="6">
        <v>628</v>
      </c>
    </row>
    <row r="302" spans="1:22">
      <c r="A302" s="9" t="s">
        <v>83</v>
      </c>
      <c r="B302" s="9" t="s">
        <v>57</v>
      </c>
      <c r="C302" s="9" t="s">
        <v>81</v>
      </c>
      <c r="D302" s="9" t="s">
        <v>77</v>
      </c>
      <c r="E302" s="9" t="s">
        <v>57</v>
      </c>
      <c r="F302" s="9" t="s">
        <v>81</v>
      </c>
      <c r="G302" s="9" t="s">
        <v>84</v>
      </c>
      <c r="H302" s="9" t="s">
        <v>54</v>
      </c>
      <c r="I302" s="9" t="s">
        <v>130</v>
      </c>
      <c r="J302" s="9" t="s">
        <v>140</v>
      </c>
      <c r="K302" s="6">
        <v>1090</v>
      </c>
      <c r="L302" s="6">
        <v>978</v>
      </c>
      <c r="M302" s="6">
        <v>629</v>
      </c>
      <c r="N302" s="6">
        <v>8</v>
      </c>
      <c r="O302" s="6">
        <v>341</v>
      </c>
      <c r="P302" s="6">
        <v>5</v>
      </c>
      <c r="Q302" s="6">
        <v>14</v>
      </c>
      <c r="R302" s="6">
        <v>81</v>
      </c>
      <c r="S302" s="6">
        <v>9</v>
      </c>
      <c r="T302" s="10" t="s">
        <v>55</v>
      </c>
      <c r="U302" s="6">
        <v>3</v>
      </c>
      <c r="V302" s="6">
        <v>983</v>
      </c>
    </row>
    <row r="303" spans="1:22">
      <c r="A303" s="9" t="s">
        <v>83</v>
      </c>
      <c r="B303" s="9" t="s">
        <v>57</v>
      </c>
      <c r="C303" s="9" t="s">
        <v>81</v>
      </c>
      <c r="D303" s="9" t="s">
        <v>77</v>
      </c>
      <c r="E303" s="9" t="s">
        <v>57</v>
      </c>
      <c r="F303" s="9" t="s">
        <v>81</v>
      </c>
      <c r="G303" s="9" t="s">
        <v>84</v>
      </c>
      <c r="H303" s="9" t="s">
        <v>54</v>
      </c>
      <c r="I303" s="9" t="s">
        <v>130</v>
      </c>
      <c r="J303" s="9" t="s">
        <v>141</v>
      </c>
      <c r="K303" s="6">
        <v>6135</v>
      </c>
      <c r="L303" s="6">
        <v>5919</v>
      </c>
      <c r="M303" s="6">
        <v>4014</v>
      </c>
      <c r="N303" s="6">
        <v>90</v>
      </c>
      <c r="O303" s="6">
        <v>1815</v>
      </c>
      <c r="P303" s="6">
        <v>95</v>
      </c>
      <c r="Q303" s="6">
        <v>13</v>
      </c>
      <c r="R303" s="6">
        <v>29</v>
      </c>
      <c r="S303" s="6">
        <v>53</v>
      </c>
      <c r="T303" s="10" t="s">
        <v>55</v>
      </c>
      <c r="U303" s="6">
        <v>26</v>
      </c>
      <c r="V303" s="6">
        <v>6014</v>
      </c>
    </row>
    <row r="304" spans="1:22">
      <c r="A304" s="9" t="s">
        <v>83</v>
      </c>
      <c r="B304" s="9" t="s">
        <v>57</v>
      </c>
      <c r="C304" s="9" t="s">
        <v>81</v>
      </c>
      <c r="D304" s="9" t="s">
        <v>77</v>
      </c>
      <c r="E304" s="9" t="s">
        <v>57</v>
      </c>
      <c r="F304" s="9" t="s">
        <v>81</v>
      </c>
      <c r="G304" s="9" t="s">
        <v>84</v>
      </c>
      <c r="H304" s="9" t="s">
        <v>54</v>
      </c>
      <c r="I304" s="9" t="s">
        <v>130</v>
      </c>
      <c r="J304" s="9" t="s">
        <v>142</v>
      </c>
      <c r="K304" s="6">
        <v>173</v>
      </c>
      <c r="L304" s="6">
        <v>168</v>
      </c>
      <c r="M304" s="6">
        <v>134</v>
      </c>
      <c r="N304" s="6">
        <v>2</v>
      </c>
      <c r="O304" s="6">
        <v>32</v>
      </c>
      <c r="P304" s="10" t="s">
        <v>55</v>
      </c>
      <c r="Q304" s="6">
        <v>3</v>
      </c>
      <c r="R304" s="6">
        <v>1</v>
      </c>
      <c r="S304" s="6">
        <v>1</v>
      </c>
      <c r="T304" s="10" t="s">
        <v>55</v>
      </c>
      <c r="U304" s="10" t="s">
        <v>55</v>
      </c>
      <c r="V304" s="6">
        <v>168</v>
      </c>
    </row>
    <row r="305" spans="1:22">
      <c r="A305" s="9" t="s">
        <v>83</v>
      </c>
      <c r="B305" s="9" t="s">
        <v>57</v>
      </c>
      <c r="C305" s="9" t="s">
        <v>81</v>
      </c>
      <c r="D305" s="9" t="s">
        <v>77</v>
      </c>
      <c r="E305" s="9" t="s">
        <v>57</v>
      </c>
      <c r="F305" s="9" t="s">
        <v>81</v>
      </c>
      <c r="G305" s="9" t="s">
        <v>84</v>
      </c>
      <c r="H305" s="9" t="s">
        <v>54</v>
      </c>
      <c r="I305" s="9" t="s">
        <v>130</v>
      </c>
      <c r="J305" s="9" t="s">
        <v>143</v>
      </c>
      <c r="K305" s="6">
        <v>845</v>
      </c>
      <c r="L305" s="6">
        <v>669</v>
      </c>
      <c r="M305" s="6">
        <v>319</v>
      </c>
      <c r="N305" s="6">
        <v>28</v>
      </c>
      <c r="O305" s="6">
        <v>322</v>
      </c>
      <c r="P305" s="6">
        <v>35</v>
      </c>
      <c r="Q305" s="6">
        <v>1</v>
      </c>
      <c r="R305" s="6">
        <v>89</v>
      </c>
      <c r="S305" s="6">
        <v>45</v>
      </c>
      <c r="T305" s="6">
        <v>2</v>
      </c>
      <c r="U305" s="6">
        <v>4</v>
      </c>
      <c r="V305" s="6">
        <v>704</v>
      </c>
    </row>
    <row r="306" spans="1:22">
      <c r="A306" s="9" t="s">
        <v>83</v>
      </c>
      <c r="B306" s="9" t="s">
        <v>57</v>
      </c>
      <c r="C306" s="9" t="s">
        <v>81</v>
      </c>
      <c r="D306" s="9" t="s">
        <v>77</v>
      </c>
      <c r="E306" s="9" t="s">
        <v>57</v>
      </c>
      <c r="F306" s="9" t="s">
        <v>81</v>
      </c>
      <c r="G306" s="9" t="s">
        <v>84</v>
      </c>
      <c r="H306" s="9" t="s">
        <v>54</v>
      </c>
      <c r="I306" s="9" t="s">
        <v>130</v>
      </c>
      <c r="J306" s="9" t="s">
        <v>144</v>
      </c>
      <c r="K306" s="6">
        <v>503</v>
      </c>
      <c r="L306" s="6">
        <v>503</v>
      </c>
      <c r="M306" s="6">
        <v>319</v>
      </c>
      <c r="N306" s="6">
        <v>2</v>
      </c>
      <c r="O306" s="6">
        <v>182</v>
      </c>
      <c r="P306" s="10" t="s">
        <v>55</v>
      </c>
      <c r="Q306" s="10" t="s">
        <v>55</v>
      </c>
      <c r="R306" s="10" t="s">
        <v>55</v>
      </c>
      <c r="S306" s="10" t="s">
        <v>55</v>
      </c>
      <c r="T306" s="10" t="s">
        <v>55</v>
      </c>
      <c r="U306" s="10" t="s">
        <v>55</v>
      </c>
      <c r="V306" s="6">
        <v>503</v>
      </c>
    </row>
    <row r="307" spans="1:22">
      <c r="A307" s="9" t="s">
        <v>83</v>
      </c>
      <c r="B307" s="9" t="s">
        <v>57</v>
      </c>
      <c r="C307" s="9" t="s">
        <v>81</v>
      </c>
      <c r="D307" s="9" t="s">
        <v>77</v>
      </c>
      <c r="E307" s="9" t="s">
        <v>57</v>
      </c>
      <c r="F307" s="9" t="s">
        <v>81</v>
      </c>
      <c r="G307" s="9" t="s">
        <v>84</v>
      </c>
      <c r="H307" s="9" t="s">
        <v>54</v>
      </c>
      <c r="I307" s="9" t="s">
        <v>55</v>
      </c>
      <c r="J307" s="9" t="s">
        <v>145</v>
      </c>
      <c r="K307" s="6">
        <v>154</v>
      </c>
      <c r="L307" s="6">
        <v>62</v>
      </c>
      <c r="M307" s="6">
        <v>18</v>
      </c>
      <c r="N307" s="6">
        <v>17</v>
      </c>
      <c r="O307" s="6">
        <v>27</v>
      </c>
      <c r="P307" s="6">
        <v>3</v>
      </c>
      <c r="Q307" s="6">
        <v>3</v>
      </c>
      <c r="R307" s="6">
        <v>9</v>
      </c>
      <c r="S307" s="6">
        <v>8</v>
      </c>
      <c r="T307" s="10" t="s">
        <v>55</v>
      </c>
      <c r="U307" s="6">
        <v>69</v>
      </c>
      <c r="V307" s="6">
        <v>65</v>
      </c>
    </row>
    <row r="308" spans="1:22">
      <c r="A308" s="9" t="s">
        <v>83</v>
      </c>
      <c r="B308" s="9" t="s">
        <v>57</v>
      </c>
      <c r="C308" s="9" t="s">
        <v>81</v>
      </c>
      <c r="D308" s="9" t="s">
        <v>77</v>
      </c>
      <c r="E308" s="9" t="s">
        <v>57</v>
      </c>
      <c r="F308" s="9" t="s">
        <v>81</v>
      </c>
      <c r="G308" s="9" t="s">
        <v>84</v>
      </c>
      <c r="H308" s="9" t="s">
        <v>54</v>
      </c>
      <c r="I308" s="9" t="s">
        <v>55</v>
      </c>
      <c r="J308" s="9" t="s">
        <v>146</v>
      </c>
      <c r="K308" s="6">
        <v>2634</v>
      </c>
      <c r="L308" s="6">
        <v>1224</v>
      </c>
      <c r="M308" s="6">
        <v>433</v>
      </c>
      <c r="N308" s="6">
        <v>35</v>
      </c>
      <c r="O308" s="6">
        <v>756</v>
      </c>
      <c r="P308" s="6">
        <v>23</v>
      </c>
      <c r="Q308" s="6">
        <v>19</v>
      </c>
      <c r="R308" s="6">
        <v>69</v>
      </c>
      <c r="S308" s="6">
        <v>1295</v>
      </c>
      <c r="T308" s="10" t="s">
        <v>55</v>
      </c>
      <c r="U308" s="6">
        <v>4</v>
      </c>
      <c r="V308" s="6">
        <v>1247</v>
      </c>
    </row>
    <row r="309" spans="1:22">
      <c r="A309" s="9" t="s">
        <v>83</v>
      </c>
      <c r="B309" s="9" t="s">
        <v>57</v>
      </c>
      <c r="C309" s="9" t="s">
        <v>81</v>
      </c>
      <c r="D309" s="9" t="s">
        <v>77</v>
      </c>
      <c r="E309" s="9" t="s">
        <v>57</v>
      </c>
      <c r="F309" s="9" t="s">
        <v>81</v>
      </c>
      <c r="G309" s="9" t="s">
        <v>84</v>
      </c>
      <c r="H309" s="9" t="s">
        <v>54</v>
      </c>
      <c r="I309" s="9" t="s">
        <v>55</v>
      </c>
      <c r="J309" s="9" t="s">
        <v>147</v>
      </c>
      <c r="K309" s="6">
        <v>2306</v>
      </c>
      <c r="L309" s="6">
        <v>1912</v>
      </c>
      <c r="M309" s="6">
        <v>1153</v>
      </c>
      <c r="N309" s="6">
        <v>90</v>
      </c>
      <c r="O309" s="6">
        <v>669</v>
      </c>
      <c r="P309" s="6">
        <v>175</v>
      </c>
      <c r="Q309" s="6">
        <v>4</v>
      </c>
      <c r="R309" s="6">
        <v>47</v>
      </c>
      <c r="S309" s="6">
        <v>141</v>
      </c>
      <c r="T309" s="6">
        <v>19</v>
      </c>
      <c r="U309" s="6">
        <v>8</v>
      </c>
      <c r="V309" s="6">
        <v>2087</v>
      </c>
    </row>
    <row r="310" spans="1:22">
      <c r="A310" s="9" t="s">
        <v>83</v>
      </c>
      <c r="B310" s="9" t="s">
        <v>57</v>
      </c>
      <c r="C310" s="9" t="s">
        <v>81</v>
      </c>
      <c r="D310" s="9" t="s">
        <v>77</v>
      </c>
      <c r="E310" s="9" t="s">
        <v>57</v>
      </c>
      <c r="F310" s="9" t="s">
        <v>81</v>
      </c>
      <c r="G310" s="9" t="s">
        <v>84</v>
      </c>
      <c r="H310" s="9" t="s">
        <v>54</v>
      </c>
      <c r="I310" s="9" t="s">
        <v>55</v>
      </c>
      <c r="J310" s="9" t="s">
        <v>148</v>
      </c>
      <c r="K310" s="6">
        <v>16507</v>
      </c>
      <c r="L310" s="6">
        <v>14543</v>
      </c>
      <c r="M310" s="6">
        <v>7804</v>
      </c>
      <c r="N310" s="6">
        <v>231</v>
      </c>
      <c r="O310" s="6">
        <v>6508</v>
      </c>
      <c r="P310" s="6">
        <v>461</v>
      </c>
      <c r="Q310" s="6">
        <v>181</v>
      </c>
      <c r="R310" s="6">
        <v>674</v>
      </c>
      <c r="S310" s="6">
        <v>592</v>
      </c>
      <c r="T310" s="6">
        <v>3</v>
      </c>
      <c r="U310" s="6">
        <v>53</v>
      </c>
      <c r="V310" s="6">
        <v>15004</v>
      </c>
    </row>
    <row r="311" spans="1:22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6</v>
      </c>
      <c r="I311" s="9" t="s">
        <v>55</v>
      </c>
      <c r="J311" s="9" t="s">
        <v>6</v>
      </c>
      <c r="K311" s="6">
        <v>835</v>
      </c>
      <c r="L311" s="6">
        <v>628</v>
      </c>
      <c r="M311" s="6">
        <v>423</v>
      </c>
      <c r="N311" s="6">
        <v>15</v>
      </c>
      <c r="O311" s="6">
        <v>190</v>
      </c>
      <c r="P311" s="6">
        <v>29</v>
      </c>
      <c r="Q311" s="6">
        <v>14</v>
      </c>
      <c r="R311" s="6">
        <v>105</v>
      </c>
      <c r="S311" s="6">
        <v>48</v>
      </c>
      <c r="T311" s="6">
        <v>1</v>
      </c>
      <c r="U311" s="6">
        <v>10</v>
      </c>
      <c r="V311" s="6">
        <v>657</v>
      </c>
    </row>
    <row r="312" spans="1:22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6</v>
      </c>
      <c r="I312" s="9" t="s">
        <v>122</v>
      </c>
      <c r="J312" s="9" t="s">
        <v>123</v>
      </c>
      <c r="K312" s="6">
        <v>118</v>
      </c>
      <c r="L312" s="6">
        <v>25</v>
      </c>
      <c r="M312" s="6">
        <v>10</v>
      </c>
      <c r="N312" s="10" t="s">
        <v>55</v>
      </c>
      <c r="O312" s="6">
        <v>15</v>
      </c>
      <c r="P312" s="6">
        <v>3</v>
      </c>
      <c r="Q312" s="6">
        <v>1</v>
      </c>
      <c r="R312" s="6">
        <v>58</v>
      </c>
      <c r="S312" s="6">
        <v>30</v>
      </c>
      <c r="T312" s="10" t="s">
        <v>55</v>
      </c>
      <c r="U312" s="6">
        <v>1</v>
      </c>
      <c r="V312" s="6">
        <v>28</v>
      </c>
    </row>
    <row r="313" spans="1:22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6</v>
      </c>
      <c r="I313" s="9" t="s">
        <v>122</v>
      </c>
      <c r="J313" s="9" t="s">
        <v>124</v>
      </c>
      <c r="K313" s="6">
        <v>99</v>
      </c>
      <c r="L313" s="6">
        <v>13</v>
      </c>
      <c r="M313" s="6">
        <v>5</v>
      </c>
      <c r="N313" s="10" t="s">
        <v>55</v>
      </c>
      <c r="O313" s="6">
        <v>8</v>
      </c>
      <c r="P313" s="10" t="s">
        <v>55</v>
      </c>
      <c r="Q313" s="6">
        <v>1</v>
      </c>
      <c r="R313" s="6">
        <v>56</v>
      </c>
      <c r="S313" s="6">
        <v>29</v>
      </c>
      <c r="T313" s="10" t="s">
        <v>55</v>
      </c>
      <c r="U313" s="10" t="s">
        <v>55</v>
      </c>
      <c r="V313" s="6">
        <v>13</v>
      </c>
    </row>
    <row r="314" spans="1:22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6</v>
      </c>
      <c r="I314" s="9" t="s">
        <v>122</v>
      </c>
      <c r="J314" s="9" t="s">
        <v>125</v>
      </c>
      <c r="K314" s="6">
        <v>1</v>
      </c>
      <c r="L314" s="6">
        <v>1</v>
      </c>
      <c r="M314" s="10" t="s">
        <v>55</v>
      </c>
      <c r="N314" s="10" t="s">
        <v>55</v>
      </c>
      <c r="O314" s="6">
        <v>1</v>
      </c>
      <c r="P314" s="10" t="s">
        <v>55</v>
      </c>
      <c r="Q314" s="10" t="s">
        <v>55</v>
      </c>
      <c r="R314" s="10" t="s">
        <v>55</v>
      </c>
      <c r="S314" s="10" t="s">
        <v>55</v>
      </c>
      <c r="T314" s="10" t="s">
        <v>55</v>
      </c>
      <c r="U314" s="10" t="s">
        <v>55</v>
      </c>
      <c r="V314" s="6">
        <v>1</v>
      </c>
    </row>
    <row r="315" spans="1:22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6</v>
      </c>
      <c r="I315" s="9" t="s">
        <v>126</v>
      </c>
      <c r="J315" s="9" t="s">
        <v>127</v>
      </c>
      <c r="K315" s="6">
        <v>5</v>
      </c>
      <c r="L315" s="6">
        <v>5</v>
      </c>
      <c r="M315" s="6">
        <v>4</v>
      </c>
      <c r="N315" s="10" t="s">
        <v>55</v>
      </c>
      <c r="O315" s="6">
        <v>1</v>
      </c>
      <c r="P315" s="10" t="s">
        <v>55</v>
      </c>
      <c r="Q315" s="10" t="s">
        <v>55</v>
      </c>
      <c r="R315" s="10" t="s">
        <v>55</v>
      </c>
      <c r="S315" s="10" t="s">
        <v>55</v>
      </c>
      <c r="T315" s="10" t="s">
        <v>55</v>
      </c>
      <c r="U315" s="10" t="s">
        <v>55</v>
      </c>
      <c r="V315" s="6">
        <v>5</v>
      </c>
    </row>
    <row r="316" spans="1:22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6</v>
      </c>
      <c r="I316" s="9" t="s">
        <v>126</v>
      </c>
      <c r="J316" s="9" t="s">
        <v>128</v>
      </c>
      <c r="K316" s="6">
        <v>91</v>
      </c>
      <c r="L316" s="6">
        <v>56</v>
      </c>
      <c r="M316" s="6">
        <v>43</v>
      </c>
      <c r="N316" s="10" t="s">
        <v>55</v>
      </c>
      <c r="O316" s="6">
        <v>13</v>
      </c>
      <c r="P316" s="6">
        <v>10</v>
      </c>
      <c r="Q316" s="6">
        <v>5</v>
      </c>
      <c r="R316" s="6">
        <v>13</v>
      </c>
      <c r="S316" s="6">
        <v>7</v>
      </c>
      <c r="T316" s="10" t="s">
        <v>55</v>
      </c>
      <c r="U316" s="10" t="s">
        <v>55</v>
      </c>
      <c r="V316" s="6">
        <v>66</v>
      </c>
    </row>
    <row r="317" spans="1:22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6</v>
      </c>
      <c r="I317" s="9" t="s">
        <v>126</v>
      </c>
      <c r="J317" s="9" t="s">
        <v>129</v>
      </c>
      <c r="K317" s="6">
        <v>124</v>
      </c>
      <c r="L317" s="6">
        <v>114</v>
      </c>
      <c r="M317" s="6">
        <v>88</v>
      </c>
      <c r="N317" s="6">
        <v>6</v>
      </c>
      <c r="O317" s="6">
        <v>20</v>
      </c>
      <c r="P317" s="6">
        <v>2</v>
      </c>
      <c r="Q317" s="6">
        <v>1</v>
      </c>
      <c r="R317" s="6">
        <v>2</v>
      </c>
      <c r="S317" s="6">
        <v>2</v>
      </c>
      <c r="T317" s="6">
        <v>1</v>
      </c>
      <c r="U317" s="6">
        <v>2</v>
      </c>
      <c r="V317" s="6">
        <v>116</v>
      </c>
    </row>
    <row r="318" spans="1:22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6</v>
      </c>
      <c r="I318" s="9" t="s">
        <v>130</v>
      </c>
      <c r="J318" s="9" t="s">
        <v>131</v>
      </c>
      <c r="K318" s="6">
        <v>2</v>
      </c>
      <c r="L318" s="6">
        <v>2</v>
      </c>
      <c r="M318" s="6">
        <v>1</v>
      </c>
      <c r="N318" s="10" t="s">
        <v>55</v>
      </c>
      <c r="O318" s="6">
        <v>1</v>
      </c>
      <c r="P318" s="10" t="s">
        <v>55</v>
      </c>
      <c r="Q318" s="10" t="s">
        <v>55</v>
      </c>
      <c r="R318" s="10" t="s">
        <v>55</v>
      </c>
      <c r="S318" s="10" t="s">
        <v>55</v>
      </c>
      <c r="T318" s="10" t="s">
        <v>55</v>
      </c>
      <c r="U318" s="10" t="s">
        <v>55</v>
      </c>
      <c r="V318" s="6">
        <v>2</v>
      </c>
    </row>
    <row r="319" spans="1:22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6</v>
      </c>
      <c r="I319" s="9" t="s">
        <v>130</v>
      </c>
      <c r="J319" s="9" t="s">
        <v>132</v>
      </c>
      <c r="K319" s="6">
        <v>1</v>
      </c>
      <c r="L319" s="6">
        <v>1</v>
      </c>
      <c r="M319" s="10" t="s">
        <v>55</v>
      </c>
      <c r="N319" s="10" t="s">
        <v>55</v>
      </c>
      <c r="O319" s="6">
        <v>1</v>
      </c>
      <c r="P319" s="10" t="s">
        <v>55</v>
      </c>
      <c r="Q319" s="10" t="s">
        <v>55</v>
      </c>
      <c r="R319" s="10" t="s">
        <v>55</v>
      </c>
      <c r="S319" s="10" t="s">
        <v>55</v>
      </c>
      <c r="T319" s="10" t="s">
        <v>55</v>
      </c>
      <c r="U319" s="10" t="s">
        <v>55</v>
      </c>
      <c r="V319" s="6">
        <v>1</v>
      </c>
    </row>
    <row r="320" spans="1:22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6</v>
      </c>
      <c r="I320" s="9" t="s">
        <v>130</v>
      </c>
      <c r="J320" s="9" t="s">
        <v>133</v>
      </c>
      <c r="K320" s="6">
        <v>50</v>
      </c>
      <c r="L320" s="6">
        <v>47</v>
      </c>
      <c r="M320" s="6">
        <v>36</v>
      </c>
      <c r="N320" s="6">
        <v>1</v>
      </c>
      <c r="O320" s="6">
        <v>10</v>
      </c>
      <c r="P320" s="10" t="s">
        <v>55</v>
      </c>
      <c r="Q320" s="10" t="s">
        <v>55</v>
      </c>
      <c r="R320" s="6">
        <v>2</v>
      </c>
      <c r="S320" s="10" t="s">
        <v>55</v>
      </c>
      <c r="T320" s="10" t="s">
        <v>55</v>
      </c>
      <c r="U320" s="6">
        <v>1</v>
      </c>
      <c r="V320" s="6">
        <v>47</v>
      </c>
    </row>
    <row r="321" spans="1:22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6</v>
      </c>
      <c r="I321" s="9" t="s">
        <v>130</v>
      </c>
      <c r="J321" s="9" t="s">
        <v>134</v>
      </c>
      <c r="K321" s="6">
        <v>114</v>
      </c>
      <c r="L321" s="6">
        <v>91</v>
      </c>
      <c r="M321" s="6">
        <v>50</v>
      </c>
      <c r="N321" s="6">
        <v>2</v>
      </c>
      <c r="O321" s="6">
        <v>39</v>
      </c>
      <c r="P321" s="6">
        <v>6</v>
      </c>
      <c r="Q321" s="6">
        <v>3</v>
      </c>
      <c r="R321" s="6">
        <v>8</v>
      </c>
      <c r="S321" s="6">
        <v>5</v>
      </c>
      <c r="T321" s="10" t="s">
        <v>55</v>
      </c>
      <c r="U321" s="6">
        <v>1</v>
      </c>
      <c r="V321" s="6">
        <v>97</v>
      </c>
    </row>
    <row r="322" spans="1:22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6</v>
      </c>
      <c r="I322" s="9" t="s">
        <v>130</v>
      </c>
      <c r="J322" s="9" t="s">
        <v>135</v>
      </c>
      <c r="K322" s="6">
        <v>6</v>
      </c>
      <c r="L322" s="6">
        <v>6</v>
      </c>
      <c r="M322" s="6">
        <v>5</v>
      </c>
      <c r="N322" s="10" t="s">
        <v>55</v>
      </c>
      <c r="O322" s="6">
        <v>1</v>
      </c>
      <c r="P322" s="10" t="s">
        <v>55</v>
      </c>
      <c r="Q322" s="10" t="s">
        <v>55</v>
      </c>
      <c r="R322" s="10" t="s">
        <v>55</v>
      </c>
      <c r="S322" s="10" t="s">
        <v>55</v>
      </c>
      <c r="T322" s="10" t="s">
        <v>55</v>
      </c>
      <c r="U322" s="10" t="s">
        <v>55</v>
      </c>
      <c r="V322" s="6">
        <v>6</v>
      </c>
    </row>
    <row r="323" spans="1:22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6</v>
      </c>
      <c r="I323" s="9" t="s">
        <v>130</v>
      </c>
      <c r="J323" s="9" t="s">
        <v>136</v>
      </c>
      <c r="K323" s="6">
        <v>5</v>
      </c>
      <c r="L323" s="6">
        <v>4</v>
      </c>
      <c r="M323" s="6">
        <v>3</v>
      </c>
      <c r="N323" s="10" t="s">
        <v>55</v>
      </c>
      <c r="O323" s="6">
        <v>1</v>
      </c>
      <c r="P323" s="6">
        <v>1</v>
      </c>
      <c r="Q323" s="10" t="s">
        <v>55</v>
      </c>
      <c r="R323" s="10" t="s">
        <v>55</v>
      </c>
      <c r="S323" s="10" t="s">
        <v>55</v>
      </c>
      <c r="T323" s="10" t="s">
        <v>55</v>
      </c>
      <c r="U323" s="10" t="s">
        <v>55</v>
      </c>
      <c r="V323" s="6">
        <v>5</v>
      </c>
    </row>
    <row r="324" spans="1:22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6</v>
      </c>
      <c r="I324" s="9" t="s">
        <v>130</v>
      </c>
      <c r="J324" s="9" t="s">
        <v>137</v>
      </c>
      <c r="K324" s="6">
        <v>11</v>
      </c>
      <c r="L324" s="6">
        <v>8</v>
      </c>
      <c r="M324" s="6">
        <v>4</v>
      </c>
      <c r="N324" s="6">
        <v>1</v>
      </c>
      <c r="O324" s="6">
        <v>3</v>
      </c>
      <c r="P324" s="6">
        <v>1</v>
      </c>
      <c r="Q324" s="10" t="s">
        <v>55</v>
      </c>
      <c r="R324" s="6">
        <v>2</v>
      </c>
      <c r="S324" s="10" t="s">
        <v>55</v>
      </c>
      <c r="T324" s="10" t="s">
        <v>55</v>
      </c>
      <c r="U324" s="10" t="s">
        <v>55</v>
      </c>
      <c r="V324" s="6">
        <v>9</v>
      </c>
    </row>
    <row r="325" spans="1:22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6</v>
      </c>
      <c r="I325" s="9" t="s">
        <v>130</v>
      </c>
      <c r="J325" s="9" t="s">
        <v>138</v>
      </c>
      <c r="K325" s="6">
        <v>22</v>
      </c>
      <c r="L325" s="6">
        <v>13</v>
      </c>
      <c r="M325" s="6">
        <v>9</v>
      </c>
      <c r="N325" s="10" t="s">
        <v>55</v>
      </c>
      <c r="O325" s="6">
        <v>4</v>
      </c>
      <c r="P325" s="6">
        <v>3</v>
      </c>
      <c r="Q325" s="10" t="s">
        <v>55</v>
      </c>
      <c r="R325" s="6">
        <v>3</v>
      </c>
      <c r="S325" s="6">
        <v>2</v>
      </c>
      <c r="T325" s="10" t="s">
        <v>55</v>
      </c>
      <c r="U325" s="6">
        <v>1</v>
      </c>
      <c r="V325" s="6">
        <v>16</v>
      </c>
    </row>
    <row r="326" spans="1:22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6</v>
      </c>
      <c r="I326" s="9" t="s">
        <v>130</v>
      </c>
      <c r="J326" s="9" t="s">
        <v>139</v>
      </c>
      <c r="K326" s="6">
        <v>26</v>
      </c>
      <c r="L326" s="6">
        <v>21</v>
      </c>
      <c r="M326" s="6">
        <v>13</v>
      </c>
      <c r="N326" s="10" t="s">
        <v>55</v>
      </c>
      <c r="O326" s="6">
        <v>8</v>
      </c>
      <c r="P326" s="10" t="s">
        <v>55</v>
      </c>
      <c r="Q326" s="6">
        <v>1</v>
      </c>
      <c r="R326" s="6">
        <v>4</v>
      </c>
      <c r="S326" s="10" t="s">
        <v>55</v>
      </c>
      <c r="T326" s="10" t="s">
        <v>55</v>
      </c>
      <c r="U326" s="10" t="s">
        <v>55</v>
      </c>
      <c r="V326" s="6">
        <v>21</v>
      </c>
    </row>
    <row r="327" spans="1:22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6</v>
      </c>
      <c r="I327" s="9" t="s">
        <v>130</v>
      </c>
      <c r="J327" s="9" t="s">
        <v>140</v>
      </c>
      <c r="K327" s="6">
        <v>17</v>
      </c>
      <c r="L327" s="6">
        <v>17</v>
      </c>
      <c r="M327" s="6">
        <v>7</v>
      </c>
      <c r="N327" s="10" t="s">
        <v>55</v>
      </c>
      <c r="O327" s="6">
        <v>10</v>
      </c>
      <c r="P327" s="10" t="s">
        <v>55</v>
      </c>
      <c r="Q327" s="10" t="s">
        <v>55</v>
      </c>
      <c r="R327" s="10" t="s">
        <v>55</v>
      </c>
      <c r="S327" s="10" t="s">
        <v>55</v>
      </c>
      <c r="T327" s="10" t="s">
        <v>55</v>
      </c>
      <c r="U327" s="10" t="s">
        <v>55</v>
      </c>
      <c r="V327" s="6">
        <v>17</v>
      </c>
    </row>
    <row r="328" spans="1:22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6</v>
      </c>
      <c r="I328" s="9" t="s">
        <v>130</v>
      </c>
      <c r="J328" s="9" t="s">
        <v>141</v>
      </c>
      <c r="K328" s="6">
        <v>143</v>
      </c>
      <c r="L328" s="6">
        <v>141</v>
      </c>
      <c r="M328" s="6">
        <v>93</v>
      </c>
      <c r="N328" s="6">
        <v>3</v>
      </c>
      <c r="O328" s="6">
        <v>45</v>
      </c>
      <c r="P328" s="10" t="s">
        <v>55</v>
      </c>
      <c r="Q328" s="10" t="s">
        <v>55</v>
      </c>
      <c r="R328" s="6">
        <v>1</v>
      </c>
      <c r="S328" s="10" t="s">
        <v>55</v>
      </c>
      <c r="T328" s="10" t="s">
        <v>55</v>
      </c>
      <c r="U328" s="6">
        <v>1</v>
      </c>
      <c r="V328" s="6">
        <v>141</v>
      </c>
    </row>
    <row r="329" spans="1:22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6</v>
      </c>
      <c r="I329" s="9" t="s">
        <v>130</v>
      </c>
      <c r="J329" s="9" t="s">
        <v>142</v>
      </c>
      <c r="K329" s="6">
        <v>9</v>
      </c>
      <c r="L329" s="6">
        <v>8</v>
      </c>
      <c r="M329" s="6">
        <v>6</v>
      </c>
      <c r="N329" s="10" t="s">
        <v>55</v>
      </c>
      <c r="O329" s="6">
        <v>2</v>
      </c>
      <c r="P329" s="10" t="s">
        <v>55</v>
      </c>
      <c r="Q329" s="10" t="s">
        <v>55</v>
      </c>
      <c r="R329" s="6">
        <v>1</v>
      </c>
      <c r="S329" s="10" t="s">
        <v>55</v>
      </c>
      <c r="T329" s="10" t="s">
        <v>55</v>
      </c>
      <c r="U329" s="10" t="s">
        <v>55</v>
      </c>
      <c r="V329" s="6">
        <v>8</v>
      </c>
    </row>
    <row r="330" spans="1:22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6</v>
      </c>
      <c r="I330" s="9" t="s">
        <v>130</v>
      </c>
      <c r="J330" s="9" t="s">
        <v>143</v>
      </c>
      <c r="K330" s="6">
        <v>51</v>
      </c>
      <c r="L330" s="6">
        <v>34</v>
      </c>
      <c r="M330" s="6">
        <v>22</v>
      </c>
      <c r="N330" s="10" t="s">
        <v>55</v>
      </c>
      <c r="O330" s="6">
        <v>12</v>
      </c>
      <c r="P330" s="6">
        <v>3</v>
      </c>
      <c r="Q330" s="6">
        <v>3</v>
      </c>
      <c r="R330" s="6">
        <v>8</v>
      </c>
      <c r="S330" s="6">
        <v>2</v>
      </c>
      <c r="T330" s="10" t="s">
        <v>55</v>
      </c>
      <c r="U330" s="6">
        <v>1</v>
      </c>
      <c r="V330" s="6">
        <v>37</v>
      </c>
    </row>
    <row r="331" spans="1:22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6</v>
      </c>
      <c r="I331" s="9" t="s">
        <v>130</v>
      </c>
      <c r="J331" s="9" t="s">
        <v>144</v>
      </c>
      <c r="K331" s="6">
        <v>31</v>
      </c>
      <c r="L331" s="6">
        <v>31</v>
      </c>
      <c r="M331" s="6">
        <v>28</v>
      </c>
      <c r="N331" s="10" t="s">
        <v>55</v>
      </c>
      <c r="O331" s="6">
        <v>3</v>
      </c>
      <c r="P331" s="10" t="s">
        <v>55</v>
      </c>
      <c r="Q331" s="10" t="s">
        <v>55</v>
      </c>
      <c r="R331" s="10" t="s">
        <v>55</v>
      </c>
      <c r="S331" s="10" t="s">
        <v>55</v>
      </c>
      <c r="T331" s="10" t="s">
        <v>55</v>
      </c>
      <c r="U331" s="10" t="s">
        <v>55</v>
      </c>
      <c r="V331" s="6">
        <v>31</v>
      </c>
    </row>
    <row r="332" spans="1:22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6</v>
      </c>
      <c r="I332" s="9" t="s">
        <v>55</v>
      </c>
      <c r="J332" s="9" t="s">
        <v>145</v>
      </c>
      <c r="K332" s="6">
        <v>8</v>
      </c>
      <c r="L332" s="6">
        <v>3</v>
      </c>
      <c r="M332" s="6">
        <v>1</v>
      </c>
      <c r="N332" s="6">
        <v>2</v>
      </c>
      <c r="O332" s="10" t="s">
        <v>55</v>
      </c>
      <c r="P332" s="10" t="s">
        <v>55</v>
      </c>
      <c r="Q332" s="10" t="s">
        <v>55</v>
      </c>
      <c r="R332" s="6">
        <v>3</v>
      </c>
      <c r="S332" s="10" t="s">
        <v>55</v>
      </c>
      <c r="T332" s="10" t="s">
        <v>55</v>
      </c>
      <c r="U332" s="6">
        <v>2</v>
      </c>
      <c r="V332" s="6">
        <v>3</v>
      </c>
    </row>
    <row r="333" spans="1:22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6</v>
      </c>
      <c r="I333" s="9" t="s">
        <v>55</v>
      </c>
      <c r="J333" s="9" t="s">
        <v>146</v>
      </c>
      <c r="K333" s="6">
        <v>119</v>
      </c>
      <c r="L333" s="6">
        <v>26</v>
      </c>
      <c r="M333" s="6">
        <v>10</v>
      </c>
      <c r="N333" s="10" t="s">
        <v>55</v>
      </c>
      <c r="O333" s="6">
        <v>16</v>
      </c>
      <c r="P333" s="6">
        <v>3</v>
      </c>
      <c r="Q333" s="6">
        <v>1</v>
      </c>
      <c r="R333" s="6">
        <v>58</v>
      </c>
      <c r="S333" s="6">
        <v>30</v>
      </c>
      <c r="T333" s="10" t="s">
        <v>55</v>
      </c>
      <c r="U333" s="6">
        <v>1</v>
      </c>
      <c r="V333" s="6">
        <v>29</v>
      </c>
    </row>
    <row r="334" spans="1:22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6</v>
      </c>
      <c r="I334" s="9" t="s">
        <v>55</v>
      </c>
      <c r="J334" s="9" t="s">
        <v>147</v>
      </c>
      <c r="K334" s="6">
        <v>220</v>
      </c>
      <c r="L334" s="6">
        <v>175</v>
      </c>
      <c r="M334" s="6">
        <v>135</v>
      </c>
      <c r="N334" s="6">
        <v>6</v>
      </c>
      <c r="O334" s="6">
        <v>34</v>
      </c>
      <c r="P334" s="6">
        <v>12</v>
      </c>
      <c r="Q334" s="6">
        <v>6</v>
      </c>
      <c r="R334" s="6">
        <v>15</v>
      </c>
      <c r="S334" s="6">
        <v>9</v>
      </c>
      <c r="T334" s="6">
        <v>1</v>
      </c>
      <c r="U334" s="6">
        <v>2</v>
      </c>
      <c r="V334" s="6">
        <v>187</v>
      </c>
    </row>
    <row r="335" spans="1:22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6</v>
      </c>
      <c r="I335" s="9" t="s">
        <v>55</v>
      </c>
      <c r="J335" s="9" t="s">
        <v>148</v>
      </c>
      <c r="K335" s="6">
        <v>488</v>
      </c>
      <c r="L335" s="6">
        <v>424</v>
      </c>
      <c r="M335" s="6">
        <v>277</v>
      </c>
      <c r="N335" s="6">
        <v>7</v>
      </c>
      <c r="O335" s="6">
        <v>140</v>
      </c>
      <c r="P335" s="6">
        <v>14</v>
      </c>
      <c r="Q335" s="6">
        <v>7</v>
      </c>
      <c r="R335" s="6">
        <v>29</v>
      </c>
      <c r="S335" s="6">
        <v>9</v>
      </c>
      <c r="T335" s="10" t="s">
        <v>55</v>
      </c>
      <c r="U335" s="6">
        <v>5</v>
      </c>
      <c r="V335" s="6">
        <v>438</v>
      </c>
    </row>
    <row r="336" spans="1:22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53</v>
      </c>
      <c r="I336" s="9" t="s">
        <v>55</v>
      </c>
      <c r="J336" s="9" t="s">
        <v>6</v>
      </c>
      <c r="K336" s="6">
        <v>476</v>
      </c>
      <c r="L336" s="6">
        <v>339</v>
      </c>
      <c r="M336" s="6">
        <v>271</v>
      </c>
      <c r="N336" s="6">
        <v>9</v>
      </c>
      <c r="O336" s="6">
        <v>59</v>
      </c>
      <c r="P336" s="6">
        <v>20</v>
      </c>
      <c r="Q336" s="6">
        <v>13</v>
      </c>
      <c r="R336" s="6">
        <v>91</v>
      </c>
      <c r="S336" s="6">
        <v>5</v>
      </c>
      <c r="T336" s="10" t="s">
        <v>55</v>
      </c>
      <c r="U336" s="6">
        <v>8</v>
      </c>
      <c r="V336" s="6">
        <v>359</v>
      </c>
    </row>
    <row r="337" spans="1:22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53</v>
      </c>
      <c r="I337" s="9" t="s">
        <v>122</v>
      </c>
      <c r="J337" s="9" t="s">
        <v>123</v>
      </c>
      <c r="K337" s="6">
        <v>76</v>
      </c>
      <c r="L337" s="6">
        <v>16</v>
      </c>
      <c r="M337" s="6">
        <v>9</v>
      </c>
      <c r="N337" s="10" t="s">
        <v>55</v>
      </c>
      <c r="O337" s="6">
        <v>7</v>
      </c>
      <c r="P337" s="6">
        <v>1</v>
      </c>
      <c r="Q337" s="10" t="s">
        <v>55</v>
      </c>
      <c r="R337" s="6">
        <v>56</v>
      </c>
      <c r="S337" s="6">
        <v>2</v>
      </c>
      <c r="T337" s="10" t="s">
        <v>55</v>
      </c>
      <c r="U337" s="6">
        <v>1</v>
      </c>
      <c r="V337" s="6">
        <v>17</v>
      </c>
    </row>
    <row r="338" spans="1:22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53</v>
      </c>
      <c r="I338" s="9" t="s">
        <v>122</v>
      </c>
      <c r="J338" s="9" t="s">
        <v>124</v>
      </c>
      <c r="K338" s="6">
        <v>62</v>
      </c>
      <c r="L338" s="6">
        <v>6</v>
      </c>
      <c r="M338" s="6">
        <v>5</v>
      </c>
      <c r="N338" s="10" t="s">
        <v>55</v>
      </c>
      <c r="O338" s="6">
        <v>1</v>
      </c>
      <c r="P338" s="10" t="s">
        <v>55</v>
      </c>
      <c r="Q338" s="10" t="s">
        <v>55</v>
      </c>
      <c r="R338" s="6">
        <v>54</v>
      </c>
      <c r="S338" s="6">
        <v>2</v>
      </c>
      <c r="T338" s="10" t="s">
        <v>55</v>
      </c>
      <c r="U338" s="10" t="s">
        <v>55</v>
      </c>
      <c r="V338" s="6">
        <v>6</v>
      </c>
    </row>
    <row r="339" spans="1:22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53</v>
      </c>
      <c r="I339" s="9" t="s">
        <v>122</v>
      </c>
      <c r="J339" s="9" t="s">
        <v>125</v>
      </c>
      <c r="K339" s="6">
        <v>1</v>
      </c>
      <c r="L339" s="6">
        <v>1</v>
      </c>
      <c r="M339" s="10" t="s">
        <v>55</v>
      </c>
      <c r="N339" s="10" t="s">
        <v>55</v>
      </c>
      <c r="O339" s="6">
        <v>1</v>
      </c>
      <c r="P339" s="10" t="s">
        <v>55</v>
      </c>
      <c r="Q339" s="10" t="s">
        <v>55</v>
      </c>
      <c r="R339" s="10" t="s">
        <v>55</v>
      </c>
      <c r="S339" s="10" t="s">
        <v>55</v>
      </c>
      <c r="T339" s="10" t="s">
        <v>55</v>
      </c>
      <c r="U339" s="10" t="s">
        <v>55</v>
      </c>
      <c r="V339" s="6">
        <v>1</v>
      </c>
    </row>
    <row r="340" spans="1:22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53</v>
      </c>
      <c r="I340" s="9" t="s">
        <v>126</v>
      </c>
      <c r="J340" s="9" t="s">
        <v>127</v>
      </c>
      <c r="K340" s="6">
        <v>5</v>
      </c>
      <c r="L340" s="6">
        <v>5</v>
      </c>
      <c r="M340" s="6">
        <v>4</v>
      </c>
      <c r="N340" s="10" t="s">
        <v>55</v>
      </c>
      <c r="O340" s="6">
        <v>1</v>
      </c>
      <c r="P340" s="10" t="s">
        <v>55</v>
      </c>
      <c r="Q340" s="10" t="s">
        <v>55</v>
      </c>
      <c r="R340" s="10" t="s">
        <v>55</v>
      </c>
      <c r="S340" s="10" t="s">
        <v>55</v>
      </c>
      <c r="T340" s="10" t="s">
        <v>55</v>
      </c>
      <c r="U340" s="10" t="s">
        <v>55</v>
      </c>
      <c r="V340" s="6">
        <v>5</v>
      </c>
    </row>
    <row r="341" spans="1:22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53</v>
      </c>
      <c r="I341" s="9" t="s">
        <v>126</v>
      </c>
      <c r="J341" s="9" t="s">
        <v>128</v>
      </c>
      <c r="K341" s="6">
        <v>71</v>
      </c>
      <c r="L341" s="6">
        <v>44</v>
      </c>
      <c r="M341" s="6">
        <v>34</v>
      </c>
      <c r="N341" s="10" t="s">
        <v>55</v>
      </c>
      <c r="O341" s="6">
        <v>10</v>
      </c>
      <c r="P341" s="6">
        <v>7</v>
      </c>
      <c r="Q341" s="6">
        <v>5</v>
      </c>
      <c r="R341" s="6">
        <v>13</v>
      </c>
      <c r="S341" s="6">
        <v>2</v>
      </c>
      <c r="T341" s="10" t="s">
        <v>55</v>
      </c>
      <c r="U341" s="10" t="s">
        <v>55</v>
      </c>
      <c r="V341" s="6">
        <v>51</v>
      </c>
    </row>
    <row r="342" spans="1:22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53</v>
      </c>
      <c r="I342" s="9" t="s">
        <v>126</v>
      </c>
      <c r="J342" s="9" t="s">
        <v>129</v>
      </c>
      <c r="K342" s="6">
        <v>96</v>
      </c>
      <c r="L342" s="6">
        <v>90</v>
      </c>
      <c r="M342" s="6">
        <v>76</v>
      </c>
      <c r="N342" s="6">
        <v>6</v>
      </c>
      <c r="O342" s="6">
        <v>8</v>
      </c>
      <c r="P342" s="6">
        <v>2</v>
      </c>
      <c r="Q342" s="6">
        <v>1</v>
      </c>
      <c r="R342" s="6">
        <v>2</v>
      </c>
      <c r="S342" s="10" t="s">
        <v>55</v>
      </c>
      <c r="T342" s="10" t="s">
        <v>55</v>
      </c>
      <c r="U342" s="6">
        <v>1</v>
      </c>
      <c r="V342" s="6">
        <v>92</v>
      </c>
    </row>
    <row r="343" spans="1:22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53</v>
      </c>
      <c r="I343" s="9" t="s">
        <v>130</v>
      </c>
      <c r="J343" s="9" t="s">
        <v>131</v>
      </c>
      <c r="K343" s="6">
        <v>2</v>
      </c>
      <c r="L343" s="6">
        <v>2</v>
      </c>
      <c r="M343" s="6">
        <v>1</v>
      </c>
      <c r="N343" s="10" t="s">
        <v>55</v>
      </c>
      <c r="O343" s="6">
        <v>1</v>
      </c>
      <c r="P343" s="10" t="s">
        <v>55</v>
      </c>
      <c r="Q343" s="10" t="s">
        <v>55</v>
      </c>
      <c r="R343" s="10" t="s">
        <v>55</v>
      </c>
      <c r="S343" s="10" t="s">
        <v>55</v>
      </c>
      <c r="T343" s="10" t="s">
        <v>55</v>
      </c>
      <c r="U343" s="10" t="s">
        <v>55</v>
      </c>
      <c r="V343" s="6">
        <v>2</v>
      </c>
    </row>
    <row r="344" spans="1:22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53</v>
      </c>
      <c r="I344" s="9" t="s">
        <v>130</v>
      </c>
      <c r="J344" s="9" t="s">
        <v>132</v>
      </c>
      <c r="K344" s="10" t="s">
        <v>55</v>
      </c>
      <c r="L344" s="10" t="s">
        <v>55</v>
      </c>
      <c r="M344" s="10" t="s">
        <v>55</v>
      </c>
      <c r="N344" s="10" t="s">
        <v>55</v>
      </c>
      <c r="O344" s="10" t="s">
        <v>55</v>
      </c>
      <c r="P344" s="10" t="s">
        <v>55</v>
      </c>
      <c r="Q344" s="10" t="s">
        <v>55</v>
      </c>
      <c r="R344" s="10" t="s">
        <v>55</v>
      </c>
      <c r="S344" s="10" t="s">
        <v>55</v>
      </c>
      <c r="T344" s="10" t="s">
        <v>55</v>
      </c>
      <c r="U344" s="10" t="s">
        <v>55</v>
      </c>
      <c r="V344" s="10" t="s">
        <v>55</v>
      </c>
    </row>
    <row r="345" spans="1:22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53</v>
      </c>
      <c r="I345" s="9" t="s">
        <v>130</v>
      </c>
      <c r="J345" s="9" t="s">
        <v>133</v>
      </c>
      <c r="K345" s="6">
        <v>44</v>
      </c>
      <c r="L345" s="6">
        <v>41</v>
      </c>
      <c r="M345" s="6">
        <v>34</v>
      </c>
      <c r="N345" s="6">
        <v>1</v>
      </c>
      <c r="O345" s="6">
        <v>6</v>
      </c>
      <c r="P345" s="10" t="s">
        <v>55</v>
      </c>
      <c r="Q345" s="10" t="s">
        <v>55</v>
      </c>
      <c r="R345" s="6">
        <v>2</v>
      </c>
      <c r="S345" s="10" t="s">
        <v>55</v>
      </c>
      <c r="T345" s="10" t="s">
        <v>55</v>
      </c>
      <c r="U345" s="6">
        <v>1</v>
      </c>
      <c r="V345" s="6">
        <v>41</v>
      </c>
    </row>
    <row r="346" spans="1:22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53</v>
      </c>
      <c r="I346" s="9" t="s">
        <v>130</v>
      </c>
      <c r="J346" s="9" t="s">
        <v>134</v>
      </c>
      <c r="K346" s="6">
        <v>50</v>
      </c>
      <c r="L346" s="6">
        <v>37</v>
      </c>
      <c r="M346" s="6">
        <v>31</v>
      </c>
      <c r="N346" s="10" t="s">
        <v>55</v>
      </c>
      <c r="O346" s="6">
        <v>6</v>
      </c>
      <c r="P346" s="6">
        <v>4</v>
      </c>
      <c r="Q346" s="6">
        <v>3</v>
      </c>
      <c r="R346" s="6">
        <v>5</v>
      </c>
      <c r="S346" s="10" t="s">
        <v>55</v>
      </c>
      <c r="T346" s="10" t="s">
        <v>55</v>
      </c>
      <c r="U346" s="6">
        <v>1</v>
      </c>
      <c r="V346" s="6">
        <v>41</v>
      </c>
    </row>
    <row r="347" spans="1:22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53</v>
      </c>
      <c r="I347" s="9" t="s">
        <v>130</v>
      </c>
      <c r="J347" s="9" t="s">
        <v>135</v>
      </c>
      <c r="K347" s="10" t="s">
        <v>55</v>
      </c>
      <c r="L347" s="10" t="s">
        <v>55</v>
      </c>
      <c r="M347" s="10" t="s">
        <v>55</v>
      </c>
      <c r="N347" s="10" t="s">
        <v>55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10" t="s">
        <v>55</v>
      </c>
      <c r="T347" s="10" t="s">
        <v>55</v>
      </c>
      <c r="U347" s="10" t="s">
        <v>55</v>
      </c>
      <c r="V347" s="10" t="s">
        <v>55</v>
      </c>
    </row>
    <row r="348" spans="1:22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53</v>
      </c>
      <c r="I348" s="9" t="s">
        <v>130</v>
      </c>
      <c r="J348" s="9" t="s">
        <v>136</v>
      </c>
      <c r="K348" s="6">
        <v>4</v>
      </c>
      <c r="L348" s="6">
        <v>4</v>
      </c>
      <c r="M348" s="6">
        <v>3</v>
      </c>
      <c r="N348" s="10" t="s">
        <v>55</v>
      </c>
      <c r="O348" s="6">
        <v>1</v>
      </c>
      <c r="P348" s="10" t="s">
        <v>55</v>
      </c>
      <c r="Q348" s="10" t="s">
        <v>55</v>
      </c>
      <c r="R348" s="10" t="s">
        <v>55</v>
      </c>
      <c r="S348" s="10" t="s">
        <v>55</v>
      </c>
      <c r="T348" s="10" t="s">
        <v>55</v>
      </c>
      <c r="U348" s="10" t="s">
        <v>55</v>
      </c>
      <c r="V348" s="6">
        <v>4</v>
      </c>
    </row>
    <row r="349" spans="1:22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53</v>
      </c>
      <c r="I349" s="9" t="s">
        <v>130</v>
      </c>
      <c r="J349" s="9" t="s">
        <v>137</v>
      </c>
      <c r="K349" s="6">
        <v>7</v>
      </c>
      <c r="L349" s="6">
        <v>6</v>
      </c>
      <c r="M349" s="6">
        <v>3</v>
      </c>
      <c r="N349" s="6">
        <v>1</v>
      </c>
      <c r="O349" s="6">
        <v>2</v>
      </c>
      <c r="P349" s="6">
        <v>1</v>
      </c>
      <c r="Q349" s="10" t="s">
        <v>55</v>
      </c>
      <c r="R349" s="10" t="s">
        <v>55</v>
      </c>
      <c r="S349" s="10" t="s">
        <v>55</v>
      </c>
      <c r="T349" s="10" t="s">
        <v>55</v>
      </c>
      <c r="U349" s="10" t="s">
        <v>55</v>
      </c>
      <c r="V349" s="6">
        <v>7</v>
      </c>
    </row>
    <row r="350" spans="1:22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53</v>
      </c>
      <c r="I350" s="9" t="s">
        <v>130</v>
      </c>
      <c r="J350" s="9" t="s">
        <v>138</v>
      </c>
      <c r="K350" s="6">
        <v>11</v>
      </c>
      <c r="L350" s="6">
        <v>4</v>
      </c>
      <c r="M350" s="6">
        <v>4</v>
      </c>
      <c r="N350" s="10" t="s">
        <v>55</v>
      </c>
      <c r="O350" s="10" t="s">
        <v>55</v>
      </c>
      <c r="P350" s="6">
        <v>2</v>
      </c>
      <c r="Q350" s="10" t="s">
        <v>55</v>
      </c>
      <c r="R350" s="6">
        <v>3</v>
      </c>
      <c r="S350" s="6">
        <v>1</v>
      </c>
      <c r="T350" s="10" t="s">
        <v>55</v>
      </c>
      <c r="U350" s="6">
        <v>1</v>
      </c>
      <c r="V350" s="6">
        <v>6</v>
      </c>
    </row>
    <row r="351" spans="1:22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53</v>
      </c>
      <c r="I351" s="9" t="s">
        <v>130</v>
      </c>
      <c r="J351" s="9" t="s">
        <v>139</v>
      </c>
      <c r="K351" s="6">
        <v>13</v>
      </c>
      <c r="L351" s="6">
        <v>10</v>
      </c>
      <c r="M351" s="6">
        <v>7</v>
      </c>
      <c r="N351" s="10" t="s">
        <v>55</v>
      </c>
      <c r="O351" s="6">
        <v>3</v>
      </c>
      <c r="P351" s="10" t="s">
        <v>55</v>
      </c>
      <c r="Q351" s="6">
        <v>1</v>
      </c>
      <c r="R351" s="6">
        <v>2</v>
      </c>
      <c r="S351" s="10" t="s">
        <v>55</v>
      </c>
      <c r="T351" s="10" t="s">
        <v>55</v>
      </c>
      <c r="U351" s="10" t="s">
        <v>55</v>
      </c>
      <c r="V351" s="6">
        <v>10</v>
      </c>
    </row>
    <row r="352" spans="1:22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53</v>
      </c>
      <c r="I352" s="9" t="s">
        <v>130</v>
      </c>
      <c r="J352" s="9" t="s">
        <v>140</v>
      </c>
      <c r="K352" s="6">
        <v>6</v>
      </c>
      <c r="L352" s="6">
        <v>6</v>
      </c>
      <c r="M352" s="6">
        <v>3</v>
      </c>
      <c r="N352" s="10" t="s">
        <v>55</v>
      </c>
      <c r="O352" s="6">
        <v>3</v>
      </c>
      <c r="P352" s="10" t="s">
        <v>55</v>
      </c>
      <c r="Q352" s="10" t="s">
        <v>55</v>
      </c>
      <c r="R352" s="10" t="s">
        <v>55</v>
      </c>
      <c r="S352" s="10" t="s">
        <v>55</v>
      </c>
      <c r="T352" s="10" t="s">
        <v>55</v>
      </c>
      <c r="U352" s="10" t="s">
        <v>55</v>
      </c>
      <c r="V352" s="6">
        <v>6</v>
      </c>
    </row>
    <row r="353" spans="1:22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53</v>
      </c>
      <c r="I353" s="9" t="s">
        <v>130</v>
      </c>
      <c r="J353" s="9" t="s">
        <v>141</v>
      </c>
      <c r="K353" s="6">
        <v>23</v>
      </c>
      <c r="L353" s="6">
        <v>23</v>
      </c>
      <c r="M353" s="6">
        <v>20</v>
      </c>
      <c r="N353" s="10" t="s">
        <v>55</v>
      </c>
      <c r="O353" s="6">
        <v>3</v>
      </c>
      <c r="P353" s="10" t="s">
        <v>55</v>
      </c>
      <c r="Q353" s="10" t="s">
        <v>55</v>
      </c>
      <c r="R353" s="10" t="s">
        <v>55</v>
      </c>
      <c r="S353" s="10" t="s">
        <v>55</v>
      </c>
      <c r="T353" s="10" t="s">
        <v>55</v>
      </c>
      <c r="U353" s="10" t="s">
        <v>55</v>
      </c>
      <c r="V353" s="6">
        <v>23</v>
      </c>
    </row>
    <row r="354" spans="1:22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53</v>
      </c>
      <c r="I354" s="9" t="s">
        <v>130</v>
      </c>
      <c r="J354" s="9" t="s">
        <v>142</v>
      </c>
      <c r="K354" s="6">
        <v>3</v>
      </c>
      <c r="L354" s="6">
        <v>3</v>
      </c>
      <c r="M354" s="6">
        <v>3</v>
      </c>
      <c r="N354" s="10" t="s">
        <v>55</v>
      </c>
      <c r="O354" s="10" t="s">
        <v>55</v>
      </c>
      <c r="P354" s="10" t="s">
        <v>55</v>
      </c>
      <c r="Q354" s="10" t="s">
        <v>55</v>
      </c>
      <c r="R354" s="10" t="s">
        <v>55</v>
      </c>
      <c r="S354" s="10" t="s">
        <v>55</v>
      </c>
      <c r="T354" s="10" t="s">
        <v>55</v>
      </c>
      <c r="U354" s="10" t="s">
        <v>55</v>
      </c>
      <c r="V354" s="6">
        <v>3</v>
      </c>
    </row>
    <row r="355" spans="1:22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53</v>
      </c>
      <c r="I355" s="9" t="s">
        <v>130</v>
      </c>
      <c r="J355" s="9" t="s">
        <v>143</v>
      </c>
      <c r="K355" s="6">
        <v>34</v>
      </c>
      <c r="L355" s="6">
        <v>22</v>
      </c>
      <c r="M355" s="6">
        <v>15</v>
      </c>
      <c r="N355" s="10" t="s">
        <v>55</v>
      </c>
      <c r="O355" s="6">
        <v>7</v>
      </c>
      <c r="P355" s="6">
        <v>3</v>
      </c>
      <c r="Q355" s="6">
        <v>3</v>
      </c>
      <c r="R355" s="6">
        <v>5</v>
      </c>
      <c r="S355" s="10" t="s">
        <v>55</v>
      </c>
      <c r="T355" s="10" t="s">
        <v>55</v>
      </c>
      <c r="U355" s="6">
        <v>1</v>
      </c>
      <c r="V355" s="6">
        <v>25</v>
      </c>
    </row>
    <row r="356" spans="1:22">
      <c r="A356" s="9" t="s">
        <v>83</v>
      </c>
      <c r="B356" s="9" t="s">
        <v>57</v>
      </c>
      <c r="C356" s="9" t="s">
        <v>85</v>
      </c>
      <c r="D356" s="9" t="s">
        <v>77</v>
      </c>
      <c r="E356" s="9" t="s">
        <v>57</v>
      </c>
      <c r="F356" s="9" t="s">
        <v>81</v>
      </c>
      <c r="G356" s="9" t="s">
        <v>86</v>
      </c>
      <c r="H356" s="9" t="s">
        <v>53</v>
      </c>
      <c r="I356" s="9" t="s">
        <v>130</v>
      </c>
      <c r="J356" s="9" t="s">
        <v>144</v>
      </c>
      <c r="K356" s="6">
        <v>23</v>
      </c>
      <c r="L356" s="6">
        <v>23</v>
      </c>
      <c r="M356" s="6">
        <v>23</v>
      </c>
      <c r="N356" s="10" t="s">
        <v>55</v>
      </c>
      <c r="O356" s="10" t="s">
        <v>55</v>
      </c>
      <c r="P356" s="10" t="s">
        <v>55</v>
      </c>
      <c r="Q356" s="10" t="s">
        <v>55</v>
      </c>
      <c r="R356" s="10" t="s">
        <v>55</v>
      </c>
      <c r="S356" s="10" t="s">
        <v>55</v>
      </c>
      <c r="T356" s="10" t="s">
        <v>55</v>
      </c>
      <c r="U356" s="10" t="s">
        <v>55</v>
      </c>
      <c r="V356" s="6">
        <v>23</v>
      </c>
    </row>
    <row r="357" spans="1:22">
      <c r="A357" s="9" t="s">
        <v>83</v>
      </c>
      <c r="B357" s="9" t="s">
        <v>57</v>
      </c>
      <c r="C357" s="9" t="s">
        <v>85</v>
      </c>
      <c r="D357" s="9" t="s">
        <v>77</v>
      </c>
      <c r="E357" s="9" t="s">
        <v>57</v>
      </c>
      <c r="F357" s="9" t="s">
        <v>81</v>
      </c>
      <c r="G357" s="9" t="s">
        <v>86</v>
      </c>
      <c r="H357" s="9" t="s">
        <v>53</v>
      </c>
      <c r="I357" s="9" t="s">
        <v>55</v>
      </c>
      <c r="J357" s="9" t="s">
        <v>145</v>
      </c>
      <c r="K357" s="6">
        <v>7</v>
      </c>
      <c r="L357" s="6">
        <v>2</v>
      </c>
      <c r="M357" s="6">
        <v>1</v>
      </c>
      <c r="N357" s="6">
        <v>1</v>
      </c>
      <c r="O357" s="10" t="s">
        <v>55</v>
      </c>
      <c r="P357" s="10" t="s">
        <v>55</v>
      </c>
      <c r="Q357" s="10" t="s">
        <v>55</v>
      </c>
      <c r="R357" s="6">
        <v>3</v>
      </c>
      <c r="S357" s="10" t="s">
        <v>55</v>
      </c>
      <c r="T357" s="10" t="s">
        <v>55</v>
      </c>
      <c r="U357" s="6">
        <v>2</v>
      </c>
      <c r="V357" s="6">
        <v>2</v>
      </c>
    </row>
    <row r="358" spans="1:22">
      <c r="A358" s="9" t="s">
        <v>83</v>
      </c>
      <c r="B358" s="9" t="s">
        <v>57</v>
      </c>
      <c r="C358" s="9" t="s">
        <v>85</v>
      </c>
      <c r="D358" s="9" t="s">
        <v>77</v>
      </c>
      <c r="E358" s="9" t="s">
        <v>57</v>
      </c>
      <c r="F358" s="9" t="s">
        <v>81</v>
      </c>
      <c r="G358" s="9" t="s">
        <v>86</v>
      </c>
      <c r="H358" s="9" t="s">
        <v>53</v>
      </c>
      <c r="I358" s="9" t="s">
        <v>55</v>
      </c>
      <c r="J358" s="9" t="s">
        <v>146</v>
      </c>
      <c r="K358" s="6">
        <v>77</v>
      </c>
      <c r="L358" s="6">
        <v>17</v>
      </c>
      <c r="M358" s="6">
        <v>9</v>
      </c>
      <c r="N358" s="10" t="s">
        <v>55</v>
      </c>
      <c r="O358" s="6">
        <v>8</v>
      </c>
      <c r="P358" s="6">
        <v>1</v>
      </c>
      <c r="Q358" s="10" t="s">
        <v>55</v>
      </c>
      <c r="R358" s="6">
        <v>56</v>
      </c>
      <c r="S358" s="6">
        <v>2</v>
      </c>
      <c r="T358" s="10" t="s">
        <v>55</v>
      </c>
      <c r="U358" s="6">
        <v>1</v>
      </c>
      <c r="V358" s="6">
        <v>18</v>
      </c>
    </row>
    <row r="359" spans="1:22">
      <c r="A359" s="9" t="s">
        <v>83</v>
      </c>
      <c r="B359" s="9" t="s">
        <v>57</v>
      </c>
      <c r="C359" s="9" t="s">
        <v>85</v>
      </c>
      <c r="D359" s="9" t="s">
        <v>77</v>
      </c>
      <c r="E359" s="9" t="s">
        <v>57</v>
      </c>
      <c r="F359" s="9" t="s">
        <v>81</v>
      </c>
      <c r="G359" s="9" t="s">
        <v>86</v>
      </c>
      <c r="H359" s="9" t="s">
        <v>53</v>
      </c>
      <c r="I359" s="9" t="s">
        <v>55</v>
      </c>
      <c r="J359" s="9" t="s">
        <v>147</v>
      </c>
      <c r="K359" s="6">
        <v>172</v>
      </c>
      <c r="L359" s="6">
        <v>139</v>
      </c>
      <c r="M359" s="6">
        <v>114</v>
      </c>
      <c r="N359" s="6">
        <v>6</v>
      </c>
      <c r="O359" s="6">
        <v>19</v>
      </c>
      <c r="P359" s="6">
        <v>9</v>
      </c>
      <c r="Q359" s="6">
        <v>6</v>
      </c>
      <c r="R359" s="6">
        <v>15</v>
      </c>
      <c r="S359" s="6">
        <v>2</v>
      </c>
      <c r="T359" s="10" t="s">
        <v>55</v>
      </c>
      <c r="U359" s="6">
        <v>1</v>
      </c>
      <c r="V359" s="6">
        <v>148</v>
      </c>
    </row>
    <row r="360" spans="1:22">
      <c r="A360" s="9" t="s">
        <v>83</v>
      </c>
      <c r="B360" s="9" t="s">
        <v>57</v>
      </c>
      <c r="C360" s="9" t="s">
        <v>85</v>
      </c>
      <c r="D360" s="9" t="s">
        <v>77</v>
      </c>
      <c r="E360" s="9" t="s">
        <v>57</v>
      </c>
      <c r="F360" s="9" t="s">
        <v>81</v>
      </c>
      <c r="G360" s="9" t="s">
        <v>86</v>
      </c>
      <c r="H360" s="9" t="s">
        <v>53</v>
      </c>
      <c r="I360" s="9" t="s">
        <v>55</v>
      </c>
      <c r="J360" s="9" t="s">
        <v>148</v>
      </c>
      <c r="K360" s="6">
        <v>220</v>
      </c>
      <c r="L360" s="6">
        <v>181</v>
      </c>
      <c r="M360" s="6">
        <v>147</v>
      </c>
      <c r="N360" s="6">
        <v>2</v>
      </c>
      <c r="O360" s="6">
        <v>32</v>
      </c>
      <c r="P360" s="6">
        <v>10</v>
      </c>
      <c r="Q360" s="6">
        <v>7</v>
      </c>
      <c r="R360" s="6">
        <v>17</v>
      </c>
      <c r="S360" s="6">
        <v>1</v>
      </c>
      <c r="T360" s="10" t="s">
        <v>55</v>
      </c>
      <c r="U360" s="6">
        <v>4</v>
      </c>
      <c r="V360" s="6">
        <v>191</v>
      </c>
    </row>
    <row r="361" spans="1:22">
      <c r="A361" s="9" t="s">
        <v>83</v>
      </c>
      <c r="B361" s="9" t="s">
        <v>57</v>
      </c>
      <c r="C361" s="9" t="s">
        <v>85</v>
      </c>
      <c r="D361" s="9" t="s">
        <v>77</v>
      </c>
      <c r="E361" s="9" t="s">
        <v>57</v>
      </c>
      <c r="F361" s="9" t="s">
        <v>81</v>
      </c>
      <c r="G361" s="9" t="s">
        <v>86</v>
      </c>
      <c r="H361" s="9" t="s">
        <v>54</v>
      </c>
      <c r="I361" s="9" t="s">
        <v>55</v>
      </c>
      <c r="J361" s="9" t="s">
        <v>6</v>
      </c>
      <c r="K361" s="6">
        <v>359</v>
      </c>
      <c r="L361" s="6">
        <v>289</v>
      </c>
      <c r="M361" s="6">
        <v>152</v>
      </c>
      <c r="N361" s="6">
        <v>6</v>
      </c>
      <c r="O361" s="6">
        <v>131</v>
      </c>
      <c r="P361" s="6">
        <v>9</v>
      </c>
      <c r="Q361" s="6">
        <v>1</v>
      </c>
      <c r="R361" s="6">
        <v>14</v>
      </c>
      <c r="S361" s="6">
        <v>43</v>
      </c>
      <c r="T361" s="6">
        <v>1</v>
      </c>
      <c r="U361" s="6">
        <v>2</v>
      </c>
      <c r="V361" s="6">
        <v>298</v>
      </c>
    </row>
    <row r="362" spans="1:22">
      <c r="A362" s="9" t="s">
        <v>83</v>
      </c>
      <c r="B362" s="9" t="s">
        <v>57</v>
      </c>
      <c r="C362" s="9" t="s">
        <v>85</v>
      </c>
      <c r="D362" s="9" t="s">
        <v>77</v>
      </c>
      <c r="E362" s="9" t="s">
        <v>57</v>
      </c>
      <c r="F362" s="9" t="s">
        <v>81</v>
      </c>
      <c r="G362" s="9" t="s">
        <v>86</v>
      </c>
      <c r="H362" s="9" t="s">
        <v>54</v>
      </c>
      <c r="I362" s="9" t="s">
        <v>122</v>
      </c>
      <c r="J362" s="9" t="s">
        <v>123</v>
      </c>
      <c r="K362" s="6">
        <v>42</v>
      </c>
      <c r="L362" s="6">
        <v>9</v>
      </c>
      <c r="M362" s="6">
        <v>1</v>
      </c>
      <c r="N362" s="10" t="s">
        <v>55</v>
      </c>
      <c r="O362" s="6">
        <v>8</v>
      </c>
      <c r="P362" s="6">
        <v>2</v>
      </c>
      <c r="Q362" s="6">
        <v>1</v>
      </c>
      <c r="R362" s="6">
        <v>2</v>
      </c>
      <c r="S362" s="6">
        <v>28</v>
      </c>
      <c r="T362" s="10" t="s">
        <v>55</v>
      </c>
      <c r="U362" s="10" t="s">
        <v>55</v>
      </c>
      <c r="V362" s="6">
        <v>11</v>
      </c>
    </row>
    <row r="363" spans="1:22">
      <c r="A363" s="9" t="s">
        <v>83</v>
      </c>
      <c r="B363" s="9" t="s">
        <v>57</v>
      </c>
      <c r="C363" s="9" t="s">
        <v>85</v>
      </c>
      <c r="D363" s="9" t="s">
        <v>77</v>
      </c>
      <c r="E363" s="9" t="s">
        <v>57</v>
      </c>
      <c r="F363" s="9" t="s">
        <v>81</v>
      </c>
      <c r="G363" s="9" t="s">
        <v>86</v>
      </c>
      <c r="H363" s="9" t="s">
        <v>54</v>
      </c>
      <c r="I363" s="9" t="s">
        <v>122</v>
      </c>
      <c r="J363" s="9" t="s">
        <v>124</v>
      </c>
      <c r="K363" s="6">
        <v>37</v>
      </c>
      <c r="L363" s="6">
        <v>7</v>
      </c>
      <c r="M363" s="10" t="s">
        <v>55</v>
      </c>
      <c r="N363" s="10" t="s">
        <v>55</v>
      </c>
      <c r="O363" s="6">
        <v>7</v>
      </c>
      <c r="P363" s="10" t="s">
        <v>55</v>
      </c>
      <c r="Q363" s="6">
        <v>1</v>
      </c>
      <c r="R363" s="6">
        <v>2</v>
      </c>
      <c r="S363" s="6">
        <v>27</v>
      </c>
      <c r="T363" s="10" t="s">
        <v>55</v>
      </c>
      <c r="U363" s="10" t="s">
        <v>55</v>
      </c>
      <c r="V363" s="6">
        <v>7</v>
      </c>
    </row>
    <row r="364" spans="1:22">
      <c r="A364" s="9" t="s">
        <v>83</v>
      </c>
      <c r="B364" s="9" t="s">
        <v>57</v>
      </c>
      <c r="C364" s="9" t="s">
        <v>85</v>
      </c>
      <c r="D364" s="9" t="s">
        <v>77</v>
      </c>
      <c r="E364" s="9" t="s">
        <v>57</v>
      </c>
      <c r="F364" s="9" t="s">
        <v>81</v>
      </c>
      <c r="G364" s="9" t="s">
        <v>86</v>
      </c>
      <c r="H364" s="9" t="s">
        <v>54</v>
      </c>
      <c r="I364" s="9" t="s">
        <v>122</v>
      </c>
      <c r="J364" s="9" t="s">
        <v>125</v>
      </c>
      <c r="K364" s="10" t="s">
        <v>55</v>
      </c>
      <c r="L364" s="10" t="s">
        <v>55</v>
      </c>
      <c r="M364" s="10" t="s">
        <v>55</v>
      </c>
      <c r="N364" s="10" t="s">
        <v>55</v>
      </c>
      <c r="O364" s="10" t="s">
        <v>55</v>
      </c>
      <c r="P364" s="10" t="s">
        <v>55</v>
      </c>
      <c r="Q364" s="10" t="s">
        <v>55</v>
      </c>
      <c r="R364" s="10" t="s">
        <v>55</v>
      </c>
      <c r="S364" s="10" t="s">
        <v>55</v>
      </c>
      <c r="T364" s="10" t="s">
        <v>55</v>
      </c>
      <c r="U364" s="10" t="s">
        <v>55</v>
      </c>
      <c r="V364" s="10" t="s">
        <v>55</v>
      </c>
    </row>
    <row r="365" spans="1:22">
      <c r="A365" s="9" t="s">
        <v>83</v>
      </c>
      <c r="B365" s="9" t="s">
        <v>57</v>
      </c>
      <c r="C365" s="9" t="s">
        <v>85</v>
      </c>
      <c r="D365" s="9" t="s">
        <v>77</v>
      </c>
      <c r="E365" s="9" t="s">
        <v>57</v>
      </c>
      <c r="F365" s="9" t="s">
        <v>81</v>
      </c>
      <c r="G365" s="9" t="s">
        <v>86</v>
      </c>
      <c r="H365" s="9" t="s">
        <v>54</v>
      </c>
      <c r="I365" s="9" t="s">
        <v>126</v>
      </c>
      <c r="J365" s="9" t="s">
        <v>127</v>
      </c>
      <c r="K365" s="10" t="s">
        <v>55</v>
      </c>
      <c r="L365" s="10" t="s">
        <v>55</v>
      </c>
      <c r="M365" s="10" t="s">
        <v>55</v>
      </c>
      <c r="N365" s="10" t="s">
        <v>55</v>
      </c>
      <c r="O365" s="10" t="s">
        <v>55</v>
      </c>
      <c r="P365" s="10" t="s">
        <v>55</v>
      </c>
      <c r="Q365" s="10" t="s">
        <v>55</v>
      </c>
      <c r="R365" s="10" t="s">
        <v>55</v>
      </c>
      <c r="S365" s="10" t="s">
        <v>55</v>
      </c>
      <c r="T365" s="10" t="s">
        <v>55</v>
      </c>
      <c r="U365" s="10" t="s">
        <v>55</v>
      </c>
      <c r="V365" s="10" t="s">
        <v>55</v>
      </c>
    </row>
    <row r="366" spans="1:22">
      <c r="A366" s="9" t="s">
        <v>83</v>
      </c>
      <c r="B366" s="9" t="s">
        <v>57</v>
      </c>
      <c r="C366" s="9" t="s">
        <v>85</v>
      </c>
      <c r="D366" s="9" t="s">
        <v>77</v>
      </c>
      <c r="E366" s="9" t="s">
        <v>57</v>
      </c>
      <c r="F366" s="9" t="s">
        <v>81</v>
      </c>
      <c r="G366" s="9" t="s">
        <v>86</v>
      </c>
      <c r="H366" s="9" t="s">
        <v>54</v>
      </c>
      <c r="I366" s="9" t="s">
        <v>126</v>
      </c>
      <c r="J366" s="9" t="s">
        <v>128</v>
      </c>
      <c r="K366" s="6">
        <v>20</v>
      </c>
      <c r="L366" s="6">
        <v>12</v>
      </c>
      <c r="M366" s="6">
        <v>9</v>
      </c>
      <c r="N366" s="10" t="s">
        <v>55</v>
      </c>
      <c r="O366" s="6">
        <v>3</v>
      </c>
      <c r="P366" s="6">
        <v>3</v>
      </c>
      <c r="Q366" s="10" t="s">
        <v>55</v>
      </c>
      <c r="R366" s="10" t="s">
        <v>55</v>
      </c>
      <c r="S366" s="6">
        <v>5</v>
      </c>
      <c r="T366" s="10" t="s">
        <v>55</v>
      </c>
      <c r="U366" s="10" t="s">
        <v>55</v>
      </c>
      <c r="V366" s="6">
        <v>15</v>
      </c>
    </row>
    <row r="367" spans="1:22">
      <c r="A367" s="9" t="s">
        <v>83</v>
      </c>
      <c r="B367" s="9" t="s">
        <v>57</v>
      </c>
      <c r="C367" s="9" t="s">
        <v>85</v>
      </c>
      <c r="D367" s="9" t="s">
        <v>77</v>
      </c>
      <c r="E367" s="9" t="s">
        <v>57</v>
      </c>
      <c r="F367" s="9" t="s">
        <v>81</v>
      </c>
      <c r="G367" s="9" t="s">
        <v>86</v>
      </c>
      <c r="H367" s="9" t="s">
        <v>54</v>
      </c>
      <c r="I367" s="9" t="s">
        <v>126</v>
      </c>
      <c r="J367" s="9" t="s">
        <v>129</v>
      </c>
      <c r="K367" s="6">
        <v>28</v>
      </c>
      <c r="L367" s="6">
        <v>24</v>
      </c>
      <c r="M367" s="6">
        <v>12</v>
      </c>
      <c r="N367" s="10" t="s">
        <v>55</v>
      </c>
      <c r="O367" s="6">
        <v>12</v>
      </c>
      <c r="P367" s="10" t="s">
        <v>55</v>
      </c>
      <c r="Q367" s="10" t="s">
        <v>55</v>
      </c>
      <c r="R367" s="10" t="s">
        <v>55</v>
      </c>
      <c r="S367" s="6">
        <v>2</v>
      </c>
      <c r="T367" s="6">
        <v>1</v>
      </c>
      <c r="U367" s="6">
        <v>1</v>
      </c>
      <c r="V367" s="6">
        <v>24</v>
      </c>
    </row>
    <row r="368" spans="1:22">
      <c r="A368" s="9" t="s">
        <v>83</v>
      </c>
      <c r="B368" s="9" t="s">
        <v>57</v>
      </c>
      <c r="C368" s="9" t="s">
        <v>85</v>
      </c>
      <c r="D368" s="9" t="s">
        <v>77</v>
      </c>
      <c r="E368" s="9" t="s">
        <v>57</v>
      </c>
      <c r="F368" s="9" t="s">
        <v>81</v>
      </c>
      <c r="G368" s="9" t="s">
        <v>86</v>
      </c>
      <c r="H368" s="9" t="s">
        <v>54</v>
      </c>
      <c r="I368" s="9" t="s">
        <v>130</v>
      </c>
      <c r="J368" s="9" t="s">
        <v>131</v>
      </c>
      <c r="K368" s="10" t="s">
        <v>55</v>
      </c>
      <c r="L368" s="10" t="s">
        <v>55</v>
      </c>
      <c r="M368" s="10" t="s">
        <v>55</v>
      </c>
      <c r="N368" s="10" t="s">
        <v>55</v>
      </c>
      <c r="O368" s="10" t="s">
        <v>55</v>
      </c>
      <c r="P368" s="10" t="s">
        <v>55</v>
      </c>
      <c r="Q368" s="10" t="s">
        <v>55</v>
      </c>
      <c r="R368" s="10" t="s">
        <v>55</v>
      </c>
      <c r="S368" s="10" t="s">
        <v>55</v>
      </c>
      <c r="T368" s="10" t="s">
        <v>55</v>
      </c>
      <c r="U368" s="10" t="s">
        <v>55</v>
      </c>
      <c r="V368" s="10" t="s">
        <v>55</v>
      </c>
    </row>
    <row r="369" spans="1:22">
      <c r="A369" s="9" t="s">
        <v>83</v>
      </c>
      <c r="B369" s="9" t="s">
        <v>57</v>
      </c>
      <c r="C369" s="9" t="s">
        <v>85</v>
      </c>
      <c r="D369" s="9" t="s">
        <v>77</v>
      </c>
      <c r="E369" s="9" t="s">
        <v>57</v>
      </c>
      <c r="F369" s="9" t="s">
        <v>81</v>
      </c>
      <c r="G369" s="9" t="s">
        <v>86</v>
      </c>
      <c r="H369" s="9" t="s">
        <v>54</v>
      </c>
      <c r="I369" s="9" t="s">
        <v>130</v>
      </c>
      <c r="J369" s="9" t="s">
        <v>132</v>
      </c>
      <c r="K369" s="6">
        <v>1</v>
      </c>
      <c r="L369" s="6">
        <v>1</v>
      </c>
      <c r="M369" s="10" t="s">
        <v>55</v>
      </c>
      <c r="N369" s="10" t="s">
        <v>55</v>
      </c>
      <c r="O369" s="6">
        <v>1</v>
      </c>
      <c r="P369" s="10" t="s">
        <v>55</v>
      </c>
      <c r="Q369" s="10" t="s">
        <v>55</v>
      </c>
      <c r="R369" s="10" t="s">
        <v>55</v>
      </c>
      <c r="S369" s="10" t="s">
        <v>55</v>
      </c>
      <c r="T369" s="10" t="s">
        <v>55</v>
      </c>
      <c r="U369" s="10" t="s">
        <v>55</v>
      </c>
      <c r="V369" s="6">
        <v>1</v>
      </c>
    </row>
    <row r="370" spans="1:22">
      <c r="A370" s="9" t="s">
        <v>83</v>
      </c>
      <c r="B370" s="9" t="s">
        <v>57</v>
      </c>
      <c r="C370" s="9" t="s">
        <v>85</v>
      </c>
      <c r="D370" s="9" t="s">
        <v>77</v>
      </c>
      <c r="E370" s="9" t="s">
        <v>57</v>
      </c>
      <c r="F370" s="9" t="s">
        <v>81</v>
      </c>
      <c r="G370" s="9" t="s">
        <v>86</v>
      </c>
      <c r="H370" s="9" t="s">
        <v>54</v>
      </c>
      <c r="I370" s="9" t="s">
        <v>130</v>
      </c>
      <c r="J370" s="9" t="s">
        <v>133</v>
      </c>
      <c r="K370" s="6">
        <v>6</v>
      </c>
      <c r="L370" s="6">
        <v>6</v>
      </c>
      <c r="M370" s="6">
        <v>2</v>
      </c>
      <c r="N370" s="10" t="s">
        <v>55</v>
      </c>
      <c r="O370" s="6">
        <v>4</v>
      </c>
      <c r="P370" s="10" t="s">
        <v>55</v>
      </c>
      <c r="Q370" s="10" t="s">
        <v>55</v>
      </c>
      <c r="R370" s="10" t="s">
        <v>55</v>
      </c>
      <c r="S370" s="10" t="s">
        <v>55</v>
      </c>
      <c r="T370" s="10" t="s">
        <v>55</v>
      </c>
      <c r="U370" s="10" t="s">
        <v>55</v>
      </c>
      <c r="V370" s="6">
        <v>6</v>
      </c>
    </row>
    <row r="371" spans="1:22">
      <c r="A371" s="9" t="s">
        <v>83</v>
      </c>
      <c r="B371" s="9" t="s">
        <v>57</v>
      </c>
      <c r="C371" s="9" t="s">
        <v>85</v>
      </c>
      <c r="D371" s="9" t="s">
        <v>77</v>
      </c>
      <c r="E371" s="9" t="s">
        <v>57</v>
      </c>
      <c r="F371" s="9" t="s">
        <v>81</v>
      </c>
      <c r="G371" s="9" t="s">
        <v>86</v>
      </c>
      <c r="H371" s="9" t="s">
        <v>54</v>
      </c>
      <c r="I371" s="9" t="s">
        <v>130</v>
      </c>
      <c r="J371" s="9" t="s">
        <v>134</v>
      </c>
      <c r="K371" s="6">
        <v>64</v>
      </c>
      <c r="L371" s="6">
        <v>54</v>
      </c>
      <c r="M371" s="6">
        <v>19</v>
      </c>
      <c r="N371" s="6">
        <v>2</v>
      </c>
      <c r="O371" s="6">
        <v>33</v>
      </c>
      <c r="P371" s="6">
        <v>2</v>
      </c>
      <c r="Q371" s="10" t="s">
        <v>55</v>
      </c>
      <c r="R371" s="6">
        <v>3</v>
      </c>
      <c r="S371" s="6">
        <v>5</v>
      </c>
      <c r="T371" s="10" t="s">
        <v>55</v>
      </c>
      <c r="U371" s="10" t="s">
        <v>55</v>
      </c>
      <c r="V371" s="6">
        <v>56</v>
      </c>
    </row>
    <row r="372" spans="1:22">
      <c r="A372" s="9" t="s">
        <v>83</v>
      </c>
      <c r="B372" s="9" t="s">
        <v>57</v>
      </c>
      <c r="C372" s="9" t="s">
        <v>85</v>
      </c>
      <c r="D372" s="9" t="s">
        <v>77</v>
      </c>
      <c r="E372" s="9" t="s">
        <v>57</v>
      </c>
      <c r="F372" s="9" t="s">
        <v>81</v>
      </c>
      <c r="G372" s="9" t="s">
        <v>86</v>
      </c>
      <c r="H372" s="9" t="s">
        <v>54</v>
      </c>
      <c r="I372" s="9" t="s">
        <v>130</v>
      </c>
      <c r="J372" s="9" t="s">
        <v>135</v>
      </c>
      <c r="K372" s="6">
        <v>6</v>
      </c>
      <c r="L372" s="6">
        <v>6</v>
      </c>
      <c r="M372" s="6">
        <v>5</v>
      </c>
      <c r="N372" s="10" t="s">
        <v>55</v>
      </c>
      <c r="O372" s="6">
        <v>1</v>
      </c>
      <c r="P372" s="10" t="s">
        <v>55</v>
      </c>
      <c r="Q372" s="10" t="s">
        <v>55</v>
      </c>
      <c r="R372" s="10" t="s">
        <v>55</v>
      </c>
      <c r="S372" s="10" t="s">
        <v>55</v>
      </c>
      <c r="T372" s="10" t="s">
        <v>55</v>
      </c>
      <c r="U372" s="10" t="s">
        <v>55</v>
      </c>
      <c r="V372" s="6">
        <v>6</v>
      </c>
    </row>
    <row r="373" spans="1:22">
      <c r="A373" s="9" t="s">
        <v>83</v>
      </c>
      <c r="B373" s="9" t="s">
        <v>57</v>
      </c>
      <c r="C373" s="9" t="s">
        <v>85</v>
      </c>
      <c r="D373" s="9" t="s">
        <v>77</v>
      </c>
      <c r="E373" s="9" t="s">
        <v>57</v>
      </c>
      <c r="F373" s="9" t="s">
        <v>81</v>
      </c>
      <c r="G373" s="9" t="s">
        <v>86</v>
      </c>
      <c r="H373" s="9" t="s">
        <v>54</v>
      </c>
      <c r="I373" s="9" t="s">
        <v>130</v>
      </c>
      <c r="J373" s="9" t="s">
        <v>136</v>
      </c>
      <c r="K373" s="6">
        <v>1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6">
        <v>1</v>
      </c>
      <c r="Q373" s="10" t="s">
        <v>55</v>
      </c>
      <c r="R373" s="10" t="s">
        <v>55</v>
      </c>
      <c r="S373" s="10" t="s">
        <v>55</v>
      </c>
      <c r="T373" s="10" t="s">
        <v>55</v>
      </c>
      <c r="U373" s="10" t="s">
        <v>55</v>
      </c>
      <c r="V373" s="6">
        <v>1</v>
      </c>
    </row>
    <row r="374" spans="1:22">
      <c r="A374" s="9" t="s">
        <v>83</v>
      </c>
      <c r="B374" s="9" t="s">
        <v>57</v>
      </c>
      <c r="C374" s="9" t="s">
        <v>85</v>
      </c>
      <c r="D374" s="9" t="s">
        <v>77</v>
      </c>
      <c r="E374" s="9" t="s">
        <v>57</v>
      </c>
      <c r="F374" s="9" t="s">
        <v>81</v>
      </c>
      <c r="G374" s="9" t="s">
        <v>86</v>
      </c>
      <c r="H374" s="9" t="s">
        <v>54</v>
      </c>
      <c r="I374" s="9" t="s">
        <v>130</v>
      </c>
      <c r="J374" s="9" t="s">
        <v>137</v>
      </c>
      <c r="K374" s="6">
        <v>4</v>
      </c>
      <c r="L374" s="6">
        <v>2</v>
      </c>
      <c r="M374" s="6">
        <v>1</v>
      </c>
      <c r="N374" s="10" t="s">
        <v>55</v>
      </c>
      <c r="O374" s="6">
        <v>1</v>
      </c>
      <c r="P374" s="10" t="s">
        <v>55</v>
      </c>
      <c r="Q374" s="10" t="s">
        <v>55</v>
      </c>
      <c r="R374" s="6">
        <v>2</v>
      </c>
      <c r="S374" s="10" t="s">
        <v>55</v>
      </c>
      <c r="T374" s="10" t="s">
        <v>55</v>
      </c>
      <c r="U374" s="10" t="s">
        <v>55</v>
      </c>
      <c r="V374" s="6">
        <v>2</v>
      </c>
    </row>
    <row r="375" spans="1:22">
      <c r="A375" s="9" t="s">
        <v>83</v>
      </c>
      <c r="B375" s="9" t="s">
        <v>57</v>
      </c>
      <c r="C375" s="9" t="s">
        <v>85</v>
      </c>
      <c r="D375" s="9" t="s">
        <v>77</v>
      </c>
      <c r="E375" s="9" t="s">
        <v>57</v>
      </c>
      <c r="F375" s="9" t="s">
        <v>81</v>
      </c>
      <c r="G375" s="9" t="s">
        <v>86</v>
      </c>
      <c r="H375" s="9" t="s">
        <v>54</v>
      </c>
      <c r="I375" s="9" t="s">
        <v>130</v>
      </c>
      <c r="J375" s="9" t="s">
        <v>138</v>
      </c>
      <c r="K375" s="6">
        <v>11</v>
      </c>
      <c r="L375" s="6">
        <v>9</v>
      </c>
      <c r="M375" s="6">
        <v>5</v>
      </c>
      <c r="N375" s="10" t="s">
        <v>55</v>
      </c>
      <c r="O375" s="6">
        <v>4</v>
      </c>
      <c r="P375" s="6">
        <v>1</v>
      </c>
      <c r="Q375" s="10" t="s">
        <v>55</v>
      </c>
      <c r="R375" s="10" t="s">
        <v>55</v>
      </c>
      <c r="S375" s="6">
        <v>1</v>
      </c>
      <c r="T375" s="10" t="s">
        <v>55</v>
      </c>
      <c r="U375" s="10" t="s">
        <v>55</v>
      </c>
      <c r="V375" s="6">
        <v>10</v>
      </c>
    </row>
    <row r="376" spans="1:22">
      <c r="A376" s="9" t="s">
        <v>83</v>
      </c>
      <c r="B376" s="9" t="s">
        <v>57</v>
      </c>
      <c r="C376" s="9" t="s">
        <v>85</v>
      </c>
      <c r="D376" s="9" t="s">
        <v>77</v>
      </c>
      <c r="E376" s="9" t="s">
        <v>57</v>
      </c>
      <c r="F376" s="9" t="s">
        <v>81</v>
      </c>
      <c r="G376" s="9" t="s">
        <v>86</v>
      </c>
      <c r="H376" s="9" t="s">
        <v>54</v>
      </c>
      <c r="I376" s="9" t="s">
        <v>130</v>
      </c>
      <c r="J376" s="9" t="s">
        <v>139</v>
      </c>
      <c r="K376" s="6">
        <v>13</v>
      </c>
      <c r="L376" s="6">
        <v>11</v>
      </c>
      <c r="M376" s="6">
        <v>6</v>
      </c>
      <c r="N376" s="10" t="s">
        <v>55</v>
      </c>
      <c r="O376" s="6">
        <v>5</v>
      </c>
      <c r="P376" s="10" t="s">
        <v>55</v>
      </c>
      <c r="Q376" s="10" t="s">
        <v>55</v>
      </c>
      <c r="R376" s="6">
        <v>2</v>
      </c>
      <c r="S376" s="10" t="s">
        <v>55</v>
      </c>
      <c r="T376" s="10" t="s">
        <v>55</v>
      </c>
      <c r="U376" s="10" t="s">
        <v>55</v>
      </c>
      <c r="V376" s="6">
        <v>11</v>
      </c>
    </row>
    <row r="377" spans="1:22">
      <c r="A377" s="9" t="s">
        <v>83</v>
      </c>
      <c r="B377" s="9" t="s">
        <v>57</v>
      </c>
      <c r="C377" s="9" t="s">
        <v>85</v>
      </c>
      <c r="D377" s="9" t="s">
        <v>77</v>
      </c>
      <c r="E377" s="9" t="s">
        <v>57</v>
      </c>
      <c r="F377" s="9" t="s">
        <v>81</v>
      </c>
      <c r="G377" s="9" t="s">
        <v>86</v>
      </c>
      <c r="H377" s="9" t="s">
        <v>54</v>
      </c>
      <c r="I377" s="9" t="s">
        <v>130</v>
      </c>
      <c r="J377" s="9" t="s">
        <v>140</v>
      </c>
      <c r="K377" s="6">
        <v>11</v>
      </c>
      <c r="L377" s="6">
        <v>11</v>
      </c>
      <c r="M377" s="6">
        <v>4</v>
      </c>
      <c r="N377" s="10" t="s">
        <v>55</v>
      </c>
      <c r="O377" s="6">
        <v>7</v>
      </c>
      <c r="P377" s="10" t="s">
        <v>55</v>
      </c>
      <c r="Q377" s="10" t="s">
        <v>55</v>
      </c>
      <c r="R377" s="10" t="s">
        <v>55</v>
      </c>
      <c r="S377" s="10" t="s">
        <v>55</v>
      </c>
      <c r="T377" s="10" t="s">
        <v>55</v>
      </c>
      <c r="U377" s="10" t="s">
        <v>55</v>
      </c>
      <c r="V377" s="6">
        <v>11</v>
      </c>
    </row>
    <row r="378" spans="1:22">
      <c r="A378" s="9" t="s">
        <v>83</v>
      </c>
      <c r="B378" s="9" t="s">
        <v>57</v>
      </c>
      <c r="C378" s="9" t="s">
        <v>85</v>
      </c>
      <c r="D378" s="9" t="s">
        <v>77</v>
      </c>
      <c r="E378" s="9" t="s">
        <v>57</v>
      </c>
      <c r="F378" s="9" t="s">
        <v>81</v>
      </c>
      <c r="G378" s="9" t="s">
        <v>86</v>
      </c>
      <c r="H378" s="9" t="s">
        <v>54</v>
      </c>
      <c r="I378" s="9" t="s">
        <v>130</v>
      </c>
      <c r="J378" s="9" t="s">
        <v>141</v>
      </c>
      <c r="K378" s="6">
        <v>120</v>
      </c>
      <c r="L378" s="6">
        <v>118</v>
      </c>
      <c r="M378" s="6">
        <v>73</v>
      </c>
      <c r="N378" s="6">
        <v>3</v>
      </c>
      <c r="O378" s="6">
        <v>42</v>
      </c>
      <c r="P378" s="10" t="s">
        <v>55</v>
      </c>
      <c r="Q378" s="10" t="s">
        <v>55</v>
      </c>
      <c r="R378" s="6">
        <v>1</v>
      </c>
      <c r="S378" s="10" t="s">
        <v>55</v>
      </c>
      <c r="T378" s="10" t="s">
        <v>55</v>
      </c>
      <c r="U378" s="6">
        <v>1</v>
      </c>
      <c r="V378" s="6">
        <v>118</v>
      </c>
    </row>
    <row r="379" spans="1:22">
      <c r="A379" s="9" t="s">
        <v>83</v>
      </c>
      <c r="B379" s="9" t="s">
        <v>57</v>
      </c>
      <c r="C379" s="9" t="s">
        <v>85</v>
      </c>
      <c r="D379" s="9" t="s">
        <v>77</v>
      </c>
      <c r="E379" s="9" t="s">
        <v>57</v>
      </c>
      <c r="F379" s="9" t="s">
        <v>81</v>
      </c>
      <c r="G379" s="9" t="s">
        <v>86</v>
      </c>
      <c r="H379" s="9" t="s">
        <v>54</v>
      </c>
      <c r="I379" s="9" t="s">
        <v>130</v>
      </c>
      <c r="J379" s="9" t="s">
        <v>142</v>
      </c>
      <c r="K379" s="6">
        <v>6</v>
      </c>
      <c r="L379" s="6">
        <v>5</v>
      </c>
      <c r="M379" s="6">
        <v>3</v>
      </c>
      <c r="N379" s="10" t="s">
        <v>55</v>
      </c>
      <c r="O379" s="6">
        <v>2</v>
      </c>
      <c r="P379" s="10" t="s">
        <v>55</v>
      </c>
      <c r="Q379" s="10" t="s">
        <v>55</v>
      </c>
      <c r="R379" s="6">
        <v>1</v>
      </c>
      <c r="S379" s="10" t="s">
        <v>55</v>
      </c>
      <c r="T379" s="10" t="s">
        <v>55</v>
      </c>
      <c r="U379" s="10" t="s">
        <v>55</v>
      </c>
      <c r="V379" s="6">
        <v>5</v>
      </c>
    </row>
    <row r="380" spans="1:22">
      <c r="A380" s="9" t="s">
        <v>83</v>
      </c>
      <c r="B380" s="9" t="s">
        <v>57</v>
      </c>
      <c r="C380" s="9" t="s">
        <v>85</v>
      </c>
      <c r="D380" s="9" t="s">
        <v>77</v>
      </c>
      <c r="E380" s="9" t="s">
        <v>57</v>
      </c>
      <c r="F380" s="9" t="s">
        <v>81</v>
      </c>
      <c r="G380" s="9" t="s">
        <v>86</v>
      </c>
      <c r="H380" s="9" t="s">
        <v>54</v>
      </c>
      <c r="I380" s="9" t="s">
        <v>130</v>
      </c>
      <c r="J380" s="9" t="s">
        <v>143</v>
      </c>
      <c r="K380" s="6">
        <v>17</v>
      </c>
      <c r="L380" s="6">
        <v>12</v>
      </c>
      <c r="M380" s="6">
        <v>7</v>
      </c>
      <c r="N380" s="10" t="s">
        <v>55</v>
      </c>
      <c r="O380" s="6">
        <v>5</v>
      </c>
      <c r="P380" s="10" t="s">
        <v>55</v>
      </c>
      <c r="Q380" s="10" t="s">
        <v>55</v>
      </c>
      <c r="R380" s="6">
        <v>3</v>
      </c>
      <c r="S380" s="6">
        <v>2</v>
      </c>
      <c r="T380" s="10" t="s">
        <v>55</v>
      </c>
      <c r="U380" s="10" t="s">
        <v>55</v>
      </c>
      <c r="V380" s="6">
        <v>12</v>
      </c>
    </row>
    <row r="381" spans="1:22">
      <c r="A381" s="9" t="s">
        <v>83</v>
      </c>
      <c r="B381" s="9" t="s">
        <v>57</v>
      </c>
      <c r="C381" s="9" t="s">
        <v>85</v>
      </c>
      <c r="D381" s="9" t="s">
        <v>77</v>
      </c>
      <c r="E381" s="9" t="s">
        <v>57</v>
      </c>
      <c r="F381" s="9" t="s">
        <v>81</v>
      </c>
      <c r="G381" s="9" t="s">
        <v>86</v>
      </c>
      <c r="H381" s="9" t="s">
        <v>54</v>
      </c>
      <c r="I381" s="9" t="s">
        <v>130</v>
      </c>
      <c r="J381" s="9" t="s">
        <v>144</v>
      </c>
      <c r="K381" s="6">
        <v>8</v>
      </c>
      <c r="L381" s="6">
        <v>8</v>
      </c>
      <c r="M381" s="6">
        <v>5</v>
      </c>
      <c r="N381" s="10" t="s">
        <v>55</v>
      </c>
      <c r="O381" s="6">
        <v>3</v>
      </c>
      <c r="P381" s="10" t="s">
        <v>55</v>
      </c>
      <c r="Q381" s="10" t="s">
        <v>55</v>
      </c>
      <c r="R381" s="10" t="s">
        <v>55</v>
      </c>
      <c r="S381" s="10" t="s">
        <v>55</v>
      </c>
      <c r="T381" s="10" t="s">
        <v>55</v>
      </c>
      <c r="U381" s="10" t="s">
        <v>55</v>
      </c>
      <c r="V381" s="6">
        <v>8</v>
      </c>
    </row>
    <row r="382" spans="1:22">
      <c r="A382" s="9" t="s">
        <v>83</v>
      </c>
      <c r="B382" s="9" t="s">
        <v>57</v>
      </c>
      <c r="C382" s="9" t="s">
        <v>85</v>
      </c>
      <c r="D382" s="9" t="s">
        <v>77</v>
      </c>
      <c r="E382" s="9" t="s">
        <v>57</v>
      </c>
      <c r="F382" s="9" t="s">
        <v>81</v>
      </c>
      <c r="G382" s="9" t="s">
        <v>86</v>
      </c>
      <c r="H382" s="9" t="s">
        <v>54</v>
      </c>
      <c r="I382" s="9" t="s">
        <v>55</v>
      </c>
      <c r="J382" s="9" t="s">
        <v>145</v>
      </c>
      <c r="K382" s="6">
        <v>1</v>
      </c>
      <c r="L382" s="6">
        <v>1</v>
      </c>
      <c r="M382" s="10" t="s">
        <v>55</v>
      </c>
      <c r="N382" s="6">
        <v>1</v>
      </c>
      <c r="O382" s="10" t="s">
        <v>55</v>
      </c>
      <c r="P382" s="10" t="s">
        <v>55</v>
      </c>
      <c r="Q382" s="10" t="s">
        <v>55</v>
      </c>
      <c r="R382" s="10" t="s">
        <v>55</v>
      </c>
      <c r="S382" s="10" t="s">
        <v>55</v>
      </c>
      <c r="T382" s="10" t="s">
        <v>55</v>
      </c>
      <c r="U382" s="10" t="s">
        <v>55</v>
      </c>
      <c r="V382" s="6">
        <v>1</v>
      </c>
    </row>
    <row r="383" spans="1:22">
      <c r="A383" s="9" t="s">
        <v>83</v>
      </c>
      <c r="B383" s="9" t="s">
        <v>57</v>
      </c>
      <c r="C383" s="9" t="s">
        <v>85</v>
      </c>
      <c r="D383" s="9" t="s">
        <v>77</v>
      </c>
      <c r="E383" s="9" t="s">
        <v>57</v>
      </c>
      <c r="F383" s="9" t="s">
        <v>81</v>
      </c>
      <c r="G383" s="9" t="s">
        <v>86</v>
      </c>
      <c r="H383" s="9" t="s">
        <v>54</v>
      </c>
      <c r="I383" s="9" t="s">
        <v>55</v>
      </c>
      <c r="J383" s="9" t="s">
        <v>146</v>
      </c>
      <c r="K383" s="6">
        <v>42</v>
      </c>
      <c r="L383" s="6">
        <v>9</v>
      </c>
      <c r="M383" s="6">
        <v>1</v>
      </c>
      <c r="N383" s="10" t="s">
        <v>55</v>
      </c>
      <c r="O383" s="6">
        <v>8</v>
      </c>
      <c r="P383" s="6">
        <v>2</v>
      </c>
      <c r="Q383" s="6">
        <v>1</v>
      </c>
      <c r="R383" s="6">
        <v>2</v>
      </c>
      <c r="S383" s="6">
        <v>28</v>
      </c>
      <c r="T383" s="10" t="s">
        <v>55</v>
      </c>
      <c r="U383" s="10" t="s">
        <v>55</v>
      </c>
      <c r="V383" s="6">
        <v>11</v>
      </c>
    </row>
    <row r="384" spans="1:22">
      <c r="A384" s="9" t="s">
        <v>83</v>
      </c>
      <c r="B384" s="9" t="s">
        <v>57</v>
      </c>
      <c r="C384" s="9" t="s">
        <v>85</v>
      </c>
      <c r="D384" s="9" t="s">
        <v>77</v>
      </c>
      <c r="E384" s="9" t="s">
        <v>57</v>
      </c>
      <c r="F384" s="9" t="s">
        <v>81</v>
      </c>
      <c r="G384" s="9" t="s">
        <v>86</v>
      </c>
      <c r="H384" s="9" t="s">
        <v>54</v>
      </c>
      <c r="I384" s="9" t="s">
        <v>55</v>
      </c>
      <c r="J384" s="9" t="s">
        <v>147</v>
      </c>
      <c r="K384" s="6">
        <v>48</v>
      </c>
      <c r="L384" s="6">
        <v>36</v>
      </c>
      <c r="M384" s="6">
        <v>21</v>
      </c>
      <c r="N384" s="10" t="s">
        <v>55</v>
      </c>
      <c r="O384" s="6">
        <v>15</v>
      </c>
      <c r="P384" s="6">
        <v>3</v>
      </c>
      <c r="Q384" s="10" t="s">
        <v>55</v>
      </c>
      <c r="R384" s="10" t="s">
        <v>55</v>
      </c>
      <c r="S384" s="6">
        <v>7</v>
      </c>
      <c r="T384" s="6">
        <v>1</v>
      </c>
      <c r="U384" s="6">
        <v>1</v>
      </c>
      <c r="V384" s="6">
        <v>39</v>
      </c>
    </row>
    <row r="385" spans="1:22">
      <c r="A385" s="9" t="s">
        <v>83</v>
      </c>
      <c r="B385" s="9" t="s">
        <v>57</v>
      </c>
      <c r="C385" s="9" t="s">
        <v>85</v>
      </c>
      <c r="D385" s="9" t="s">
        <v>77</v>
      </c>
      <c r="E385" s="9" t="s">
        <v>57</v>
      </c>
      <c r="F385" s="9" t="s">
        <v>81</v>
      </c>
      <c r="G385" s="9" t="s">
        <v>86</v>
      </c>
      <c r="H385" s="9" t="s">
        <v>54</v>
      </c>
      <c r="I385" s="9" t="s">
        <v>55</v>
      </c>
      <c r="J385" s="9" t="s">
        <v>148</v>
      </c>
      <c r="K385" s="6">
        <v>268</v>
      </c>
      <c r="L385" s="6">
        <v>243</v>
      </c>
      <c r="M385" s="6">
        <v>130</v>
      </c>
      <c r="N385" s="6">
        <v>5</v>
      </c>
      <c r="O385" s="6">
        <v>108</v>
      </c>
      <c r="P385" s="6">
        <v>4</v>
      </c>
      <c r="Q385" s="10" t="s">
        <v>55</v>
      </c>
      <c r="R385" s="6">
        <v>12</v>
      </c>
      <c r="S385" s="6">
        <v>8</v>
      </c>
      <c r="T385" s="10" t="s">
        <v>55</v>
      </c>
      <c r="U385" s="6">
        <v>1</v>
      </c>
      <c r="V385" s="6">
        <v>247</v>
      </c>
    </row>
    <row r="386" spans="1:22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6</v>
      </c>
      <c r="I386" s="9" t="s">
        <v>55</v>
      </c>
      <c r="J386" s="9" t="s">
        <v>6</v>
      </c>
      <c r="K386" s="6">
        <v>3521</v>
      </c>
      <c r="L386" s="6">
        <v>2611</v>
      </c>
      <c r="M386" s="6">
        <v>1787</v>
      </c>
      <c r="N386" s="6">
        <v>63</v>
      </c>
      <c r="O386" s="6">
        <v>761</v>
      </c>
      <c r="P386" s="6">
        <v>133</v>
      </c>
      <c r="Q386" s="6">
        <v>86</v>
      </c>
      <c r="R386" s="6">
        <v>338</v>
      </c>
      <c r="S386" s="6">
        <v>337</v>
      </c>
      <c r="T386" s="6">
        <v>1</v>
      </c>
      <c r="U386" s="6">
        <v>15</v>
      </c>
      <c r="V386" s="6">
        <v>2744</v>
      </c>
    </row>
    <row r="387" spans="1:22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6</v>
      </c>
      <c r="I387" s="9" t="s">
        <v>122</v>
      </c>
      <c r="J387" s="9" t="s">
        <v>123</v>
      </c>
      <c r="K387" s="6">
        <v>610</v>
      </c>
      <c r="L387" s="6">
        <v>114</v>
      </c>
      <c r="M387" s="6">
        <v>60</v>
      </c>
      <c r="N387" s="6">
        <v>4</v>
      </c>
      <c r="O387" s="6">
        <v>50</v>
      </c>
      <c r="P387" s="6">
        <v>10</v>
      </c>
      <c r="Q387" s="6">
        <v>45</v>
      </c>
      <c r="R387" s="6">
        <v>187</v>
      </c>
      <c r="S387" s="6">
        <v>254</v>
      </c>
      <c r="T387" s="10" t="s">
        <v>55</v>
      </c>
      <c r="U387" s="10" t="s">
        <v>55</v>
      </c>
      <c r="V387" s="6">
        <v>124</v>
      </c>
    </row>
    <row r="388" spans="1:22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6</v>
      </c>
      <c r="I388" s="9" t="s">
        <v>122</v>
      </c>
      <c r="J388" s="9" t="s">
        <v>124</v>
      </c>
      <c r="K388" s="6">
        <v>608</v>
      </c>
      <c r="L388" s="6">
        <v>113</v>
      </c>
      <c r="M388" s="6">
        <v>59</v>
      </c>
      <c r="N388" s="6">
        <v>4</v>
      </c>
      <c r="O388" s="6">
        <v>50</v>
      </c>
      <c r="P388" s="6">
        <v>9</v>
      </c>
      <c r="Q388" s="6">
        <v>45</v>
      </c>
      <c r="R388" s="6">
        <v>187</v>
      </c>
      <c r="S388" s="6">
        <v>254</v>
      </c>
      <c r="T388" s="10" t="s">
        <v>55</v>
      </c>
      <c r="U388" s="10" t="s">
        <v>55</v>
      </c>
      <c r="V388" s="6">
        <v>122</v>
      </c>
    </row>
    <row r="389" spans="1:22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6</v>
      </c>
      <c r="I389" s="9" t="s">
        <v>122</v>
      </c>
      <c r="J389" s="9" t="s">
        <v>125</v>
      </c>
      <c r="K389" s="6">
        <v>1</v>
      </c>
      <c r="L389" s="6">
        <v>1</v>
      </c>
      <c r="M389" s="6">
        <v>1</v>
      </c>
      <c r="N389" s="10" t="s">
        <v>55</v>
      </c>
      <c r="O389" s="10" t="s">
        <v>55</v>
      </c>
      <c r="P389" s="10" t="s">
        <v>55</v>
      </c>
      <c r="Q389" s="10" t="s">
        <v>55</v>
      </c>
      <c r="R389" s="10" t="s">
        <v>55</v>
      </c>
      <c r="S389" s="10" t="s">
        <v>55</v>
      </c>
      <c r="T389" s="10" t="s">
        <v>55</v>
      </c>
      <c r="U389" s="10" t="s">
        <v>55</v>
      </c>
      <c r="V389" s="6">
        <v>1</v>
      </c>
    </row>
    <row r="390" spans="1:22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6</v>
      </c>
      <c r="I390" s="9" t="s">
        <v>126</v>
      </c>
      <c r="J390" s="9" t="s">
        <v>127</v>
      </c>
      <c r="K390" s="10" t="s">
        <v>55</v>
      </c>
      <c r="L390" s="10" t="s">
        <v>55</v>
      </c>
      <c r="M390" s="10" t="s">
        <v>55</v>
      </c>
      <c r="N390" s="10" t="s">
        <v>55</v>
      </c>
      <c r="O390" s="10" t="s">
        <v>55</v>
      </c>
      <c r="P390" s="10" t="s">
        <v>55</v>
      </c>
      <c r="Q390" s="10" t="s">
        <v>55</v>
      </c>
      <c r="R390" s="10" t="s">
        <v>55</v>
      </c>
      <c r="S390" s="10" t="s">
        <v>55</v>
      </c>
      <c r="T390" s="10" t="s">
        <v>55</v>
      </c>
      <c r="U390" s="10" t="s">
        <v>55</v>
      </c>
      <c r="V390" s="10" t="s">
        <v>55</v>
      </c>
    </row>
    <row r="391" spans="1:22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6</v>
      </c>
      <c r="I391" s="9" t="s">
        <v>126</v>
      </c>
      <c r="J391" s="9" t="s">
        <v>128</v>
      </c>
      <c r="K391" s="6">
        <v>252</v>
      </c>
      <c r="L391" s="6">
        <v>161</v>
      </c>
      <c r="M391" s="6">
        <v>146</v>
      </c>
      <c r="N391" s="6">
        <v>2</v>
      </c>
      <c r="O391" s="6">
        <v>13</v>
      </c>
      <c r="P391" s="6">
        <v>32</v>
      </c>
      <c r="Q391" s="6">
        <v>12</v>
      </c>
      <c r="R391" s="6">
        <v>34</v>
      </c>
      <c r="S391" s="6">
        <v>12</v>
      </c>
      <c r="T391" s="10" t="s">
        <v>55</v>
      </c>
      <c r="U391" s="6">
        <v>1</v>
      </c>
      <c r="V391" s="6">
        <v>193</v>
      </c>
    </row>
    <row r="392" spans="1:22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6</v>
      </c>
      <c r="I392" s="9" t="s">
        <v>126</v>
      </c>
      <c r="J392" s="9" t="s">
        <v>129</v>
      </c>
      <c r="K392" s="6">
        <v>508</v>
      </c>
      <c r="L392" s="6">
        <v>448</v>
      </c>
      <c r="M392" s="6">
        <v>337</v>
      </c>
      <c r="N392" s="6">
        <v>19</v>
      </c>
      <c r="O392" s="6">
        <v>92</v>
      </c>
      <c r="P392" s="6">
        <v>14</v>
      </c>
      <c r="Q392" s="6">
        <v>4</v>
      </c>
      <c r="R392" s="6">
        <v>20</v>
      </c>
      <c r="S392" s="6">
        <v>19</v>
      </c>
      <c r="T392" s="6">
        <v>1</v>
      </c>
      <c r="U392" s="6">
        <v>2</v>
      </c>
      <c r="V392" s="6">
        <v>462</v>
      </c>
    </row>
    <row r="393" spans="1:22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6</v>
      </c>
      <c r="I393" s="9" t="s">
        <v>130</v>
      </c>
      <c r="J393" s="9" t="s">
        <v>131</v>
      </c>
      <c r="K393" s="6">
        <v>11</v>
      </c>
      <c r="L393" s="6">
        <v>11</v>
      </c>
      <c r="M393" s="6">
        <v>10</v>
      </c>
      <c r="N393" s="10" t="s">
        <v>55</v>
      </c>
      <c r="O393" s="6">
        <v>1</v>
      </c>
      <c r="P393" s="10" t="s">
        <v>55</v>
      </c>
      <c r="Q393" s="10" t="s">
        <v>55</v>
      </c>
      <c r="R393" s="10" t="s">
        <v>55</v>
      </c>
      <c r="S393" s="10" t="s">
        <v>55</v>
      </c>
      <c r="T393" s="10" t="s">
        <v>55</v>
      </c>
      <c r="U393" s="10" t="s">
        <v>55</v>
      </c>
      <c r="V393" s="6">
        <v>11</v>
      </c>
    </row>
    <row r="394" spans="1:22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6</v>
      </c>
      <c r="I394" s="9" t="s">
        <v>130</v>
      </c>
      <c r="J394" s="9" t="s">
        <v>132</v>
      </c>
      <c r="K394" s="6">
        <v>14</v>
      </c>
      <c r="L394" s="6">
        <v>12</v>
      </c>
      <c r="M394" s="6">
        <v>12</v>
      </c>
      <c r="N394" s="10" t="s">
        <v>55</v>
      </c>
      <c r="O394" s="10" t="s">
        <v>55</v>
      </c>
      <c r="P394" s="10" t="s">
        <v>55</v>
      </c>
      <c r="Q394" s="10" t="s">
        <v>55</v>
      </c>
      <c r="R394" s="6">
        <v>2</v>
      </c>
      <c r="S394" s="10" t="s">
        <v>55</v>
      </c>
      <c r="T394" s="10" t="s">
        <v>55</v>
      </c>
      <c r="U394" s="10" t="s">
        <v>55</v>
      </c>
      <c r="V394" s="6">
        <v>12</v>
      </c>
    </row>
    <row r="395" spans="1:22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6</v>
      </c>
      <c r="I395" s="9" t="s">
        <v>130</v>
      </c>
      <c r="J395" s="9" t="s">
        <v>133</v>
      </c>
      <c r="K395" s="6">
        <v>150</v>
      </c>
      <c r="L395" s="6">
        <v>142</v>
      </c>
      <c r="M395" s="6">
        <v>119</v>
      </c>
      <c r="N395" s="6">
        <v>5</v>
      </c>
      <c r="O395" s="6">
        <v>18</v>
      </c>
      <c r="P395" s="6">
        <v>4</v>
      </c>
      <c r="Q395" s="10" t="s">
        <v>55</v>
      </c>
      <c r="R395" s="6">
        <v>2</v>
      </c>
      <c r="S395" s="6">
        <v>1</v>
      </c>
      <c r="T395" s="10" t="s">
        <v>55</v>
      </c>
      <c r="U395" s="6">
        <v>1</v>
      </c>
      <c r="V395" s="6">
        <v>146</v>
      </c>
    </row>
    <row r="396" spans="1:22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6</v>
      </c>
      <c r="I396" s="9" t="s">
        <v>130</v>
      </c>
      <c r="J396" s="9" t="s">
        <v>134</v>
      </c>
      <c r="K396" s="6">
        <v>557</v>
      </c>
      <c r="L396" s="6">
        <v>464</v>
      </c>
      <c r="M396" s="6">
        <v>237</v>
      </c>
      <c r="N396" s="6">
        <v>4</v>
      </c>
      <c r="O396" s="6">
        <v>223</v>
      </c>
      <c r="P396" s="6">
        <v>34</v>
      </c>
      <c r="Q396" s="6">
        <v>8</v>
      </c>
      <c r="R396" s="6">
        <v>25</v>
      </c>
      <c r="S396" s="6">
        <v>24</v>
      </c>
      <c r="T396" s="10" t="s">
        <v>55</v>
      </c>
      <c r="U396" s="6">
        <v>2</v>
      </c>
      <c r="V396" s="6">
        <v>498</v>
      </c>
    </row>
    <row r="397" spans="1:22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6</v>
      </c>
      <c r="I397" s="9" t="s">
        <v>130</v>
      </c>
      <c r="J397" s="9" t="s">
        <v>135</v>
      </c>
      <c r="K397" s="6">
        <v>43</v>
      </c>
      <c r="L397" s="6">
        <v>40</v>
      </c>
      <c r="M397" s="6">
        <v>32</v>
      </c>
      <c r="N397" s="10" t="s">
        <v>55</v>
      </c>
      <c r="O397" s="6">
        <v>8</v>
      </c>
      <c r="P397" s="6">
        <v>1</v>
      </c>
      <c r="Q397" s="10" t="s">
        <v>55</v>
      </c>
      <c r="R397" s="6">
        <v>2</v>
      </c>
      <c r="S397" s="10" t="s">
        <v>55</v>
      </c>
      <c r="T397" s="10" t="s">
        <v>55</v>
      </c>
      <c r="U397" s="10" t="s">
        <v>55</v>
      </c>
      <c r="V397" s="6">
        <v>41</v>
      </c>
    </row>
    <row r="398" spans="1:22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6</v>
      </c>
      <c r="I398" s="9" t="s">
        <v>130</v>
      </c>
      <c r="J398" s="9" t="s">
        <v>136</v>
      </c>
      <c r="K398" s="6">
        <v>30</v>
      </c>
      <c r="L398" s="6">
        <v>24</v>
      </c>
      <c r="M398" s="6">
        <v>18</v>
      </c>
      <c r="N398" s="10" t="s">
        <v>55</v>
      </c>
      <c r="O398" s="6">
        <v>6</v>
      </c>
      <c r="P398" s="6">
        <v>2</v>
      </c>
      <c r="Q398" s="6">
        <v>1</v>
      </c>
      <c r="R398" s="6">
        <v>2</v>
      </c>
      <c r="S398" s="6">
        <v>1</v>
      </c>
      <c r="T398" s="10" t="s">
        <v>55</v>
      </c>
      <c r="U398" s="10" t="s">
        <v>55</v>
      </c>
      <c r="V398" s="6">
        <v>26</v>
      </c>
    </row>
    <row r="399" spans="1:22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6</v>
      </c>
      <c r="I399" s="9" t="s">
        <v>130</v>
      </c>
      <c r="J399" s="9" t="s">
        <v>137</v>
      </c>
      <c r="K399" s="6">
        <v>42</v>
      </c>
      <c r="L399" s="6">
        <v>30</v>
      </c>
      <c r="M399" s="6">
        <v>21</v>
      </c>
      <c r="N399" s="10" t="s">
        <v>55</v>
      </c>
      <c r="O399" s="6">
        <v>9</v>
      </c>
      <c r="P399" s="6">
        <v>3</v>
      </c>
      <c r="Q399" s="6">
        <v>1</v>
      </c>
      <c r="R399" s="6">
        <v>8</v>
      </c>
      <c r="S399" s="10" t="s">
        <v>55</v>
      </c>
      <c r="T399" s="10" t="s">
        <v>55</v>
      </c>
      <c r="U399" s="10" t="s">
        <v>55</v>
      </c>
      <c r="V399" s="6">
        <v>33</v>
      </c>
    </row>
    <row r="400" spans="1:22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6</v>
      </c>
      <c r="I400" s="9" t="s">
        <v>130</v>
      </c>
      <c r="J400" s="9" t="s">
        <v>138</v>
      </c>
      <c r="K400" s="6">
        <v>87</v>
      </c>
      <c r="L400" s="6">
        <v>75</v>
      </c>
      <c r="M400" s="6">
        <v>22</v>
      </c>
      <c r="N400" s="6">
        <v>5</v>
      </c>
      <c r="O400" s="6">
        <v>48</v>
      </c>
      <c r="P400" s="6">
        <v>2</v>
      </c>
      <c r="Q400" s="6">
        <v>2</v>
      </c>
      <c r="R400" s="6">
        <v>4</v>
      </c>
      <c r="S400" s="6">
        <v>4</v>
      </c>
      <c r="T400" s="10" t="s">
        <v>55</v>
      </c>
      <c r="U400" s="10" t="s">
        <v>55</v>
      </c>
      <c r="V400" s="6">
        <v>77</v>
      </c>
    </row>
    <row r="401" spans="1:22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6</v>
      </c>
      <c r="I401" s="9" t="s">
        <v>130</v>
      </c>
      <c r="J401" s="9" t="s">
        <v>139</v>
      </c>
      <c r="K401" s="6">
        <v>91</v>
      </c>
      <c r="L401" s="6">
        <v>63</v>
      </c>
      <c r="M401" s="6">
        <v>38</v>
      </c>
      <c r="N401" s="10" t="s">
        <v>55</v>
      </c>
      <c r="O401" s="6">
        <v>25</v>
      </c>
      <c r="P401" s="6">
        <v>3</v>
      </c>
      <c r="Q401" s="6">
        <v>5</v>
      </c>
      <c r="R401" s="6">
        <v>15</v>
      </c>
      <c r="S401" s="6">
        <v>5</v>
      </c>
      <c r="T401" s="10" t="s">
        <v>55</v>
      </c>
      <c r="U401" s="10" t="s">
        <v>55</v>
      </c>
      <c r="V401" s="6">
        <v>66</v>
      </c>
    </row>
    <row r="402" spans="1:22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6</v>
      </c>
      <c r="I402" s="9" t="s">
        <v>130</v>
      </c>
      <c r="J402" s="9" t="s">
        <v>140</v>
      </c>
      <c r="K402" s="6">
        <v>124</v>
      </c>
      <c r="L402" s="6">
        <v>117</v>
      </c>
      <c r="M402" s="6">
        <v>84</v>
      </c>
      <c r="N402" s="10" t="s">
        <v>55</v>
      </c>
      <c r="O402" s="6">
        <v>33</v>
      </c>
      <c r="P402" s="10" t="s">
        <v>55</v>
      </c>
      <c r="Q402" s="10" t="s">
        <v>55</v>
      </c>
      <c r="R402" s="6">
        <v>7</v>
      </c>
      <c r="S402" s="10" t="s">
        <v>55</v>
      </c>
      <c r="T402" s="10" t="s">
        <v>55</v>
      </c>
      <c r="U402" s="10" t="s">
        <v>55</v>
      </c>
      <c r="V402" s="6">
        <v>117</v>
      </c>
    </row>
    <row r="403" spans="1:22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6</v>
      </c>
      <c r="I403" s="9" t="s">
        <v>130</v>
      </c>
      <c r="J403" s="9" t="s">
        <v>141</v>
      </c>
      <c r="K403" s="6">
        <v>650</v>
      </c>
      <c r="L403" s="6">
        <v>620</v>
      </c>
      <c r="M403" s="6">
        <v>426</v>
      </c>
      <c r="N403" s="6">
        <v>9</v>
      </c>
      <c r="O403" s="6">
        <v>185</v>
      </c>
      <c r="P403" s="6">
        <v>15</v>
      </c>
      <c r="Q403" s="6">
        <v>4</v>
      </c>
      <c r="R403" s="6">
        <v>6</v>
      </c>
      <c r="S403" s="6">
        <v>4</v>
      </c>
      <c r="T403" s="10" t="s">
        <v>55</v>
      </c>
      <c r="U403" s="6">
        <v>1</v>
      </c>
      <c r="V403" s="6">
        <v>635</v>
      </c>
    </row>
    <row r="404" spans="1:22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6</v>
      </c>
      <c r="I404" s="9" t="s">
        <v>130</v>
      </c>
      <c r="J404" s="9" t="s">
        <v>142</v>
      </c>
      <c r="K404" s="6">
        <v>46</v>
      </c>
      <c r="L404" s="6">
        <v>45</v>
      </c>
      <c r="M404" s="6">
        <v>40</v>
      </c>
      <c r="N404" s="10" t="s">
        <v>55</v>
      </c>
      <c r="O404" s="6">
        <v>5</v>
      </c>
      <c r="P404" s="6">
        <v>1</v>
      </c>
      <c r="Q404" s="10" t="s">
        <v>55</v>
      </c>
      <c r="R404" s="10" t="s">
        <v>55</v>
      </c>
      <c r="S404" s="10" t="s">
        <v>55</v>
      </c>
      <c r="T404" s="10" t="s">
        <v>55</v>
      </c>
      <c r="U404" s="10" t="s">
        <v>55</v>
      </c>
      <c r="V404" s="6">
        <v>46</v>
      </c>
    </row>
    <row r="405" spans="1:22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6</v>
      </c>
      <c r="I405" s="9" t="s">
        <v>130</v>
      </c>
      <c r="J405" s="9" t="s">
        <v>143</v>
      </c>
      <c r="K405" s="6">
        <v>179</v>
      </c>
      <c r="L405" s="6">
        <v>126</v>
      </c>
      <c r="M405" s="6">
        <v>88</v>
      </c>
      <c r="N405" s="6">
        <v>7</v>
      </c>
      <c r="O405" s="6">
        <v>31</v>
      </c>
      <c r="P405" s="6">
        <v>12</v>
      </c>
      <c r="Q405" s="6">
        <v>4</v>
      </c>
      <c r="R405" s="6">
        <v>23</v>
      </c>
      <c r="S405" s="6">
        <v>13</v>
      </c>
      <c r="T405" s="10" t="s">
        <v>55</v>
      </c>
      <c r="U405" s="6">
        <v>1</v>
      </c>
      <c r="V405" s="6">
        <v>138</v>
      </c>
    </row>
    <row r="406" spans="1:22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6</v>
      </c>
      <c r="I406" s="9" t="s">
        <v>130</v>
      </c>
      <c r="J406" s="9" t="s">
        <v>144</v>
      </c>
      <c r="K406" s="6">
        <v>104</v>
      </c>
      <c r="L406" s="6">
        <v>104</v>
      </c>
      <c r="M406" s="6">
        <v>94</v>
      </c>
      <c r="N406" s="10" t="s">
        <v>55</v>
      </c>
      <c r="O406" s="6">
        <v>10</v>
      </c>
      <c r="P406" s="10" t="s">
        <v>55</v>
      </c>
      <c r="Q406" s="10" t="s">
        <v>55</v>
      </c>
      <c r="R406" s="10" t="s">
        <v>55</v>
      </c>
      <c r="S406" s="10" t="s">
        <v>55</v>
      </c>
      <c r="T406" s="10" t="s">
        <v>55</v>
      </c>
      <c r="U406" s="10" t="s">
        <v>55</v>
      </c>
      <c r="V406" s="6">
        <v>104</v>
      </c>
    </row>
    <row r="407" spans="1:22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6</v>
      </c>
      <c r="I407" s="9" t="s">
        <v>55</v>
      </c>
      <c r="J407" s="9" t="s">
        <v>145</v>
      </c>
      <c r="K407" s="6">
        <v>22</v>
      </c>
      <c r="L407" s="6">
        <v>14</v>
      </c>
      <c r="M407" s="6">
        <v>2</v>
      </c>
      <c r="N407" s="6">
        <v>8</v>
      </c>
      <c r="O407" s="6">
        <v>4</v>
      </c>
      <c r="P407" s="10" t="s">
        <v>55</v>
      </c>
      <c r="Q407" s="10" t="s">
        <v>55</v>
      </c>
      <c r="R407" s="6">
        <v>1</v>
      </c>
      <c r="S407" s="10" t="s">
        <v>55</v>
      </c>
      <c r="T407" s="10" t="s">
        <v>55</v>
      </c>
      <c r="U407" s="6">
        <v>7</v>
      </c>
      <c r="V407" s="6">
        <v>14</v>
      </c>
    </row>
    <row r="408" spans="1:22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6</v>
      </c>
      <c r="I408" s="9" t="s">
        <v>55</v>
      </c>
      <c r="J408" s="9" t="s">
        <v>146</v>
      </c>
      <c r="K408" s="6">
        <v>611</v>
      </c>
      <c r="L408" s="6">
        <v>115</v>
      </c>
      <c r="M408" s="6">
        <v>61</v>
      </c>
      <c r="N408" s="6">
        <v>4</v>
      </c>
      <c r="O408" s="6">
        <v>50</v>
      </c>
      <c r="P408" s="6">
        <v>10</v>
      </c>
      <c r="Q408" s="6">
        <v>45</v>
      </c>
      <c r="R408" s="6">
        <v>187</v>
      </c>
      <c r="S408" s="6">
        <v>254</v>
      </c>
      <c r="T408" s="10" t="s">
        <v>55</v>
      </c>
      <c r="U408" s="10" t="s">
        <v>55</v>
      </c>
      <c r="V408" s="6">
        <v>125</v>
      </c>
    </row>
    <row r="409" spans="1:22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6</v>
      </c>
      <c r="I409" s="9" t="s">
        <v>55</v>
      </c>
      <c r="J409" s="9" t="s">
        <v>147</v>
      </c>
      <c r="K409" s="6">
        <v>760</v>
      </c>
      <c r="L409" s="6">
        <v>609</v>
      </c>
      <c r="M409" s="6">
        <v>483</v>
      </c>
      <c r="N409" s="6">
        <v>21</v>
      </c>
      <c r="O409" s="6">
        <v>105</v>
      </c>
      <c r="P409" s="6">
        <v>46</v>
      </c>
      <c r="Q409" s="6">
        <v>16</v>
      </c>
      <c r="R409" s="6">
        <v>54</v>
      </c>
      <c r="S409" s="6">
        <v>31</v>
      </c>
      <c r="T409" s="6">
        <v>1</v>
      </c>
      <c r="U409" s="6">
        <v>3</v>
      </c>
      <c r="V409" s="6">
        <v>655</v>
      </c>
    </row>
    <row r="410" spans="1:22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6</v>
      </c>
      <c r="I410" s="9" t="s">
        <v>55</v>
      </c>
      <c r="J410" s="9" t="s">
        <v>148</v>
      </c>
      <c r="K410" s="6">
        <v>2128</v>
      </c>
      <c r="L410" s="6">
        <v>1873</v>
      </c>
      <c r="M410" s="6">
        <v>1241</v>
      </c>
      <c r="N410" s="6">
        <v>30</v>
      </c>
      <c r="O410" s="6">
        <v>602</v>
      </c>
      <c r="P410" s="6">
        <v>77</v>
      </c>
      <c r="Q410" s="6">
        <v>25</v>
      </c>
      <c r="R410" s="6">
        <v>96</v>
      </c>
      <c r="S410" s="6">
        <v>52</v>
      </c>
      <c r="T410" s="10" t="s">
        <v>55</v>
      </c>
      <c r="U410" s="6">
        <v>5</v>
      </c>
      <c r="V410" s="6">
        <v>1950</v>
      </c>
    </row>
    <row r="411" spans="1:22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53</v>
      </c>
      <c r="I411" s="9" t="s">
        <v>55</v>
      </c>
      <c r="J411" s="9" t="s">
        <v>6</v>
      </c>
      <c r="K411" s="6">
        <v>1811</v>
      </c>
      <c r="L411" s="6">
        <v>1255</v>
      </c>
      <c r="M411" s="6">
        <v>1069</v>
      </c>
      <c r="N411" s="6">
        <v>25</v>
      </c>
      <c r="O411" s="6">
        <v>161</v>
      </c>
      <c r="P411" s="6">
        <v>95</v>
      </c>
      <c r="Q411" s="6">
        <v>81</v>
      </c>
      <c r="R411" s="6">
        <v>297</v>
      </c>
      <c r="S411" s="6">
        <v>73</v>
      </c>
      <c r="T411" s="10" t="s">
        <v>55</v>
      </c>
      <c r="U411" s="6">
        <v>10</v>
      </c>
      <c r="V411" s="6">
        <v>1350</v>
      </c>
    </row>
    <row r="412" spans="1:22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53</v>
      </c>
      <c r="I412" s="9" t="s">
        <v>122</v>
      </c>
      <c r="J412" s="9" t="s">
        <v>123</v>
      </c>
      <c r="K412" s="6">
        <v>334</v>
      </c>
      <c r="L412" s="6">
        <v>42</v>
      </c>
      <c r="M412" s="6">
        <v>28</v>
      </c>
      <c r="N412" s="10" t="s">
        <v>55</v>
      </c>
      <c r="O412" s="6">
        <v>14</v>
      </c>
      <c r="P412" s="6">
        <v>7</v>
      </c>
      <c r="Q412" s="6">
        <v>44</v>
      </c>
      <c r="R412" s="6">
        <v>181</v>
      </c>
      <c r="S412" s="6">
        <v>60</v>
      </c>
      <c r="T412" s="10" t="s">
        <v>55</v>
      </c>
      <c r="U412" s="10" t="s">
        <v>55</v>
      </c>
      <c r="V412" s="6">
        <v>49</v>
      </c>
    </row>
    <row r="413" spans="1:22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53</v>
      </c>
      <c r="I413" s="9" t="s">
        <v>122</v>
      </c>
      <c r="J413" s="9" t="s">
        <v>124</v>
      </c>
      <c r="K413" s="6">
        <v>333</v>
      </c>
      <c r="L413" s="6">
        <v>42</v>
      </c>
      <c r="M413" s="6">
        <v>28</v>
      </c>
      <c r="N413" s="10" t="s">
        <v>55</v>
      </c>
      <c r="O413" s="6">
        <v>14</v>
      </c>
      <c r="P413" s="6">
        <v>6</v>
      </c>
      <c r="Q413" s="6">
        <v>44</v>
      </c>
      <c r="R413" s="6">
        <v>181</v>
      </c>
      <c r="S413" s="6">
        <v>60</v>
      </c>
      <c r="T413" s="10" t="s">
        <v>55</v>
      </c>
      <c r="U413" s="10" t="s">
        <v>55</v>
      </c>
      <c r="V413" s="6">
        <v>48</v>
      </c>
    </row>
    <row r="414" spans="1:22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53</v>
      </c>
      <c r="I414" s="9" t="s">
        <v>122</v>
      </c>
      <c r="J414" s="9" t="s">
        <v>125</v>
      </c>
      <c r="K414" s="10" t="s">
        <v>55</v>
      </c>
      <c r="L414" s="10" t="s">
        <v>55</v>
      </c>
      <c r="M414" s="10" t="s">
        <v>55</v>
      </c>
      <c r="N414" s="10" t="s">
        <v>55</v>
      </c>
      <c r="O414" s="10" t="s">
        <v>55</v>
      </c>
      <c r="P414" s="10" t="s">
        <v>55</v>
      </c>
      <c r="Q414" s="10" t="s">
        <v>55</v>
      </c>
      <c r="R414" s="10" t="s">
        <v>55</v>
      </c>
      <c r="S414" s="10" t="s">
        <v>55</v>
      </c>
      <c r="T414" s="10" t="s">
        <v>55</v>
      </c>
      <c r="U414" s="10" t="s">
        <v>55</v>
      </c>
      <c r="V414" s="10" t="s">
        <v>55</v>
      </c>
    </row>
    <row r="415" spans="1:22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53</v>
      </c>
      <c r="I415" s="9" t="s">
        <v>126</v>
      </c>
      <c r="J415" s="9" t="s">
        <v>127</v>
      </c>
      <c r="K415" s="10" t="s">
        <v>55</v>
      </c>
      <c r="L415" s="10" t="s">
        <v>55</v>
      </c>
      <c r="M415" s="10" t="s">
        <v>55</v>
      </c>
      <c r="N415" s="10" t="s">
        <v>55</v>
      </c>
      <c r="O415" s="10" t="s">
        <v>55</v>
      </c>
      <c r="P415" s="10" t="s">
        <v>55</v>
      </c>
      <c r="Q415" s="10" t="s">
        <v>55</v>
      </c>
      <c r="R415" s="10" t="s">
        <v>55</v>
      </c>
      <c r="S415" s="10" t="s">
        <v>55</v>
      </c>
      <c r="T415" s="10" t="s">
        <v>55</v>
      </c>
      <c r="U415" s="10" t="s">
        <v>55</v>
      </c>
      <c r="V415" s="10" t="s">
        <v>55</v>
      </c>
    </row>
    <row r="416" spans="1:22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53</v>
      </c>
      <c r="I416" s="9" t="s">
        <v>126</v>
      </c>
      <c r="J416" s="9" t="s">
        <v>128</v>
      </c>
      <c r="K416" s="6">
        <v>207</v>
      </c>
      <c r="L416" s="6">
        <v>133</v>
      </c>
      <c r="M416" s="6">
        <v>123</v>
      </c>
      <c r="N416" s="6">
        <v>2</v>
      </c>
      <c r="O416" s="6">
        <v>8</v>
      </c>
      <c r="P416" s="6">
        <v>24</v>
      </c>
      <c r="Q416" s="6">
        <v>12</v>
      </c>
      <c r="R416" s="6">
        <v>34</v>
      </c>
      <c r="S416" s="6">
        <v>3</v>
      </c>
      <c r="T416" s="10" t="s">
        <v>55</v>
      </c>
      <c r="U416" s="6">
        <v>1</v>
      </c>
      <c r="V416" s="6">
        <v>157</v>
      </c>
    </row>
    <row r="417" spans="1:22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53</v>
      </c>
      <c r="I417" s="9" t="s">
        <v>126</v>
      </c>
      <c r="J417" s="9" t="s">
        <v>129</v>
      </c>
      <c r="K417" s="6">
        <v>336</v>
      </c>
      <c r="L417" s="6">
        <v>305</v>
      </c>
      <c r="M417" s="6">
        <v>271</v>
      </c>
      <c r="N417" s="6">
        <v>13</v>
      </c>
      <c r="O417" s="6">
        <v>21</v>
      </c>
      <c r="P417" s="6">
        <v>9</v>
      </c>
      <c r="Q417" s="6">
        <v>4</v>
      </c>
      <c r="R417" s="6">
        <v>16</v>
      </c>
      <c r="S417" s="6">
        <v>1</v>
      </c>
      <c r="T417" s="10" t="s">
        <v>55</v>
      </c>
      <c r="U417" s="6">
        <v>1</v>
      </c>
      <c r="V417" s="6">
        <v>314</v>
      </c>
    </row>
    <row r="418" spans="1:22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53</v>
      </c>
      <c r="I418" s="9" t="s">
        <v>130</v>
      </c>
      <c r="J418" s="9" t="s">
        <v>131</v>
      </c>
      <c r="K418" s="6">
        <v>9</v>
      </c>
      <c r="L418" s="6">
        <v>9</v>
      </c>
      <c r="M418" s="6">
        <v>9</v>
      </c>
      <c r="N418" s="10" t="s">
        <v>55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10" t="s">
        <v>55</v>
      </c>
      <c r="T418" s="10" t="s">
        <v>55</v>
      </c>
      <c r="U418" s="10" t="s">
        <v>55</v>
      </c>
      <c r="V418" s="6">
        <v>9</v>
      </c>
    </row>
    <row r="419" spans="1:22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53</v>
      </c>
      <c r="I419" s="9" t="s">
        <v>130</v>
      </c>
      <c r="J419" s="9" t="s">
        <v>132</v>
      </c>
      <c r="K419" s="6">
        <v>13</v>
      </c>
      <c r="L419" s="6">
        <v>11</v>
      </c>
      <c r="M419" s="6">
        <v>11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6">
        <v>2</v>
      </c>
      <c r="S419" s="10" t="s">
        <v>55</v>
      </c>
      <c r="T419" s="10" t="s">
        <v>55</v>
      </c>
      <c r="U419" s="10" t="s">
        <v>55</v>
      </c>
      <c r="V419" s="6">
        <v>11</v>
      </c>
    </row>
    <row r="420" spans="1:22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53</v>
      </c>
      <c r="I420" s="9" t="s">
        <v>130</v>
      </c>
      <c r="J420" s="9" t="s">
        <v>133</v>
      </c>
      <c r="K420" s="6">
        <v>126</v>
      </c>
      <c r="L420" s="6">
        <v>119</v>
      </c>
      <c r="M420" s="6">
        <v>106</v>
      </c>
      <c r="N420" s="6">
        <v>3</v>
      </c>
      <c r="O420" s="6">
        <v>10</v>
      </c>
      <c r="P420" s="6">
        <v>4</v>
      </c>
      <c r="Q420" s="10" t="s">
        <v>55</v>
      </c>
      <c r="R420" s="6">
        <v>2</v>
      </c>
      <c r="S420" s="10" t="s">
        <v>55</v>
      </c>
      <c r="T420" s="10" t="s">
        <v>55</v>
      </c>
      <c r="U420" s="6">
        <v>1</v>
      </c>
      <c r="V420" s="6">
        <v>123</v>
      </c>
    </row>
    <row r="421" spans="1:22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53</v>
      </c>
      <c r="I421" s="9" t="s">
        <v>130</v>
      </c>
      <c r="J421" s="9" t="s">
        <v>134</v>
      </c>
      <c r="K421" s="6">
        <v>249</v>
      </c>
      <c r="L421" s="6">
        <v>190</v>
      </c>
      <c r="M421" s="6">
        <v>151</v>
      </c>
      <c r="N421" s="10" t="s">
        <v>55</v>
      </c>
      <c r="O421" s="6">
        <v>39</v>
      </c>
      <c r="P421" s="6">
        <v>23</v>
      </c>
      <c r="Q421" s="6">
        <v>8</v>
      </c>
      <c r="R421" s="6">
        <v>21</v>
      </c>
      <c r="S421" s="6">
        <v>5</v>
      </c>
      <c r="T421" s="10" t="s">
        <v>55</v>
      </c>
      <c r="U421" s="6">
        <v>2</v>
      </c>
      <c r="V421" s="6">
        <v>213</v>
      </c>
    </row>
    <row r="422" spans="1:22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53</v>
      </c>
      <c r="I422" s="9" t="s">
        <v>130</v>
      </c>
      <c r="J422" s="9" t="s">
        <v>135</v>
      </c>
      <c r="K422" s="6">
        <v>10</v>
      </c>
      <c r="L422" s="6">
        <v>8</v>
      </c>
      <c r="M422" s="6">
        <v>7</v>
      </c>
      <c r="N422" s="10" t="s">
        <v>55</v>
      </c>
      <c r="O422" s="6">
        <v>1</v>
      </c>
      <c r="P422" s="10" t="s">
        <v>55</v>
      </c>
      <c r="Q422" s="10" t="s">
        <v>55</v>
      </c>
      <c r="R422" s="6">
        <v>2</v>
      </c>
      <c r="S422" s="10" t="s">
        <v>55</v>
      </c>
      <c r="T422" s="10" t="s">
        <v>55</v>
      </c>
      <c r="U422" s="10" t="s">
        <v>55</v>
      </c>
      <c r="V422" s="6">
        <v>8</v>
      </c>
    </row>
    <row r="423" spans="1:22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53</v>
      </c>
      <c r="I423" s="9" t="s">
        <v>130</v>
      </c>
      <c r="J423" s="9" t="s">
        <v>136</v>
      </c>
      <c r="K423" s="6">
        <v>17</v>
      </c>
      <c r="L423" s="6">
        <v>12</v>
      </c>
      <c r="M423" s="6">
        <v>10</v>
      </c>
      <c r="N423" s="10" t="s">
        <v>55</v>
      </c>
      <c r="O423" s="6">
        <v>2</v>
      </c>
      <c r="P423" s="6">
        <v>2</v>
      </c>
      <c r="Q423" s="6">
        <v>1</v>
      </c>
      <c r="R423" s="6">
        <v>2</v>
      </c>
      <c r="S423" s="10" t="s">
        <v>55</v>
      </c>
      <c r="T423" s="10" t="s">
        <v>55</v>
      </c>
      <c r="U423" s="10" t="s">
        <v>55</v>
      </c>
      <c r="V423" s="6">
        <v>14</v>
      </c>
    </row>
    <row r="424" spans="1:22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53</v>
      </c>
      <c r="I424" s="9" t="s">
        <v>130</v>
      </c>
      <c r="J424" s="9" t="s">
        <v>137</v>
      </c>
      <c r="K424" s="6">
        <v>24</v>
      </c>
      <c r="L424" s="6">
        <v>15</v>
      </c>
      <c r="M424" s="6">
        <v>14</v>
      </c>
      <c r="N424" s="10" t="s">
        <v>55</v>
      </c>
      <c r="O424" s="6">
        <v>1</v>
      </c>
      <c r="P424" s="6">
        <v>3</v>
      </c>
      <c r="Q424" s="6">
        <v>1</v>
      </c>
      <c r="R424" s="6">
        <v>5</v>
      </c>
      <c r="S424" s="10" t="s">
        <v>55</v>
      </c>
      <c r="T424" s="10" t="s">
        <v>55</v>
      </c>
      <c r="U424" s="10" t="s">
        <v>55</v>
      </c>
      <c r="V424" s="6">
        <v>18</v>
      </c>
    </row>
    <row r="425" spans="1:22">
      <c r="A425" s="9" t="s">
        <v>83</v>
      </c>
      <c r="B425" s="9" t="s">
        <v>57</v>
      </c>
      <c r="C425" s="9" t="s">
        <v>87</v>
      </c>
      <c r="D425" s="9" t="s">
        <v>77</v>
      </c>
      <c r="E425" s="9" t="s">
        <v>57</v>
      </c>
      <c r="F425" s="9" t="s">
        <v>81</v>
      </c>
      <c r="G425" s="9" t="s">
        <v>88</v>
      </c>
      <c r="H425" s="9" t="s">
        <v>53</v>
      </c>
      <c r="I425" s="9" t="s">
        <v>130</v>
      </c>
      <c r="J425" s="9" t="s">
        <v>138</v>
      </c>
      <c r="K425" s="6">
        <v>28</v>
      </c>
      <c r="L425" s="6">
        <v>23</v>
      </c>
      <c r="M425" s="6">
        <v>8</v>
      </c>
      <c r="N425" s="10" t="s">
        <v>55</v>
      </c>
      <c r="O425" s="6">
        <v>15</v>
      </c>
      <c r="P425" s="6">
        <v>2</v>
      </c>
      <c r="Q425" s="6">
        <v>1</v>
      </c>
      <c r="R425" s="6">
        <v>1</v>
      </c>
      <c r="S425" s="6">
        <v>1</v>
      </c>
      <c r="T425" s="10" t="s">
        <v>55</v>
      </c>
      <c r="U425" s="10" t="s">
        <v>55</v>
      </c>
      <c r="V425" s="6">
        <v>25</v>
      </c>
    </row>
    <row r="426" spans="1:22">
      <c r="A426" s="9" t="s">
        <v>83</v>
      </c>
      <c r="B426" s="9" t="s">
        <v>57</v>
      </c>
      <c r="C426" s="9" t="s">
        <v>87</v>
      </c>
      <c r="D426" s="9" t="s">
        <v>77</v>
      </c>
      <c r="E426" s="9" t="s">
        <v>57</v>
      </c>
      <c r="F426" s="9" t="s">
        <v>81</v>
      </c>
      <c r="G426" s="9" t="s">
        <v>88</v>
      </c>
      <c r="H426" s="9" t="s">
        <v>53</v>
      </c>
      <c r="I426" s="9" t="s">
        <v>130</v>
      </c>
      <c r="J426" s="9" t="s">
        <v>139</v>
      </c>
      <c r="K426" s="6">
        <v>36</v>
      </c>
      <c r="L426" s="6">
        <v>26</v>
      </c>
      <c r="M426" s="6">
        <v>20</v>
      </c>
      <c r="N426" s="10" t="s">
        <v>55</v>
      </c>
      <c r="O426" s="6">
        <v>6</v>
      </c>
      <c r="P426" s="6">
        <v>2</v>
      </c>
      <c r="Q426" s="6">
        <v>2</v>
      </c>
      <c r="R426" s="6">
        <v>6</v>
      </c>
      <c r="S426" s="10" t="s">
        <v>55</v>
      </c>
      <c r="T426" s="10" t="s">
        <v>55</v>
      </c>
      <c r="U426" s="10" t="s">
        <v>55</v>
      </c>
      <c r="V426" s="6">
        <v>28</v>
      </c>
    </row>
    <row r="427" spans="1:22">
      <c r="A427" s="9" t="s">
        <v>83</v>
      </c>
      <c r="B427" s="9" t="s">
        <v>57</v>
      </c>
      <c r="C427" s="9" t="s">
        <v>87</v>
      </c>
      <c r="D427" s="9" t="s">
        <v>77</v>
      </c>
      <c r="E427" s="9" t="s">
        <v>57</v>
      </c>
      <c r="F427" s="9" t="s">
        <v>81</v>
      </c>
      <c r="G427" s="9" t="s">
        <v>88</v>
      </c>
      <c r="H427" s="9" t="s">
        <v>53</v>
      </c>
      <c r="I427" s="9" t="s">
        <v>130</v>
      </c>
      <c r="J427" s="9" t="s">
        <v>140</v>
      </c>
      <c r="K427" s="6">
        <v>53</v>
      </c>
      <c r="L427" s="6">
        <v>53</v>
      </c>
      <c r="M427" s="6">
        <v>41</v>
      </c>
      <c r="N427" s="10" t="s">
        <v>55</v>
      </c>
      <c r="O427" s="6">
        <v>12</v>
      </c>
      <c r="P427" s="10" t="s">
        <v>55</v>
      </c>
      <c r="Q427" s="10" t="s">
        <v>55</v>
      </c>
      <c r="R427" s="10" t="s">
        <v>55</v>
      </c>
      <c r="S427" s="10" t="s">
        <v>55</v>
      </c>
      <c r="T427" s="10" t="s">
        <v>55</v>
      </c>
      <c r="U427" s="10" t="s">
        <v>55</v>
      </c>
      <c r="V427" s="6">
        <v>53</v>
      </c>
    </row>
    <row r="428" spans="1:22">
      <c r="A428" s="9" t="s">
        <v>83</v>
      </c>
      <c r="B428" s="9" t="s">
        <v>57</v>
      </c>
      <c r="C428" s="9" t="s">
        <v>87</v>
      </c>
      <c r="D428" s="9" t="s">
        <v>77</v>
      </c>
      <c r="E428" s="9" t="s">
        <v>57</v>
      </c>
      <c r="F428" s="9" t="s">
        <v>81</v>
      </c>
      <c r="G428" s="9" t="s">
        <v>88</v>
      </c>
      <c r="H428" s="9" t="s">
        <v>53</v>
      </c>
      <c r="I428" s="9" t="s">
        <v>130</v>
      </c>
      <c r="J428" s="9" t="s">
        <v>141</v>
      </c>
      <c r="K428" s="6">
        <v>140</v>
      </c>
      <c r="L428" s="6">
        <v>124</v>
      </c>
      <c r="M428" s="6">
        <v>113</v>
      </c>
      <c r="N428" s="6">
        <v>1</v>
      </c>
      <c r="O428" s="6">
        <v>10</v>
      </c>
      <c r="P428" s="6">
        <v>8</v>
      </c>
      <c r="Q428" s="6">
        <v>4</v>
      </c>
      <c r="R428" s="6">
        <v>4</v>
      </c>
      <c r="S428" s="10" t="s">
        <v>55</v>
      </c>
      <c r="T428" s="10" t="s">
        <v>55</v>
      </c>
      <c r="U428" s="10" t="s">
        <v>55</v>
      </c>
      <c r="V428" s="6">
        <v>132</v>
      </c>
    </row>
    <row r="429" spans="1:22">
      <c r="A429" s="9" t="s">
        <v>83</v>
      </c>
      <c r="B429" s="9" t="s">
        <v>57</v>
      </c>
      <c r="C429" s="9" t="s">
        <v>87</v>
      </c>
      <c r="D429" s="9" t="s">
        <v>77</v>
      </c>
      <c r="E429" s="9" t="s">
        <v>57</v>
      </c>
      <c r="F429" s="9" t="s">
        <v>81</v>
      </c>
      <c r="G429" s="9" t="s">
        <v>88</v>
      </c>
      <c r="H429" s="9" t="s">
        <v>53</v>
      </c>
      <c r="I429" s="9" t="s">
        <v>130</v>
      </c>
      <c r="J429" s="9" t="s">
        <v>142</v>
      </c>
      <c r="K429" s="6">
        <v>30</v>
      </c>
      <c r="L429" s="6">
        <v>29</v>
      </c>
      <c r="M429" s="6">
        <v>27</v>
      </c>
      <c r="N429" s="10" t="s">
        <v>55</v>
      </c>
      <c r="O429" s="6">
        <v>2</v>
      </c>
      <c r="P429" s="6">
        <v>1</v>
      </c>
      <c r="Q429" s="10" t="s">
        <v>55</v>
      </c>
      <c r="R429" s="10" t="s">
        <v>55</v>
      </c>
      <c r="S429" s="10" t="s">
        <v>55</v>
      </c>
      <c r="T429" s="10" t="s">
        <v>55</v>
      </c>
      <c r="U429" s="10" t="s">
        <v>55</v>
      </c>
      <c r="V429" s="6">
        <v>30</v>
      </c>
    </row>
    <row r="430" spans="1:22">
      <c r="A430" s="9" t="s">
        <v>83</v>
      </c>
      <c r="B430" s="9" t="s">
        <v>57</v>
      </c>
      <c r="C430" s="9" t="s">
        <v>87</v>
      </c>
      <c r="D430" s="9" t="s">
        <v>77</v>
      </c>
      <c r="E430" s="9" t="s">
        <v>57</v>
      </c>
      <c r="F430" s="9" t="s">
        <v>81</v>
      </c>
      <c r="G430" s="9" t="s">
        <v>88</v>
      </c>
      <c r="H430" s="9" t="s">
        <v>53</v>
      </c>
      <c r="I430" s="9" t="s">
        <v>130</v>
      </c>
      <c r="J430" s="9" t="s">
        <v>143</v>
      </c>
      <c r="K430" s="6">
        <v>113</v>
      </c>
      <c r="L430" s="6">
        <v>75</v>
      </c>
      <c r="M430" s="6">
        <v>57</v>
      </c>
      <c r="N430" s="6">
        <v>3</v>
      </c>
      <c r="O430" s="6">
        <v>15</v>
      </c>
      <c r="P430" s="6">
        <v>10</v>
      </c>
      <c r="Q430" s="6">
        <v>4</v>
      </c>
      <c r="R430" s="6">
        <v>20</v>
      </c>
      <c r="S430" s="6">
        <v>3</v>
      </c>
      <c r="T430" s="10" t="s">
        <v>55</v>
      </c>
      <c r="U430" s="6">
        <v>1</v>
      </c>
      <c r="V430" s="6">
        <v>85</v>
      </c>
    </row>
    <row r="431" spans="1:22">
      <c r="A431" s="9" t="s">
        <v>83</v>
      </c>
      <c r="B431" s="9" t="s">
        <v>57</v>
      </c>
      <c r="C431" s="9" t="s">
        <v>87</v>
      </c>
      <c r="D431" s="9" t="s">
        <v>77</v>
      </c>
      <c r="E431" s="9" t="s">
        <v>57</v>
      </c>
      <c r="F431" s="9" t="s">
        <v>81</v>
      </c>
      <c r="G431" s="9" t="s">
        <v>88</v>
      </c>
      <c r="H431" s="9" t="s">
        <v>53</v>
      </c>
      <c r="I431" s="9" t="s">
        <v>130</v>
      </c>
      <c r="J431" s="9" t="s">
        <v>144</v>
      </c>
      <c r="K431" s="6">
        <v>75</v>
      </c>
      <c r="L431" s="6">
        <v>75</v>
      </c>
      <c r="M431" s="6">
        <v>72</v>
      </c>
      <c r="N431" s="10" t="s">
        <v>55</v>
      </c>
      <c r="O431" s="6">
        <v>3</v>
      </c>
      <c r="P431" s="10" t="s">
        <v>55</v>
      </c>
      <c r="Q431" s="10" t="s">
        <v>55</v>
      </c>
      <c r="R431" s="10" t="s">
        <v>55</v>
      </c>
      <c r="S431" s="10" t="s">
        <v>55</v>
      </c>
      <c r="T431" s="10" t="s">
        <v>55</v>
      </c>
      <c r="U431" s="10" t="s">
        <v>55</v>
      </c>
      <c r="V431" s="6">
        <v>75</v>
      </c>
    </row>
    <row r="432" spans="1:22">
      <c r="A432" s="9" t="s">
        <v>83</v>
      </c>
      <c r="B432" s="9" t="s">
        <v>57</v>
      </c>
      <c r="C432" s="9" t="s">
        <v>87</v>
      </c>
      <c r="D432" s="9" t="s">
        <v>77</v>
      </c>
      <c r="E432" s="9" t="s">
        <v>57</v>
      </c>
      <c r="F432" s="9" t="s">
        <v>81</v>
      </c>
      <c r="G432" s="9" t="s">
        <v>88</v>
      </c>
      <c r="H432" s="9" t="s">
        <v>53</v>
      </c>
      <c r="I432" s="9" t="s">
        <v>55</v>
      </c>
      <c r="J432" s="9" t="s">
        <v>145</v>
      </c>
      <c r="K432" s="6">
        <v>11</v>
      </c>
      <c r="L432" s="6">
        <v>6</v>
      </c>
      <c r="M432" s="6">
        <v>1</v>
      </c>
      <c r="N432" s="6">
        <v>3</v>
      </c>
      <c r="O432" s="6">
        <v>2</v>
      </c>
      <c r="P432" s="10" t="s">
        <v>55</v>
      </c>
      <c r="Q432" s="10" t="s">
        <v>55</v>
      </c>
      <c r="R432" s="6">
        <v>1</v>
      </c>
      <c r="S432" s="10" t="s">
        <v>55</v>
      </c>
      <c r="T432" s="10" t="s">
        <v>55</v>
      </c>
      <c r="U432" s="6">
        <v>4</v>
      </c>
      <c r="V432" s="6">
        <v>6</v>
      </c>
    </row>
    <row r="433" spans="1:22">
      <c r="A433" s="9" t="s">
        <v>83</v>
      </c>
      <c r="B433" s="9" t="s">
        <v>57</v>
      </c>
      <c r="C433" s="9" t="s">
        <v>87</v>
      </c>
      <c r="D433" s="9" t="s">
        <v>77</v>
      </c>
      <c r="E433" s="9" t="s">
        <v>57</v>
      </c>
      <c r="F433" s="9" t="s">
        <v>81</v>
      </c>
      <c r="G433" s="9" t="s">
        <v>88</v>
      </c>
      <c r="H433" s="9" t="s">
        <v>53</v>
      </c>
      <c r="I433" s="9" t="s">
        <v>55</v>
      </c>
      <c r="J433" s="9" t="s">
        <v>146</v>
      </c>
      <c r="K433" s="6">
        <v>334</v>
      </c>
      <c r="L433" s="6">
        <v>42</v>
      </c>
      <c r="M433" s="6">
        <v>28</v>
      </c>
      <c r="N433" s="10" t="s">
        <v>55</v>
      </c>
      <c r="O433" s="6">
        <v>14</v>
      </c>
      <c r="P433" s="6">
        <v>7</v>
      </c>
      <c r="Q433" s="6">
        <v>44</v>
      </c>
      <c r="R433" s="6">
        <v>181</v>
      </c>
      <c r="S433" s="6">
        <v>60</v>
      </c>
      <c r="T433" s="10" t="s">
        <v>55</v>
      </c>
      <c r="U433" s="10" t="s">
        <v>55</v>
      </c>
      <c r="V433" s="6">
        <v>49</v>
      </c>
    </row>
    <row r="434" spans="1:22">
      <c r="A434" s="9" t="s">
        <v>83</v>
      </c>
      <c r="B434" s="9" t="s">
        <v>57</v>
      </c>
      <c r="C434" s="9" t="s">
        <v>87</v>
      </c>
      <c r="D434" s="9" t="s">
        <v>77</v>
      </c>
      <c r="E434" s="9" t="s">
        <v>57</v>
      </c>
      <c r="F434" s="9" t="s">
        <v>81</v>
      </c>
      <c r="G434" s="9" t="s">
        <v>88</v>
      </c>
      <c r="H434" s="9" t="s">
        <v>53</v>
      </c>
      <c r="I434" s="9" t="s">
        <v>55</v>
      </c>
      <c r="J434" s="9" t="s">
        <v>147</v>
      </c>
      <c r="K434" s="6">
        <v>543</v>
      </c>
      <c r="L434" s="6">
        <v>438</v>
      </c>
      <c r="M434" s="6">
        <v>394</v>
      </c>
      <c r="N434" s="6">
        <v>15</v>
      </c>
      <c r="O434" s="6">
        <v>29</v>
      </c>
      <c r="P434" s="6">
        <v>33</v>
      </c>
      <c r="Q434" s="6">
        <v>16</v>
      </c>
      <c r="R434" s="6">
        <v>50</v>
      </c>
      <c r="S434" s="6">
        <v>4</v>
      </c>
      <c r="T434" s="10" t="s">
        <v>55</v>
      </c>
      <c r="U434" s="6">
        <v>2</v>
      </c>
      <c r="V434" s="6">
        <v>471</v>
      </c>
    </row>
    <row r="435" spans="1:22">
      <c r="A435" s="9" t="s">
        <v>83</v>
      </c>
      <c r="B435" s="9" t="s">
        <v>57</v>
      </c>
      <c r="C435" s="9" t="s">
        <v>87</v>
      </c>
      <c r="D435" s="9" t="s">
        <v>77</v>
      </c>
      <c r="E435" s="9" t="s">
        <v>57</v>
      </c>
      <c r="F435" s="9" t="s">
        <v>81</v>
      </c>
      <c r="G435" s="9" t="s">
        <v>88</v>
      </c>
      <c r="H435" s="9" t="s">
        <v>53</v>
      </c>
      <c r="I435" s="9" t="s">
        <v>55</v>
      </c>
      <c r="J435" s="9" t="s">
        <v>148</v>
      </c>
      <c r="K435" s="6">
        <v>923</v>
      </c>
      <c r="L435" s="6">
        <v>769</v>
      </c>
      <c r="M435" s="6">
        <v>646</v>
      </c>
      <c r="N435" s="6">
        <v>7</v>
      </c>
      <c r="O435" s="6">
        <v>116</v>
      </c>
      <c r="P435" s="6">
        <v>55</v>
      </c>
      <c r="Q435" s="6">
        <v>21</v>
      </c>
      <c r="R435" s="6">
        <v>65</v>
      </c>
      <c r="S435" s="6">
        <v>9</v>
      </c>
      <c r="T435" s="10" t="s">
        <v>55</v>
      </c>
      <c r="U435" s="6">
        <v>4</v>
      </c>
      <c r="V435" s="6">
        <v>824</v>
      </c>
    </row>
    <row r="436" spans="1:22">
      <c r="A436" s="9" t="s">
        <v>83</v>
      </c>
      <c r="B436" s="9" t="s">
        <v>57</v>
      </c>
      <c r="C436" s="9" t="s">
        <v>87</v>
      </c>
      <c r="D436" s="9" t="s">
        <v>77</v>
      </c>
      <c r="E436" s="9" t="s">
        <v>57</v>
      </c>
      <c r="F436" s="9" t="s">
        <v>81</v>
      </c>
      <c r="G436" s="9" t="s">
        <v>88</v>
      </c>
      <c r="H436" s="9" t="s">
        <v>54</v>
      </c>
      <c r="I436" s="9" t="s">
        <v>55</v>
      </c>
      <c r="J436" s="9" t="s">
        <v>6</v>
      </c>
      <c r="K436" s="6">
        <v>1710</v>
      </c>
      <c r="L436" s="6">
        <v>1356</v>
      </c>
      <c r="M436" s="6">
        <v>718</v>
      </c>
      <c r="N436" s="6">
        <v>38</v>
      </c>
      <c r="O436" s="6">
        <v>600</v>
      </c>
      <c r="P436" s="6">
        <v>38</v>
      </c>
      <c r="Q436" s="6">
        <v>5</v>
      </c>
      <c r="R436" s="6">
        <v>41</v>
      </c>
      <c r="S436" s="6">
        <v>264</v>
      </c>
      <c r="T436" s="6">
        <v>1</v>
      </c>
      <c r="U436" s="6">
        <v>5</v>
      </c>
      <c r="V436" s="6">
        <v>1394</v>
      </c>
    </row>
    <row r="437" spans="1:22">
      <c r="A437" s="9" t="s">
        <v>83</v>
      </c>
      <c r="B437" s="9" t="s">
        <v>57</v>
      </c>
      <c r="C437" s="9" t="s">
        <v>87</v>
      </c>
      <c r="D437" s="9" t="s">
        <v>77</v>
      </c>
      <c r="E437" s="9" t="s">
        <v>57</v>
      </c>
      <c r="F437" s="9" t="s">
        <v>81</v>
      </c>
      <c r="G437" s="9" t="s">
        <v>88</v>
      </c>
      <c r="H437" s="9" t="s">
        <v>54</v>
      </c>
      <c r="I437" s="9" t="s">
        <v>122</v>
      </c>
      <c r="J437" s="9" t="s">
        <v>123</v>
      </c>
      <c r="K437" s="6">
        <v>276</v>
      </c>
      <c r="L437" s="6">
        <v>72</v>
      </c>
      <c r="M437" s="6">
        <v>32</v>
      </c>
      <c r="N437" s="6">
        <v>4</v>
      </c>
      <c r="O437" s="6">
        <v>36</v>
      </c>
      <c r="P437" s="6">
        <v>3</v>
      </c>
      <c r="Q437" s="6">
        <v>1</v>
      </c>
      <c r="R437" s="6">
        <v>6</v>
      </c>
      <c r="S437" s="6">
        <v>194</v>
      </c>
      <c r="T437" s="10" t="s">
        <v>55</v>
      </c>
      <c r="U437" s="10" t="s">
        <v>55</v>
      </c>
      <c r="V437" s="6">
        <v>75</v>
      </c>
    </row>
    <row r="438" spans="1:22">
      <c r="A438" s="9" t="s">
        <v>83</v>
      </c>
      <c r="B438" s="9" t="s">
        <v>57</v>
      </c>
      <c r="C438" s="9" t="s">
        <v>87</v>
      </c>
      <c r="D438" s="9" t="s">
        <v>77</v>
      </c>
      <c r="E438" s="9" t="s">
        <v>57</v>
      </c>
      <c r="F438" s="9" t="s">
        <v>81</v>
      </c>
      <c r="G438" s="9" t="s">
        <v>88</v>
      </c>
      <c r="H438" s="9" t="s">
        <v>54</v>
      </c>
      <c r="I438" s="9" t="s">
        <v>122</v>
      </c>
      <c r="J438" s="9" t="s">
        <v>124</v>
      </c>
      <c r="K438" s="6">
        <v>275</v>
      </c>
      <c r="L438" s="6">
        <v>71</v>
      </c>
      <c r="M438" s="6">
        <v>31</v>
      </c>
      <c r="N438" s="6">
        <v>4</v>
      </c>
      <c r="O438" s="6">
        <v>36</v>
      </c>
      <c r="P438" s="6">
        <v>3</v>
      </c>
      <c r="Q438" s="6">
        <v>1</v>
      </c>
      <c r="R438" s="6">
        <v>6</v>
      </c>
      <c r="S438" s="6">
        <v>194</v>
      </c>
      <c r="T438" s="10" t="s">
        <v>55</v>
      </c>
      <c r="U438" s="10" t="s">
        <v>55</v>
      </c>
      <c r="V438" s="6">
        <v>74</v>
      </c>
    </row>
    <row r="439" spans="1:22">
      <c r="A439" s="9" t="s">
        <v>83</v>
      </c>
      <c r="B439" s="9" t="s">
        <v>57</v>
      </c>
      <c r="C439" s="9" t="s">
        <v>87</v>
      </c>
      <c r="D439" s="9" t="s">
        <v>77</v>
      </c>
      <c r="E439" s="9" t="s">
        <v>57</v>
      </c>
      <c r="F439" s="9" t="s">
        <v>81</v>
      </c>
      <c r="G439" s="9" t="s">
        <v>88</v>
      </c>
      <c r="H439" s="9" t="s">
        <v>54</v>
      </c>
      <c r="I439" s="9" t="s">
        <v>122</v>
      </c>
      <c r="J439" s="9" t="s">
        <v>125</v>
      </c>
      <c r="K439" s="6">
        <v>1</v>
      </c>
      <c r="L439" s="6">
        <v>1</v>
      </c>
      <c r="M439" s="6">
        <v>1</v>
      </c>
      <c r="N439" s="10" t="s">
        <v>55</v>
      </c>
      <c r="O439" s="10" t="s">
        <v>55</v>
      </c>
      <c r="P439" s="10" t="s">
        <v>55</v>
      </c>
      <c r="Q439" s="10" t="s">
        <v>55</v>
      </c>
      <c r="R439" s="10" t="s">
        <v>55</v>
      </c>
      <c r="S439" s="10" t="s">
        <v>55</v>
      </c>
      <c r="T439" s="10" t="s">
        <v>55</v>
      </c>
      <c r="U439" s="10" t="s">
        <v>55</v>
      </c>
      <c r="V439" s="6">
        <v>1</v>
      </c>
    </row>
    <row r="440" spans="1:22">
      <c r="A440" s="9" t="s">
        <v>83</v>
      </c>
      <c r="B440" s="9" t="s">
        <v>57</v>
      </c>
      <c r="C440" s="9" t="s">
        <v>87</v>
      </c>
      <c r="D440" s="9" t="s">
        <v>77</v>
      </c>
      <c r="E440" s="9" t="s">
        <v>57</v>
      </c>
      <c r="F440" s="9" t="s">
        <v>81</v>
      </c>
      <c r="G440" s="9" t="s">
        <v>88</v>
      </c>
      <c r="H440" s="9" t="s">
        <v>54</v>
      </c>
      <c r="I440" s="9" t="s">
        <v>126</v>
      </c>
      <c r="J440" s="9" t="s">
        <v>127</v>
      </c>
      <c r="K440" s="10" t="s">
        <v>55</v>
      </c>
      <c r="L440" s="10" t="s">
        <v>55</v>
      </c>
      <c r="M440" s="10" t="s">
        <v>55</v>
      </c>
      <c r="N440" s="10" t="s">
        <v>55</v>
      </c>
      <c r="O440" s="10" t="s">
        <v>55</v>
      </c>
      <c r="P440" s="10" t="s">
        <v>55</v>
      </c>
      <c r="Q440" s="10" t="s">
        <v>55</v>
      </c>
      <c r="R440" s="10" t="s">
        <v>55</v>
      </c>
      <c r="S440" s="10" t="s">
        <v>55</v>
      </c>
      <c r="T440" s="10" t="s">
        <v>55</v>
      </c>
      <c r="U440" s="10" t="s">
        <v>55</v>
      </c>
      <c r="V440" s="10" t="s">
        <v>55</v>
      </c>
    </row>
    <row r="441" spans="1:22">
      <c r="A441" s="9" t="s">
        <v>83</v>
      </c>
      <c r="B441" s="9" t="s">
        <v>57</v>
      </c>
      <c r="C441" s="9" t="s">
        <v>87</v>
      </c>
      <c r="D441" s="9" t="s">
        <v>77</v>
      </c>
      <c r="E441" s="9" t="s">
        <v>57</v>
      </c>
      <c r="F441" s="9" t="s">
        <v>81</v>
      </c>
      <c r="G441" s="9" t="s">
        <v>88</v>
      </c>
      <c r="H441" s="9" t="s">
        <v>54</v>
      </c>
      <c r="I441" s="9" t="s">
        <v>126</v>
      </c>
      <c r="J441" s="9" t="s">
        <v>128</v>
      </c>
      <c r="K441" s="6">
        <v>45</v>
      </c>
      <c r="L441" s="6">
        <v>28</v>
      </c>
      <c r="M441" s="6">
        <v>23</v>
      </c>
      <c r="N441" s="10" t="s">
        <v>55</v>
      </c>
      <c r="O441" s="6">
        <v>5</v>
      </c>
      <c r="P441" s="6">
        <v>8</v>
      </c>
      <c r="Q441" s="10" t="s">
        <v>55</v>
      </c>
      <c r="R441" s="10" t="s">
        <v>55</v>
      </c>
      <c r="S441" s="6">
        <v>9</v>
      </c>
      <c r="T441" s="10" t="s">
        <v>55</v>
      </c>
      <c r="U441" s="10" t="s">
        <v>55</v>
      </c>
      <c r="V441" s="6">
        <v>36</v>
      </c>
    </row>
    <row r="442" spans="1:22">
      <c r="A442" s="9" t="s">
        <v>83</v>
      </c>
      <c r="B442" s="9" t="s">
        <v>57</v>
      </c>
      <c r="C442" s="9" t="s">
        <v>87</v>
      </c>
      <c r="D442" s="9" t="s">
        <v>77</v>
      </c>
      <c r="E442" s="9" t="s">
        <v>57</v>
      </c>
      <c r="F442" s="9" t="s">
        <v>81</v>
      </c>
      <c r="G442" s="9" t="s">
        <v>88</v>
      </c>
      <c r="H442" s="9" t="s">
        <v>54</v>
      </c>
      <c r="I442" s="9" t="s">
        <v>126</v>
      </c>
      <c r="J442" s="9" t="s">
        <v>129</v>
      </c>
      <c r="K442" s="6">
        <v>172</v>
      </c>
      <c r="L442" s="6">
        <v>143</v>
      </c>
      <c r="M442" s="6">
        <v>66</v>
      </c>
      <c r="N442" s="6">
        <v>6</v>
      </c>
      <c r="O442" s="6">
        <v>71</v>
      </c>
      <c r="P442" s="6">
        <v>5</v>
      </c>
      <c r="Q442" s="10" t="s">
        <v>55</v>
      </c>
      <c r="R442" s="6">
        <v>4</v>
      </c>
      <c r="S442" s="6">
        <v>18</v>
      </c>
      <c r="T442" s="6">
        <v>1</v>
      </c>
      <c r="U442" s="6">
        <v>1</v>
      </c>
      <c r="V442" s="6">
        <v>148</v>
      </c>
    </row>
    <row r="443" spans="1:22">
      <c r="A443" s="9" t="s">
        <v>83</v>
      </c>
      <c r="B443" s="9" t="s">
        <v>57</v>
      </c>
      <c r="C443" s="9" t="s">
        <v>87</v>
      </c>
      <c r="D443" s="9" t="s">
        <v>77</v>
      </c>
      <c r="E443" s="9" t="s">
        <v>57</v>
      </c>
      <c r="F443" s="9" t="s">
        <v>81</v>
      </c>
      <c r="G443" s="9" t="s">
        <v>88</v>
      </c>
      <c r="H443" s="9" t="s">
        <v>54</v>
      </c>
      <c r="I443" s="9" t="s">
        <v>130</v>
      </c>
      <c r="J443" s="9" t="s">
        <v>131</v>
      </c>
      <c r="K443" s="6">
        <v>2</v>
      </c>
      <c r="L443" s="6">
        <v>2</v>
      </c>
      <c r="M443" s="6">
        <v>1</v>
      </c>
      <c r="N443" s="10" t="s">
        <v>55</v>
      </c>
      <c r="O443" s="6">
        <v>1</v>
      </c>
      <c r="P443" s="10" t="s">
        <v>55</v>
      </c>
      <c r="Q443" s="10" t="s">
        <v>55</v>
      </c>
      <c r="R443" s="10" t="s">
        <v>55</v>
      </c>
      <c r="S443" s="10" t="s">
        <v>55</v>
      </c>
      <c r="T443" s="10" t="s">
        <v>55</v>
      </c>
      <c r="U443" s="10" t="s">
        <v>55</v>
      </c>
      <c r="V443" s="6">
        <v>2</v>
      </c>
    </row>
    <row r="444" spans="1:22">
      <c r="A444" s="9" t="s">
        <v>83</v>
      </c>
      <c r="B444" s="9" t="s">
        <v>57</v>
      </c>
      <c r="C444" s="9" t="s">
        <v>87</v>
      </c>
      <c r="D444" s="9" t="s">
        <v>77</v>
      </c>
      <c r="E444" s="9" t="s">
        <v>57</v>
      </c>
      <c r="F444" s="9" t="s">
        <v>81</v>
      </c>
      <c r="G444" s="9" t="s">
        <v>88</v>
      </c>
      <c r="H444" s="9" t="s">
        <v>54</v>
      </c>
      <c r="I444" s="9" t="s">
        <v>130</v>
      </c>
      <c r="J444" s="9" t="s">
        <v>132</v>
      </c>
      <c r="K444" s="6">
        <v>1</v>
      </c>
      <c r="L444" s="6">
        <v>1</v>
      </c>
      <c r="M444" s="6">
        <v>1</v>
      </c>
      <c r="N444" s="10" t="s">
        <v>55</v>
      </c>
      <c r="O444" s="10" t="s">
        <v>55</v>
      </c>
      <c r="P444" s="10" t="s">
        <v>55</v>
      </c>
      <c r="Q444" s="10" t="s">
        <v>55</v>
      </c>
      <c r="R444" s="10" t="s">
        <v>55</v>
      </c>
      <c r="S444" s="10" t="s">
        <v>55</v>
      </c>
      <c r="T444" s="10" t="s">
        <v>55</v>
      </c>
      <c r="U444" s="10" t="s">
        <v>55</v>
      </c>
      <c r="V444" s="6">
        <v>1</v>
      </c>
    </row>
    <row r="445" spans="1:22">
      <c r="A445" s="9" t="s">
        <v>83</v>
      </c>
      <c r="B445" s="9" t="s">
        <v>57</v>
      </c>
      <c r="C445" s="9" t="s">
        <v>87</v>
      </c>
      <c r="D445" s="9" t="s">
        <v>77</v>
      </c>
      <c r="E445" s="9" t="s">
        <v>57</v>
      </c>
      <c r="F445" s="9" t="s">
        <v>81</v>
      </c>
      <c r="G445" s="9" t="s">
        <v>88</v>
      </c>
      <c r="H445" s="9" t="s">
        <v>54</v>
      </c>
      <c r="I445" s="9" t="s">
        <v>130</v>
      </c>
      <c r="J445" s="9" t="s">
        <v>133</v>
      </c>
      <c r="K445" s="6">
        <v>24</v>
      </c>
      <c r="L445" s="6">
        <v>23</v>
      </c>
      <c r="M445" s="6">
        <v>13</v>
      </c>
      <c r="N445" s="6">
        <v>2</v>
      </c>
      <c r="O445" s="6">
        <v>8</v>
      </c>
      <c r="P445" s="10" t="s">
        <v>55</v>
      </c>
      <c r="Q445" s="10" t="s">
        <v>55</v>
      </c>
      <c r="R445" s="10" t="s">
        <v>55</v>
      </c>
      <c r="S445" s="6">
        <v>1</v>
      </c>
      <c r="T445" s="10" t="s">
        <v>55</v>
      </c>
      <c r="U445" s="10" t="s">
        <v>55</v>
      </c>
      <c r="V445" s="6">
        <v>23</v>
      </c>
    </row>
    <row r="446" spans="1:22">
      <c r="A446" s="9" t="s">
        <v>83</v>
      </c>
      <c r="B446" s="9" t="s">
        <v>57</v>
      </c>
      <c r="C446" s="9" t="s">
        <v>87</v>
      </c>
      <c r="D446" s="9" t="s">
        <v>77</v>
      </c>
      <c r="E446" s="9" t="s">
        <v>57</v>
      </c>
      <c r="F446" s="9" t="s">
        <v>81</v>
      </c>
      <c r="G446" s="9" t="s">
        <v>88</v>
      </c>
      <c r="H446" s="9" t="s">
        <v>54</v>
      </c>
      <c r="I446" s="9" t="s">
        <v>130</v>
      </c>
      <c r="J446" s="9" t="s">
        <v>134</v>
      </c>
      <c r="K446" s="6">
        <v>308</v>
      </c>
      <c r="L446" s="6">
        <v>274</v>
      </c>
      <c r="M446" s="6">
        <v>86</v>
      </c>
      <c r="N446" s="6">
        <v>4</v>
      </c>
      <c r="O446" s="6">
        <v>184</v>
      </c>
      <c r="P446" s="6">
        <v>11</v>
      </c>
      <c r="Q446" s="10" t="s">
        <v>55</v>
      </c>
      <c r="R446" s="6">
        <v>4</v>
      </c>
      <c r="S446" s="6">
        <v>19</v>
      </c>
      <c r="T446" s="10" t="s">
        <v>55</v>
      </c>
      <c r="U446" s="10" t="s">
        <v>55</v>
      </c>
      <c r="V446" s="6">
        <v>285</v>
      </c>
    </row>
    <row r="447" spans="1:22">
      <c r="A447" s="9" t="s">
        <v>83</v>
      </c>
      <c r="B447" s="9" t="s">
        <v>57</v>
      </c>
      <c r="C447" s="9" t="s">
        <v>87</v>
      </c>
      <c r="D447" s="9" t="s">
        <v>77</v>
      </c>
      <c r="E447" s="9" t="s">
        <v>57</v>
      </c>
      <c r="F447" s="9" t="s">
        <v>81</v>
      </c>
      <c r="G447" s="9" t="s">
        <v>88</v>
      </c>
      <c r="H447" s="9" t="s">
        <v>54</v>
      </c>
      <c r="I447" s="9" t="s">
        <v>130</v>
      </c>
      <c r="J447" s="9" t="s">
        <v>135</v>
      </c>
      <c r="K447" s="6">
        <v>33</v>
      </c>
      <c r="L447" s="6">
        <v>32</v>
      </c>
      <c r="M447" s="6">
        <v>25</v>
      </c>
      <c r="N447" s="10" t="s">
        <v>55</v>
      </c>
      <c r="O447" s="6">
        <v>7</v>
      </c>
      <c r="P447" s="6">
        <v>1</v>
      </c>
      <c r="Q447" s="10" t="s">
        <v>55</v>
      </c>
      <c r="R447" s="10" t="s">
        <v>55</v>
      </c>
      <c r="S447" s="10" t="s">
        <v>55</v>
      </c>
      <c r="T447" s="10" t="s">
        <v>55</v>
      </c>
      <c r="U447" s="10" t="s">
        <v>55</v>
      </c>
      <c r="V447" s="6">
        <v>33</v>
      </c>
    </row>
    <row r="448" spans="1:22">
      <c r="A448" s="9" t="s">
        <v>83</v>
      </c>
      <c r="B448" s="9" t="s">
        <v>57</v>
      </c>
      <c r="C448" s="9" t="s">
        <v>87</v>
      </c>
      <c r="D448" s="9" t="s">
        <v>77</v>
      </c>
      <c r="E448" s="9" t="s">
        <v>57</v>
      </c>
      <c r="F448" s="9" t="s">
        <v>81</v>
      </c>
      <c r="G448" s="9" t="s">
        <v>88</v>
      </c>
      <c r="H448" s="9" t="s">
        <v>54</v>
      </c>
      <c r="I448" s="9" t="s">
        <v>130</v>
      </c>
      <c r="J448" s="9" t="s">
        <v>136</v>
      </c>
      <c r="K448" s="6">
        <v>13</v>
      </c>
      <c r="L448" s="6">
        <v>12</v>
      </c>
      <c r="M448" s="6">
        <v>8</v>
      </c>
      <c r="N448" s="10" t="s">
        <v>55</v>
      </c>
      <c r="O448" s="6">
        <v>4</v>
      </c>
      <c r="P448" s="10" t="s">
        <v>55</v>
      </c>
      <c r="Q448" s="10" t="s">
        <v>55</v>
      </c>
      <c r="R448" s="10" t="s">
        <v>55</v>
      </c>
      <c r="S448" s="6">
        <v>1</v>
      </c>
      <c r="T448" s="10" t="s">
        <v>55</v>
      </c>
      <c r="U448" s="10" t="s">
        <v>55</v>
      </c>
      <c r="V448" s="6">
        <v>12</v>
      </c>
    </row>
    <row r="449" spans="1:22">
      <c r="A449" s="9" t="s">
        <v>83</v>
      </c>
      <c r="B449" s="9" t="s">
        <v>57</v>
      </c>
      <c r="C449" s="9" t="s">
        <v>87</v>
      </c>
      <c r="D449" s="9" t="s">
        <v>77</v>
      </c>
      <c r="E449" s="9" t="s">
        <v>57</v>
      </c>
      <c r="F449" s="9" t="s">
        <v>81</v>
      </c>
      <c r="G449" s="9" t="s">
        <v>88</v>
      </c>
      <c r="H449" s="9" t="s">
        <v>54</v>
      </c>
      <c r="I449" s="9" t="s">
        <v>130</v>
      </c>
      <c r="J449" s="9" t="s">
        <v>137</v>
      </c>
      <c r="K449" s="6">
        <v>18</v>
      </c>
      <c r="L449" s="6">
        <v>15</v>
      </c>
      <c r="M449" s="6">
        <v>7</v>
      </c>
      <c r="N449" s="10" t="s">
        <v>55</v>
      </c>
      <c r="O449" s="6">
        <v>8</v>
      </c>
      <c r="P449" s="10" t="s">
        <v>55</v>
      </c>
      <c r="Q449" s="10" t="s">
        <v>55</v>
      </c>
      <c r="R449" s="6">
        <v>3</v>
      </c>
      <c r="S449" s="10" t="s">
        <v>55</v>
      </c>
      <c r="T449" s="10" t="s">
        <v>55</v>
      </c>
      <c r="U449" s="10" t="s">
        <v>55</v>
      </c>
      <c r="V449" s="6">
        <v>15</v>
      </c>
    </row>
    <row r="450" spans="1:22">
      <c r="A450" s="9" t="s">
        <v>83</v>
      </c>
      <c r="B450" s="9" t="s">
        <v>57</v>
      </c>
      <c r="C450" s="9" t="s">
        <v>87</v>
      </c>
      <c r="D450" s="9" t="s">
        <v>77</v>
      </c>
      <c r="E450" s="9" t="s">
        <v>57</v>
      </c>
      <c r="F450" s="9" t="s">
        <v>81</v>
      </c>
      <c r="G450" s="9" t="s">
        <v>88</v>
      </c>
      <c r="H450" s="9" t="s">
        <v>54</v>
      </c>
      <c r="I450" s="9" t="s">
        <v>130</v>
      </c>
      <c r="J450" s="9" t="s">
        <v>138</v>
      </c>
      <c r="K450" s="6">
        <v>59</v>
      </c>
      <c r="L450" s="6">
        <v>52</v>
      </c>
      <c r="M450" s="6">
        <v>14</v>
      </c>
      <c r="N450" s="6">
        <v>5</v>
      </c>
      <c r="O450" s="6">
        <v>33</v>
      </c>
      <c r="P450" s="10" t="s">
        <v>55</v>
      </c>
      <c r="Q450" s="6">
        <v>1</v>
      </c>
      <c r="R450" s="6">
        <v>3</v>
      </c>
      <c r="S450" s="6">
        <v>3</v>
      </c>
      <c r="T450" s="10" t="s">
        <v>55</v>
      </c>
      <c r="U450" s="10" t="s">
        <v>55</v>
      </c>
      <c r="V450" s="6">
        <v>52</v>
      </c>
    </row>
    <row r="451" spans="1:22">
      <c r="A451" s="9" t="s">
        <v>83</v>
      </c>
      <c r="B451" s="9" t="s">
        <v>57</v>
      </c>
      <c r="C451" s="9" t="s">
        <v>87</v>
      </c>
      <c r="D451" s="9" t="s">
        <v>77</v>
      </c>
      <c r="E451" s="9" t="s">
        <v>57</v>
      </c>
      <c r="F451" s="9" t="s">
        <v>81</v>
      </c>
      <c r="G451" s="9" t="s">
        <v>88</v>
      </c>
      <c r="H451" s="9" t="s">
        <v>54</v>
      </c>
      <c r="I451" s="9" t="s">
        <v>130</v>
      </c>
      <c r="J451" s="9" t="s">
        <v>139</v>
      </c>
      <c r="K451" s="6">
        <v>55</v>
      </c>
      <c r="L451" s="6">
        <v>37</v>
      </c>
      <c r="M451" s="6">
        <v>18</v>
      </c>
      <c r="N451" s="10" t="s">
        <v>55</v>
      </c>
      <c r="O451" s="6">
        <v>19</v>
      </c>
      <c r="P451" s="6">
        <v>1</v>
      </c>
      <c r="Q451" s="6">
        <v>3</v>
      </c>
      <c r="R451" s="6">
        <v>9</v>
      </c>
      <c r="S451" s="6">
        <v>5</v>
      </c>
      <c r="T451" s="10" t="s">
        <v>55</v>
      </c>
      <c r="U451" s="10" t="s">
        <v>55</v>
      </c>
      <c r="V451" s="6">
        <v>38</v>
      </c>
    </row>
    <row r="452" spans="1:22">
      <c r="A452" s="9" t="s">
        <v>83</v>
      </c>
      <c r="B452" s="9" t="s">
        <v>57</v>
      </c>
      <c r="C452" s="9" t="s">
        <v>87</v>
      </c>
      <c r="D452" s="9" t="s">
        <v>77</v>
      </c>
      <c r="E452" s="9" t="s">
        <v>57</v>
      </c>
      <c r="F452" s="9" t="s">
        <v>81</v>
      </c>
      <c r="G452" s="9" t="s">
        <v>88</v>
      </c>
      <c r="H452" s="9" t="s">
        <v>54</v>
      </c>
      <c r="I452" s="9" t="s">
        <v>130</v>
      </c>
      <c r="J452" s="9" t="s">
        <v>140</v>
      </c>
      <c r="K452" s="6">
        <v>71</v>
      </c>
      <c r="L452" s="6">
        <v>64</v>
      </c>
      <c r="M452" s="6">
        <v>43</v>
      </c>
      <c r="N452" s="10" t="s">
        <v>55</v>
      </c>
      <c r="O452" s="6">
        <v>21</v>
      </c>
      <c r="P452" s="10" t="s">
        <v>55</v>
      </c>
      <c r="Q452" s="10" t="s">
        <v>55</v>
      </c>
      <c r="R452" s="6">
        <v>7</v>
      </c>
      <c r="S452" s="10" t="s">
        <v>55</v>
      </c>
      <c r="T452" s="10" t="s">
        <v>55</v>
      </c>
      <c r="U452" s="10" t="s">
        <v>55</v>
      </c>
      <c r="V452" s="6">
        <v>64</v>
      </c>
    </row>
    <row r="453" spans="1:22">
      <c r="A453" s="9" t="s">
        <v>83</v>
      </c>
      <c r="B453" s="9" t="s">
        <v>57</v>
      </c>
      <c r="C453" s="9" t="s">
        <v>87</v>
      </c>
      <c r="D453" s="9" t="s">
        <v>77</v>
      </c>
      <c r="E453" s="9" t="s">
        <v>57</v>
      </c>
      <c r="F453" s="9" t="s">
        <v>81</v>
      </c>
      <c r="G453" s="9" t="s">
        <v>88</v>
      </c>
      <c r="H453" s="9" t="s">
        <v>54</v>
      </c>
      <c r="I453" s="9" t="s">
        <v>130</v>
      </c>
      <c r="J453" s="9" t="s">
        <v>141</v>
      </c>
      <c r="K453" s="6">
        <v>510</v>
      </c>
      <c r="L453" s="6">
        <v>496</v>
      </c>
      <c r="M453" s="6">
        <v>313</v>
      </c>
      <c r="N453" s="6">
        <v>8</v>
      </c>
      <c r="O453" s="6">
        <v>175</v>
      </c>
      <c r="P453" s="6">
        <v>7</v>
      </c>
      <c r="Q453" s="10" t="s">
        <v>55</v>
      </c>
      <c r="R453" s="6">
        <v>2</v>
      </c>
      <c r="S453" s="6">
        <v>4</v>
      </c>
      <c r="T453" s="10" t="s">
        <v>55</v>
      </c>
      <c r="U453" s="6">
        <v>1</v>
      </c>
      <c r="V453" s="6">
        <v>503</v>
      </c>
    </row>
    <row r="454" spans="1:22">
      <c r="A454" s="9" t="s">
        <v>83</v>
      </c>
      <c r="B454" s="9" t="s">
        <v>57</v>
      </c>
      <c r="C454" s="9" t="s">
        <v>87</v>
      </c>
      <c r="D454" s="9" t="s">
        <v>77</v>
      </c>
      <c r="E454" s="9" t="s">
        <v>57</v>
      </c>
      <c r="F454" s="9" t="s">
        <v>81</v>
      </c>
      <c r="G454" s="9" t="s">
        <v>88</v>
      </c>
      <c r="H454" s="9" t="s">
        <v>54</v>
      </c>
      <c r="I454" s="9" t="s">
        <v>130</v>
      </c>
      <c r="J454" s="9" t="s">
        <v>142</v>
      </c>
      <c r="K454" s="6">
        <v>16</v>
      </c>
      <c r="L454" s="6">
        <v>16</v>
      </c>
      <c r="M454" s="6">
        <v>13</v>
      </c>
      <c r="N454" s="10" t="s">
        <v>55</v>
      </c>
      <c r="O454" s="6">
        <v>3</v>
      </c>
      <c r="P454" s="10" t="s">
        <v>55</v>
      </c>
      <c r="Q454" s="10" t="s">
        <v>55</v>
      </c>
      <c r="R454" s="10" t="s">
        <v>55</v>
      </c>
      <c r="S454" s="10" t="s">
        <v>55</v>
      </c>
      <c r="T454" s="10" t="s">
        <v>55</v>
      </c>
      <c r="U454" s="10" t="s">
        <v>55</v>
      </c>
      <c r="V454" s="6">
        <v>16</v>
      </c>
    </row>
    <row r="455" spans="1:22">
      <c r="A455" s="9" t="s">
        <v>83</v>
      </c>
      <c r="B455" s="9" t="s">
        <v>57</v>
      </c>
      <c r="C455" s="9" t="s">
        <v>87</v>
      </c>
      <c r="D455" s="9" t="s">
        <v>77</v>
      </c>
      <c r="E455" s="9" t="s">
        <v>57</v>
      </c>
      <c r="F455" s="9" t="s">
        <v>81</v>
      </c>
      <c r="G455" s="9" t="s">
        <v>88</v>
      </c>
      <c r="H455" s="9" t="s">
        <v>54</v>
      </c>
      <c r="I455" s="9" t="s">
        <v>130</v>
      </c>
      <c r="J455" s="9" t="s">
        <v>143</v>
      </c>
      <c r="K455" s="6">
        <v>66</v>
      </c>
      <c r="L455" s="6">
        <v>51</v>
      </c>
      <c r="M455" s="6">
        <v>31</v>
      </c>
      <c r="N455" s="6">
        <v>4</v>
      </c>
      <c r="O455" s="6">
        <v>16</v>
      </c>
      <c r="P455" s="6">
        <v>2</v>
      </c>
      <c r="Q455" s="10" t="s">
        <v>55</v>
      </c>
      <c r="R455" s="6">
        <v>3</v>
      </c>
      <c r="S455" s="6">
        <v>10</v>
      </c>
      <c r="T455" s="10" t="s">
        <v>55</v>
      </c>
      <c r="U455" s="10" t="s">
        <v>55</v>
      </c>
      <c r="V455" s="6">
        <v>53</v>
      </c>
    </row>
    <row r="456" spans="1:22">
      <c r="A456" s="9" t="s">
        <v>83</v>
      </c>
      <c r="B456" s="9" t="s">
        <v>57</v>
      </c>
      <c r="C456" s="9" t="s">
        <v>87</v>
      </c>
      <c r="D456" s="9" t="s">
        <v>77</v>
      </c>
      <c r="E456" s="9" t="s">
        <v>57</v>
      </c>
      <c r="F456" s="9" t="s">
        <v>81</v>
      </c>
      <c r="G456" s="9" t="s">
        <v>88</v>
      </c>
      <c r="H456" s="9" t="s">
        <v>54</v>
      </c>
      <c r="I456" s="9" t="s">
        <v>130</v>
      </c>
      <c r="J456" s="9" t="s">
        <v>144</v>
      </c>
      <c r="K456" s="6">
        <v>29</v>
      </c>
      <c r="L456" s="6">
        <v>29</v>
      </c>
      <c r="M456" s="6">
        <v>22</v>
      </c>
      <c r="N456" s="10" t="s">
        <v>55</v>
      </c>
      <c r="O456" s="6">
        <v>7</v>
      </c>
      <c r="P456" s="10" t="s">
        <v>55</v>
      </c>
      <c r="Q456" s="10" t="s">
        <v>55</v>
      </c>
      <c r="R456" s="10" t="s">
        <v>55</v>
      </c>
      <c r="S456" s="10" t="s">
        <v>55</v>
      </c>
      <c r="T456" s="10" t="s">
        <v>55</v>
      </c>
      <c r="U456" s="10" t="s">
        <v>55</v>
      </c>
      <c r="V456" s="6">
        <v>29</v>
      </c>
    </row>
    <row r="457" spans="1:22">
      <c r="A457" s="9" t="s">
        <v>83</v>
      </c>
      <c r="B457" s="9" t="s">
        <v>57</v>
      </c>
      <c r="C457" s="9" t="s">
        <v>87</v>
      </c>
      <c r="D457" s="9" t="s">
        <v>77</v>
      </c>
      <c r="E457" s="9" t="s">
        <v>57</v>
      </c>
      <c r="F457" s="9" t="s">
        <v>81</v>
      </c>
      <c r="G457" s="9" t="s">
        <v>88</v>
      </c>
      <c r="H457" s="9" t="s">
        <v>54</v>
      </c>
      <c r="I457" s="9" t="s">
        <v>55</v>
      </c>
      <c r="J457" s="9" t="s">
        <v>145</v>
      </c>
      <c r="K457" s="6">
        <v>11</v>
      </c>
      <c r="L457" s="6">
        <v>8</v>
      </c>
      <c r="M457" s="6">
        <v>1</v>
      </c>
      <c r="N457" s="6">
        <v>5</v>
      </c>
      <c r="O457" s="6">
        <v>2</v>
      </c>
      <c r="P457" s="10" t="s">
        <v>55</v>
      </c>
      <c r="Q457" s="10" t="s">
        <v>55</v>
      </c>
      <c r="R457" s="10" t="s">
        <v>55</v>
      </c>
      <c r="S457" s="10" t="s">
        <v>55</v>
      </c>
      <c r="T457" s="10" t="s">
        <v>55</v>
      </c>
      <c r="U457" s="6">
        <v>3</v>
      </c>
      <c r="V457" s="6">
        <v>8</v>
      </c>
    </row>
    <row r="458" spans="1:22">
      <c r="A458" s="9" t="s">
        <v>83</v>
      </c>
      <c r="B458" s="9" t="s">
        <v>57</v>
      </c>
      <c r="C458" s="9" t="s">
        <v>87</v>
      </c>
      <c r="D458" s="9" t="s">
        <v>77</v>
      </c>
      <c r="E458" s="9" t="s">
        <v>57</v>
      </c>
      <c r="F458" s="9" t="s">
        <v>81</v>
      </c>
      <c r="G458" s="9" t="s">
        <v>88</v>
      </c>
      <c r="H458" s="9" t="s">
        <v>54</v>
      </c>
      <c r="I458" s="9" t="s">
        <v>55</v>
      </c>
      <c r="J458" s="9" t="s">
        <v>146</v>
      </c>
      <c r="K458" s="6">
        <v>277</v>
      </c>
      <c r="L458" s="6">
        <v>73</v>
      </c>
      <c r="M458" s="6">
        <v>33</v>
      </c>
      <c r="N458" s="6">
        <v>4</v>
      </c>
      <c r="O458" s="6">
        <v>36</v>
      </c>
      <c r="P458" s="6">
        <v>3</v>
      </c>
      <c r="Q458" s="6">
        <v>1</v>
      </c>
      <c r="R458" s="6">
        <v>6</v>
      </c>
      <c r="S458" s="6">
        <v>194</v>
      </c>
      <c r="T458" s="10" t="s">
        <v>55</v>
      </c>
      <c r="U458" s="10" t="s">
        <v>55</v>
      </c>
      <c r="V458" s="6">
        <v>76</v>
      </c>
    </row>
    <row r="459" spans="1:22">
      <c r="A459" s="9" t="s">
        <v>83</v>
      </c>
      <c r="B459" s="9" t="s">
        <v>57</v>
      </c>
      <c r="C459" s="9" t="s">
        <v>87</v>
      </c>
      <c r="D459" s="9" t="s">
        <v>77</v>
      </c>
      <c r="E459" s="9" t="s">
        <v>57</v>
      </c>
      <c r="F459" s="9" t="s">
        <v>81</v>
      </c>
      <c r="G459" s="9" t="s">
        <v>88</v>
      </c>
      <c r="H459" s="9" t="s">
        <v>54</v>
      </c>
      <c r="I459" s="9" t="s">
        <v>55</v>
      </c>
      <c r="J459" s="9" t="s">
        <v>147</v>
      </c>
      <c r="K459" s="6">
        <v>217</v>
      </c>
      <c r="L459" s="6">
        <v>171</v>
      </c>
      <c r="M459" s="6">
        <v>89</v>
      </c>
      <c r="N459" s="6">
        <v>6</v>
      </c>
      <c r="O459" s="6">
        <v>76</v>
      </c>
      <c r="P459" s="6">
        <v>13</v>
      </c>
      <c r="Q459" s="10" t="s">
        <v>55</v>
      </c>
      <c r="R459" s="6">
        <v>4</v>
      </c>
      <c r="S459" s="6">
        <v>27</v>
      </c>
      <c r="T459" s="6">
        <v>1</v>
      </c>
      <c r="U459" s="6">
        <v>1</v>
      </c>
      <c r="V459" s="6">
        <v>184</v>
      </c>
    </row>
    <row r="460" spans="1:22">
      <c r="A460" s="9" t="s">
        <v>83</v>
      </c>
      <c r="B460" s="9" t="s">
        <v>57</v>
      </c>
      <c r="C460" s="9" t="s">
        <v>87</v>
      </c>
      <c r="D460" s="9" t="s">
        <v>77</v>
      </c>
      <c r="E460" s="9" t="s">
        <v>57</v>
      </c>
      <c r="F460" s="9" t="s">
        <v>81</v>
      </c>
      <c r="G460" s="9" t="s">
        <v>88</v>
      </c>
      <c r="H460" s="9" t="s">
        <v>54</v>
      </c>
      <c r="I460" s="9" t="s">
        <v>55</v>
      </c>
      <c r="J460" s="9" t="s">
        <v>148</v>
      </c>
      <c r="K460" s="6">
        <v>1205</v>
      </c>
      <c r="L460" s="6">
        <v>1104</v>
      </c>
      <c r="M460" s="6">
        <v>595</v>
      </c>
      <c r="N460" s="6">
        <v>23</v>
      </c>
      <c r="O460" s="6">
        <v>486</v>
      </c>
      <c r="P460" s="6">
        <v>22</v>
      </c>
      <c r="Q460" s="6">
        <v>4</v>
      </c>
      <c r="R460" s="6">
        <v>31</v>
      </c>
      <c r="S460" s="6">
        <v>43</v>
      </c>
      <c r="T460" s="10" t="s">
        <v>55</v>
      </c>
      <c r="U460" s="6">
        <v>1</v>
      </c>
      <c r="V460" s="6">
        <v>1126</v>
      </c>
    </row>
    <row r="461" spans="1:22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6</v>
      </c>
      <c r="I461" s="9" t="s">
        <v>55</v>
      </c>
      <c r="J461" s="9" t="s">
        <v>6</v>
      </c>
      <c r="K461" s="6">
        <v>6671</v>
      </c>
      <c r="L461" s="6">
        <v>4572</v>
      </c>
      <c r="M461" s="6">
        <v>2969</v>
      </c>
      <c r="N461" s="6">
        <v>107</v>
      </c>
      <c r="O461" s="6">
        <v>1496</v>
      </c>
      <c r="P461" s="6">
        <v>290</v>
      </c>
      <c r="Q461" s="6">
        <v>258</v>
      </c>
      <c r="R461" s="6">
        <v>688</v>
      </c>
      <c r="S461" s="6">
        <v>813</v>
      </c>
      <c r="T461" s="6">
        <v>3</v>
      </c>
      <c r="U461" s="6">
        <v>47</v>
      </c>
      <c r="V461" s="6">
        <v>4862</v>
      </c>
    </row>
    <row r="462" spans="1:22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6</v>
      </c>
      <c r="I462" s="9" t="s">
        <v>122</v>
      </c>
      <c r="J462" s="9" t="s">
        <v>123</v>
      </c>
      <c r="K462" s="6">
        <v>1625</v>
      </c>
      <c r="L462" s="6">
        <v>467</v>
      </c>
      <c r="M462" s="6">
        <v>150</v>
      </c>
      <c r="N462" s="6">
        <v>12</v>
      </c>
      <c r="O462" s="6">
        <v>305</v>
      </c>
      <c r="P462" s="6">
        <v>38</v>
      </c>
      <c r="Q462" s="6">
        <v>144</v>
      </c>
      <c r="R462" s="6">
        <v>342</v>
      </c>
      <c r="S462" s="6">
        <v>631</v>
      </c>
      <c r="T462" s="10" t="s">
        <v>55</v>
      </c>
      <c r="U462" s="6">
        <v>3</v>
      </c>
      <c r="V462" s="6">
        <v>505</v>
      </c>
    </row>
    <row r="463" spans="1:22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6</v>
      </c>
      <c r="I463" s="9" t="s">
        <v>122</v>
      </c>
      <c r="J463" s="9" t="s">
        <v>124</v>
      </c>
      <c r="K463" s="6">
        <v>1617</v>
      </c>
      <c r="L463" s="6">
        <v>460</v>
      </c>
      <c r="M463" s="6">
        <v>144</v>
      </c>
      <c r="N463" s="6">
        <v>12</v>
      </c>
      <c r="O463" s="6">
        <v>304</v>
      </c>
      <c r="P463" s="6">
        <v>37</v>
      </c>
      <c r="Q463" s="6">
        <v>144</v>
      </c>
      <c r="R463" s="6">
        <v>342</v>
      </c>
      <c r="S463" s="6">
        <v>631</v>
      </c>
      <c r="T463" s="10" t="s">
        <v>55</v>
      </c>
      <c r="U463" s="6">
        <v>3</v>
      </c>
      <c r="V463" s="6">
        <v>497</v>
      </c>
    </row>
    <row r="464" spans="1:22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6</v>
      </c>
      <c r="I464" s="9" t="s">
        <v>122</v>
      </c>
      <c r="J464" s="9" t="s">
        <v>125</v>
      </c>
      <c r="K464" s="6">
        <v>39</v>
      </c>
      <c r="L464" s="6">
        <v>4</v>
      </c>
      <c r="M464" s="6">
        <v>3</v>
      </c>
      <c r="N464" s="10" t="s">
        <v>55</v>
      </c>
      <c r="O464" s="6">
        <v>1</v>
      </c>
      <c r="P464" s="10" t="s">
        <v>55</v>
      </c>
      <c r="Q464" s="10" t="s">
        <v>55</v>
      </c>
      <c r="R464" s="6">
        <v>20</v>
      </c>
      <c r="S464" s="6">
        <v>15</v>
      </c>
      <c r="T464" s="10" t="s">
        <v>55</v>
      </c>
      <c r="U464" s="10" t="s">
        <v>55</v>
      </c>
      <c r="V464" s="6">
        <v>4</v>
      </c>
    </row>
    <row r="465" spans="1:22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6</v>
      </c>
      <c r="I465" s="9" t="s">
        <v>126</v>
      </c>
      <c r="J465" s="9" t="s">
        <v>127</v>
      </c>
      <c r="K465" s="6">
        <v>2</v>
      </c>
      <c r="L465" s="6">
        <v>1</v>
      </c>
      <c r="M465" s="6">
        <v>1</v>
      </c>
      <c r="N465" s="10" t="s">
        <v>55</v>
      </c>
      <c r="O465" s="10" t="s">
        <v>55</v>
      </c>
      <c r="P465" s="6">
        <v>1</v>
      </c>
      <c r="Q465" s="10" t="s">
        <v>55</v>
      </c>
      <c r="R465" s="10" t="s">
        <v>55</v>
      </c>
      <c r="S465" s="10" t="s">
        <v>55</v>
      </c>
      <c r="T465" s="10" t="s">
        <v>55</v>
      </c>
      <c r="U465" s="10" t="s">
        <v>55</v>
      </c>
      <c r="V465" s="6">
        <v>2</v>
      </c>
    </row>
    <row r="466" spans="1:22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6</v>
      </c>
      <c r="I466" s="9" t="s">
        <v>126</v>
      </c>
      <c r="J466" s="9" t="s">
        <v>128</v>
      </c>
      <c r="K466" s="6">
        <v>541</v>
      </c>
      <c r="L466" s="6">
        <v>348</v>
      </c>
      <c r="M466" s="6">
        <v>300</v>
      </c>
      <c r="N466" s="6">
        <v>1</v>
      </c>
      <c r="O466" s="6">
        <v>47</v>
      </c>
      <c r="P466" s="6">
        <v>72</v>
      </c>
      <c r="Q466" s="6">
        <v>24</v>
      </c>
      <c r="R466" s="6">
        <v>72</v>
      </c>
      <c r="S466" s="6">
        <v>25</v>
      </c>
      <c r="T466" s="10" t="s">
        <v>55</v>
      </c>
      <c r="U466" s="10" t="s">
        <v>55</v>
      </c>
      <c r="V466" s="6">
        <v>420</v>
      </c>
    </row>
    <row r="467" spans="1:22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6</v>
      </c>
      <c r="I467" s="9" t="s">
        <v>126</v>
      </c>
      <c r="J467" s="9" t="s">
        <v>129</v>
      </c>
      <c r="K467" s="6">
        <v>789</v>
      </c>
      <c r="L467" s="6">
        <v>688</v>
      </c>
      <c r="M467" s="6">
        <v>540</v>
      </c>
      <c r="N467" s="6">
        <v>33</v>
      </c>
      <c r="O467" s="6">
        <v>115</v>
      </c>
      <c r="P467" s="6">
        <v>31</v>
      </c>
      <c r="Q467" s="6">
        <v>9</v>
      </c>
      <c r="R467" s="6">
        <v>32</v>
      </c>
      <c r="S467" s="6">
        <v>24</v>
      </c>
      <c r="T467" s="6">
        <v>2</v>
      </c>
      <c r="U467" s="6">
        <v>3</v>
      </c>
      <c r="V467" s="6">
        <v>719</v>
      </c>
    </row>
    <row r="468" spans="1:22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6</v>
      </c>
      <c r="I468" s="9" t="s">
        <v>130</v>
      </c>
      <c r="J468" s="9" t="s">
        <v>131</v>
      </c>
      <c r="K468" s="6">
        <v>17</v>
      </c>
      <c r="L468" s="6">
        <v>17</v>
      </c>
      <c r="M468" s="6">
        <v>14</v>
      </c>
      <c r="N468" s="6">
        <v>1</v>
      </c>
      <c r="O468" s="6">
        <v>2</v>
      </c>
      <c r="P468" s="10" t="s">
        <v>55</v>
      </c>
      <c r="Q468" s="10" t="s">
        <v>55</v>
      </c>
      <c r="R468" s="10" t="s">
        <v>55</v>
      </c>
      <c r="S468" s="10" t="s">
        <v>55</v>
      </c>
      <c r="T468" s="10" t="s">
        <v>55</v>
      </c>
      <c r="U468" s="10" t="s">
        <v>55</v>
      </c>
      <c r="V468" s="6">
        <v>17</v>
      </c>
    </row>
    <row r="469" spans="1:22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6</v>
      </c>
      <c r="I469" s="9" t="s">
        <v>130</v>
      </c>
      <c r="J469" s="9" t="s">
        <v>132</v>
      </c>
      <c r="K469" s="6">
        <v>19</v>
      </c>
      <c r="L469" s="6">
        <v>14</v>
      </c>
      <c r="M469" s="6">
        <v>12</v>
      </c>
      <c r="N469" s="10" t="s">
        <v>55</v>
      </c>
      <c r="O469" s="6">
        <v>2</v>
      </c>
      <c r="P469" s="10" t="s">
        <v>55</v>
      </c>
      <c r="Q469" s="6">
        <v>1</v>
      </c>
      <c r="R469" s="6">
        <v>4</v>
      </c>
      <c r="S469" s="10" t="s">
        <v>55</v>
      </c>
      <c r="T469" s="10" t="s">
        <v>55</v>
      </c>
      <c r="U469" s="10" t="s">
        <v>55</v>
      </c>
      <c r="V469" s="6">
        <v>14</v>
      </c>
    </row>
    <row r="470" spans="1:22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6</v>
      </c>
      <c r="I470" s="9" t="s">
        <v>130</v>
      </c>
      <c r="J470" s="9" t="s">
        <v>133</v>
      </c>
      <c r="K470" s="6">
        <v>291</v>
      </c>
      <c r="L470" s="6">
        <v>275</v>
      </c>
      <c r="M470" s="6">
        <v>223</v>
      </c>
      <c r="N470" s="6">
        <v>8</v>
      </c>
      <c r="O470" s="6">
        <v>44</v>
      </c>
      <c r="P470" s="6">
        <v>8</v>
      </c>
      <c r="Q470" s="6">
        <v>1</v>
      </c>
      <c r="R470" s="6">
        <v>5</v>
      </c>
      <c r="S470" s="6">
        <v>1</v>
      </c>
      <c r="T470" s="10" t="s">
        <v>55</v>
      </c>
      <c r="U470" s="6">
        <v>1</v>
      </c>
      <c r="V470" s="6">
        <v>283</v>
      </c>
    </row>
    <row r="471" spans="1:22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6</v>
      </c>
      <c r="I471" s="9" t="s">
        <v>130</v>
      </c>
      <c r="J471" s="9" t="s">
        <v>134</v>
      </c>
      <c r="K471" s="6">
        <v>934</v>
      </c>
      <c r="L471" s="6">
        <v>723</v>
      </c>
      <c r="M471" s="6">
        <v>352</v>
      </c>
      <c r="N471" s="6">
        <v>6</v>
      </c>
      <c r="O471" s="6">
        <v>365</v>
      </c>
      <c r="P471" s="6">
        <v>67</v>
      </c>
      <c r="Q471" s="6">
        <v>29</v>
      </c>
      <c r="R471" s="6">
        <v>65</v>
      </c>
      <c r="S471" s="6">
        <v>49</v>
      </c>
      <c r="T471" s="10" t="s">
        <v>55</v>
      </c>
      <c r="U471" s="6">
        <v>1</v>
      </c>
      <c r="V471" s="6">
        <v>790</v>
      </c>
    </row>
    <row r="472" spans="1:22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6</v>
      </c>
      <c r="I472" s="9" t="s">
        <v>130</v>
      </c>
      <c r="J472" s="9" t="s">
        <v>135</v>
      </c>
      <c r="K472" s="6">
        <v>58</v>
      </c>
      <c r="L472" s="6">
        <v>55</v>
      </c>
      <c r="M472" s="6">
        <v>42</v>
      </c>
      <c r="N472" s="6">
        <v>3</v>
      </c>
      <c r="O472" s="6">
        <v>10</v>
      </c>
      <c r="P472" s="10" t="s">
        <v>55</v>
      </c>
      <c r="Q472" s="6">
        <v>1</v>
      </c>
      <c r="R472" s="6">
        <v>2</v>
      </c>
      <c r="S472" s="10" t="s">
        <v>55</v>
      </c>
      <c r="T472" s="10" t="s">
        <v>55</v>
      </c>
      <c r="U472" s="10" t="s">
        <v>55</v>
      </c>
      <c r="V472" s="6">
        <v>55</v>
      </c>
    </row>
    <row r="473" spans="1:22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6</v>
      </c>
      <c r="I473" s="9" t="s">
        <v>130</v>
      </c>
      <c r="J473" s="9" t="s">
        <v>136</v>
      </c>
      <c r="K473" s="6">
        <v>54</v>
      </c>
      <c r="L473" s="6">
        <v>39</v>
      </c>
      <c r="M473" s="6">
        <v>26</v>
      </c>
      <c r="N473" s="6">
        <v>3</v>
      </c>
      <c r="O473" s="6">
        <v>10</v>
      </c>
      <c r="P473" s="6">
        <v>8</v>
      </c>
      <c r="Q473" s="6">
        <v>3</v>
      </c>
      <c r="R473" s="6">
        <v>2</v>
      </c>
      <c r="S473" s="6">
        <v>2</v>
      </c>
      <c r="T473" s="10" t="s">
        <v>55</v>
      </c>
      <c r="U473" s="10" t="s">
        <v>55</v>
      </c>
      <c r="V473" s="6">
        <v>47</v>
      </c>
    </row>
    <row r="474" spans="1:22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6</v>
      </c>
      <c r="I474" s="9" t="s">
        <v>130</v>
      </c>
      <c r="J474" s="9" t="s">
        <v>137</v>
      </c>
      <c r="K474" s="6">
        <v>94</v>
      </c>
      <c r="L474" s="6">
        <v>66</v>
      </c>
      <c r="M474" s="6">
        <v>45</v>
      </c>
      <c r="N474" s="6">
        <v>1</v>
      </c>
      <c r="O474" s="6">
        <v>20</v>
      </c>
      <c r="P474" s="6">
        <v>7</v>
      </c>
      <c r="Q474" s="6">
        <v>3</v>
      </c>
      <c r="R474" s="6">
        <v>12</v>
      </c>
      <c r="S474" s="6">
        <v>6</v>
      </c>
      <c r="T474" s="10" t="s">
        <v>55</v>
      </c>
      <c r="U474" s="10" t="s">
        <v>55</v>
      </c>
      <c r="V474" s="6">
        <v>73</v>
      </c>
    </row>
    <row r="475" spans="1:22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6</v>
      </c>
      <c r="I475" s="9" t="s">
        <v>130</v>
      </c>
      <c r="J475" s="9" t="s">
        <v>138</v>
      </c>
      <c r="K475" s="6">
        <v>195</v>
      </c>
      <c r="L475" s="6">
        <v>128</v>
      </c>
      <c r="M475" s="6">
        <v>46</v>
      </c>
      <c r="N475" s="6">
        <v>2</v>
      </c>
      <c r="O475" s="6">
        <v>80</v>
      </c>
      <c r="P475" s="6">
        <v>2</v>
      </c>
      <c r="Q475" s="6">
        <v>16</v>
      </c>
      <c r="R475" s="6">
        <v>24</v>
      </c>
      <c r="S475" s="6">
        <v>24</v>
      </c>
      <c r="T475" s="10" t="s">
        <v>55</v>
      </c>
      <c r="U475" s="6">
        <v>1</v>
      </c>
      <c r="V475" s="6">
        <v>130</v>
      </c>
    </row>
    <row r="476" spans="1:22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6</v>
      </c>
      <c r="I476" s="9" t="s">
        <v>130</v>
      </c>
      <c r="J476" s="9" t="s">
        <v>139</v>
      </c>
      <c r="K476" s="6">
        <v>194</v>
      </c>
      <c r="L476" s="6">
        <v>112</v>
      </c>
      <c r="M476" s="6">
        <v>58</v>
      </c>
      <c r="N476" s="6">
        <v>2</v>
      </c>
      <c r="O476" s="6">
        <v>52</v>
      </c>
      <c r="P476" s="6">
        <v>4</v>
      </c>
      <c r="Q476" s="6">
        <v>14</v>
      </c>
      <c r="R476" s="6">
        <v>42</v>
      </c>
      <c r="S476" s="6">
        <v>21</v>
      </c>
      <c r="T476" s="10" t="s">
        <v>55</v>
      </c>
      <c r="U476" s="6">
        <v>1</v>
      </c>
      <c r="V476" s="6">
        <v>116</v>
      </c>
    </row>
    <row r="477" spans="1:22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6</v>
      </c>
      <c r="I477" s="9" t="s">
        <v>130</v>
      </c>
      <c r="J477" s="9" t="s">
        <v>140</v>
      </c>
      <c r="K477" s="6">
        <v>160</v>
      </c>
      <c r="L477" s="6">
        <v>140</v>
      </c>
      <c r="M477" s="6">
        <v>106</v>
      </c>
      <c r="N477" s="6">
        <v>2</v>
      </c>
      <c r="O477" s="6">
        <v>32</v>
      </c>
      <c r="P477" s="6">
        <v>1</v>
      </c>
      <c r="Q477" s="6">
        <v>3</v>
      </c>
      <c r="R477" s="6">
        <v>15</v>
      </c>
      <c r="S477" s="6">
        <v>1</v>
      </c>
      <c r="T477" s="10" t="s">
        <v>55</v>
      </c>
      <c r="U477" s="10" t="s">
        <v>55</v>
      </c>
      <c r="V477" s="6">
        <v>141</v>
      </c>
    </row>
    <row r="478" spans="1:22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6</v>
      </c>
      <c r="I478" s="9" t="s">
        <v>130</v>
      </c>
      <c r="J478" s="9" t="s">
        <v>141</v>
      </c>
      <c r="K478" s="6">
        <v>1066</v>
      </c>
      <c r="L478" s="6">
        <v>1018</v>
      </c>
      <c r="M478" s="6">
        <v>722</v>
      </c>
      <c r="N478" s="6">
        <v>20</v>
      </c>
      <c r="O478" s="6">
        <v>276</v>
      </c>
      <c r="P478" s="6">
        <v>26</v>
      </c>
      <c r="Q478" s="6">
        <v>5</v>
      </c>
      <c r="R478" s="6">
        <v>9</v>
      </c>
      <c r="S478" s="6">
        <v>4</v>
      </c>
      <c r="T478" s="10" t="s">
        <v>55</v>
      </c>
      <c r="U478" s="6">
        <v>4</v>
      </c>
      <c r="V478" s="6">
        <v>1044</v>
      </c>
    </row>
    <row r="479" spans="1:22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6</v>
      </c>
      <c r="I479" s="9" t="s">
        <v>130</v>
      </c>
      <c r="J479" s="9" t="s">
        <v>142</v>
      </c>
      <c r="K479" s="6">
        <v>74</v>
      </c>
      <c r="L479" s="6">
        <v>70</v>
      </c>
      <c r="M479" s="6">
        <v>61</v>
      </c>
      <c r="N479" s="6">
        <v>1</v>
      </c>
      <c r="O479" s="6">
        <v>8</v>
      </c>
      <c r="P479" s="6">
        <v>4</v>
      </c>
      <c r="Q479" s="10" t="s">
        <v>55</v>
      </c>
      <c r="R479" s="10" t="s">
        <v>55</v>
      </c>
      <c r="S479" s="10" t="s">
        <v>55</v>
      </c>
      <c r="T479" s="10" t="s">
        <v>55</v>
      </c>
      <c r="U479" s="10" t="s">
        <v>55</v>
      </c>
      <c r="V479" s="6">
        <v>74</v>
      </c>
    </row>
    <row r="480" spans="1:22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6</v>
      </c>
      <c r="I480" s="9" t="s">
        <v>130</v>
      </c>
      <c r="J480" s="9" t="s">
        <v>143</v>
      </c>
      <c r="K480" s="6">
        <v>302</v>
      </c>
      <c r="L480" s="6">
        <v>234</v>
      </c>
      <c r="M480" s="6">
        <v>126</v>
      </c>
      <c r="N480" s="6">
        <v>12</v>
      </c>
      <c r="O480" s="6">
        <v>96</v>
      </c>
      <c r="P480" s="6">
        <v>19</v>
      </c>
      <c r="Q480" s="6">
        <v>3</v>
      </c>
      <c r="R480" s="6">
        <v>37</v>
      </c>
      <c r="S480" s="6">
        <v>8</v>
      </c>
      <c r="T480" s="6">
        <v>1</v>
      </c>
      <c r="U480" s="10" t="s">
        <v>55</v>
      </c>
      <c r="V480" s="6">
        <v>253</v>
      </c>
    </row>
    <row r="481" spans="1:22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6</v>
      </c>
      <c r="I481" s="9" t="s">
        <v>130</v>
      </c>
      <c r="J481" s="9" t="s">
        <v>144</v>
      </c>
      <c r="K481" s="6">
        <v>162</v>
      </c>
      <c r="L481" s="6">
        <v>162</v>
      </c>
      <c r="M481" s="6">
        <v>136</v>
      </c>
      <c r="N481" s="10" t="s">
        <v>55</v>
      </c>
      <c r="O481" s="6">
        <v>26</v>
      </c>
      <c r="P481" s="10" t="s">
        <v>55</v>
      </c>
      <c r="Q481" s="10" t="s">
        <v>55</v>
      </c>
      <c r="R481" s="10" t="s">
        <v>55</v>
      </c>
      <c r="S481" s="10" t="s">
        <v>55</v>
      </c>
      <c r="T481" s="10" t="s">
        <v>55</v>
      </c>
      <c r="U481" s="10" t="s">
        <v>55</v>
      </c>
      <c r="V481" s="6">
        <v>162</v>
      </c>
    </row>
    <row r="482" spans="1:22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6</v>
      </c>
      <c r="I482" s="9" t="s">
        <v>55</v>
      </c>
      <c r="J482" s="9" t="s">
        <v>145</v>
      </c>
      <c r="K482" s="6">
        <v>55</v>
      </c>
      <c r="L482" s="6">
        <v>11</v>
      </c>
      <c r="M482" s="6">
        <v>6</v>
      </c>
      <c r="N482" s="10" t="s">
        <v>55</v>
      </c>
      <c r="O482" s="6">
        <v>5</v>
      </c>
      <c r="P482" s="6">
        <v>2</v>
      </c>
      <c r="Q482" s="6">
        <v>2</v>
      </c>
      <c r="R482" s="6">
        <v>5</v>
      </c>
      <c r="S482" s="6">
        <v>2</v>
      </c>
      <c r="T482" s="10" t="s">
        <v>55</v>
      </c>
      <c r="U482" s="6">
        <v>33</v>
      </c>
      <c r="V482" s="6">
        <v>13</v>
      </c>
    </row>
    <row r="483" spans="1:22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6</v>
      </c>
      <c r="I483" s="9" t="s">
        <v>55</v>
      </c>
      <c r="J483" s="9" t="s">
        <v>146</v>
      </c>
      <c r="K483" s="6">
        <v>1664</v>
      </c>
      <c r="L483" s="6">
        <v>471</v>
      </c>
      <c r="M483" s="6">
        <v>153</v>
      </c>
      <c r="N483" s="6">
        <v>12</v>
      </c>
      <c r="O483" s="6">
        <v>306</v>
      </c>
      <c r="P483" s="6">
        <v>38</v>
      </c>
      <c r="Q483" s="6">
        <v>144</v>
      </c>
      <c r="R483" s="6">
        <v>362</v>
      </c>
      <c r="S483" s="6">
        <v>646</v>
      </c>
      <c r="T483" s="10" t="s">
        <v>55</v>
      </c>
      <c r="U483" s="6">
        <v>3</v>
      </c>
      <c r="V483" s="6">
        <v>509</v>
      </c>
    </row>
    <row r="484" spans="1:22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6</v>
      </c>
      <c r="I484" s="9" t="s">
        <v>55</v>
      </c>
      <c r="J484" s="9" t="s">
        <v>147</v>
      </c>
      <c r="K484" s="6">
        <v>1332</v>
      </c>
      <c r="L484" s="6">
        <v>1037</v>
      </c>
      <c r="M484" s="6">
        <v>841</v>
      </c>
      <c r="N484" s="6">
        <v>34</v>
      </c>
      <c r="O484" s="6">
        <v>162</v>
      </c>
      <c r="P484" s="6">
        <v>104</v>
      </c>
      <c r="Q484" s="6">
        <v>33</v>
      </c>
      <c r="R484" s="6">
        <v>104</v>
      </c>
      <c r="S484" s="6">
        <v>49</v>
      </c>
      <c r="T484" s="6">
        <v>2</v>
      </c>
      <c r="U484" s="6">
        <v>3</v>
      </c>
      <c r="V484" s="6">
        <v>1141</v>
      </c>
    </row>
    <row r="485" spans="1:22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6</v>
      </c>
      <c r="I485" s="9" t="s">
        <v>55</v>
      </c>
      <c r="J485" s="9" t="s">
        <v>148</v>
      </c>
      <c r="K485" s="6">
        <v>3620</v>
      </c>
      <c r="L485" s="6">
        <v>3053</v>
      </c>
      <c r="M485" s="6">
        <v>1969</v>
      </c>
      <c r="N485" s="6">
        <v>61</v>
      </c>
      <c r="O485" s="6">
        <v>1023</v>
      </c>
      <c r="P485" s="6">
        <v>146</v>
      </c>
      <c r="Q485" s="6">
        <v>79</v>
      </c>
      <c r="R485" s="6">
        <v>217</v>
      </c>
      <c r="S485" s="6">
        <v>116</v>
      </c>
      <c r="T485" s="6">
        <v>1</v>
      </c>
      <c r="U485" s="6">
        <v>8</v>
      </c>
      <c r="V485" s="6">
        <v>3199</v>
      </c>
    </row>
    <row r="486" spans="1:22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53</v>
      </c>
      <c r="I486" s="9" t="s">
        <v>55</v>
      </c>
      <c r="J486" s="9" t="s">
        <v>6</v>
      </c>
      <c r="K486" s="6">
        <v>3310</v>
      </c>
      <c r="L486" s="6">
        <v>2062</v>
      </c>
      <c r="M486" s="6">
        <v>1693</v>
      </c>
      <c r="N486" s="6">
        <v>47</v>
      </c>
      <c r="O486" s="6">
        <v>322</v>
      </c>
      <c r="P486" s="6">
        <v>197</v>
      </c>
      <c r="Q486" s="6">
        <v>225</v>
      </c>
      <c r="R486" s="6">
        <v>582</v>
      </c>
      <c r="S486" s="6">
        <v>217</v>
      </c>
      <c r="T486" s="6">
        <v>1</v>
      </c>
      <c r="U486" s="6">
        <v>26</v>
      </c>
      <c r="V486" s="6">
        <v>2259</v>
      </c>
    </row>
    <row r="487" spans="1:22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53</v>
      </c>
      <c r="I487" s="9" t="s">
        <v>122</v>
      </c>
      <c r="J487" s="9" t="s">
        <v>123</v>
      </c>
      <c r="K487" s="6">
        <v>777</v>
      </c>
      <c r="L487" s="6">
        <v>119</v>
      </c>
      <c r="M487" s="6">
        <v>51</v>
      </c>
      <c r="N487" s="6">
        <v>3</v>
      </c>
      <c r="O487" s="6">
        <v>65</v>
      </c>
      <c r="P487" s="6">
        <v>21</v>
      </c>
      <c r="Q487" s="6">
        <v>141</v>
      </c>
      <c r="R487" s="6">
        <v>319</v>
      </c>
      <c r="S487" s="6">
        <v>175</v>
      </c>
      <c r="T487" s="10" t="s">
        <v>55</v>
      </c>
      <c r="U487" s="6">
        <v>2</v>
      </c>
      <c r="V487" s="6">
        <v>140</v>
      </c>
    </row>
    <row r="488" spans="1:22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53</v>
      </c>
      <c r="I488" s="9" t="s">
        <v>122</v>
      </c>
      <c r="J488" s="9" t="s">
        <v>124</v>
      </c>
      <c r="K488" s="6">
        <v>770</v>
      </c>
      <c r="L488" s="6">
        <v>113</v>
      </c>
      <c r="M488" s="6">
        <v>46</v>
      </c>
      <c r="N488" s="6">
        <v>3</v>
      </c>
      <c r="O488" s="6">
        <v>64</v>
      </c>
      <c r="P488" s="6">
        <v>20</v>
      </c>
      <c r="Q488" s="6">
        <v>141</v>
      </c>
      <c r="R488" s="6">
        <v>319</v>
      </c>
      <c r="S488" s="6">
        <v>175</v>
      </c>
      <c r="T488" s="10" t="s">
        <v>55</v>
      </c>
      <c r="U488" s="6">
        <v>2</v>
      </c>
      <c r="V488" s="6">
        <v>133</v>
      </c>
    </row>
    <row r="489" spans="1:22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53</v>
      </c>
      <c r="I489" s="9" t="s">
        <v>122</v>
      </c>
      <c r="J489" s="9" t="s">
        <v>125</v>
      </c>
      <c r="K489" s="6">
        <v>25</v>
      </c>
      <c r="L489" s="6">
        <v>3</v>
      </c>
      <c r="M489" s="6">
        <v>3</v>
      </c>
      <c r="N489" s="10" t="s">
        <v>55</v>
      </c>
      <c r="O489" s="10" t="s">
        <v>55</v>
      </c>
      <c r="P489" s="10" t="s">
        <v>55</v>
      </c>
      <c r="Q489" s="10" t="s">
        <v>55</v>
      </c>
      <c r="R489" s="6">
        <v>19</v>
      </c>
      <c r="S489" s="6">
        <v>3</v>
      </c>
      <c r="T489" s="10" t="s">
        <v>55</v>
      </c>
      <c r="U489" s="10" t="s">
        <v>55</v>
      </c>
      <c r="V489" s="6">
        <v>3</v>
      </c>
    </row>
    <row r="490" spans="1:22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53</v>
      </c>
      <c r="I490" s="9" t="s">
        <v>126</v>
      </c>
      <c r="J490" s="9" t="s">
        <v>127</v>
      </c>
      <c r="K490" s="6">
        <v>2</v>
      </c>
      <c r="L490" s="6">
        <v>1</v>
      </c>
      <c r="M490" s="6">
        <v>1</v>
      </c>
      <c r="N490" s="10" t="s">
        <v>55</v>
      </c>
      <c r="O490" s="10" t="s">
        <v>55</v>
      </c>
      <c r="P490" s="6">
        <v>1</v>
      </c>
      <c r="Q490" s="10" t="s">
        <v>55</v>
      </c>
      <c r="R490" s="10" t="s">
        <v>55</v>
      </c>
      <c r="S490" s="10" t="s">
        <v>55</v>
      </c>
      <c r="T490" s="10" t="s">
        <v>55</v>
      </c>
      <c r="U490" s="10" t="s">
        <v>55</v>
      </c>
      <c r="V490" s="6">
        <v>2</v>
      </c>
    </row>
    <row r="491" spans="1:22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53</v>
      </c>
      <c r="I491" s="9" t="s">
        <v>126</v>
      </c>
      <c r="J491" s="9" t="s">
        <v>128</v>
      </c>
      <c r="K491" s="6">
        <v>448</v>
      </c>
      <c r="L491" s="6">
        <v>293</v>
      </c>
      <c r="M491" s="6">
        <v>259</v>
      </c>
      <c r="N491" s="10" t="s">
        <v>55</v>
      </c>
      <c r="O491" s="6">
        <v>34</v>
      </c>
      <c r="P491" s="6">
        <v>55</v>
      </c>
      <c r="Q491" s="6">
        <v>24</v>
      </c>
      <c r="R491" s="6">
        <v>72</v>
      </c>
      <c r="S491" s="6">
        <v>4</v>
      </c>
      <c r="T491" s="10" t="s">
        <v>55</v>
      </c>
      <c r="U491" s="10" t="s">
        <v>55</v>
      </c>
      <c r="V491" s="6">
        <v>348</v>
      </c>
    </row>
    <row r="492" spans="1:22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53</v>
      </c>
      <c r="I492" s="9" t="s">
        <v>126</v>
      </c>
      <c r="J492" s="9" t="s">
        <v>129</v>
      </c>
      <c r="K492" s="6">
        <v>509</v>
      </c>
      <c r="L492" s="6">
        <v>447</v>
      </c>
      <c r="M492" s="6">
        <v>387</v>
      </c>
      <c r="N492" s="6">
        <v>23</v>
      </c>
      <c r="O492" s="6">
        <v>37</v>
      </c>
      <c r="P492" s="6">
        <v>22</v>
      </c>
      <c r="Q492" s="6">
        <v>8</v>
      </c>
      <c r="R492" s="6">
        <v>24</v>
      </c>
      <c r="S492" s="6">
        <v>6</v>
      </c>
      <c r="T492" s="10" t="s">
        <v>55</v>
      </c>
      <c r="U492" s="6">
        <v>2</v>
      </c>
      <c r="V492" s="6">
        <v>469</v>
      </c>
    </row>
    <row r="493" spans="1:22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53</v>
      </c>
      <c r="I493" s="9" t="s">
        <v>130</v>
      </c>
      <c r="J493" s="9" t="s">
        <v>131</v>
      </c>
      <c r="K493" s="6">
        <v>16</v>
      </c>
      <c r="L493" s="6">
        <v>16</v>
      </c>
      <c r="M493" s="6">
        <v>13</v>
      </c>
      <c r="N493" s="6">
        <v>1</v>
      </c>
      <c r="O493" s="6">
        <v>2</v>
      </c>
      <c r="P493" s="10" t="s">
        <v>55</v>
      </c>
      <c r="Q493" s="10" t="s">
        <v>55</v>
      </c>
      <c r="R493" s="10" t="s">
        <v>55</v>
      </c>
      <c r="S493" s="10" t="s">
        <v>55</v>
      </c>
      <c r="T493" s="10" t="s">
        <v>55</v>
      </c>
      <c r="U493" s="10" t="s">
        <v>55</v>
      </c>
      <c r="V493" s="6">
        <v>16</v>
      </c>
    </row>
    <row r="494" spans="1:22">
      <c r="A494" s="9" t="s">
        <v>83</v>
      </c>
      <c r="B494" s="9" t="s">
        <v>57</v>
      </c>
      <c r="C494" s="9" t="s">
        <v>89</v>
      </c>
      <c r="D494" s="9" t="s">
        <v>77</v>
      </c>
      <c r="E494" s="9" t="s">
        <v>57</v>
      </c>
      <c r="F494" s="9" t="s">
        <v>81</v>
      </c>
      <c r="G494" s="9" t="s">
        <v>90</v>
      </c>
      <c r="H494" s="9" t="s">
        <v>53</v>
      </c>
      <c r="I494" s="9" t="s">
        <v>130</v>
      </c>
      <c r="J494" s="9" t="s">
        <v>132</v>
      </c>
      <c r="K494" s="6">
        <v>14</v>
      </c>
      <c r="L494" s="6">
        <v>10</v>
      </c>
      <c r="M494" s="6">
        <v>9</v>
      </c>
      <c r="N494" s="10" t="s">
        <v>55</v>
      </c>
      <c r="O494" s="6">
        <v>1</v>
      </c>
      <c r="P494" s="10" t="s">
        <v>55</v>
      </c>
      <c r="Q494" s="6">
        <v>1</v>
      </c>
      <c r="R494" s="6">
        <v>3</v>
      </c>
      <c r="S494" s="10" t="s">
        <v>55</v>
      </c>
      <c r="T494" s="10" t="s">
        <v>55</v>
      </c>
      <c r="U494" s="10" t="s">
        <v>55</v>
      </c>
      <c r="V494" s="6">
        <v>10</v>
      </c>
    </row>
    <row r="495" spans="1:22">
      <c r="A495" s="9" t="s">
        <v>83</v>
      </c>
      <c r="B495" s="9" t="s">
        <v>57</v>
      </c>
      <c r="C495" s="9" t="s">
        <v>89</v>
      </c>
      <c r="D495" s="9" t="s">
        <v>77</v>
      </c>
      <c r="E495" s="9" t="s">
        <v>57</v>
      </c>
      <c r="F495" s="9" t="s">
        <v>81</v>
      </c>
      <c r="G495" s="9" t="s">
        <v>90</v>
      </c>
      <c r="H495" s="9" t="s">
        <v>53</v>
      </c>
      <c r="I495" s="9" t="s">
        <v>130</v>
      </c>
      <c r="J495" s="9" t="s">
        <v>133</v>
      </c>
      <c r="K495" s="6">
        <v>245</v>
      </c>
      <c r="L495" s="6">
        <v>229</v>
      </c>
      <c r="M495" s="6">
        <v>204</v>
      </c>
      <c r="N495" s="6">
        <v>6</v>
      </c>
      <c r="O495" s="6">
        <v>19</v>
      </c>
      <c r="P495" s="6">
        <v>8</v>
      </c>
      <c r="Q495" s="6">
        <v>1</v>
      </c>
      <c r="R495" s="6">
        <v>5</v>
      </c>
      <c r="S495" s="6">
        <v>1</v>
      </c>
      <c r="T495" s="10" t="s">
        <v>55</v>
      </c>
      <c r="U495" s="6">
        <v>1</v>
      </c>
      <c r="V495" s="6">
        <v>237</v>
      </c>
    </row>
    <row r="496" spans="1:22">
      <c r="A496" s="9" t="s">
        <v>83</v>
      </c>
      <c r="B496" s="9" t="s">
        <v>57</v>
      </c>
      <c r="C496" s="9" t="s">
        <v>89</v>
      </c>
      <c r="D496" s="9" t="s">
        <v>77</v>
      </c>
      <c r="E496" s="9" t="s">
        <v>57</v>
      </c>
      <c r="F496" s="9" t="s">
        <v>81</v>
      </c>
      <c r="G496" s="9" t="s">
        <v>90</v>
      </c>
      <c r="H496" s="9" t="s">
        <v>53</v>
      </c>
      <c r="I496" s="9" t="s">
        <v>130</v>
      </c>
      <c r="J496" s="9" t="s">
        <v>134</v>
      </c>
      <c r="K496" s="6">
        <v>411</v>
      </c>
      <c r="L496" s="6">
        <v>282</v>
      </c>
      <c r="M496" s="6">
        <v>209</v>
      </c>
      <c r="N496" s="6">
        <v>3</v>
      </c>
      <c r="O496" s="6">
        <v>70</v>
      </c>
      <c r="P496" s="6">
        <v>46</v>
      </c>
      <c r="Q496" s="6">
        <v>21</v>
      </c>
      <c r="R496" s="6">
        <v>49</v>
      </c>
      <c r="S496" s="6">
        <v>12</v>
      </c>
      <c r="T496" s="10" t="s">
        <v>55</v>
      </c>
      <c r="U496" s="6">
        <v>1</v>
      </c>
      <c r="V496" s="6">
        <v>328</v>
      </c>
    </row>
    <row r="497" spans="1:22">
      <c r="A497" s="9" t="s">
        <v>83</v>
      </c>
      <c r="B497" s="9" t="s">
        <v>57</v>
      </c>
      <c r="C497" s="9" t="s">
        <v>89</v>
      </c>
      <c r="D497" s="9" t="s">
        <v>77</v>
      </c>
      <c r="E497" s="9" t="s">
        <v>57</v>
      </c>
      <c r="F497" s="9" t="s">
        <v>81</v>
      </c>
      <c r="G497" s="9" t="s">
        <v>90</v>
      </c>
      <c r="H497" s="9" t="s">
        <v>53</v>
      </c>
      <c r="I497" s="9" t="s">
        <v>130</v>
      </c>
      <c r="J497" s="9" t="s">
        <v>135</v>
      </c>
      <c r="K497" s="6">
        <v>15</v>
      </c>
      <c r="L497" s="6">
        <v>14</v>
      </c>
      <c r="M497" s="6">
        <v>13</v>
      </c>
      <c r="N497" s="10" t="s">
        <v>55</v>
      </c>
      <c r="O497" s="6">
        <v>1</v>
      </c>
      <c r="P497" s="10" t="s">
        <v>55</v>
      </c>
      <c r="Q497" s="10" t="s">
        <v>55</v>
      </c>
      <c r="R497" s="6">
        <v>1</v>
      </c>
      <c r="S497" s="10" t="s">
        <v>55</v>
      </c>
      <c r="T497" s="10" t="s">
        <v>55</v>
      </c>
      <c r="U497" s="10" t="s">
        <v>55</v>
      </c>
      <c r="V497" s="6">
        <v>14</v>
      </c>
    </row>
    <row r="498" spans="1:22">
      <c r="A498" s="9" t="s">
        <v>83</v>
      </c>
      <c r="B498" s="9" t="s">
        <v>57</v>
      </c>
      <c r="C498" s="9" t="s">
        <v>89</v>
      </c>
      <c r="D498" s="9" t="s">
        <v>77</v>
      </c>
      <c r="E498" s="9" t="s">
        <v>57</v>
      </c>
      <c r="F498" s="9" t="s">
        <v>81</v>
      </c>
      <c r="G498" s="9" t="s">
        <v>90</v>
      </c>
      <c r="H498" s="9" t="s">
        <v>53</v>
      </c>
      <c r="I498" s="9" t="s">
        <v>130</v>
      </c>
      <c r="J498" s="9" t="s">
        <v>136</v>
      </c>
      <c r="K498" s="6">
        <v>31</v>
      </c>
      <c r="L498" s="6">
        <v>21</v>
      </c>
      <c r="M498" s="6">
        <v>18</v>
      </c>
      <c r="N498" s="10" t="s">
        <v>55</v>
      </c>
      <c r="O498" s="6">
        <v>3</v>
      </c>
      <c r="P498" s="6">
        <v>5</v>
      </c>
      <c r="Q498" s="6">
        <v>3</v>
      </c>
      <c r="R498" s="6">
        <v>2</v>
      </c>
      <c r="S498" s="10" t="s">
        <v>55</v>
      </c>
      <c r="T498" s="10" t="s">
        <v>55</v>
      </c>
      <c r="U498" s="10" t="s">
        <v>55</v>
      </c>
      <c r="V498" s="6">
        <v>26</v>
      </c>
    </row>
    <row r="499" spans="1:22">
      <c r="A499" s="9" t="s">
        <v>83</v>
      </c>
      <c r="B499" s="9" t="s">
        <v>57</v>
      </c>
      <c r="C499" s="9" t="s">
        <v>89</v>
      </c>
      <c r="D499" s="9" t="s">
        <v>77</v>
      </c>
      <c r="E499" s="9" t="s">
        <v>57</v>
      </c>
      <c r="F499" s="9" t="s">
        <v>81</v>
      </c>
      <c r="G499" s="9" t="s">
        <v>90</v>
      </c>
      <c r="H499" s="9" t="s">
        <v>53</v>
      </c>
      <c r="I499" s="9" t="s">
        <v>130</v>
      </c>
      <c r="J499" s="9" t="s">
        <v>137</v>
      </c>
      <c r="K499" s="6">
        <v>49</v>
      </c>
      <c r="L499" s="6">
        <v>31</v>
      </c>
      <c r="M499" s="6">
        <v>29</v>
      </c>
      <c r="N499" s="10" t="s">
        <v>55</v>
      </c>
      <c r="O499" s="6">
        <v>2</v>
      </c>
      <c r="P499" s="6">
        <v>5</v>
      </c>
      <c r="Q499" s="6">
        <v>2</v>
      </c>
      <c r="R499" s="6">
        <v>9</v>
      </c>
      <c r="S499" s="6">
        <v>2</v>
      </c>
      <c r="T499" s="10" t="s">
        <v>55</v>
      </c>
      <c r="U499" s="10" t="s">
        <v>55</v>
      </c>
      <c r="V499" s="6">
        <v>36</v>
      </c>
    </row>
    <row r="500" spans="1:22">
      <c r="A500" s="9" t="s">
        <v>83</v>
      </c>
      <c r="B500" s="9" t="s">
        <v>57</v>
      </c>
      <c r="C500" s="9" t="s">
        <v>89</v>
      </c>
      <c r="D500" s="9" t="s">
        <v>77</v>
      </c>
      <c r="E500" s="9" t="s">
        <v>57</v>
      </c>
      <c r="F500" s="9" t="s">
        <v>81</v>
      </c>
      <c r="G500" s="9" t="s">
        <v>90</v>
      </c>
      <c r="H500" s="9" t="s">
        <v>53</v>
      </c>
      <c r="I500" s="9" t="s">
        <v>130</v>
      </c>
      <c r="J500" s="9" t="s">
        <v>138</v>
      </c>
      <c r="K500" s="6">
        <v>64</v>
      </c>
      <c r="L500" s="6">
        <v>35</v>
      </c>
      <c r="M500" s="6">
        <v>21</v>
      </c>
      <c r="N500" s="6">
        <v>1</v>
      </c>
      <c r="O500" s="6">
        <v>13</v>
      </c>
      <c r="P500" s="6">
        <v>2</v>
      </c>
      <c r="Q500" s="6">
        <v>7</v>
      </c>
      <c r="R500" s="6">
        <v>16</v>
      </c>
      <c r="S500" s="6">
        <v>3</v>
      </c>
      <c r="T500" s="10" t="s">
        <v>55</v>
      </c>
      <c r="U500" s="6">
        <v>1</v>
      </c>
      <c r="V500" s="6">
        <v>37</v>
      </c>
    </row>
    <row r="501" spans="1:22">
      <c r="A501" s="9" t="s">
        <v>83</v>
      </c>
      <c r="B501" s="9" t="s">
        <v>57</v>
      </c>
      <c r="C501" s="9" t="s">
        <v>89</v>
      </c>
      <c r="D501" s="9" t="s">
        <v>77</v>
      </c>
      <c r="E501" s="9" t="s">
        <v>57</v>
      </c>
      <c r="F501" s="9" t="s">
        <v>81</v>
      </c>
      <c r="G501" s="9" t="s">
        <v>90</v>
      </c>
      <c r="H501" s="9" t="s">
        <v>53</v>
      </c>
      <c r="I501" s="9" t="s">
        <v>130</v>
      </c>
      <c r="J501" s="9" t="s">
        <v>139</v>
      </c>
      <c r="K501" s="6">
        <v>66</v>
      </c>
      <c r="L501" s="6">
        <v>33</v>
      </c>
      <c r="M501" s="6">
        <v>27</v>
      </c>
      <c r="N501" s="6">
        <v>1</v>
      </c>
      <c r="O501" s="6">
        <v>5</v>
      </c>
      <c r="P501" s="6">
        <v>3</v>
      </c>
      <c r="Q501" s="6">
        <v>6</v>
      </c>
      <c r="R501" s="6">
        <v>17</v>
      </c>
      <c r="S501" s="6">
        <v>6</v>
      </c>
      <c r="T501" s="10" t="s">
        <v>55</v>
      </c>
      <c r="U501" s="6">
        <v>1</v>
      </c>
      <c r="V501" s="6">
        <v>36</v>
      </c>
    </row>
    <row r="502" spans="1:22">
      <c r="A502" s="9" t="s">
        <v>83</v>
      </c>
      <c r="B502" s="9" t="s">
        <v>57</v>
      </c>
      <c r="C502" s="9" t="s">
        <v>89</v>
      </c>
      <c r="D502" s="9" t="s">
        <v>77</v>
      </c>
      <c r="E502" s="9" t="s">
        <v>57</v>
      </c>
      <c r="F502" s="9" t="s">
        <v>81</v>
      </c>
      <c r="G502" s="9" t="s">
        <v>90</v>
      </c>
      <c r="H502" s="9" t="s">
        <v>53</v>
      </c>
      <c r="I502" s="9" t="s">
        <v>130</v>
      </c>
      <c r="J502" s="9" t="s">
        <v>140</v>
      </c>
      <c r="K502" s="6">
        <v>68</v>
      </c>
      <c r="L502" s="6">
        <v>60</v>
      </c>
      <c r="M502" s="6">
        <v>51</v>
      </c>
      <c r="N502" s="10" t="s">
        <v>55</v>
      </c>
      <c r="O502" s="6">
        <v>9</v>
      </c>
      <c r="P502" s="6">
        <v>1</v>
      </c>
      <c r="Q502" s="6">
        <v>1</v>
      </c>
      <c r="R502" s="6">
        <v>6</v>
      </c>
      <c r="S502" s="10" t="s">
        <v>55</v>
      </c>
      <c r="T502" s="10" t="s">
        <v>55</v>
      </c>
      <c r="U502" s="10" t="s">
        <v>55</v>
      </c>
      <c r="V502" s="6">
        <v>61</v>
      </c>
    </row>
    <row r="503" spans="1:22">
      <c r="A503" s="9" t="s">
        <v>83</v>
      </c>
      <c r="B503" s="9" t="s">
        <v>57</v>
      </c>
      <c r="C503" s="9" t="s">
        <v>89</v>
      </c>
      <c r="D503" s="9" t="s">
        <v>77</v>
      </c>
      <c r="E503" s="9" t="s">
        <v>57</v>
      </c>
      <c r="F503" s="9" t="s">
        <v>81</v>
      </c>
      <c r="G503" s="9" t="s">
        <v>90</v>
      </c>
      <c r="H503" s="9" t="s">
        <v>53</v>
      </c>
      <c r="I503" s="9" t="s">
        <v>130</v>
      </c>
      <c r="J503" s="9" t="s">
        <v>141</v>
      </c>
      <c r="K503" s="6">
        <v>213</v>
      </c>
      <c r="L503" s="6">
        <v>189</v>
      </c>
      <c r="M503" s="6">
        <v>173</v>
      </c>
      <c r="N503" s="6">
        <v>3</v>
      </c>
      <c r="O503" s="6">
        <v>13</v>
      </c>
      <c r="P503" s="6">
        <v>11</v>
      </c>
      <c r="Q503" s="6">
        <v>5</v>
      </c>
      <c r="R503" s="6">
        <v>6</v>
      </c>
      <c r="S503" s="6">
        <v>1</v>
      </c>
      <c r="T503" s="10" t="s">
        <v>55</v>
      </c>
      <c r="U503" s="6">
        <v>1</v>
      </c>
      <c r="V503" s="6">
        <v>200</v>
      </c>
    </row>
    <row r="504" spans="1:22">
      <c r="A504" s="9" t="s">
        <v>83</v>
      </c>
      <c r="B504" s="9" t="s">
        <v>57</v>
      </c>
      <c r="C504" s="9" t="s">
        <v>89</v>
      </c>
      <c r="D504" s="9" t="s">
        <v>77</v>
      </c>
      <c r="E504" s="9" t="s">
        <v>57</v>
      </c>
      <c r="F504" s="9" t="s">
        <v>81</v>
      </c>
      <c r="G504" s="9" t="s">
        <v>90</v>
      </c>
      <c r="H504" s="9" t="s">
        <v>53</v>
      </c>
      <c r="I504" s="9" t="s">
        <v>130</v>
      </c>
      <c r="J504" s="9" t="s">
        <v>142</v>
      </c>
      <c r="K504" s="6">
        <v>47</v>
      </c>
      <c r="L504" s="6">
        <v>43</v>
      </c>
      <c r="M504" s="6">
        <v>41</v>
      </c>
      <c r="N504" s="10" t="s">
        <v>55</v>
      </c>
      <c r="O504" s="6">
        <v>2</v>
      </c>
      <c r="P504" s="6">
        <v>4</v>
      </c>
      <c r="Q504" s="10" t="s">
        <v>55</v>
      </c>
      <c r="R504" s="10" t="s">
        <v>55</v>
      </c>
      <c r="S504" s="10" t="s">
        <v>55</v>
      </c>
      <c r="T504" s="10" t="s">
        <v>55</v>
      </c>
      <c r="U504" s="10" t="s">
        <v>55</v>
      </c>
      <c r="V504" s="6">
        <v>47</v>
      </c>
    </row>
    <row r="505" spans="1:22">
      <c r="A505" s="9" t="s">
        <v>83</v>
      </c>
      <c r="B505" s="9" t="s">
        <v>57</v>
      </c>
      <c r="C505" s="9" t="s">
        <v>89</v>
      </c>
      <c r="D505" s="9" t="s">
        <v>77</v>
      </c>
      <c r="E505" s="9" t="s">
        <v>57</v>
      </c>
      <c r="F505" s="9" t="s">
        <v>81</v>
      </c>
      <c r="G505" s="9" t="s">
        <v>90</v>
      </c>
      <c r="H505" s="9" t="s">
        <v>53</v>
      </c>
      <c r="I505" s="9" t="s">
        <v>130</v>
      </c>
      <c r="J505" s="9" t="s">
        <v>143</v>
      </c>
      <c r="K505" s="6">
        <v>177</v>
      </c>
      <c r="L505" s="6">
        <v>130</v>
      </c>
      <c r="M505" s="6">
        <v>88</v>
      </c>
      <c r="N505" s="6">
        <v>6</v>
      </c>
      <c r="O505" s="6">
        <v>36</v>
      </c>
      <c r="P505" s="6">
        <v>11</v>
      </c>
      <c r="Q505" s="6">
        <v>3</v>
      </c>
      <c r="R505" s="6">
        <v>29</v>
      </c>
      <c r="S505" s="6">
        <v>3</v>
      </c>
      <c r="T505" s="6">
        <v>1</v>
      </c>
      <c r="U505" s="10" t="s">
        <v>55</v>
      </c>
      <c r="V505" s="6">
        <v>141</v>
      </c>
    </row>
    <row r="506" spans="1:22">
      <c r="A506" s="9" t="s">
        <v>83</v>
      </c>
      <c r="B506" s="9" t="s">
        <v>57</v>
      </c>
      <c r="C506" s="9" t="s">
        <v>89</v>
      </c>
      <c r="D506" s="9" t="s">
        <v>77</v>
      </c>
      <c r="E506" s="9" t="s">
        <v>57</v>
      </c>
      <c r="F506" s="9" t="s">
        <v>81</v>
      </c>
      <c r="G506" s="9" t="s">
        <v>90</v>
      </c>
      <c r="H506" s="9" t="s">
        <v>53</v>
      </c>
      <c r="I506" s="9" t="s">
        <v>130</v>
      </c>
      <c r="J506" s="9" t="s">
        <v>144</v>
      </c>
      <c r="K506" s="6">
        <v>101</v>
      </c>
      <c r="L506" s="6">
        <v>101</v>
      </c>
      <c r="M506" s="6">
        <v>93</v>
      </c>
      <c r="N506" s="10" t="s">
        <v>55</v>
      </c>
      <c r="O506" s="6">
        <v>8</v>
      </c>
      <c r="P506" s="10" t="s">
        <v>55</v>
      </c>
      <c r="Q506" s="10" t="s">
        <v>55</v>
      </c>
      <c r="R506" s="10" t="s">
        <v>55</v>
      </c>
      <c r="S506" s="10" t="s">
        <v>55</v>
      </c>
      <c r="T506" s="10" t="s">
        <v>55</v>
      </c>
      <c r="U506" s="10" t="s">
        <v>55</v>
      </c>
      <c r="V506" s="6">
        <v>101</v>
      </c>
    </row>
    <row r="507" spans="1:22">
      <c r="A507" s="9" t="s">
        <v>83</v>
      </c>
      <c r="B507" s="9" t="s">
        <v>57</v>
      </c>
      <c r="C507" s="9" t="s">
        <v>89</v>
      </c>
      <c r="D507" s="9" t="s">
        <v>77</v>
      </c>
      <c r="E507" s="9" t="s">
        <v>57</v>
      </c>
      <c r="F507" s="9" t="s">
        <v>81</v>
      </c>
      <c r="G507" s="9" t="s">
        <v>90</v>
      </c>
      <c r="H507" s="9" t="s">
        <v>53</v>
      </c>
      <c r="I507" s="9" t="s">
        <v>55</v>
      </c>
      <c r="J507" s="9" t="s">
        <v>145</v>
      </c>
      <c r="K507" s="6">
        <v>32</v>
      </c>
      <c r="L507" s="6">
        <v>5</v>
      </c>
      <c r="M507" s="6">
        <v>3</v>
      </c>
      <c r="N507" s="10" t="s">
        <v>55</v>
      </c>
      <c r="O507" s="6">
        <v>2</v>
      </c>
      <c r="P507" s="6">
        <v>2</v>
      </c>
      <c r="Q507" s="6">
        <v>2</v>
      </c>
      <c r="R507" s="6">
        <v>5</v>
      </c>
      <c r="S507" s="6">
        <v>1</v>
      </c>
      <c r="T507" s="10" t="s">
        <v>55</v>
      </c>
      <c r="U507" s="6">
        <v>17</v>
      </c>
      <c r="V507" s="6">
        <v>7</v>
      </c>
    </row>
    <row r="508" spans="1:22">
      <c r="A508" s="9" t="s">
        <v>83</v>
      </c>
      <c r="B508" s="9" t="s">
        <v>57</v>
      </c>
      <c r="C508" s="9" t="s">
        <v>89</v>
      </c>
      <c r="D508" s="9" t="s">
        <v>77</v>
      </c>
      <c r="E508" s="9" t="s">
        <v>57</v>
      </c>
      <c r="F508" s="9" t="s">
        <v>81</v>
      </c>
      <c r="G508" s="9" t="s">
        <v>90</v>
      </c>
      <c r="H508" s="9" t="s">
        <v>53</v>
      </c>
      <c r="I508" s="9" t="s">
        <v>55</v>
      </c>
      <c r="J508" s="9" t="s">
        <v>146</v>
      </c>
      <c r="K508" s="6">
        <v>802</v>
      </c>
      <c r="L508" s="6">
        <v>122</v>
      </c>
      <c r="M508" s="6">
        <v>54</v>
      </c>
      <c r="N508" s="6">
        <v>3</v>
      </c>
      <c r="O508" s="6">
        <v>65</v>
      </c>
      <c r="P508" s="6">
        <v>21</v>
      </c>
      <c r="Q508" s="6">
        <v>141</v>
      </c>
      <c r="R508" s="6">
        <v>338</v>
      </c>
      <c r="S508" s="6">
        <v>178</v>
      </c>
      <c r="T508" s="10" t="s">
        <v>55</v>
      </c>
      <c r="U508" s="6">
        <v>2</v>
      </c>
      <c r="V508" s="6">
        <v>143</v>
      </c>
    </row>
    <row r="509" spans="1:22">
      <c r="A509" s="9" t="s">
        <v>83</v>
      </c>
      <c r="B509" s="9" t="s">
        <v>57</v>
      </c>
      <c r="C509" s="9" t="s">
        <v>89</v>
      </c>
      <c r="D509" s="9" t="s">
        <v>77</v>
      </c>
      <c r="E509" s="9" t="s">
        <v>57</v>
      </c>
      <c r="F509" s="9" t="s">
        <v>81</v>
      </c>
      <c r="G509" s="9" t="s">
        <v>90</v>
      </c>
      <c r="H509" s="9" t="s">
        <v>53</v>
      </c>
      <c r="I509" s="9" t="s">
        <v>55</v>
      </c>
      <c r="J509" s="9" t="s">
        <v>147</v>
      </c>
      <c r="K509" s="6">
        <v>959</v>
      </c>
      <c r="L509" s="6">
        <v>741</v>
      </c>
      <c r="M509" s="6">
        <v>647</v>
      </c>
      <c r="N509" s="6">
        <v>23</v>
      </c>
      <c r="O509" s="6">
        <v>71</v>
      </c>
      <c r="P509" s="6">
        <v>78</v>
      </c>
      <c r="Q509" s="6">
        <v>32</v>
      </c>
      <c r="R509" s="6">
        <v>96</v>
      </c>
      <c r="S509" s="6">
        <v>10</v>
      </c>
      <c r="T509" s="10" t="s">
        <v>55</v>
      </c>
      <c r="U509" s="6">
        <v>2</v>
      </c>
      <c r="V509" s="6">
        <v>819</v>
      </c>
    </row>
    <row r="510" spans="1:22">
      <c r="A510" s="9" t="s">
        <v>83</v>
      </c>
      <c r="B510" s="9" t="s">
        <v>57</v>
      </c>
      <c r="C510" s="9" t="s">
        <v>89</v>
      </c>
      <c r="D510" s="9" t="s">
        <v>77</v>
      </c>
      <c r="E510" s="9" t="s">
        <v>57</v>
      </c>
      <c r="F510" s="9" t="s">
        <v>81</v>
      </c>
      <c r="G510" s="9" t="s">
        <v>90</v>
      </c>
      <c r="H510" s="9" t="s">
        <v>53</v>
      </c>
      <c r="I510" s="9" t="s">
        <v>55</v>
      </c>
      <c r="J510" s="9" t="s">
        <v>148</v>
      </c>
      <c r="K510" s="6">
        <v>1517</v>
      </c>
      <c r="L510" s="6">
        <v>1194</v>
      </c>
      <c r="M510" s="6">
        <v>989</v>
      </c>
      <c r="N510" s="6">
        <v>21</v>
      </c>
      <c r="O510" s="6">
        <v>184</v>
      </c>
      <c r="P510" s="6">
        <v>96</v>
      </c>
      <c r="Q510" s="6">
        <v>50</v>
      </c>
      <c r="R510" s="6">
        <v>143</v>
      </c>
      <c r="S510" s="6">
        <v>28</v>
      </c>
      <c r="T510" s="6">
        <v>1</v>
      </c>
      <c r="U510" s="6">
        <v>5</v>
      </c>
      <c r="V510" s="6">
        <v>1290</v>
      </c>
    </row>
    <row r="511" spans="1:22">
      <c r="A511" s="9" t="s">
        <v>83</v>
      </c>
      <c r="B511" s="9" t="s">
        <v>57</v>
      </c>
      <c r="C511" s="9" t="s">
        <v>89</v>
      </c>
      <c r="D511" s="9" t="s">
        <v>77</v>
      </c>
      <c r="E511" s="9" t="s">
        <v>57</v>
      </c>
      <c r="F511" s="9" t="s">
        <v>81</v>
      </c>
      <c r="G511" s="9" t="s">
        <v>90</v>
      </c>
      <c r="H511" s="9" t="s">
        <v>54</v>
      </c>
      <c r="I511" s="9" t="s">
        <v>55</v>
      </c>
      <c r="J511" s="9" t="s">
        <v>6</v>
      </c>
      <c r="K511" s="6">
        <v>3361</v>
      </c>
      <c r="L511" s="6">
        <v>2510</v>
      </c>
      <c r="M511" s="6">
        <v>1276</v>
      </c>
      <c r="N511" s="6">
        <v>60</v>
      </c>
      <c r="O511" s="6">
        <v>1174</v>
      </c>
      <c r="P511" s="6">
        <v>93</v>
      </c>
      <c r="Q511" s="6">
        <v>33</v>
      </c>
      <c r="R511" s="6">
        <v>106</v>
      </c>
      <c r="S511" s="6">
        <v>596</v>
      </c>
      <c r="T511" s="6">
        <v>2</v>
      </c>
      <c r="U511" s="6">
        <v>21</v>
      </c>
      <c r="V511" s="6">
        <v>2603</v>
      </c>
    </row>
    <row r="512" spans="1:22">
      <c r="A512" s="9" t="s">
        <v>83</v>
      </c>
      <c r="B512" s="9" t="s">
        <v>57</v>
      </c>
      <c r="C512" s="9" t="s">
        <v>89</v>
      </c>
      <c r="D512" s="9" t="s">
        <v>77</v>
      </c>
      <c r="E512" s="9" t="s">
        <v>57</v>
      </c>
      <c r="F512" s="9" t="s">
        <v>81</v>
      </c>
      <c r="G512" s="9" t="s">
        <v>90</v>
      </c>
      <c r="H512" s="9" t="s">
        <v>54</v>
      </c>
      <c r="I512" s="9" t="s">
        <v>122</v>
      </c>
      <c r="J512" s="9" t="s">
        <v>123</v>
      </c>
      <c r="K512" s="6">
        <v>848</v>
      </c>
      <c r="L512" s="6">
        <v>348</v>
      </c>
      <c r="M512" s="6">
        <v>99</v>
      </c>
      <c r="N512" s="6">
        <v>9</v>
      </c>
      <c r="O512" s="6">
        <v>240</v>
      </c>
      <c r="P512" s="6">
        <v>17</v>
      </c>
      <c r="Q512" s="6">
        <v>3</v>
      </c>
      <c r="R512" s="6">
        <v>23</v>
      </c>
      <c r="S512" s="6">
        <v>456</v>
      </c>
      <c r="T512" s="10" t="s">
        <v>55</v>
      </c>
      <c r="U512" s="6">
        <v>1</v>
      </c>
      <c r="V512" s="6">
        <v>365</v>
      </c>
    </row>
    <row r="513" spans="1:22">
      <c r="A513" s="9" t="s">
        <v>83</v>
      </c>
      <c r="B513" s="9" t="s">
        <v>57</v>
      </c>
      <c r="C513" s="9" t="s">
        <v>89</v>
      </c>
      <c r="D513" s="9" t="s">
        <v>77</v>
      </c>
      <c r="E513" s="9" t="s">
        <v>57</v>
      </c>
      <c r="F513" s="9" t="s">
        <v>81</v>
      </c>
      <c r="G513" s="9" t="s">
        <v>90</v>
      </c>
      <c r="H513" s="9" t="s">
        <v>54</v>
      </c>
      <c r="I513" s="9" t="s">
        <v>122</v>
      </c>
      <c r="J513" s="9" t="s">
        <v>124</v>
      </c>
      <c r="K513" s="6">
        <v>847</v>
      </c>
      <c r="L513" s="6">
        <v>347</v>
      </c>
      <c r="M513" s="6">
        <v>98</v>
      </c>
      <c r="N513" s="6">
        <v>9</v>
      </c>
      <c r="O513" s="6">
        <v>240</v>
      </c>
      <c r="P513" s="6">
        <v>17</v>
      </c>
      <c r="Q513" s="6">
        <v>3</v>
      </c>
      <c r="R513" s="6">
        <v>23</v>
      </c>
      <c r="S513" s="6">
        <v>456</v>
      </c>
      <c r="T513" s="10" t="s">
        <v>55</v>
      </c>
      <c r="U513" s="6">
        <v>1</v>
      </c>
      <c r="V513" s="6">
        <v>364</v>
      </c>
    </row>
    <row r="514" spans="1:22">
      <c r="A514" s="9" t="s">
        <v>83</v>
      </c>
      <c r="B514" s="9" t="s">
        <v>57</v>
      </c>
      <c r="C514" s="9" t="s">
        <v>89</v>
      </c>
      <c r="D514" s="9" t="s">
        <v>77</v>
      </c>
      <c r="E514" s="9" t="s">
        <v>57</v>
      </c>
      <c r="F514" s="9" t="s">
        <v>81</v>
      </c>
      <c r="G514" s="9" t="s">
        <v>90</v>
      </c>
      <c r="H514" s="9" t="s">
        <v>54</v>
      </c>
      <c r="I514" s="9" t="s">
        <v>122</v>
      </c>
      <c r="J514" s="9" t="s">
        <v>125</v>
      </c>
      <c r="K514" s="6">
        <v>14</v>
      </c>
      <c r="L514" s="6">
        <v>1</v>
      </c>
      <c r="M514" s="10" t="s">
        <v>55</v>
      </c>
      <c r="N514" s="10" t="s">
        <v>55</v>
      </c>
      <c r="O514" s="6">
        <v>1</v>
      </c>
      <c r="P514" s="10" t="s">
        <v>55</v>
      </c>
      <c r="Q514" s="10" t="s">
        <v>55</v>
      </c>
      <c r="R514" s="6">
        <v>1</v>
      </c>
      <c r="S514" s="6">
        <v>12</v>
      </c>
      <c r="T514" s="10" t="s">
        <v>55</v>
      </c>
      <c r="U514" s="10" t="s">
        <v>55</v>
      </c>
      <c r="V514" s="6">
        <v>1</v>
      </c>
    </row>
    <row r="515" spans="1:22">
      <c r="A515" s="9" t="s">
        <v>83</v>
      </c>
      <c r="B515" s="9" t="s">
        <v>57</v>
      </c>
      <c r="C515" s="9" t="s">
        <v>89</v>
      </c>
      <c r="D515" s="9" t="s">
        <v>77</v>
      </c>
      <c r="E515" s="9" t="s">
        <v>57</v>
      </c>
      <c r="F515" s="9" t="s">
        <v>81</v>
      </c>
      <c r="G515" s="9" t="s">
        <v>90</v>
      </c>
      <c r="H515" s="9" t="s">
        <v>54</v>
      </c>
      <c r="I515" s="9" t="s">
        <v>126</v>
      </c>
      <c r="J515" s="9" t="s">
        <v>127</v>
      </c>
      <c r="K515" s="10" t="s">
        <v>55</v>
      </c>
      <c r="L515" s="10" t="s">
        <v>55</v>
      </c>
      <c r="M515" s="10" t="s">
        <v>55</v>
      </c>
      <c r="N515" s="10" t="s">
        <v>55</v>
      </c>
      <c r="O515" s="10" t="s">
        <v>55</v>
      </c>
      <c r="P515" s="10" t="s">
        <v>55</v>
      </c>
      <c r="Q515" s="10" t="s">
        <v>55</v>
      </c>
      <c r="R515" s="10" t="s">
        <v>55</v>
      </c>
      <c r="S515" s="10" t="s">
        <v>55</v>
      </c>
      <c r="T515" s="10" t="s">
        <v>55</v>
      </c>
      <c r="U515" s="10" t="s">
        <v>55</v>
      </c>
      <c r="V515" s="10" t="s">
        <v>55</v>
      </c>
    </row>
    <row r="516" spans="1:22">
      <c r="A516" s="9" t="s">
        <v>83</v>
      </c>
      <c r="B516" s="9" t="s">
        <v>57</v>
      </c>
      <c r="C516" s="9" t="s">
        <v>89</v>
      </c>
      <c r="D516" s="9" t="s">
        <v>77</v>
      </c>
      <c r="E516" s="9" t="s">
        <v>57</v>
      </c>
      <c r="F516" s="9" t="s">
        <v>81</v>
      </c>
      <c r="G516" s="9" t="s">
        <v>90</v>
      </c>
      <c r="H516" s="9" t="s">
        <v>54</v>
      </c>
      <c r="I516" s="9" t="s">
        <v>126</v>
      </c>
      <c r="J516" s="9" t="s">
        <v>128</v>
      </c>
      <c r="K516" s="6">
        <v>93</v>
      </c>
      <c r="L516" s="6">
        <v>55</v>
      </c>
      <c r="M516" s="6">
        <v>41</v>
      </c>
      <c r="N516" s="6">
        <v>1</v>
      </c>
      <c r="O516" s="6">
        <v>13</v>
      </c>
      <c r="P516" s="6">
        <v>17</v>
      </c>
      <c r="Q516" s="10" t="s">
        <v>55</v>
      </c>
      <c r="R516" s="10" t="s">
        <v>55</v>
      </c>
      <c r="S516" s="6">
        <v>21</v>
      </c>
      <c r="T516" s="10" t="s">
        <v>55</v>
      </c>
      <c r="U516" s="10" t="s">
        <v>55</v>
      </c>
      <c r="V516" s="6">
        <v>72</v>
      </c>
    </row>
    <row r="517" spans="1:22">
      <c r="A517" s="9" t="s">
        <v>83</v>
      </c>
      <c r="B517" s="9" t="s">
        <v>57</v>
      </c>
      <c r="C517" s="9" t="s">
        <v>89</v>
      </c>
      <c r="D517" s="9" t="s">
        <v>77</v>
      </c>
      <c r="E517" s="9" t="s">
        <v>57</v>
      </c>
      <c r="F517" s="9" t="s">
        <v>81</v>
      </c>
      <c r="G517" s="9" t="s">
        <v>90</v>
      </c>
      <c r="H517" s="9" t="s">
        <v>54</v>
      </c>
      <c r="I517" s="9" t="s">
        <v>126</v>
      </c>
      <c r="J517" s="9" t="s">
        <v>129</v>
      </c>
      <c r="K517" s="6">
        <v>280</v>
      </c>
      <c r="L517" s="6">
        <v>241</v>
      </c>
      <c r="M517" s="6">
        <v>153</v>
      </c>
      <c r="N517" s="6">
        <v>10</v>
      </c>
      <c r="O517" s="6">
        <v>78</v>
      </c>
      <c r="P517" s="6">
        <v>9</v>
      </c>
      <c r="Q517" s="6">
        <v>1</v>
      </c>
      <c r="R517" s="6">
        <v>8</v>
      </c>
      <c r="S517" s="6">
        <v>18</v>
      </c>
      <c r="T517" s="6">
        <v>2</v>
      </c>
      <c r="U517" s="6">
        <v>1</v>
      </c>
      <c r="V517" s="6">
        <v>250</v>
      </c>
    </row>
    <row r="518" spans="1:22">
      <c r="A518" s="9" t="s">
        <v>83</v>
      </c>
      <c r="B518" s="9" t="s">
        <v>57</v>
      </c>
      <c r="C518" s="9" t="s">
        <v>89</v>
      </c>
      <c r="D518" s="9" t="s">
        <v>77</v>
      </c>
      <c r="E518" s="9" t="s">
        <v>57</v>
      </c>
      <c r="F518" s="9" t="s">
        <v>81</v>
      </c>
      <c r="G518" s="9" t="s">
        <v>90</v>
      </c>
      <c r="H518" s="9" t="s">
        <v>54</v>
      </c>
      <c r="I518" s="9" t="s">
        <v>130</v>
      </c>
      <c r="J518" s="9" t="s">
        <v>131</v>
      </c>
      <c r="K518" s="6">
        <v>1</v>
      </c>
      <c r="L518" s="6">
        <v>1</v>
      </c>
      <c r="M518" s="6">
        <v>1</v>
      </c>
      <c r="N518" s="10" t="s">
        <v>55</v>
      </c>
      <c r="O518" s="10" t="s">
        <v>55</v>
      </c>
      <c r="P518" s="10" t="s">
        <v>55</v>
      </c>
      <c r="Q518" s="10" t="s">
        <v>55</v>
      </c>
      <c r="R518" s="10" t="s">
        <v>55</v>
      </c>
      <c r="S518" s="10" t="s">
        <v>55</v>
      </c>
      <c r="T518" s="10" t="s">
        <v>55</v>
      </c>
      <c r="U518" s="10" t="s">
        <v>55</v>
      </c>
      <c r="V518" s="6">
        <v>1</v>
      </c>
    </row>
    <row r="519" spans="1:22">
      <c r="A519" s="9" t="s">
        <v>83</v>
      </c>
      <c r="B519" s="9" t="s">
        <v>57</v>
      </c>
      <c r="C519" s="9" t="s">
        <v>89</v>
      </c>
      <c r="D519" s="9" t="s">
        <v>77</v>
      </c>
      <c r="E519" s="9" t="s">
        <v>57</v>
      </c>
      <c r="F519" s="9" t="s">
        <v>81</v>
      </c>
      <c r="G519" s="9" t="s">
        <v>90</v>
      </c>
      <c r="H519" s="9" t="s">
        <v>54</v>
      </c>
      <c r="I519" s="9" t="s">
        <v>130</v>
      </c>
      <c r="J519" s="9" t="s">
        <v>132</v>
      </c>
      <c r="K519" s="6">
        <v>5</v>
      </c>
      <c r="L519" s="6">
        <v>4</v>
      </c>
      <c r="M519" s="6">
        <v>3</v>
      </c>
      <c r="N519" s="10" t="s">
        <v>55</v>
      </c>
      <c r="O519" s="6">
        <v>1</v>
      </c>
      <c r="P519" s="10" t="s">
        <v>55</v>
      </c>
      <c r="Q519" s="10" t="s">
        <v>55</v>
      </c>
      <c r="R519" s="6">
        <v>1</v>
      </c>
      <c r="S519" s="10" t="s">
        <v>55</v>
      </c>
      <c r="T519" s="10" t="s">
        <v>55</v>
      </c>
      <c r="U519" s="10" t="s">
        <v>55</v>
      </c>
      <c r="V519" s="6">
        <v>4</v>
      </c>
    </row>
    <row r="520" spans="1:22">
      <c r="A520" s="9" t="s">
        <v>83</v>
      </c>
      <c r="B520" s="9" t="s">
        <v>57</v>
      </c>
      <c r="C520" s="9" t="s">
        <v>89</v>
      </c>
      <c r="D520" s="9" t="s">
        <v>77</v>
      </c>
      <c r="E520" s="9" t="s">
        <v>57</v>
      </c>
      <c r="F520" s="9" t="s">
        <v>81</v>
      </c>
      <c r="G520" s="9" t="s">
        <v>90</v>
      </c>
      <c r="H520" s="9" t="s">
        <v>54</v>
      </c>
      <c r="I520" s="9" t="s">
        <v>130</v>
      </c>
      <c r="J520" s="9" t="s">
        <v>133</v>
      </c>
      <c r="K520" s="6">
        <v>46</v>
      </c>
      <c r="L520" s="6">
        <v>46</v>
      </c>
      <c r="M520" s="6">
        <v>19</v>
      </c>
      <c r="N520" s="6">
        <v>2</v>
      </c>
      <c r="O520" s="6">
        <v>25</v>
      </c>
      <c r="P520" s="10" t="s">
        <v>55</v>
      </c>
      <c r="Q520" s="10" t="s">
        <v>55</v>
      </c>
      <c r="R520" s="10" t="s">
        <v>55</v>
      </c>
      <c r="S520" s="10" t="s">
        <v>55</v>
      </c>
      <c r="T520" s="10" t="s">
        <v>55</v>
      </c>
      <c r="U520" s="10" t="s">
        <v>55</v>
      </c>
      <c r="V520" s="6">
        <v>46</v>
      </c>
    </row>
    <row r="521" spans="1:22">
      <c r="A521" s="9" t="s">
        <v>83</v>
      </c>
      <c r="B521" s="9" t="s">
        <v>57</v>
      </c>
      <c r="C521" s="9" t="s">
        <v>89</v>
      </c>
      <c r="D521" s="9" t="s">
        <v>77</v>
      </c>
      <c r="E521" s="9" t="s">
        <v>57</v>
      </c>
      <c r="F521" s="9" t="s">
        <v>81</v>
      </c>
      <c r="G521" s="9" t="s">
        <v>90</v>
      </c>
      <c r="H521" s="9" t="s">
        <v>54</v>
      </c>
      <c r="I521" s="9" t="s">
        <v>130</v>
      </c>
      <c r="J521" s="9" t="s">
        <v>134</v>
      </c>
      <c r="K521" s="6">
        <v>523</v>
      </c>
      <c r="L521" s="6">
        <v>441</v>
      </c>
      <c r="M521" s="6">
        <v>143</v>
      </c>
      <c r="N521" s="6">
        <v>3</v>
      </c>
      <c r="O521" s="6">
        <v>295</v>
      </c>
      <c r="P521" s="6">
        <v>21</v>
      </c>
      <c r="Q521" s="6">
        <v>8</v>
      </c>
      <c r="R521" s="6">
        <v>16</v>
      </c>
      <c r="S521" s="6">
        <v>37</v>
      </c>
      <c r="T521" s="10" t="s">
        <v>55</v>
      </c>
      <c r="U521" s="10" t="s">
        <v>55</v>
      </c>
      <c r="V521" s="6">
        <v>462</v>
      </c>
    </row>
    <row r="522" spans="1:22">
      <c r="A522" s="9" t="s">
        <v>83</v>
      </c>
      <c r="B522" s="9" t="s">
        <v>57</v>
      </c>
      <c r="C522" s="9" t="s">
        <v>89</v>
      </c>
      <c r="D522" s="9" t="s">
        <v>77</v>
      </c>
      <c r="E522" s="9" t="s">
        <v>57</v>
      </c>
      <c r="F522" s="9" t="s">
        <v>81</v>
      </c>
      <c r="G522" s="9" t="s">
        <v>90</v>
      </c>
      <c r="H522" s="9" t="s">
        <v>54</v>
      </c>
      <c r="I522" s="9" t="s">
        <v>130</v>
      </c>
      <c r="J522" s="9" t="s">
        <v>135</v>
      </c>
      <c r="K522" s="6">
        <v>43</v>
      </c>
      <c r="L522" s="6">
        <v>41</v>
      </c>
      <c r="M522" s="6">
        <v>29</v>
      </c>
      <c r="N522" s="6">
        <v>3</v>
      </c>
      <c r="O522" s="6">
        <v>9</v>
      </c>
      <c r="P522" s="10" t="s">
        <v>55</v>
      </c>
      <c r="Q522" s="6">
        <v>1</v>
      </c>
      <c r="R522" s="6">
        <v>1</v>
      </c>
      <c r="S522" s="10" t="s">
        <v>55</v>
      </c>
      <c r="T522" s="10" t="s">
        <v>55</v>
      </c>
      <c r="U522" s="10" t="s">
        <v>55</v>
      </c>
      <c r="V522" s="6">
        <v>41</v>
      </c>
    </row>
    <row r="523" spans="1:22">
      <c r="A523" s="9" t="s">
        <v>83</v>
      </c>
      <c r="B523" s="9" t="s">
        <v>57</v>
      </c>
      <c r="C523" s="9" t="s">
        <v>89</v>
      </c>
      <c r="D523" s="9" t="s">
        <v>77</v>
      </c>
      <c r="E523" s="9" t="s">
        <v>57</v>
      </c>
      <c r="F523" s="9" t="s">
        <v>81</v>
      </c>
      <c r="G523" s="9" t="s">
        <v>90</v>
      </c>
      <c r="H523" s="9" t="s">
        <v>54</v>
      </c>
      <c r="I523" s="9" t="s">
        <v>130</v>
      </c>
      <c r="J523" s="9" t="s">
        <v>136</v>
      </c>
      <c r="K523" s="6">
        <v>23</v>
      </c>
      <c r="L523" s="6">
        <v>18</v>
      </c>
      <c r="M523" s="6">
        <v>8</v>
      </c>
      <c r="N523" s="6">
        <v>3</v>
      </c>
      <c r="O523" s="6">
        <v>7</v>
      </c>
      <c r="P523" s="6">
        <v>3</v>
      </c>
      <c r="Q523" s="10" t="s">
        <v>55</v>
      </c>
      <c r="R523" s="10" t="s">
        <v>55</v>
      </c>
      <c r="S523" s="6">
        <v>2</v>
      </c>
      <c r="T523" s="10" t="s">
        <v>55</v>
      </c>
      <c r="U523" s="10" t="s">
        <v>55</v>
      </c>
      <c r="V523" s="6">
        <v>21</v>
      </c>
    </row>
    <row r="524" spans="1:22">
      <c r="A524" s="9" t="s">
        <v>83</v>
      </c>
      <c r="B524" s="9" t="s">
        <v>57</v>
      </c>
      <c r="C524" s="9" t="s">
        <v>89</v>
      </c>
      <c r="D524" s="9" t="s">
        <v>77</v>
      </c>
      <c r="E524" s="9" t="s">
        <v>57</v>
      </c>
      <c r="F524" s="9" t="s">
        <v>81</v>
      </c>
      <c r="G524" s="9" t="s">
        <v>90</v>
      </c>
      <c r="H524" s="9" t="s">
        <v>54</v>
      </c>
      <c r="I524" s="9" t="s">
        <v>130</v>
      </c>
      <c r="J524" s="9" t="s">
        <v>137</v>
      </c>
      <c r="K524" s="6">
        <v>45</v>
      </c>
      <c r="L524" s="6">
        <v>35</v>
      </c>
      <c r="M524" s="6">
        <v>16</v>
      </c>
      <c r="N524" s="6">
        <v>1</v>
      </c>
      <c r="O524" s="6">
        <v>18</v>
      </c>
      <c r="P524" s="6">
        <v>2</v>
      </c>
      <c r="Q524" s="6">
        <v>1</v>
      </c>
      <c r="R524" s="6">
        <v>3</v>
      </c>
      <c r="S524" s="6">
        <v>4</v>
      </c>
      <c r="T524" s="10" t="s">
        <v>55</v>
      </c>
      <c r="U524" s="10" t="s">
        <v>55</v>
      </c>
      <c r="V524" s="6">
        <v>37</v>
      </c>
    </row>
    <row r="525" spans="1:22">
      <c r="A525" s="9" t="s">
        <v>83</v>
      </c>
      <c r="B525" s="9" t="s">
        <v>57</v>
      </c>
      <c r="C525" s="9" t="s">
        <v>89</v>
      </c>
      <c r="D525" s="9" t="s">
        <v>77</v>
      </c>
      <c r="E525" s="9" t="s">
        <v>57</v>
      </c>
      <c r="F525" s="9" t="s">
        <v>81</v>
      </c>
      <c r="G525" s="9" t="s">
        <v>90</v>
      </c>
      <c r="H525" s="9" t="s">
        <v>54</v>
      </c>
      <c r="I525" s="9" t="s">
        <v>130</v>
      </c>
      <c r="J525" s="9" t="s">
        <v>138</v>
      </c>
      <c r="K525" s="6">
        <v>131</v>
      </c>
      <c r="L525" s="6">
        <v>93</v>
      </c>
      <c r="M525" s="6">
        <v>25</v>
      </c>
      <c r="N525" s="6">
        <v>1</v>
      </c>
      <c r="O525" s="6">
        <v>67</v>
      </c>
      <c r="P525" s="10" t="s">
        <v>55</v>
      </c>
      <c r="Q525" s="6">
        <v>9</v>
      </c>
      <c r="R525" s="6">
        <v>8</v>
      </c>
      <c r="S525" s="6">
        <v>21</v>
      </c>
      <c r="T525" s="10" t="s">
        <v>55</v>
      </c>
      <c r="U525" s="10" t="s">
        <v>55</v>
      </c>
      <c r="V525" s="6">
        <v>93</v>
      </c>
    </row>
    <row r="526" spans="1:22">
      <c r="A526" s="9" t="s">
        <v>83</v>
      </c>
      <c r="B526" s="9" t="s">
        <v>57</v>
      </c>
      <c r="C526" s="9" t="s">
        <v>89</v>
      </c>
      <c r="D526" s="9" t="s">
        <v>77</v>
      </c>
      <c r="E526" s="9" t="s">
        <v>57</v>
      </c>
      <c r="F526" s="9" t="s">
        <v>81</v>
      </c>
      <c r="G526" s="9" t="s">
        <v>90</v>
      </c>
      <c r="H526" s="9" t="s">
        <v>54</v>
      </c>
      <c r="I526" s="9" t="s">
        <v>130</v>
      </c>
      <c r="J526" s="9" t="s">
        <v>139</v>
      </c>
      <c r="K526" s="6">
        <v>128</v>
      </c>
      <c r="L526" s="6">
        <v>79</v>
      </c>
      <c r="M526" s="6">
        <v>31</v>
      </c>
      <c r="N526" s="6">
        <v>1</v>
      </c>
      <c r="O526" s="6">
        <v>47</v>
      </c>
      <c r="P526" s="6">
        <v>1</v>
      </c>
      <c r="Q526" s="6">
        <v>8</v>
      </c>
      <c r="R526" s="6">
        <v>25</v>
      </c>
      <c r="S526" s="6">
        <v>15</v>
      </c>
      <c r="T526" s="10" t="s">
        <v>55</v>
      </c>
      <c r="U526" s="10" t="s">
        <v>55</v>
      </c>
      <c r="V526" s="6">
        <v>80</v>
      </c>
    </row>
    <row r="527" spans="1:22">
      <c r="A527" s="9" t="s">
        <v>83</v>
      </c>
      <c r="B527" s="9" t="s">
        <v>57</v>
      </c>
      <c r="C527" s="9" t="s">
        <v>89</v>
      </c>
      <c r="D527" s="9" t="s">
        <v>77</v>
      </c>
      <c r="E527" s="9" t="s">
        <v>57</v>
      </c>
      <c r="F527" s="9" t="s">
        <v>81</v>
      </c>
      <c r="G527" s="9" t="s">
        <v>90</v>
      </c>
      <c r="H527" s="9" t="s">
        <v>54</v>
      </c>
      <c r="I527" s="9" t="s">
        <v>130</v>
      </c>
      <c r="J527" s="9" t="s">
        <v>140</v>
      </c>
      <c r="K527" s="6">
        <v>92</v>
      </c>
      <c r="L527" s="6">
        <v>80</v>
      </c>
      <c r="M527" s="6">
        <v>55</v>
      </c>
      <c r="N527" s="6">
        <v>2</v>
      </c>
      <c r="O527" s="6">
        <v>23</v>
      </c>
      <c r="P527" s="10" t="s">
        <v>55</v>
      </c>
      <c r="Q527" s="6">
        <v>2</v>
      </c>
      <c r="R527" s="6">
        <v>9</v>
      </c>
      <c r="S527" s="6">
        <v>1</v>
      </c>
      <c r="T527" s="10" t="s">
        <v>55</v>
      </c>
      <c r="U527" s="10" t="s">
        <v>55</v>
      </c>
      <c r="V527" s="6">
        <v>80</v>
      </c>
    </row>
    <row r="528" spans="1:22">
      <c r="A528" s="9" t="s">
        <v>83</v>
      </c>
      <c r="B528" s="9" t="s">
        <v>57</v>
      </c>
      <c r="C528" s="9" t="s">
        <v>89</v>
      </c>
      <c r="D528" s="9" t="s">
        <v>77</v>
      </c>
      <c r="E528" s="9" t="s">
        <v>57</v>
      </c>
      <c r="F528" s="9" t="s">
        <v>81</v>
      </c>
      <c r="G528" s="9" t="s">
        <v>90</v>
      </c>
      <c r="H528" s="9" t="s">
        <v>54</v>
      </c>
      <c r="I528" s="9" t="s">
        <v>130</v>
      </c>
      <c r="J528" s="9" t="s">
        <v>141</v>
      </c>
      <c r="K528" s="6">
        <v>853</v>
      </c>
      <c r="L528" s="6">
        <v>829</v>
      </c>
      <c r="M528" s="6">
        <v>549</v>
      </c>
      <c r="N528" s="6">
        <v>17</v>
      </c>
      <c r="O528" s="6">
        <v>263</v>
      </c>
      <c r="P528" s="6">
        <v>15</v>
      </c>
      <c r="Q528" s="10" t="s">
        <v>55</v>
      </c>
      <c r="R528" s="6">
        <v>3</v>
      </c>
      <c r="S528" s="6">
        <v>3</v>
      </c>
      <c r="T528" s="10" t="s">
        <v>55</v>
      </c>
      <c r="U528" s="6">
        <v>3</v>
      </c>
      <c r="V528" s="6">
        <v>844</v>
      </c>
    </row>
    <row r="529" spans="1:22">
      <c r="A529" s="9" t="s">
        <v>83</v>
      </c>
      <c r="B529" s="9" t="s">
        <v>57</v>
      </c>
      <c r="C529" s="9" t="s">
        <v>89</v>
      </c>
      <c r="D529" s="9" t="s">
        <v>77</v>
      </c>
      <c r="E529" s="9" t="s">
        <v>57</v>
      </c>
      <c r="F529" s="9" t="s">
        <v>81</v>
      </c>
      <c r="G529" s="9" t="s">
        <v>90</v>
      </c>
      <c r="H529" s="9" t="s">
        <v>54</v>
      </c>
      <c r="I529" s="9" t="s">
        <v>130</v>
      </c>
      <c r="J529" s="9" t="s">
        <v>142</v>
      </c>
      <c r="K529" s="6">
        <v>27</v>
      </c>
      <c r="L529" s="6">
        <v>27</v>
      </c>
      <c r="M529" s="6">
        <v>20</v>
      </c>
      <c r="N529" s="6">
        <v>1</v>
      </c>
      <c r="O529" s="6">
        <v>6</v>
      </c>
      <c r="P529" s="10" t="s">
        <v>55</v>
      </c>
      <c r="Q529" s="10" t="s">
        <v>55</v>
      </c>
      <c r="R529" s="10" t="s">
        <v>55</v>
      </c>
      <c r="S529" s="10" t="s">
        <v>55</v>
      </c>
      <c r="T529" s="10" t="s">
        <v>55</v>
      </c>
      <c r="U529" s="10" t="s">
        <v>55</v>
      </c>
      <c r="V529" s="6">
        <v>27</v>
      </c>
    </row>
    <row r="530" spans="1:22">
      <c r="A530" s="9" t="s">
        <v>83</v>
      </c>
      <c r="B530" s="9" t="s">
        <v>57</v>
      </c>
      <c r="C530" s="9" t="s">
        <v>89</v>
      </c>
      <c r="D530" s="9" t="s">
        <v>77</v>
      </c>
      <c r="E530" s="9" t="s">
        <v>57</v>
      </c>
      <c r="F530" s="9" t="s">
        <v>81</v>
      </c>
      <c r="G530" s="9" t="s">
        <v>90</v>
      </c>
      <c r="H530" s="9" t="s">
        <v>54</v>
      </c>
      <c r="I530" s="9" t="s">
        <v>130</v>
      </c>
      <c r="J530" s="9" t="s">
        <v>143</v>
      </c>
      <c r="K530" s="6">
        <v>125</v>
      </c>
      <c r="L530" s="6">
        <v>104</v>
      </c>
      <c r="M530" s="6">
        <v>38</v>
      </c>
      <c r="N530" s="6">
        <v>6</v>
      </c>
      <c r="O530" s="6">
        <v>60</v>
      </c>
      <c r="P530" s="6">
        <v>8</v>
      </c>
      <c r="Q530" s="10" t="s">
        <v>55</v>
      </c>
      <c r="R530" s="6">
        <v>8</v>
      </c>
      <c r="S530" s="6">
        <v>5</v>
      </c>
      <c r="T530" s="10" t="s">
        <v>55</v>
      </c>
      <c r="U530" s="10" t="s">
        <v>55</v>
      </c>
      <c r="V530" s="6">
        <v>112</v>
      </c>
    </row>
    <row r="531" spans="1:22">
      <c r="A531" s="9" t="s">
        <v>83</v>
      </c>
      <c r="B531" s="9" t="s">
        <v>57</v>
      </c>
      <c r="C531" s="9" t="s">
        <v>89</v>
      </c>
      <c r="D531" s="9" t="s">
        <v>77</v>
      </c>
      <c r="E531" s="9" t="s">
        <v>57</v>
      </c>
      <c r="F531" s="9" t="s">
        <v>81</v>
      </c>
      <c r="G531" s="9" t="s">
        <v>90</v>
      </c>
      <c r="H531" s="9" t="s">
        <v>54</v>
      </c>
      <c r="I531" s="9" t="s">
        <v>130</v>
      </c>
      <c r="J531" s="9" t="s">
        <v>144</v>
      </c>
      <c r="K531" s="6">
        <v>61</v>
      </c>
      <c r="L531" s="6">
        <v>61</v>
      </c>
      <c r="M531" s="6">
        <v>43</v>
      </c>
      <c r="N531" s="10" t="s">
        <v>55</v>
      </c>
      <c r="O531" s="6">
        <v>18</v>
      </c>
      <c r="P531" s="10" t="s">
        <v>55</v>
      </c>
      <c r="Q531" s="10" t="s">
        <v>55</v>
      </c>
      <c r="R531" s="10" t="s">
        <v>55</v>
      </c>
      <c r="S531" s="10" t="s">
        <v>55</v>
      </c>
      <c r="T531" s="10" t="s">
        <v>55</v>
      </c>
      <c r="U531" s="10" t="s">
        <v>55</v>
      </c>
      <c r="V531" s="6">
        <v>61</v>
      </c>
    </row>
    <row r="532" spans="1:22">
      <c r="A532" s="9" t="s">
        <v>83</v>
      </c>
      <c r="B532" s="9" t="s">
        <v>57</v>
      </c>
      <c r="C532" s="9" t="s">
        <v>89</v>
      </c>
      <c r="D532" s="9" t="s">
        <v>77</v>
      </c>
      <c r="E532" s="9" t="s">
        <v>57</v>
      </c>
      <c r="F532" s="9" t="s">
        <v>81</v>
      </c>
      <c r="G532" s="9" t="s">
        <v>90</v>
      </c>
      <c r="H532" s="9" t="s">
        <v>54</v>
      </c>
      <c r="I532" s="9" t="s">
        <v>55</v>
      </c>
      <c r="J532" s="9" t="s">
        <v>145</v>
      </c>
      <c r="K532" s="6">
        <v>23</v>
      </c>
      <c r="L532" s="6">
        <v>6</v>
      </c>
      <c r="M532" s="6">
        <v>3</v>
      </c>
      <c r="N532" s="10" t="s">
        <v>55</v>
      </c>
      <c r="O532" s="6">
        <v>3</v>
      </c>
      <c r="P532" s="10" t="s">
        <v>55</v>
      </c>
      <c r="Q532" s="10" t="s">
        <v>55</v>
      </c>
      <c r="R532" s="10" t="s">
        <v>55</v>
      </c>
      <c r="S532" s="6">
        <v>1</v>
      </c>
      <c r="T532" s="10" t="s">
        <v>55</v>
      </c>
      <c r="U532" s="6">
        <v>16</v>
      </c>
      <c r="V532" s="6">
        <v>6</v>
      </c>
    </row>
    <row r="533" spans="1:22">
      <c r="A533" s="9" t="s">
        <v>83</v>
      </c>
      <c r="B533" s="9" t="s">
        <v>57</v>
      </c>
      <c r="C533" s="9" t="s">
        <v>89</v>
      </c>
      <c r="D533" s="9" t="s">
        <v>77</v>
      </c>
      <c r="E533" s="9" t="s">
        <v>57</v>
      </c>
      <c r="F533" s="9" t="s">
        <v>81</v>
      </c>
      <c r="G533" s="9" t="s">
        <v>90</v>
      </c>
      <c r="H533" s="9" t="s">
        <v>54</v>
      </c>
      <c r="I533" s="9" t="s">
        <v>55</v>
      </c>
      <c r="J533" s="9" t="s">
        <v>146</v>
      </c>
      <c r="K533" s="6">
        <v>862</v>
      </c>
      <c r="L533" s="6">
        <v>349</v>
      </c>
      <c r="M533" s="6">
        <v>99</v>
      </c>
      <c r="N533" s="6">
        <v>9</v>
      </c>
      <c r="O533" s="6">
        <v>241</v>
      </c>
      <c r="P533" s="6">
        <v>17</v>
      </c>
      <c r="Q533" s="6">
        <v>3</v>
      </c>
      <c r="R533" s="6">
        <v>24</v>
      </c>
      <c r="S533" s="6">
        <v>468</v>
      </c>
      <c r="T533" s="10" t="s">
        <v>55</v>
      </c>
      <c r="U533" s="6">
        <v>1</v>
      </c>
      <c r="V533" s="6">
        <v>366</v>
      </c>
    </row>
    <row r="534" spans="1:22">
      <c r="A534" s="9" t="s">
        <v>83</v>
      </c>
      <c r="B534" s="9" t="s">
        <v>57</v>
      </c>
      <c r="C534" s="9" t="s">
        <v>89</v>
      </c>
      <c r="D534" s="9" t="s">
        <v>77</v>
      </c>
      <c r="E534" s="9" t="s">
        <v>57</v>
      </c>
      <c r="F534" s="9" t="s">
        <v>81</v>
      </c>
      <c r="G534" s="9" t="s">
        <v>90</v>
      </c>
      <c r="H534" s="9" t="s">
        <v>54</v>
      </c>
      <c r="I534" s="9" t="s">
        <v>55</v>
      </c>
      <c r="J534" s="9" t="s">
        <v>147</v>
      </c>
      <c r="K534" s="6">
        <v>373</v>
      </c>
      <c r="L534" s="6">
        <v>296</v>
      </c>
      <c r="M534" s="6">
        <v>194</v>
      </c>
      <c r="N534" s="6">
        <v>11</v>
      </c>
      <c r="O534" s="6">
        <v>91</v>
      </c>
      <c r="P534" s="6">
        <v>26</v>
      </c>
      <c r="Q534" s="6">
        <v>1</v>
      </c>
      <c r="R534" s="6">
        <v>8</v>
      </c>
      <c r="S534" s="6">
        <v>39</v>
      </c>
      <c r="T534" s="6">
        <v>2</v>
      </c>
      <c r="U534" s="6">
        <v>1</v>
      </c>
      <c r="V534" s="6">
        <v>322</v>
      </c>
    </row>
    <row r="535" spans="1:22">
      <c r="A535" s="9" t="s">
        <v>83</v>
      </c>
      <c r="B535" s="9" t="s">
        <v>57</v>
      </c>
      <c r="C535" s="9" t="s">
        <v>89</v>
      </c>
      <c r="D535" s="9" t="s">
        <v>77</v>
      </c>
      <c r="E535" s="9" t="s">
        <v>57</v>
      </c>
      <c r="F535" s="9" t="s">
        <v>81</v>
      </c>
      <c r="G535" s="9" t="s">
        <v>90</v>
      </c>
      <c r="H535" s="9" t="s">
        <v>54</v>
      </c>
      <c r="I535" s="9" t="s">
        <v>55</v>
      </c>
      <c r="J535" s="9" t="s">
        <v>148</v>
      </c>
      <c r="K535" s="6">
        <v>2103</v>
      </c>
      <c r="L535" s="6">
        <v>1859</v>
      </c>
      <c r="M535" s="6">
        <v>980</v>
      </c>
      <c r="N535" s="6">
        <v>40</v>
      </c>
      <c r="O535" s="6">
        <v>839</v>
      </c>
      <c r="P535" s="6">
        <v>50</v>
      </c>
      <c r="Q535" s="6">
        <v>29</v>
      </c>
      <c r="R535" s="6">
        <v>74</v>
      </c>
      <c r="S535" s="6">
        <v>88</v>
      </c>
      <c r="T535" s="10" t="s">
        <v>55</v>
      </c>
      <c r="U535" s="6">
        <v>3</v>
      </c>
      <c r="V535" s="6">
        <v>1909</v>
      </c>
    </row>
    <row r="536" spans="1:22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6</v>
      </c>
      <c r="I536" s="9" t="s">
        <v>55</v>
      </c>
      <c r="J536" s="9" t="s">
        <v>6</v>
      </c>
      <c r="K536" s="6">
        <v>962</v>
      </c>
      <c r="L536" s="6">
        <v>568</v>
      </c>
      <c r="M536" s="6">
        <v>377</v>
      </c>
      <c r="N536" s="6">
        <v>18</v>
      </c>
      <c r="O536" s="6">
        <v>173</v>
      </c>
      <c r="P536" s="6">
        <v>22</v>
      </c>
      <c r="Q536" s="6">
        <v>31</v>
      </c>
      <c r="R536" s="6">
        <v>194</v>
      </c>
      <c r="S536" s="6">
        <v>142</v>
      </c>
      <c r="T536" s="10" t="s">
        <v>55</v>
      </c>
      <c r="U536" s="6">
        <v>5</v>
      </c>
      <c r="V536" s="6">
        <v>590</v>
      </c>
    </row>
    <row r="537" spans="1:22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6</v>
      </c>
      <c r="I537" s="9" t="s">
        <v>122</v>
      </c>
      <c r="J537" s="9" t="s">
        <v>123</v>
      </c>
      <c r="K537" s="6">
        <v>301</v>
      </c>
      <c r="L537" s="6">
        <v>18</v>
      </c>
      <c r="M537" s="6">
        <v>5</v>
      </c>
      <c r="N537" s="10" t="s">
        <v>55</v>
      </c>
      <c r="O537" s="6">
        <v>13</v>
      </c>
      <c r="P537" s="6">
        <v>1</v>
      </c>
      <c r="Q537" s="6">
        <v>17</v>
      </c>
      <c r="R537" s="6">
        <v>143</v>
      </c>
      <c r="S537" s="6">
        <v>121</v>
      </c>
      <c r="T537" s="10" t="s">
        <v>55</v>
      </c>
      <c r="U537" s="6">
        <v>1</v>
      </c>
      <c r="V537" s="6">
        <v>19</v>
      </c>
    </row>
    <row r="538" spans="1:22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6</v>
      </c>
      <c r="I538" s="9" t="s">
        <v>122</v>
      </c>
      <c r="J538" s="9" t="s">
        <v>124</v>
      </c>
      <c r="K538" s="6">
        <v>298</v>
      </c>
      <c r="L538" s="6">
        <v>16</v>
      </c>
      <c r="M538" s="6">
        <v>4</v>
      </c>
      <c r="N538" s="10" t="s">
        <v>55</v>
      </c>
      <c r="O538" s="6">
        <v>12</v>
      </c>
      <c r="P538" s="6">
        <v>1</v>
      </c>
      <c r="Q538" s="6">
        <v>17</v>
      </c>
      <c r="R538" s="6">
        <v>142</v>
      </c>
      <c r="S538" s="6">
        <v>121</v>
      </c>
      <c r="T538" s="10" t="s">
        <v>55</v>
      </c>
      <c r="U538" s="6">
        <v>1</v>
      </c>
      <c r="V538" s="6">
        <v>17</v>
      </c>
    </row>
    <row r="539" spans="1:22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6</v>
      </c>
      <c r="I539" s="9" t="s">
        <v>122</v>
      </c>
      <c r="J539" s="9" t="s">
        <v>125</v>
      </c>
      <c r="K539" s="10" t="s">
        <v>55</v>
      </c>
      <c r="L539" s="10" t="s">
        <v>55</v>
      </c>
      <c r="M539" s="10" t="s">
        <v>55</v>
      </c>
      <c r="N539" s="10" t="s">
        <v>55</v>
      </c>
      <c r="O539" s="10" t="s">
        <v>55</v>
      </c>
      <c r="P539" s="10" t="s">
        <v>55</v>
      </c>
      <c r="Q539" s="10" t="s">
        <v>55</v>
      </c>
      <c r="R539" s="10" t="s">
        <v>55</v>
      </c>
      <c r="S539" s="10" t="s">
        <v>55</v>
      </c>
      <c r="T539" s="10" t="s">
        <v>55</v>
      </c>
      <c r="U539" s="10" t="s">
        <v>55</v>
      </c>
      <c r="V539" s="10" t="s">
        <v>55</v>
      </c>
    </row>
    <row r="540" spans="1:22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6</v>
      </c>
      <c r="I540" s="9" t="s">
        <v>126</v>
      </c>
      <c r="J540" s="9" t="s">
        <v>127</v>
      </c>
      <c r="K540" s="6">
        <v>1</v>
      </c>
      <c r="L540" s="6">
        <v>1</v>
      </c>
      <c r="M540" s="10" t="s">
        <v>55</v>
      </c>
      <c r="N540" s="10" t="s">
        <v>55</v>
      </c>
      <c r="O540" s="6">
        <v>1</v>
      </c>
      <c r="P540" s="10" t="s">
        <v>55</v>
      </c>
      <c r="Q540" s="10" t="s">
        <v>55</v>
      </c>
      <c r="R540" s="10" t="s">
        <v>55</v>
      </c>
      <c r="S540" s="10" t="s">
        <v>55</v>
      </c>
      <c r="T540" s="10" t="s">
        <v>55</v>
      </c>
      <c r="U540" s="10" t="s">
        <v>55</v>
      </c>
      <c r="V540" s="6">
        <v>1</v>
      </c>
    </row>
    <row r="541" spans="1:22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6</v>
      </c>
      <c r="I541" s="9" t="s">
        <v>126</v>
      </c>
      <c r="J541" s="9" t="s">
        <v>128</v>
      </c>
      <c r="K541" s="6">
        <v>108</v>
      </c>
      <c r="L541" s="6">
        <v>64</v>
      </c>
      <c r="M541" s="6">
        <v>52</v>
      </c>
      <c r="N541" s="6">
        <v>1</v>
      </c>
      <c r="O541" s="6">
        <v>11</v>
      </c>
      <c r="P541" s="6">
        <v>13</v>
      </c>
      <c r="Q541" s="6">
        <v>8</v>
      </c>
      <c r="R541" s="6">
        <v>15</v>
      </c>
      <c r="S541" s="6">
        <v>7</v>
      </c>
      <c r="T541" s="10" t="s">
        <v>55</v>
      </c>
      <c r="U541" s="6">
        <v>1</v>
      </c>
      <c r="V541" s="6">
        <v>77</v>
      </c>
    </row>
    <row r="542" spans="1:22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6</v>
      </c>
      <c r="I542" s="9" t="s">
        <v>126</v>
      </c>
      <c r="J542" s="9" t="s">
        <v>129</v>
      </c>
      <c r="K542" s="6">
        <v>84</v>
      </c>
      <c r="L542" s="6">
        <v>80</v>
      </c>
      <c r="M542" s="6">
        <v>55</v>
      </c>
      <c r="N542" s="6">
        <v>6</v>
      </c>
      <c r="O542" s="6">
        <v>19</v>
      </c>
      <c r="P542" s="10" t="s">
        <v>55</v>
      </c>
      <c r="Q542" s="10" t="s">
        <v>55</v>
      </c>
      <c r="R542" s="6">
        <v>3</v>
      </c>
      <c r="S542" s="6">
        <v>1</v>
      </c>
      <c r="T542" s="10" t="s">
        <v>55</v>
      </c>
      <c r="U542" s="10" t="s">
        <v>55</v>
      </c>
      <c r="V542" s="6">
        <v>80</v>
      </c>
    </row>
    <row r="543" spans="1:22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6</v>
      </c>
      <c r="I543" s="9" t="s">
        <v>130</v>
      </c>
      <c r="J543" s="9" t="s">
        <v>131</v>
      </c>
      <c r="K543" s="10" t="s">
        <v>55</v>
      </c>
      <c r="L543" s="10" t="s">
        <v>55</v>
      </c>
      <c r="M543" s="10" t="s">
        <v>55</v>
      </c>
      <c r="N543" s="10" t="s">
        <v>55</v>
      </c>
      <c r="O543" s="10" t="s">
        <v>55</v>
      </c>
      <c r="P543" s="10" t="s">
        <v>55</v>
      </c>
      <c r="Q543" s="10" t="s">
        <v>55</v>
      </c>
      <c r="R543" s="10" t="s">
        <v>55</v>
      </c>
      <c r="S543" s="10" t="s">
        <v>55</v>
      </c>
      <c r="T543" s="10" t="s">
        <v>55</v>
      </c>
      <c r="U543" s="10" t="s">
        <v>55</v>
      </c>
      <c r="V543" s="10" t="s">
        <v>55</v>
      </c>
    </row>
    <row r="544" spans="1:22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6</v>
      </c>
      <c r="I544" s="9" t="s">
        <v>130</v>
      </c>
      <c r="J544" s="9" t="s">
        <v>132</v>
      </c>
      <c r="K544" s="6">
        <v>2</v>
      </c>
      <c r="L544" s="6">
        <v>2</v>
      </c>
      <c r="M544" s="6">
        <v>2</v>
      </c>
      <c r="N544" s="10" t="s">
        <v>55</v>
      </c>
      <c r="O544" s="10" t="s">
        <v>55</v>
      </c>
      <c r="P544" s="10" t="s">
        <v>55</v>
      </c>
      <c r="Q544" s="10" t="s">
        <v>55</v>
      </c>
      <c r="R544" s="10" t="s">
        <v>55</v>
      </c>
      <c r="S544" s="10" t="s">
        <v>55</v>
      </c>
      <c r="T544" s="10" t="s">
        <v>55</v>
      </c>
      <c r="U544" s="10" t="s">
        <v>55</v>
      </c>
      <c r="V544" s="6">
        <v>2</v>
      </c>
    </row>
    <row r="545" spans="1:22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6</v>
      </c>
      <c r="I545" s="9" t="s">
        <v>130</v>
      </c>
      <c r="J545" s="9" t="s">
        <v>133</v>
      </c>
      <c r="K545" s="6">
        <v>46</v>
      </c>
      <c r="L545" s="6">
        <v>42</v>
      </c>
      <c r="M545" s="6">
        <v>36</v>
      </c>
      <c r="N545" s="6">
        <v>3</v>
      </c>
      <c r="O545" s="6">
        <v>3</v>
      </c>
      <c r="P545" s="10" t="s">
        <v>55</v>
      </c>
      <c r="Q545" s="10" t="s">
        <v>55</v>
      </c>
      <c r="R545" s="6">
        <v>3</v>
      </c>
      <c r="S545" s="10" t="s">
        <v>55</v>
      </c>
      <c r="T545" s="10" t="s">
        <v>55</v>
      </c>
      <c r="U545" s="6">
        <v>1</v>
      </c>
      <c r="V545" s="6">
        <v>42</v>
      </c>
    </row>
    <row r="546" spans="1:22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6</v>
      </c>
      <c r="I546" s="9" t="s">
        <v>130</v>
      </c>
      <c r="J546" s="9" t="s">
        <v>134</v>
      </c>
      <c r="K546" s="6">
        <v>94</v>
      </c>
      <c r="L546" s="6">
        <v>72</v>
      </c>
      <c r="M546" s="6">
        <v>41</v>
      </c>
      <c r="N546" s="6">
        <v>2</v>
      </c>
      <c r="O546" s="6">
        <v>29</v>
      </c>
      <c r="P546" s="6">
        <v>2</v>
      </c>
      <c r="Q546" s="6">
        <v>2</v>
      </c>
      <c r="R546" s="6">
        <v>11</v>
      </c>
      <c r="S546" s="6">
        <v>6</v>
      </c>
      <c r="T546" s="10" t="s">
        <v>55</v>
      </c>
      <c r="U546" s="6">
        <v>1</v>
      </c>
      <c r="V546" s="6">
        <v>74</v>
      </c>
    </row>
    <row r="547" spans="1:22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6</v>
      </c>
      <c r="I547" s="9" t="s">
        <v>130</v>
      </c>
      <c r="J547" s="9" t="s">
        <v>135</v>
      </c>
      <c r="K547" s="6">
        <v>4</v>
      </c>
      <c r="L547" s="6">
        <v>4</v>
      </c>
      <c r="M547" s="6">
        <v>3</v>
      </c>
      <c r="N547" s="10" t="s">
        <v>55</v>
      </c>
      <c r="O547" s="6">
        <v>1</v>
      </c>
      <c r="P547" s="10" t="s">
        <v>55</v>
      </c>
      <c r="Q547" s="10" t="s">
        <v>55</v>
      </c>
      <c r="R547" s="10" t="s">
        <v>55</v>
      </c>
      <c r="S547" s="10" t="s">
        <v>55</v>
      </c>
      <c r="T547" s="10" t="s">
        <v>55</v>
      </c>
      <c r="U547" s="10" t="s">
        <v>55</v>
      </c>
      <c r="V547" s="6">
        <v>4</v>
      </c>
    </row>
    <row r="548" spans="1:22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6</v>
      </c>
      <c r="I548" s="9" t="s">
        <v>130</v>
      </c>
      <c r="J548" s="9" t="s">
        <v>136</v>
      </c>
      <c r="K548" s="6">
        <v>4</v>
      </c>
      <c r="L548" s="6">
        <v>3</v>
      </c>
      <c r="M548" s="6">
        <v>2</v>
      </c>
      <c r="N548" s="10" t="s">
        <v>55</v>
      </c>
      <c r="O548" s="6">
        <v>1</v>
      </c>
      <c r="P548" s="10" t="s">
        <v>55</v>
      </c>
      <c r="Q548" s="10" t="s">
        <v>55</v>
      </c>
      <c r="R548" s="6">
        <v>1</v>
      </c>
      <c r="S548" s="10" t="s">
        <v>55</v>
      </c>
      <c r="T548" s="10" t="s">
        <v>55</v>
      </c>
      <c r="U548" s="10" t="s">
        <v>55</v>
      </c>
      <c r="V548" s="6">
        <v>3</v>
      </c>
    </row>
    <row r="549" spans="1:22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6</v>
      </c>
      <c r="I549" s="9" t="s">
        <v>130</v>
      </c>
      <c r="J549" s="9" t="s">
        <v>137</v>
      </c>
      <c r="K549" s="6">
        <v>13</v>
      </c>
      <c r="L549" s="6">
        <v>8</v>
      </c>
      <c r="M549" s="6">
        <v>6</v>
      </c>
      <c r="N549" s="10" t="s">
        <v>55</v>
      </c>
      <c r="O549" s="6">
        <v>2</v>
      </c>
      <c r="P549" s="10" t="s">
        <v>55</v>
      </c>
      <c r="Q549" s="6">
        <v>2</v>
      </c>
      <c r="R549" s="6">
        <v>1</v>
      </c>
      <c r="S549" s="6">
        <v>2</v>
      </c>
      <c r="T549" s="10" t="s">
        <v>55</v>
      </c>
      <c r="U549" s="10" t="s">
        <v>55</v>
      </c>
      <c r="V549" s="6">
        <v>8</v>
      </c>
    </row>
    <row r="550" spans="1:22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6</v>
      </c>
      <c r="I550" s="9" t="s">
        <v>130</v>
      </c>
      <c r="J550" s="9" t="s">
        <v>138</v>
      </c>
      <c r="K550" s="6">
        <v>27</v>
      </c>
      <c r="L550" s="6">
        <v>19</v>
      </c>
      <c r="M550" s="6">
        <v>6</v>
      </c>
      <c r="N550" s="10" t="s">
        <v>55</v>
      </c>
      <c r="O550" s="6">
        <v>13</v>
      </c>
      <c r="P550" s="10" t="s">
        <v>55</v>
      </c>
      <c r="Q550" s="10" t="s">
        <v>55</v>
      </c>
      <c r="R550" s="6">
        <v>4</v>
      </c>
      <c r="S550" s="6">
        <v>4</v>
      </c>
      <c r="T550" s="10" t="s">
        <v>55</v>
      </c>
      <c r="U550" s="10" t="s">
        <v>55</v>
      </c>
      <c r="V550" s="6">
        <v>19</v>
      </c>
    </row>
    <row r="551" spans="1:22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6</v>
      </c>
      <c r="I551" s="9" t="s">
        <v>130</v>
      </c>
      <c r="J551" s="9" t="s">
        <v>139</v>
      </c>
      <c r="K551" s="6">
        <v>37</v>
      </c>
      <c r="L551" s="6">
        <v>32</v>
      </c>
      <c r="M551" s="6">
        <v>12</v>
      </c>
      <c r="N551" s="6">
        <v>1</v>
      </c>
      <c r="O551" s="6">
        <v>19</v>
      </c>
      <c r="P551" s="10" t="s">
        <v>55</v>
      </c>
      <c r="Q551" s="10" t="s">
        <v>55</v>
      </c>
      <c r="R551" s="6">
        <v>5</v>
      </c>
      <c r="S551" s="10" t="s">
        <v>55</v>
      </c>
      <c r="T551" s="10" t="s">
        <v>55</v>
      </c>
      <c r="U551" s="10" t="s">
        <v>55</v>
      </c>
      <c r="V551" s="6">
        <v>32</v>
      </c>
    </row>
    <row r="552" spans="1:22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6</v>
      </c>
      <c r="I552" s="9" t="s">
        <v>130</v>
      </c>
      <c r="J552" s="9" t="s">
        <v>140</v>
      </c>
      <c r="K552" s="6">
        <v>19</v>
      </c>
      <c r="L552" s="6">
        <v>18</v>
      </c>
      <c r="M552" s="6">
        <v>13</v>
      </c>
      <c r="N552" s="6">
        <v>1</v>
      </c>
      <c r="O552" s="6">
        <v>4</v>
      </c>
      <c r="P552" s="10" t="s">
        <v>55</v>
      </c>
      <c r="Q552" s="10" t="s">
        <v>55</v>
      </c>
      <c r="R552" s="6">
        <v>1</v>
      </c>
      <c r="S552" s="10" t="s">
        <v>55</v>
      </c>
      <c r="T552" s="10" t="s">
        <v>55</v>
      </c>
      <c r="U552" s="10" t="s">
        <v>55</v>
      </c>
      <c r="V552" s="6">
        <v>18</v>
      </c>
    </row>
    <row r="553" spans="1:22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6</v>
      </c>
      <c r="I553" s="9" t="s">
        <v>130</v>
      </c>
      <c r="J553" s="9" t="s">
        <v>141</v>
      </c>
      <c r="K553" s="6">
        <v>123</v>
      </c>
      <c r="L553" s="6">
        <v>120</v>
      </c>
      <c r="M553" s="6">
        <v>86</v>
      </c>
      <c r="N553" s="6">
        <v>2</v>
      </c>
      <c r="O553" s="6">
        <v>32</v>
      </c>
      <c r="P553" s="6">
        <v>1</v>
      </c>
      <c r="Q553" s="10" t="s">
        <v>55</v>
      </c>
      <c r="R553" s="6">
        <v>1</v>
      </c>
      <c r="S553" s="10" t="s">
        <v>55</v>
      </c>
      <c r="T553" s="10" t="s">
        <v>55</v>
      </c>
      <c r="U553" s="6">
        <v>1</v>
      </c>
      <c r="V553" s="6">
        <v>121</v>
      </c>
    </row>
    <row r="554" spans="1:22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6</v>
      </c>
      <c r="I554" s="9" t="s">
        <v>130</v>
      </c>
      <c r="J554" s="9" t="s">
        <v>142</v>
      </c>
      <c r="K554" s="6">
        <v>10</v>
      </c>
      <c r="L554" s="6">
        <v>9</v>
      </c>
      <c r="M554" s="6">
        <v>7</v>
      </c>
      <c r="N554" s="10" t="s">
        <v>55</v>
      </c>
      <c r="O554" s="6">
        <v>2</v>
      </c>
      <c r="P554" s="6">
        <v>1</v>
      </c>
      <c r="Q554" s="10" t="s">
        <v>55</v>
      </c>
      <c r="R554" s="10" t="s">
        <v>55</v>
      </c>
      <c r="S554" s="10" t="s">
        <v>55</v>
      </c>
      <c r="T554" s="10" t="s">
        <v>55</v>
      </c>
      <c r="U554" s="10" t="s">
        <v>55</v>
      </c>
      <c r="V554" s="6">
        <v>10</v>
      </c>
    </row>
    <row r="555" spans="1:22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6</v>
      </c>
      <c r="I555" s="9" t="s">
        <v>130</v>
      </c>
      <c r="J555" s="9" t="s">
        <v>143</v>
      </c>
      <c r="K555" s="6">
        <v>53</v>
      </c>
      <c r="L555" s="6">
        <v>40</v>
      </c>
      <c r="M555" s="6">
        <v>24</v>
      </c>
      <c r="N555" s="6">
        <v>2</v>
      </c>
      <c r="O555" s="6">
        <v>14</v>
      </c>
      <c r="P555" s="6">
        <v>4</v>
      </c>
      <c r="Q555" s="6">
        <v>2</v>
      </c>
      <c r="R555" s="6">
        <v>6</v>
      </c>
      <c r="S555" s="6">
        <v>1</v>
      </c>
      <c r="T555" s="10" t="s">
        <v>55</v>
      </c>
      <c r="U555" s="10" t="s">
        <v>55</v>
      </c>
      <c r="V555" s="6">
        <v>44</v>
      </c>
    </row>
    <row r="556" spans="1:22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6</v>
      </c>
      <c r="I556" s="9" t="s">
        <v>130</v>
      </c>
      <c r="J556" s="9" t="s">
        <v>144</v>
      </c>
      <c r="K556" s="6">
        <v>34</v>
      </c>
      <c r="L556" s="6">
        <v>34</v>
      </c>
      <c r="M556" s="6">
        <v>27</v>
      </c>
      <c r="N556" s="10" t="s">
        <v>55</v>
      </c>
      <c r="O556" s="6">
        <v>7</v>
      </c>
      <c r="P556" s="10" t="s">
        <v>55</v>
      </c>
      <c r="Q556" s="10" t="s">
        <v>55</v>
      </c>
      <c r="R556" s="10" t="s">
        <v>55</v>
      </c>
      <c r="S556" s="10" t="s">
        <v>55</v>
      </c>
      <c r="T556" s="10" t="s">
        <v>55</v>
      </c>
      <c r="U556" s="10" t="s">
        <v>55</v>
      </c>
      <c r="V556" s="6">
        <v>34</v>
      </c>
    </row>
    <row r="557" spans="1:22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6</v>
      </c>
      <c r="I557" s="9" t="s">
        <v>55</v>
      </c>
      <c r="J557" s="9" t="s">
        <v>145</v>
      </c>
      <c r="K557" s="6">
        <v>2</v>
      </c>
      <c r="L557" s="6">
        <v>2</v>
      </c>
      <c r="M557" s="10" t="s">
        <v>55</v>
      </c>
      <c r="N557" s="10" t="s">
        <v>55</v>
      </c>
      <c r="O557" s="6">
        <v>2</v>
      </c>
      <c r="P557" s="10" t="s">
        <v>55</v>
      </c>
      <c r="Q557" s="10" t="s">
        <v>55</v>
      </c>
      <c r="R557" s="10" t="s">
        <v>55</v>
      </c>
      <c r="S557" s="10" t="s">
        <v>55</v>
      </c>
      <c r="T557" s="10" t="s">
        <v>55</v>
      </c>
      <c r="U557" s="10" t="s">
        <v>55</v>
      </c>
      <c r="V557" s="6">
        <v>2</v>
      </c>
    </row>
    <row r="558" spans="1:22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6</v>
      </c>
      <c r="I558" s="9" t="s">
        <v>55</v>
      </c>
      <c r="J558" s="9" t="s">
        <v>146</v>
      </c>
      <c r="K558" s="6">
        <v>301</v>
      </c>
      <c r="L558" s="6">
        <v>18</v>
      </c>
      <c r="M558" s="6">
        <v>5</v>
      </c>
      <c r="N558" s="10" t="s">
        <v>55</v>
      </c>
      <c r="O558" s="6">
        <v>13</v>
      </c>
      <c r="P558" s="6">
        <v>1</v>
      </c>
      <c r="Q558" s="6">
        <v>17</v>
      </c>
      <c r="R558" s="6">
        <v>143</v>
      </c>
      <c r="S558" s="6">
        <v>121</v>
      </c>
      <c r="T558" s="10" t="s">
        <v>55</v>
      </c>
      <c r="U558" s="6">
        <v>1</v>
      </c>
      <c r="V558" s="6">
        <v>19</v>
      </c>
    </row>
    <row r="559" spans="1:22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6</v>
      </c>
      <c r="I559" s="9" t="s">
        <v>55</v>
      </c>
      <c r="J559" s="9" t="s">
        <v>147</v>
      </c>
      <c r="K559" s="6">
        <v>193</v>
      </c>
      <c r="L559" s="6">
        <v>145</v>
      </c>
      <c r="M559" s="6">
        <v>107</v>
      </c>
      <c r="N559" s="6">
        <v>7</v>
      </c>
      <c r="O559" s="6">
        <v>31</v>
      </c>
      <c r="P559" s="6">
        <v>13</v>
      </c>
      <c r="Q559" s="6">
        <v>8</v>
      </c>
      <c r="R559" s="6">
        <v>18</v>
      </c>
      <c r="S559" s="6">
        <v>8</v>
      </c>
      <c r="T559" s="10" t="s">
        <v>55</v>
      </c>
      <c r="U559" s="6">
        <v>1</v>
      </c>
      <c r="V559" s="6">
        <v>158</v>
      </c>
    </row>
    <row r="560" spans="1:22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6</v>
      </c>
      <c r="I560" s="9" t="s">
        <v>55</v>
      </c>
      <c r="J560" s="9" t="s">
        <v>148</v>
      </c>
      <c r="K560" s="6">
        <v>466</v>
      </c>
      <c r="L560" s="6">
        <v>403</v>
      </c>
      <c r="M560" s="6">
        <v>265</v>
      </c>
      <c r="N560" s="6">
        <v>11</v>
      </c>
      <c r="O560" s="6">
        <v>127</v>
      </c>
      <c r="P560" s="6">
        <v>8</v>
      </c>
      <c r="Q560" s="6">
        <v>6</v>
      </c>
      <c r="R560" s="6">
        <v>33</v>
      </c>
      <c r="S560" s="6">
        <v>13</v>
      </c>
      <c r="T560" s="10" t="s">
        <v>55</v>
      </c>
      <c r="U560" s="6">
        <v>3</v>
      </c>
      <c r="V560" s="6">
        <v>411</v>
      </c>
    </row>
    <row r="561" spans="1:22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53</v>
      </c>
      <c r="I561" s="9" t="s">
        <v>55</v>
      </c>
      <c r="J561" s="9" t="s">
        <v>6</v>
      </c>
      <c r="K561" s="6">
        <v>516</v>
      </c>
      <c r="L561" s="6">
        <v>286</v>
      </c>
      <c r="M561" s="6">
        <v>230</v>
      </c>
      <c r="N561" s="6">
        <v>13</v>
      </c>
      <c r="O561" s="6">
        <v>43</v>
      </c>
      <c r="P561" s="6">
        <v>15</v>
      </c>
      <c r="Q561" s="6">
        <v>30</v>
      </c>
      <c r="R561" s="6">
        <v>158</v>
      </c>
      <c r="S561" s="6">
        <v>24</v>
      </c>
      <c r="T561" s="10" t="s">
        <v>55</v>
      </c>
      <c r="U561" s="6">
        <v>3</v>
      </c>
      <c r="V561" s="6">
        <v>301</v>
      </c>
    </row>
    <row r="562" spans="1:22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53</v>
      </c>
      <c r="I562" s="9" t="s">
        <v>122</v>
      </c>
      <c r="J562" s="9" t="s">
        <v>123</v>
      </c>
      <c r="K562" s="6">
        <v>167</v>
      </c>
      <c r="L562" s="6">
        <v>3</v>
      </c>
      <c r="M562" s="6">
        <v>2</v>
      </c>
      <c r="N562" s="10" t="s">
        <v>55</v>
      </c>
      <c r="O562" s="6">
        <v>1</v>
      </c>
      <c r="P562" s="6">
        <v>1</v>
      </c>
      <c r="Q562" s="6">
        <v>17</v>
      </c>
      <c r="R562" s="6">
        <v>125</v>
      </c>
      <c r="S562" s="6">
        <v>20</v>
      </c>
      <c r="T562" s="10" t="s">
        <v>55</v>
      </c>
      <c r="U562" s="6">
        <v>1</v>
      </c>
      <c r="V562" s="6">
        <v>4</v>
      </c>
    </row>
    <row r="563" spans="1:22">
      <c r="A563" s="9" t="s">
        <v>83</v>
      </c>
      <c r="B563" s="9" t="s">
        <v>57</v>
      </c>
      <c r="C563" s="9" t="s">
        <v>91</v>
      </c>
      <c r="D563" s="9" t="s">
        <v>77</v>
      </c>
      <c r="E563" s="9" t="s">
        <v>57</v>
      </c>
      <c r="F563" s="9" t="s">
        <v>81</v>
      </c>
      <c r="G563" s="9" t="s">
        <v>92</v>
      </c>
      <c r="H563" s="9" t="s">
        <v>53</v>
      </c>
      <c r="I563" s="9" t="s">
        <v>122</v>
      </c>
      <c r="J563" s="9" t="s">
        <v>124</v>
      </c>
      <c r="K563" s="6">
        <v>164</v>
      </c>
      <c r="L563" s="6">
        <v>1</v>
      </c>
      <c r="M563" s="6">
        <v>1</v>
      </c>
      <c r="N563" s="10" t="s">
        <v>55</v>
      </c>
      <c r="O563" s="10" t="s">
        <v>55</v>
      </c>
      <c r="P563" s="6">
        <v>1</v>
      </c>
      <c r="Q563" s="6">
        <v>17</v>
      </c>
      <c r="R563" s="6">
        <v>124</v>
      </c>
      <c r="S563" s="6">
        <v>20</v>
      </c>
      <c r="T563" s="10" t="s">
        <v>55</v>
      </c>
      <c r="U563" s="6">
        <v>1</v>
      </c>
      <c r="V563" s="6">
        <v>2</v>
      </c>
    </row>
    <row r="564" spans="1:22">
      <c r="A564" s="9" t="s">
        <v>83</v>
      </c>
      <c r="B564" s="9" t="s">
        <v>57</v>
      </c>
      <c r="C564" s="9" t="s">
        <v>91</v>
      </c>
      <c r="D564" s="9" t="s">
        <v>77</v>
      </c>
      <c r="E564" s="9" t="s">
        <v>57</v>
      </c>
      <c r="F564" s="9" t="s">
        <v>81</v>
      </c>
      <c r="G564" s="9" t="s">
        <v>92</v>
      </c>
      <c r="H564" s="9" t="s">
        <v>53</v>
      </c>
      <c r="I564" s="9" t="s">
        <v>122</v>
      </c>
      <c r="J564" s="9" t="s">
        <v>125</v>
      </c>
      <c r="K564" s="10" t="s">
        <v>55</v>
      </c>
      <c r="L564" s="10" t="s">
        <v>55</v>
      </c>
      <c r="M564" s="10" t="s">
        <v>55</v>
      </c>
      <c r="N564" s="10" t="s">
        <v>55</v>
      </c>
      <c r="O564" s="10" t="s">
        <v>55</v>
      </c>
      <c r="P564" s="10" t="s">
        <v>55</v>
      </c>
      <c r="Q564" s="10" t="s">
        <v>55</v>
      </c>
      <c r="R564" s="10" t="s">
        <v>55</v>
      </c>
      <c r="S564" s="10" t="s">
        <v>55</v>
      </c>
      <c r="T564" s="10" t="s">
        <v>55</v>
      </c>
      <c r="U564" s="10" t="s">
        <v>55</v>
      </c>
      <c r="V564" s="10" t="s">
        <v>55</v>
      </c>
    </row>
    <row r="565" spans="1:22">
      <c r="A565" s="9" t="s">
        <v>83</v>
      </c>
      <c r="B565" s="9" t="s">
        <v>57</v>
      </c>
      <c r="C565" s="9" t="s">
        <v>91</v>
      </c>
      <c r="D565" s="9" t="s">
        <v>77</v>
      </c>
      <c r="E565" s="9" t="s">
        <v>57</v>
      </c>
      <c r="F565" s="9" t="s">
        <v>81</v>
      </c>
      <c r="G565" s="9" t="s">
        <v>92</v>
      </c>
      <c r="H565" s="9" t="s">
        <v>53</v>
      </c>
      <c r="I565" s="9" t="s">
        <v>126</v>
      </c>
      <c r="J565" s="9" t="s">
        <v>127</v>
      </c>
      <c r="K565" s="6">
        <v>1</v>
      </c>
      <c r="L565" s="6">
        <v>1</v>
      </c>
      <c r="M565" s="10" t="s">
        <v>55</v>
      </c>
      <c r="N565" s="10" t="s">
        <v>55</v>
      </c>
      <c r="O565" s="6">
        <v>1</v>
      </c>
      <c r="P565" s="10" t="s">
        <v>55</v>
      </c>
      <c r="Q565" s="10" t="s">
        <v>55</v>
      </c>
      <c r="R565" s="10" t="s">
        <v>55</v>
      </c>
      <c r="S565" s="10" t="s">
        <v>55</v>
      </c>
      <c r="T565" s="10" t="s">
        <v>55</v>
      </c>
      <c r="U565" s="10" t="s">
        <v>55</v>
      </c>
      <c r="V565" s="6">
        <v>1</v>
      </c>
    </row>
    <row r="566" spans="1:22">
      <c r="A566" s="9" t="s">
        <v>83</v>
      </c>
      <c r="B566" s="9" t="s">
        <v>57</v>
      </c>
      <c r="C566" s="9" t="s">
        <v>91</v>
      </c>
      <c r="D566" s="9" t="s">
        <v>77</v>
      </c>
      <c r="E566" s="9" t="s">
        <v>57</v>
      </c>
      <c r="F566" s="9" t="s">
        <v>81</v>
      </c>
      <c r="G566" s="9" t="s">
        <v>92</v>
      </c>
      <c r="H566" s="9" t="s">
        <v>53</v>
      </c>
      <c r="I566" s="9" t="s">
        <v>126</v>
      </c>
      <c r="J566" s="9" t="s">
        <v>128</v>
      </c>
      <c r="K566" s="6">
        <v>89</v>
      </c>
      <c r="L566" s="6">
        <v>57</v>
      </c>
      <c r="M566" s="6">
        <v>47</v>
      </c>
      <c r="N566" s="6">
        <v>1</v>
      </c>
      <c r="O566" s="6">
        <v>9</v>
      </c>
      <c r="P566" s="6">
        <v>7</v>
      </c>
      <c r="Q566" s="6">
        <v>8</v>
      </c>
      <c r="R566" s="6">
        <v>15</v>
      </c>
      <c r="S566" s="6">
        <v>1</v>
      </c>
      <c r="T566" s="10" t="s">
        <v>55</v>
      </c>
      <c r="U566" s="6">
        <v>1</v>
      </c>
      <c r="V566" s="6">
        <v>64</v>
      </c>
    </row>
    <row r="567" spans="1:22">
      <c r="A567" s="9" t="s">
        <v>83</v>
      </c>
      <c r="B567" s="9" t="s">
        <v>57</v>
      </c>
      <c r="C567" s="9" t="s">
        <v>91</v>
      </c>
      <c r="D567" s="9" t="s">
        <v>77</v>
      </c>
      <c r="E567" s="9" t="s">
        <v>57</v>
      </c>
      <c r="F567" s="9" t="s">
        <v>81</v>
      </c>
      <c r="G567" s="9" t="s">
        <v>92</v>
      </c>
      <c r="H567" s="9" t="s">
        <v>53</v>
      </c>
      <c r="I567" s="9" t="s">
        <v>126</v>
      </c>
      <c r="J567" s="9" t="s">
        <v>129</v>
      </c>
      <c r="K567" s="6">
        <v>52</v>
      </c>
      <c r="L567" s="6">
        <v>49</v>
      </c>
      <c r="M567" s="6">
        <v>38</v>
      </c>
      <c r="N567" s="6">
        <v>5</v>
      </c>
      <c r="O567" s="6">
        <v>6</v>
      </c>
      <c r="P567" s="10" t="s">
        <v>55</v>
      </c>
      <c r="Q567" s="10" t="s">
        <v>55</v>
      </c>
      <c r="R567" s="6">
        <v>3</v>
      </c>
      <c r="S567" s="10" t="s">
        <v>55</v>
      </c>
      <c r="T567" s="10" t="s">
        <v>55</v>
      </c>
      <c r="U567" s="10" t="s">
        <v>55</v>
      </c>
      <c r="V567" s="6">
        <v>49</v>
      </c>
    </row>
    <row r="568" spans="1:22">
      <c r="A568" s="9" t="s">
        <v>83</v>
      </c>
      <c r="B568" s="9" t="s">
        <v>57</v>
      </c>
      <c r="C568" s="9" t="s">
        <v>91</v>
      </c>
      <c r="D568" s="9" t="s">
        <v>77</v>
      </c>
      <c r="E568" s="9" t="s">
        <v>57</v>
      </c>
      <c r="F568" s="9" t="s">
        <v>81</v>
      </c>
      <c r="G568" s="9" t="s">
        <v>92</v>
      </c>
      <c r="H568" s="9" t="s">
        <v>53</v>
      </c>
      <c r="I568" s="9" t="s">
        <v>130</v>
      </c>
      <c r="J568" s="9" t="s">
        <v>131</v>
      </c>
      <c r="K568" s="10" t="s">
        <v>55</v>
      </c>
      <c r="L568" s="10" t="s">
        <v>55</v>
      </c>
      <c r="M568" s="10" t="s">
        <v>55</v>
      </c>
      <c r="N568" s="10" t="s">
        <v>55</v>
      </c>
      <c r="O568" s="10" t="s">
        <v>55</v>
      </c>
      <c r="P568" s="10" t="s">
        <v>55</v>
      </c>
      <c r="Q568" s="10" t="s">
        <v>55</v>
      </c>
      <c r="R568" s="10" t="s">
        <v>55</v>
      </c>
      <c r="S568" s="10" t="s">
        <v>55</v>
      </c>
      <c r="T568" s="10" t="s">
        <v>55</v>
      </c>
      <c r="U568" s="10" t="s">
        <v>55</v>
      </c>
      <c r="V568" s="10" t="s">
        <v>55</v>
      </c>
    </row>
    <row r="569" spans="1:22">
      <c r="A569" s="9" t="s">
        <v>83</v>
      </c>
      <c r="B569" s="9" t="s">
        <v>57</v>
      </c>
      <c r="C569" s="9" t="s">
        <v>91</v>
      </c>
      <c r="D569" s="9" t="s">
        <v>77</v>
      </c>
      <c r="E569" s="9" t="s">
        <v>57</v>
      </c>
      <c r="F569" s="9" t="s">
        <v>81</v>
      </c>
      <c r="G569" s="9" t="s">
        <v>92</v>
      </c>
      <c r="H569" s="9" t="s">
        <v>53</v>
      </c>
      <c r="I569" s="9" t="s">
        <v>130</v>
      </c>
      <c r="J569" s="9" t="s">
        <v>132</v>
      </c>
      <c r="K569" s="10" t="s">
        <v>55</v>
      </c>
      <c r="L569" s="10" t="s">
        <v>55</v>
      </c>
      <c r="M569" s="10" t="s">
        <v>55</v>
      </c>
      <c r="N569" s="10" t="s">
        <v>55</v>
      </c>
      <c r="O569" s="10" t="s">
        <v>55</v>
      </c>
      <c r="P569" s="10" t="s">
        <v>55</v>
      </c>
      <c r="Q569" s="10" t="s">
        <v>55</v>
      </c>
      <c r="R569" s="10" t="s">
        <v>55</v>
      </c>
      <c r="S569" s="10" t="s">
        <v>55</v>
      </c>
      <c r="T569" s="10" t="s">
        <v>55</v>
      </c>
      <c r="U569" s="10" t="s">
        <v>55</v>
      </c>
      <c r="V569" s="10" t="s">
        <v>55</v>
      </c>
    </row>
    <row r="570" spans="1:22">
      <c r="A570" s="9" t="s">
        <v>83</v>
      </c>
      <c r="B570" s="9" t="s">
        <v>57</v>
      </c>
      <c r="C570" s="9" t="s">
        <v>91</v>
      </c>
      <c r="D570" s="9" t="s">
        <v>77</v>
      </c>
      <c r="E570" s="9" t="s">
        <v>57</v>
      </c>
      <c r="F570" s="9" t="s">
        <v>81</v>
      </c>
      <c r="G570" s="9" t="s">
        <v>92</v>
      </c>
      <c r="H570" s="9" t="s">
        <v>53</v>
      </c>
      <c r="I570" s="9" t="s">
        <v>130</v>
      </c>
      <c r="J570" s="9" t="s">
        <v>133</v>
      </c>
      <c r="K570" s="6">
        <v>42</v>
      </c>
      <c r="L570" s="6">
        <v>39</v>
      </c>
      <c r="M570" s="6">
        <v>35</v>
      </c>
      <c r="N570" s="6">
        <v>3</v>
      </c>
      <c r="O570" s="6">
        <v>1</v>
      </c>
      <c r="P570" s="10" t="s">
        <v>55</v>
      </c>
      <c r="Q570" s="10" t="s">
        <v>55</v>
      </c>
      <c r="R570" s="6">
        <v>2</v>
      </c>
      <c r="S570" s="10" t="s">
        <v>55</v>
      </c>
      <c r="T570" s="10" t="s">
        <v>55</v>
      </c>
      <c r="U570" s="6">
        <v>1</v>
      </c>
      <c r="V570" s="6">
        <v>39</v>
      </c>
    </row>
    <row r="571" spans="1:22">
      <c r="A571" s="9" t="s">
        <v>83</v>
      </c>
      <c r="B571" s="9" t="s">
        <v>57</v>
      </c>
      <c r="C571" s="9" t="s">
        <v>91</v>
      </c>
      <c r="D571" s="9" t="s">
        <v>77</v>
      </c>
      <c r="E571" s="9" t="s">
        <v>57</v>
      </c>
      <c r="F571" s="9" t="s">
        <v>81</v>
      </c>
      <c r="G571" s="9" t="s">
        <v>92</v>
      </c>
      <c r="H571" s="9" t="s">
        <v>53</v>
      </c>
      <c r="I571" s="9" t="s">
        <v>130</v>
      </c>
      <c r="J571" s="9" t="s">
        <v>134</v>
      </c>
      <c r="K571" s="6">
        <v>36</v>
      </c>
      <c r="L571" s="6">
        <v>27</v>
      </c>
      <c r="M571" s="6">
        <v>19</v>
      </c>
      <c r="N571" s="6">
        <v>1</v>
      </c>
      <c r="O571" s="6">
        <v>7</v>
      </c>
      <c r="P571" s="6">
        <v>1</v>
      </c>
      <c r="Q571" s="6">
        <v>1</v>
      </c>
      <c r="R571" s="6">
        <v>5</v>
      </c>
      <c r="S571" s="6">
        <v>2</v>
      </c>
      <c r="T571" s="10" t="s">
        <v>55</v>
      </c>
      <c r="U571" s="10" t="s">
        <v>55</v>
      </c>
      <c r="V571" s="6">
        <v>28</v>
      </c>
    </row>
    <row r="572" spans="1:22">
      <c r="A572" s="9" t="s">
        <v>83</v>
      </c>
      <c r="B572" s="9" t="s">
        <v>57</v>
      </c>
      <c r="C572" s="9" t="s">
        <v>91</v>
      </c>
      <c r="D572" s="9" t="s">
        <v>77</v>
      </c>
      <c r="E572" s="9" t="s">
        <v>57</v>
      </c>
      <c r="F572" s="9" t="s">
        <v>81</v>
      </c>
      <c r="G572" s="9" t="s">
        <v>92</v>
      </c>
      <c r="H572" s="9" t="s">
        <v>53</v>
      </c>
      <c r="I572" s="9" t="s">
        <v>130</v>
      </c>
      <c r="J572" s="9" t="s">
        <v>135</v>
      </c>
      <c r="K572" s="10" t="s">
        <v>55</v>
      </c>
      <c r="L572" s="10" t="s">
        <v>55</v>
      </c>
      <c r="M572" s="10" t="s">
        <v>55</v>
      </c>
      <c r="N572" s="10" t="s">
        <v>55</v>
      </c>
      <c r="O572" s="10" t="s">
        <v>55</v>
      </c>
      <c r="P572" s="10" t="s">
        <v>55</v>
      </c>
      <c r="Q572" s="10" t="s">
        <v>55</v>
      </c>
      <c r="R572" s="10" t="s">
        <v>55</v>
      </c>
      <c r="S572" s="10" t="s">
        <v>55</v>
      </c>
      <c r="T572" s="10" t="s">
        <v>55</v>
      </c>
      <c r="U572" s="10" t="s">
        <v>55</v>
      </c>
      <c r="V572" s="10" t="s">
        <v>55</v>
      </c>
    </row>
    <row r="573" spans="1:22">
      <c r="A573" s="9" t="s">
        <v>83</v>
      </c>
      <c r="B573" s="9" t="s">
        <v>57</v>
      </c>
      <c r="C573" s="9" t="s">
        <v>91</v>
      </c>
      <c r="D573" s="9" t="s">
        <v>77</v>
      </c>
      <c r="E573" s="9" t="s">
        <v>57</v>
      </c>
      <c r="F573" s="9" t="s">
        <v>81</v>
      </c>
      <c r="G573" s="9" t="s">
        <v>92</v>
      </c>
      <c r="H573" s="9" t="s">
        <v>53</v>
      </c>
      <c r="I573" s="9" t="s">
        <v>130</v>
      </c>
      <c r="J573" s="9" t="s">
        <v>136</v>
      </c>
      <c r="K573" s="6">
        <v>2</v>
      </c>
      <c r="L573" s="6">
        <v>1</v>
      </c>
      <c r="M573" s="6">
        <v>1</v>
      </c>
      <c r="N573" s="10" t="s">
        <v>55</v>
      </c>
      <c r="O573" s="10" t="s">
        <v>55</v>
      </c>
      <c r="P573" s="10" t="s">
        <v>55</v>
      </c>
      <c r="Q573" s="10" t="s">
        <v>55</v>
      </c>
      <c r="R573" s="6">
        <v>1</v>
      </c>
      <c r="S573" s="10" t="s">
        <v>55</v>
      </c>
      <c r="T573" s="10" t="s">
        <v>55</v>
      </c>
      <c r="U573" s="10" t="s">
        <v>55</v>
      </c>
      <c r="V573" s="6">
        <v>1</v>
      </c>
    </row>
    <row r="574" spans="1:22">
      <c r="A574" s="9" t="s">
        <v>83</v>
      </c>
      <c r="B574" s="9" t="s">
        <v>57</v>
      </c>
      <c r="C574" s="9" t="s">
        <v>91</v>
      </c>
      <c r="D574" s="9" t="s">
        <v>77</v>
      </c>
      <c r="E574" s="9" t="s">
        <v>57</v>
      </c>
      <c r="F574" s="9" t="s">
        <v>81</v>
      </c>
      <c r="G574" s="9" t="s">
        <v>92</v>
      </c>
      <c r="H574" s="9" t="s">
        <v>53</v>
      </c>
      <c r="I574" s="9" t="s">
        <v>130</v>
      </c>
      <c r="J574" s="9" t="s">
        <v>137</v>
      </c>
      <c r="K574" s="6">
        <v>6</v>
      </c>
      <c r="L574" s="6">
        <v>3</v>
      </c>
      <c r="M574" s="6">
        <v>3</v>
      </c>
      <c r="N574" s="10" t="s">
        <v>55</v>
      </c>
      <c r="O574" s="10" t="s">
        <v>55</v>
      </c>
      <c r="P574" s="10" t="s">
        <v>55</v>
      </c>
      <c r="Q574" s="6">
        <v>2</v>
      </c>
      <c r="R574" s="6">
        <v>1</v>
      </c>
      <c r="S574" s="10" t="s">
        <v>55</v>
      </c>
      <c r="T574" s="10" t="s">
        <v>55</v>
      </c>
      <c r="U574" s="10" t="s">
        <v>55</v>
      </c>
      <c r="V574" s="6">
        <v>3</v>
      </c>
    </row>
    <row r="575" spans="1:22">
      <c r="A575" s="9" t="s">
        <v>83</v>
      </c>
      <c r="B575" s="9" t="s">
        <v>57</v>
      </c>
      <c r="C575" s="9" t="s">
        <v>91</v>
      </c>
      <c r="D575" s="9" t="s">
        <v>77</v>
      </c>
      <c r="E575" s="9" t="s">
        <v>57</v>
      </c>
      <c r="F575" s="9" t="s">
        <v>81</v>
      </c>
      <c r="G575" s="9" t="s">
        <v>92</v>
      </c>
      <c r="H575" s="9" t="s">
        <v>53</v>
      </c>
      <c r="I575" s="9" t="s">
        <v>130</v>
      </c>
      <c r="J575" s="9" t="s">
        <v>138</v>
      </c>
      <c r="K575" s="6">
        <v>9</v>
      </c>
      <c r="L575" s="6">
        <v>7</v>
      </c>
      <c r="M575" s="6">
        <v>5</v>
      </c>
      <c r="N575" s="10" t="s">
        <v>55</v>
      </c>
      <c r="O575" s="6">
        <v>2</v>
      </c>
      <c r="P575" s="10" t="s">
        <v>55</v>
      </c>
      <c r="Q575" s="10" t="s">
        <v>55</v>
      </c>
      <c r="R575" s="6">
        <v>1</v>
      </c>
      <c r="S575" s="6">
        <v>1</v>
      </c>
      <c r="T575" s="10" t="s">
        <v>55</v>
      </c>
      <c r="U575" s="10" t="s">
        <v>55</v>
      </c>
      <c r="V575" s="6">
        <v>7</v>
      </c>
    </row>
    <row r="576" spans="1:22">
      <c r="A576" s="9" t="s">
        <v>83</v>
      </c>
      <c r="B576" s="9" t="s">
        <v>57</v>
      </c>
      <c r="C576" s="9" t="s">
        <v>91</v>
      </c>
      <c r="D576" s="9" t="s">
        <v>77</v>
      </c>
      <c r="E576" s="9" t="s">
        <v>57</v>
      </c>
      <c r="F576" s="9" t="s">
        <v>81</v>
      </c>
      <c r="G576" s="9" t="s">
        <v>92</v>
      </c>
      <c r="H576" s="9" t="s">
        <v>53</v>
      </c>
      <c r="I576" s="9" t="s">
        <v>130</v>
      </c>
      <c r="J576" s="9" t="s">
        <v>139</v>
      </c>
      <c r="K576" s="6">
        <v>17</v>
      </c>
      <c r="L576" s="6">
        <v>16</v>
      </c>
      <c r="M576" s="6">
        <v>12</v>
      </c>
      <c r="N576" s="10" t="s">
        <v>55</v>
      </c>
      <c r="O576" s="6">
        <v>4</v>
      </c>
      <c r="P576" s="10" t="s">
        <v>55</v>
      </c>
      <c r="Q576" s="10" t="s">
        <v>55</v>
      </c>
      <c r="R576" s="6">
        <v>1</v>
      </c>
      <c r="S576" s="10" t="s">
        <v>55</v>
      </c>
      <c r="T576" s="10" t="s">
        <v>55</v>
      </c>
      <c r="U576" s="10" t="s">
        <v>55</v>
      </c>
      <c r="V576" s="6">
        <v>16</v>
      </c>
    </row>
    <row r="577" spans="1:22">
      <c r="A577" s="9" t="s">
        <v>83</v>
      </c>
      <c r="B577" s="9" t="s">
        <v>57</v>
      </c>
      <c r="C577" s="9" t="s">
        <v>91</v>
      </c>
      <c r="D577" s="9" t="s">
        <v>77</v>
      </c>
      <c r="E577" s="9" t="s">
        <v>57</v>
      </c>
      <c r="F577" s="9" t="s">
        <v>81</v>
      </c>
      <c r="G577" s="9" t="s">
        <v>92</v>
      </c>
      <c r="H577" s="9" t="s">
        <v>53</v>
      </c>
      <c r="I577" s="9" t="s">
        <v>130</v>
      </c>
      <c r="J577" s="9" t="s">
        <v>140</v>
      </c>
      <c r="K577" s="6">
        <v>10</v>
      </c>
      <c r="L577" s="6">
        <v>10</v>
      </c>
      <c r="M577" s="6">
        <v>8</v>
      </c>
      <c r="N577" s="6">
        <v>1</v>
      </c>
      <c r="O577" s="6">
        <v>1</v>
      </c>
      <c r="P577" s="10" t="s">
        <v>55</v>
      </c>
      <c r="Q577" s="10" t="s">
        <v>55</v>
      </c>
      <c r="R577" s="10" t="s">
        <v>55</v>
      </c>
      <c r="S577" s="10" t="s">
        <v>55</v>
      </c>
      <c r="T577" s="10" t="s">
        <v>55</v>
      </c>
      <c r="U577" s="10" t="s">
        <v>55</v>
      </c>
      <c r="V577" s="6">
        <v>10</v>
      </c>
    </row>
    <row r="578" spans="1:22">
      <c r="A578" s="9" t="s">
        <v>83</v>
      </c>
      <c r="B578" s="9" t="s">
        <v>57</v>
      </c>
      <c r="C578" s="9" t="s">
        <v>91</v>
      </c>
      <c r="D578" s="9" t="s">
        <v>77</v>
      </c>
      <c r="E578" s="9" t="s">
        <v>57</v>
      </c>
      <c r="F578" s="9" t="s">
        <v>81</v>
      </c>
      <c r="G578" s="9" t="s">
        <v>92</v>
      </c>
      <c r="H578" s="9" t="s">
        <v>53</v>
      </c>
      <c r="I578" s="9" t="s">
        <v>130</v>
      </c>
      <c r="J578" s="9" t="s">
        <v>141</v>
      </c>
      <c r="K578" s="6">
        <v>22</v>
      </c>
      <c r="L578" s="6">
        <v>21</v>
      </c>
      <c r="M578" s="6">
        <v>19</v>
      </c>
      <c r="N578" s="10" t="s">
        <v>55</v>
      </c>
      <c r="O578" s="6">
        <v>2</v>
      </c>
      <c r="P578" s="6">
        <v>1</v>
      </c>
      <c r="Q578" s="10" t="s">
        <v>55</v>
      </c>
      <c r="R578" s="10" t="s">
        <v>55</v>
      </c>
      <c r="S578" s="10" t="s">
        <v>55</v>
      </c>
      <c r="T578" s="10" t="s">
        <v>55</v>
      </c>
      <c r="U578" s="10" t="s">
        <v>55</v>
      </c>
      <c r="V578" s="6">
        <v>22</v>
      </c>
    </row>
    <row r="579" spans="1:22">
      <c r="A579" s="9" t="s">
        <v>83</v>
      </c>
      <c r="B579" s="9" t="s">
        <v>57</v>
      </c>
      <c r="C579" s="9" t="s">
        <v>91</v>
      </c>
      <c r="D579" s="9" t="s">
        <v>77</v>
      </c>
      <c r="E579" s="9" t="s">
        <v>57</v>
      </c>
      <c r="F579" s="9" t="s">
        <v>81</v>
      </c>
      <c r="G579" s="9" t="s">
        <v>92</v>
      </c>
      <c r="H579" s="9" t="s">
        <v>53</v>
      </c>
      <c r="I579" s="9" t="s">
        <v>130</v>
      </c>
      <c r="J579" s="9" t="s">
        <v>142</v>
      </c>
      <c r="K579" s="6">
        <v>7</v>
      </c>
      <c r="L579" s="6">
        <v>6</v>
      </c>
      <c r="M579" s="6">
        <v>6</v>
      </c>
      <c r="N579" s="10" t="s">
        <v>55</v>
      </c>
      <c r="O579" s="10" t="s">
        <v>55</v>
      </c>
      <c r="P579" s="6">
        <v>1</v>
      </c>
      <c r="Q579" s="10" t="s">
        <v>55</v>
      </c>
      <c r="R579" s="10" t="s">
        <v>55</v>
      </c>
      <c r="S579" s="10" t="s">
        <v>55</v>
      </c>
      <c r="T579" s="10" t="s">
        <v>55</v>
      </c>
      <c r="U579" s="10" t="s">
        <v>55</v>
      </c>
      <c r="V579" s="6">
        <v>7</v>
      </c>
    </row>
    <row r="580" spans="1:22">
      <c r="A580" s="9" t="s">
        <v>83</v>
      </c>
      <c r="B580" s="9" t="s">
        <v>57</v>
      </c>
      <c r="C580" s="9" t="s">
        <v>91</v>
      </c>
      <c r="D580" s="9" t="s">
        <v>77</v>
      </c>
      <c r="E580" s="9" t="s">
        <v>57</v>
      </c>
      <c r="F580" s="9" t="s">
        <v>81</v>
      </c>
      <c r="G580" s="9" t="s">
        <v>92</v>
      </c>
      <c r="H580" s="9" t="s">
        <v>53</v>
      </c>
      <c r="I580" s="9" t="s">
        <v>130</v>
      </c>
      <c r="J580" s="9" t="s">
        <v>143</v>
      </c>
      <c r="K580" s="6">
        <v>35</v>
      </c>
      <c r="L580" s="6">
        <v>25</v>
      </c>
      <c r="M580" s="6">
        <v>15</v>
      </c>
      <c r="N580" s="6">
        <v>2</v>
      </c>
      <c r="O580" s="6">
        <v>8</v>
      </c>
      <c r="P580" s="6">
        <v>4</v>
      </c>
      <c r="Q580" s="6">
        <v>2</v>
      </c>
      <c r="R580" s="6">
        <v>4</v>
      </c>
      <c r="S580" s="10" t="s">
        <v>55</v>
      </c>
      <c r="T580" s="10" t="s">
        <v>55</v>
      </c>
      <c r="U580" s="10" t="s">
        <v>55</v>
      </c>
      <c r="V580" s="6">
        <v>29</v>
      </c>
    </row>
    <row r="581" spans="1:22">
      <c r="A581" s="9" t="s">
        <v>83</v>
      </c>
      <c r="B581" s="9" t="s">
        <v>57</v>
      </c>
      <c r="C581" s="9" t="s">
        <v>91</v>
      </c>
      <c r="D581" s="9" t="s">
        <v>77</v>
      </c>
      <c r="E581" s="9" t="s">
        <v>57</v>
      </c>
      <c r="F581" s="9" t="s">
        <v>81</v>
      </c>
      <c r="G581" s="9" t="s">
        <v>92</v>
      </c>
      <c r="H581" s="9" t="s">
        <v>53</v>
      </c>
      <c r="I581" s="9" t="s">
        <v>130</v>
      </c>
      <c r="J581" s="9" t="s">
        <v>144</v>
      </c>
      <c r="K581" s="6">
        <v>21</v>
      </c>
      <c r="L581" s="6">
        <v>21</v>
      </c>
      <c r="M581" s="6">
        <v>20</v>
      </c>
      <c r="N581" s="10" t="s">
        <v>55</v>
      </c>
      <c r="O581" s="6">
        <v>1</v>
      </c>
      <c r="P581" s="10" t="s">
        <v>55</v>
      </c>
      <c r="Q581" s="10" t="s">
        <v>55</v>
      </c>
      <c r="R581" s="10" t="s">
        <v>55</v>
      </c>
      <c r="S581" s="10" t="s">
        <v>55</v>
      </c>
      <c r="T581" s="10" t="s">
        <v>55</v>
      </c>
      <c r="U581" s="10" t="s">
        <v>55</v>
      </c>
      <c r="V581" s="6">
        <v>21</v>
      </c>
    </row>
    <row r="582" spans="1:22">
      <c r="A582" s="9" t="s">
        <v>83</v>
      </c>
      <c r="B582" s="9" t="s">
        <v>57</v>
      </c>
      <c r="C582" s="9" t="s">
        <v>91</v>
      </c>
      <c r="D582" s="9" t="s">
        <v>77</v>
      </c>
      <c r="E582" s="9" t="s">
        <v>57</v>
      </c>
      <c r="F582" s="9" t="s">
        <v>81</v>
      </c>
      <c r="G582" s="9" t="s">
        <v>92</v>
      </c>
      <c r="H582" s="9" t="s">
        <v>53</v>
      </c>
      <c r="I582" s="9" t="s">
        <v>55</v>
      </c>
      <c r="J582" s="9" t="s">
        <v>145</v>
      </c>
      <c r="K582" s="10" t="s">
        <v>55</v>
      </c>
      <c r="L582" s="10" t="s">
        <v>55</v>
      </c>
      <c r="M582" s="10" t="s">
        <v>55</v>
      </c>
      <c r="N582" s="10" t="s">
        <v>55</v>
      </c>
      <c r="O582" s="10" t="s">
        <v>55</v>
      </c>
      <c r="P582" s="10" t="s">
        <v>55</v>
      </c>
      <c r="Q582" s="10" t="s">
        <v>55</v>
      </c>
      <c r="R582" s="10" t="s">
        <v>55</v>
      </c>
      <c r="S582" s="10" t="s">
        <v>55</v>
      </c>
      <c r="T582" s="10" t="s">
        <v>55</v>
      </c>
      <c r="U582" s="10" t="s">
        <v>55</v>
      </c>
      <c r="V582" s="10" t="s">
        <v>55</v>
      </c>
    </row>
    <row r="583" spans="1:22">
      <c r="A583" s="9" t="s">
        <v>83</v>
      </c>
      <c r="B583" s="9" t="s">
        <v>57</v>
      </c>
      <c r="C583" s="9" t="s">
        <v>91</v>
      </c>
      <c r="D583" s="9" t="s">
        <v>77</v>
      </c>
      <c r="E583" s="9" t="s">
        <v>57</v>
      </c>
      <c r="F583" s="9" t="s">
        <v>81</v>
      </c>
      <c r="G583" s="9" t="s">
        <v>92</v>
      </c>
      <c r="H583" s="9" t="s">
        <v>53</v>
      </c>
      <c r="I583" s="9" t="s">
        <v>55</v>
      </c>
      <c r="J583" s="9" t="s">
        <v>146</v>
      </c>
      <c r="K583" s="6">
        <v>167</v>
      </c>
      <c r="L583" s="6">
        <v>3</v>
      </c>
      <c r="M583" s="6">
        <v>2</v>
      </c>
      <c r="N583" s="10" t="s">
        <v>55</v>
      </c>
      <c r="O583" s="6">
        <v>1</v>
      </c>
      <c r="P583" s="6">
        <v>1</v>
      </c>
      <c r="Q583" s="6">
        <v>17</v>
      </c>
      <c r="R583" s="6">
        <v>125</v>
      </c>
      <c r="S583" s="6">
        <v>20</v>
      </c>
      <c r="T583" s="10" t="s">
        <v>55</v>
      </c>
      <c r="U583" s="6">
        <v>1</v>
      </c>
      <c r="V583" s="6">
        <v>4</v>
      </c>
    </row>
    <row r="584" spans="1:22">
      <c r="A584" s="9" t="s">
        <v>83</v>
      </c>
      <c r="B584" s="9" t="s">
        <v>57</v>
      </c>
      <c r="C584" s="9" t="s">
        <v>91</v>
      </c>
      <c r="D584" s="9" t="s">
        <v>77</v>
      </c>
      <c r="E584" s="9" t="s">
        <v>57</v>
      </c>
      <c r="F584" s="9" t="s">
        <v>81</v>
      </c>
      <c r="G584" s="9" t="s">
        <v>92</v>
      </c>
      <c r="H584" s="9" t="s">
        <v>53</v>
      </c>
      <c r="I584" s="9" t="s">
        <v>55</v>
      </c>
      <c r="J584" s="9" t="s">
        <v>147</v>
      </c>
      <c r="K584" s="6">
        <v>142</v>
      </c>
      <c r="L584" s="6">
        <v>107</v>
      </c>
      <c r="M584" s="6">
        <v>85</v>
      </c>
      <c r="N584" s="6">
        <v>6</v>
      </c>
      <c r="O584" s="6">
        <v>16</v>
      </c>
      <c r="P584" s="6">
        <v>7</v>
      </c>
      <c r="Q584" s="6">
        <v>8</v>
      </c>
      <c r="R584" s="6">
        <v>18</v>
      </c>
      <c r="S584" s="6">
        <v>1</v>
      </c>
      <c r="T584" s="10" t="s">
        <v>55</v>
      </c>
      <c r="U584" s="6">
        <v>1</v>
      </c>
      <c r="V584" s="6">
        <v>114</v>
      </c>
    </row>
    <row r="585" spans="1:22">
      <c r="A585" s="9" t="s">
        <v>83</v>
      </c>
      <c r="B585" s="9" t="s">
        <v>57</v>
      </c>
      <c r="C585" s="9" t="s">
        <v>91</v>
      </c>
      <c r="D585" s="9" t="s">
        <v>77</v>
      </c>
      <c r="E585" s="9" t="s">
        <v>57</v>
      </c>
      <c r="F585" s="9" t="s">
        <v>81</v>
      </c>
      <c r="G585" s="9" t="s">
        <v>92</v>
      </c>
      <c r="H585" s="9" t="s">
        <v>53</v>
      </c>
      <c r="I585" s="9" t="s">
        <v>55</v>
      </c>
      <c r="J585" s="9" t="s">
        <v>148</v>
      </c>
      <c r="K585" s="6">
        <v>207</v>
      </c>
      <c r="L585" s="6">
        <v>176</v>
      </c>
      <c r="M585" s="6">
        <v>143</v>
      </c>
      <c r="N585" s="6">
        <v>7</v>
      </c>
      <c r="O585" s="6">
        <v>26</v>
      </c>
      <c r="P585" s="6">
        <v>7</v>
      </c>
      <c r="Q585" s="6">
        <v>5</v>
      </c>
      <c r="R585" s="6">
        <v>15</v>
      </c>
      <c r="S585" s="6">
        <v>3</v>
      </c>
      <c r="T585" s="10" t="s">
        <v>55</v>
      </c>
      <c r="U585" s="6">
        <v>1</v>
      </c>
      <c r="V585" s="6">
        <v>183</v>
      </c>
    </row>
    <row r="586" spans="1:22">
      <c r="A586" s="9" t="s">
        <v>83</v>
      </c>
      <c r="B586" s="9" t="s">
        <v>57</v>
      </c>
      <c r="C586" s="9" t="s">
        <v>91</v>
      </c>
      <c r="D586" s="9" t="s">
        <v>77</v>
      </c>
      <c r="E586" s="9" t="s">
        <v>57</v>
      </c>
      <c r="F586" s="9" t="s">
        <v>81</v>
      </c>
      <c r="G586" s="9" t="s">
        <v>92</v>
      </c>
      <c r="H586" s="9" t="s">
        <v>54</v>
      </c>
      <c r="I586" s="9" t="s">
        <v>55</v>
      </c>
      <c r="J586" s="9" t="s">
        <v>6</v>
      </c>
      <c r="K586" s="6">
        <v>446</v>
      </c>
      <c r="L586" s="6">
        <v>282</v>
      </c>
      <c r="M586" s="6">
        <v>147</v>
      </c>
      <c r="N586" s="6">
        <v>5</v>
      </c>
      <c r="O586" s="6">
        <v>130</v>
      </c>
      <c r="P586" s="6">
        <v>7</v>
      </c>
      <c r="Q586" s="6">
        <v>1</v>
      </c>
      <c r="R586" s="6">
        <v>36</v>
      </c>
      <c r="S586" s="6">
        <v>118</v>
      </c>
      <c r="T586" s="10" t="s">
        <v>55</v>
      </c>
      <c r="U586" s="6">
        <v>2</v>
      </c>
      <c r="V586" s="6">
        <v>289</v>
      </c>
    </row>
    <row r="587" spans="1:22">
      <c r="A587" s="9" t="s">
        <v>83</v>
      </c>
      <c r="B587" s="9" t="s">
        <v>57</v>
      </c>
      <c r="C587" s="9" t="s">
        <v>91</v>
      </c>
      <c r="D587" s="9" t="s">
        <v>77</v>
      </c>
      <c r="E587" s="9" t="s">
        <v>57</v>
      </c>
      <c r="F587" s="9" t="s">
        <v>81</v>
      </c>
      <c r="G587" s="9" t="s">
        <v>92</v>
      </c>
      <c r="H587" s="9" t="s">
        <v>54</v>
      </c>
      <c r="I587" s="9" t="s">
        <v>122</v>
      </c>
      <c r="J587" s="9" t="s">
        <v>123</v>
      </c>
      <c r="K587" s="6">
        <v>134</v>
      </c>
      <c r="L587" s="6">
        <v>15</v>
      </c>
      <c r="M587" s="6">
        <v>3</v>
      </c>
      <c r="N587" s="10" t="s">
        <v>55</v>
      </c>
      <c r="O587" s="6">
        <v>12</v>
      </c>
      <c r="P587" s="10" t="s">
        <v>55</v>
      </c>
      <c r="Q587" s="10" t="s">
        <v>55</v>
      </c>
      <c r="R587" s="6">
        <v>18</v>
      </c>
      <c r="S587" s="6">
        <v>101</v>
      </c>
      <c r="T587" s="10" t="s">
        <v>55</v>
      </c>
      <c r="U587" s="10" t="s">
        <v>55</v>
      </c>
      <c r="V587" s="6">
        <v>15</v>
      </c>
    </row>
    <row r="588" spans="1:22">
      <c r="A588" s="9" t="s">
        <v>83</v>
      </c>
      <c r="B588" s="9" t="s">
        <v>57</v>
      </c>
      <c r="C588" s="9" t="s">
        <v>91</v>
      </c>
      <c r="D588" s="9" t="s">
        <v>77</v>
      </c>
      <c r="E588" s="9" t="s">
        <v>57</v>
      </c>
      <c r="F588" s="9" t="s">
        <v>81</v>
      </c>
      <c r="G588" s="9" t="s">
        <v>92</v>
      </c>
      <c r="H588" s="9" t="s">
        <v>54</v>
      </c>
      <c r="I588" s="9" t="s">
        <v>122</v>
      </c>
      <c r="J588" s="9" t="s">
        <v>124</v>
      </c>
      <c r="K588" s="6">
        <v>134</v>
      </c>
      <c r="L588" s="6">
        <v>15</v>
      </c>
      <c r="M588" s="6">
        <v>3</v>
      </c>
      <c r="N588" s="10" t="s">
        <v>55</v>
      </c>
      <c r="O588" s="6">
        <v>12</v>
      </c>
      <c r="P588" s="10" t="s">
        <v>55</v>
      </c>
      <c r="Q588" s="10" t="s">
        <v>55</v>
      </c>
      <c r="R588" s="6">
        <v>18</v>
      </c>
      <c r="S588" s="6">
        <v>101</v>
      </c>
      <c r="T588" s="10" t="s">
        <v>55</v>
      </c>
      <c r="U588" s="10" t="s">
        <v>55</v>
      </c>
      <c r="V588" s="6">
        <v>15</v>
      </c>
    </row>
    <row r="589" spans="1:22">
      <c r="A589" s="9" t="s">
        <v>83</v>
      </c>
      <c r="B589" s="9" t="s">
        <v>57</v>
      </c>
      <c r="C589" s="9" t="s">
        <v>91</v>
      </c>
      <c r="D589" s="9" t="s">
        <v>77</v>
      </c>
      <c r="E589" s="9" t="s">
        <v>57</v>
      </c>
      <c r="F589" s="9" t="s">
        <v>81</v>
      </c>
      <c r="G589" s="9" t="s">
        <v>92</v>
      </c>
      <c r="H589" s="9" t="s">
        <v>54</v>
      </c>
      <c r="I589" s="9" t="s">
        <v>122</v>
      </c>
      <c r="J589" s="9" t="s">
        <v>125</v>
      </c>
      <c r="K589" s="10" t="s">
        <v>55</v>
      </c>
      <c r="L589" s="10" t="s">
        <v>55</v>
      </c>
      <c r="M589" s="10" t="s">
        <v>55</v>
      </c>
      <c r="N589" s="10" t="s">
        <v>55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10" t="s">
        <v>55</v>
      </c>
      <c r="T589" s="10" t="s">
        <v>55</v>
      </c>
      <c r="U589" s="10" t="s">
        <v>55</v>
      </c>
      <c r="V589" s="10" t="s">
        <v>55</v>
      </c>
    </row>
    <row r="590" spans="1:22">
      <c r="A590" s="9" t="s">
        <v>83</v>
      </c>
      <c r="B590" s="9" t="s">
        <v>57</v>
      </c>
      <c r="C590" s="9" t="s">
        <v>91</v>
      </c>
      <c r="D590" s="9" t="s">
        <v>77</v>
      </c>
      <c r="E590" s="9" t="s">
        <v>57</v>
      </c>
      <c r="F590" s="9" t="s">
        <v>81</v>
      </c>
      <c r="G590" s="9" t="s">
        <v>92</v>
      </c>
      <c r="H590" s="9" t="s">
        <v>54</v>
      </c>
      <c r="I590" s="9" t="s">
        <v>126</v>
      </c>
      <c r="J590" s="9" t="s">
        <v>127</v>
      </c>
      <c r="K590" s="10" t="s">
        <v>55</v>
      </c>
      <c r="L590" s="10" t="s">
        <v>55</v>
      </c>
      <c r="M590" s="10" t="s">
        <v>55</v>
      </c>
      <c r="N590" s="10" t="s">
        <v>55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</row>
    <row r="591" spans="1:22">
      <c r="A591" s="9" t="s">
        <v>83</v>
      </c>
      <c r="B591" s="9" t="s">
        <v>57</v>
      </c>
      <c r="C591" s="9" t="s">
        <v>91</v>
      </c>
      <c r="D591" s="9" t="s">
        <v>77</v>
      </c>
      <c r="E591" s="9" t="s">
        <v>57</v>
      </c>
      <c r="F591" s="9" t="s">
        <v>81</v>
      </c>
      <c r="G591" s="9" t="s">
        <v>92</v>
      </c>
      <c r="H591" s="9" t="s">
        <v>54</v>
      </c>
      <c r="I591" s="9" t="s">
        <v>126</v>
      </c>
      <c r="J591" s="9" t="s">
        <v>128</v>
      </c>
      <c r="K591" s="6">
        <v>19</v>
      </c>
      <c r="L591" s="6">
        <v>7</v>
      </c>
      <c r="M591" s="6">
        <v>5</v>
      </c>
      <c r="N591" s="10" t="s">
        <v>55</v>
      </c>
      <c r="O591" s="6">
        <v>2</v>
      </c>
      <c r="P591" s="6">
        <v>6</v>
      </c>
      <c r="Q591" s="10" t="s">
        <v>55</v>
      </c>
      <c r="R591" s="10" t="s">
        <v>55</v>
      </c>
      <c r="S591" s="6">
        <v>6</v>
      </c>
      <c r="T591" s="10" t="s">
        <v>55</v>
      </c>
      <c r="U591" s="10" t="s">
        <v>55</v>
      </c>
      <c r="V591" s="6">
        <v>13</v>
      </c>
    </row>
    <row r="592" spans="1:22">
      <c r="A592" s="9" t="s">
        <v>83</v>
      </c>
      <c r="B592" s="9" t="s">
        <v>57</v>
      </c>
      <c r="C592" s="9" t="s">
        <v>91</v>
      </c>
      <c r="D592" s="9" t="s">
        <v>77</v>
      </c>
      <c r="E592" s="9" t="s">
        <v>57</v>
      </c>
      <c r="F592" s="9" t="s">
        <v>81</v>
      </c>
      <c r="G592" s="9" t="s">
        <v>92</v>
      </c>
      <c r="H592" s="9" t="s">
        <v>54</v>
      </c>
      <c r="I592" s="9" t="s">
        <v>126</v>
      </c>
      <c r="J592" s="9" t="s">
        <v>129</v>
      </c>
      <c r="K592" s="6">
        <v>32</v>
      </c>
      <c r="L592" s="6">
        <v>31</v>
      </c>
      <c r="M592" s="6">
        <v>17</v>
      </c>
      <c r="N592" s="6">
        <v>1</v>
      </c>
      <c r="O592" s="6">
        <v>13</v>
      </c>
      <c r="P592" s="10" t="s">
        <v>55</v>
      </c>
      <c r="Q592" s="10" t="s">
        <v>55</v>
      </c>
      <c r="R592" s="10" t="s">
        <v>55</v>
      </c>
      <c r="S592" s="6">
        <v>1</v>
      </c>
      <c r="T592" s="10" t="s">
        <v>55</v>
      </c>
      <c r="U592" s="10" t="s">
        <v>55</v>
      </c>
      <c r="V592" s="6">
        <v>31</v>
      </c>
    </row>
    <row r="593" spans="1:22">
      <c r="A593" s="9" t="s">
        <v>83</v>
      </c>
      <c r="B593" s="9" t="s">
        <v>57</v>
      </c>
      <c r="C593" s="9" t="s">
        <v>91</v>
      </c>
      <c r="D593" s="9" t="s">
        <v>77</v>
      </c>
      <c r="E593" s="9" t="s">
        <v>57</v>
      </c>
      <c r="F593" s="9" t="s">
        <v>81</v>
      </c>
      <c r="G593" s="9" t="s">
        <v>92</v>
      </c>
      <c r="H593" s="9" t="s">
        <v>54</v>
      </c>
      <c r="I593" s="9" t="s">
        <v>130</v>
      </c>
      <c r="J593" s="9" t="s">
        <v>131</v>
      </c>
      <c r="K593" s="10" t="s">
        <v>55</v>
      </c>
      <c r="L593" s="10" t="s">
        <v>55</v>
      </c>
      <c r="M593" s="10" t="s">
        <v>55</v>
      </c>
      <c r="N593" s="10" t="s">
        <v>55</v>
      </c>
      <c r="O593" s="10" t="s">
        <v>55</v>
      </c>
      <c r="P593" s="10" t="s">
        <v>55</v>
      </c>
      <c r="Q593" s="10" t="s">
        <v>55</v>
      </c>
      <c r="R593" s="10" t="s">
        <v>55</v>
      </c>
      <c r="S593" s="10" t="s">
        <v>55</v>
      </c>
      <c r="T593" s="10" t="s">
        <v>55</v>
      </c>
      <c r="U593" s="10" t="s">
        <v>55</v>
      </c>
      <c r="V593" s="10" t="s">
        <v>55</v>
      </c>
    </row>
    <row r="594" spans="1:22">
      <c r="A594" s="9" t="s">
        <v>83</v>
      </c>
      <c r="B594" s="9" t="s">
        <v>57</v>
      </c>
      <c r="C594" s="9" t="s">
        <v>91</v>
      </c>
      <c r="D594" s="9" t="s">
        <v>77</v>
      </c>
      <c r="E594" s="9" t="s">
        <v>57</v>
      </c>
      <c r="F594" s="9" t="s">
        <v>81</v>
      </c>
      <c r="G594" s="9" t="s">
        <v>92</v>
      </c>
      <c r="H594" s="9" t="s">
        <v>54</v>
      </c>
      <c r="I594" s="9" t="s">
        <v>130</v>
      </c>
      <c r="J594" s="9" t="s">
        <v>132</v>
      </c>
      <c r="K594" s="6">
        <v>2</v>
      </c>
      <c r="L594" s="6">
        <v>2</v>
      </c>
      <c r="M594" s="6">
        <v>2</v>
      </c>
      <c r="N594" s="10" t="s">
        <v>55</v>
      </c>
      <c r="O594" s="10" t="s">
        <v>55</v>
      </c>
      <c r="P594" s="10" t="s">
        <v>55</v>
      </c>
      <c r="Q594" s="10" t="s">
        <v>55</v>
      </c>
      <c r="R594" s="10" t="s">
        <v>55</v>
      </c>
      <c r="S594" s="10" t="s">
        <v>55</v>
      </c>
      <c r="T594" s="10" t="s">
        <v>55</v>
      </c>
      <c r="U594" s="10" t="s">
        <v>55</v>
      </c>
      <c r="V594" s="6">
        <v>2</v>
      </c>
    </row>
    <row r="595" spans="1:22">
      <c r="A595" s="9" t="s">
        <v>83</v>
      </c>
      <c r="B595" s="9" t="s">
        <v>57</v>
      </c>
      <c r="C595" s="9" t="s">
        <v>91</v>
      </c>
      <c r="D595" s="9" t="s">
        <v>77</v>
      </c>
      <c r="E595" s="9" t="s">
        <v>57</v>
      </c>
      <c r="F595" s="9" t="s">
        <v>81</v>
      </c>
      <c r="G595" s="9" t="s">
        <v>92</v>
      </c>
      <c r="H595" s="9" t="s">
        <v>54</v>
      </c>
      <c r="I595" s="9" t="s">
        <v>130</v>
      </c>
      <c r="J595" s="9" t="s">
        <v>133</v>
      </c>
      <c r="K595" s="6">
        <v>4</v>
      </c>
      <c r="L595" s="6">
        <v>3</v>
      </c>
      <c r="M595" s="6">
        <v>1</v>
      </c>
      <c r="N595" s="10" t="s">
        <v>55</v>
      </c>
      <c r="O595" s="6">
        <v>2</v>
      </c>
      <c r="P595" s="10" t="s">
        <v>55</v>
      </c>
      <c r="Q595" s="10" t="s">
        <v>55</v>
      </c>
      <c r="R595" s="6">
        <v>1</v>
      </c>
      <c r="S595" s="10" t="s">
        <v>55</v>
      </c>
      <c r="T595" s="10" t="s">
        <v>55</v>
      </c>
      <c r="U595" s="10" t="s">
        <v>55</v>
      </c>
      <c r="V595" s="6">
        <v>3</v>
      </c>
    </row>
    <row r="596" spans="1:22">
      <c r="A596" s="9" t="s">
        <v>83</v>
      </c>
      <c r="B596" s="9" t="s">
        <v>57</v>
      </c>
      <c r="C596" s="9" t="s">
        <v>91</v>
      </c>
      <c r="D596" s="9" t="s">
        <v>77</v>
      </c>
      <c r="E596" s="9" t="s">
        <v>57</v>
      </c>
      <c r="F596" s="9" t="s">
        <v>81</v>
      </c>
      <c r="G596" s="9" t="s">
        <v>92</v>
      </c>
      <c r="H596" s="9" t="s">
        <v>54</v>
      </c>
      <c r="I596" s="9" t="s">
        <v>130</v>
      </c>
      <c r="J596" s="9" t="s">
        <v>134</v>
      </c>
      <c r="K596" s="6">
        <v>58</v>
      </c>
      <c r="L596" s="6">
        <v>45</v>
      </c>
      <c r="M596" s="6">
        <v>22</v>
      </c>
      <c r="N596" s="6">
        <v>1</v>
      </c>
      <c r="O596" s="6">
        <v>22</v>
      </c>
      <c r="P596" s="6">
        <v>1</v>
      </c>
      <c r="Q596" s="6">
        <v>1</v>
      </c>
      <c r="R596" s="6">
        <v>6</v>
      </c>
      <c r="S596" s="6">
        <v>4</v>
      </c>
      <c r="T596" s="10" t="s">
        <v>55</v>
      </c>
      <c r="U596" s="6">
        <v>1</v>
      </c>
      <c r="V596" s="6">
        <v>46</v>
      </c>
    </row>
    <row r="597" spans="1:22">
      <c r="A597" s="9" t="s">
        <v>83</v>
      </c>
      <c r="B597" s="9" t="s">
        <v>57</v>
      </c>
      <c r="C597" s="9" t="s">
        <v>91</v>
      </c>
      <c r="D597" s="9" t="s">
        <v>77</v>
      </c>
      <c r="E597" s="9" t="s">
        <v>57</v>
      </c>
      <c r="F597" s="9" t="s">
        <v>81</v>
      </c>
      <c r="G597" s="9" t="s">
        <v>92</v>
      </c>
      <c r="H597" s="9" t="s">
        <v>54</v>
      </c>
      <c r="I597" s="9" t="s">
        <v>130</v>
      </c>
      <c r="J597" s="9" t="s">
        <v>135</v>
      </c>
      <c r="K597" s="6">
        <v>4</v>
      </c>
      <c r="L597" s="6">
        <v>4</v>
      </c>
      <c r="M597" s="6">
        <v>3</v>
      </c>
      <c r="N597" s="10" t="s">
        <v>55</v>
      </c>
      <c r="O597" s="6">
        <v>1</v>
      </c>
      <c r="P597" s="10" t="s">
        <v>55</v>
      </c>
      <c r="Q597" s="10" t="s">
        <v>55</v>
      </c>
      <c r="R597" s="10" t="s">
        <v>55</v>
      </c>
      <c r="S597" s="10" t="s">
        <v>55</v>
      </c>
      <c r="T597" s="10" t="s">
        <v>55</v>
      </c>
      <c r="U597" s="10" t="s">
        <v>55</v>
      </c>
      <c r="V597" s="6">
        <v>4</v>
      </c>
    </row>
    <row r="598" spans="1:22">
      <c r="A598" s="9" t="s">
        <v>83</v>
      </c>
      <c r="B598" s="9" t="s">
        <v>57</v>
      </c>
      <c r="C598" s="9" t="s">
        <v>91</v>
      </c>
      <c r="D598" s="9" t="s">
        <v>77</v>
      </c>
      <c r="E598" s="9" t="s">
        <v>57</v>
      </c>
      <c r="F598" s="9" t="s">
        <v>81</v>
      </c>
      <c r="G598" s="9" t="s">
        <v>92</v>
      </c>
      <c r="H598" s="9" t="s">
        <v>54</v>
      </c>
      <c r="I598" s="9" t="s">
        <v>130</v>
      </c>
      <c r="J598" s="9" t="s">
        <v>136</v>
      </c>
      <c r="K598" s="6">
        <v>2</v>
      </c>
      <c r="L598" s="6">
        <v>2</v>
      </c>
      <c r="M598" s="6">
        <v>1</v>
      </c>
      <c r="N598" s="10" t="s">
        <v>55</v>
      </c>
      <c r="O598" s="6">
        <v>1</v>
      </c>
      <c r="P598" s="10" t="s">
        <v>55</v>
      </c>
      <c r="Q598" s="10" t="s">
        <v>55</v>
      </c>
      <c r="R598" s="10" t="s">
        <v>55</v>
      </c>
      <c r="S598" s="10" t="s">
        <v>55</v>
      </c>
      <c r="T598" s="10" t="s">
        <v>55</v>
      </c>
      <c r="U598" s="10" t="s">
        <v>55</v>
      </c>
      <c r="V598" s="6">
        <v>2</v>
      </c>
    </row>
    <row r="599" spans="1:22">
      <c r="A599" s="9" t="s">
        <v>83</v>
      </c>
      <c r="B599" s="9" t="s">
        <v>57</v>
      </c>
      <c r="C599" s="9" t="s">
        <v>91</v>
      </c>
      <c r="D599" s="9" t="s">
        <v>77</v>
      </c>
      <c r="E599" s="9" t="s">
        <v>57</v>
      </c>
      <c r="F599" s="9" t="s">
        <v>81</v>
      </c>
      <c r="G599" s="9" t="s">
        <v>92</v>
      </c>
      <c r="H599" s="9" t="s">
        <v>54</v>
      </c>
      <c r="I599" s="9" t="s">
        <v>130</v>
      </c>
      <c r="J599" s="9" t="s">
        <v>137</v>
      </c>
      <c r="K599" s="6">
        <v>7</v>
      </c>
      <c r="L599" s="6">
        <v>5</v>
      </c>
      <c r="M599" s="6">
        <v>3</v>
      </c>
      <c r="N599" s="10" t="s">
        <v>55</v>
      </c>
      <c r="O599" s="6">
        <v>2</v>
      </c>
      <c r="P599" s="10" t="s">
        <v>55</v>
      </c>
      <c r="Q599" s="10" t="s">
        <v>55</v>
      </c>
      <c r="R599" s="10" t="s">
        <v>55</v>
      </c>
      <c r="S599" s="6">
        <v>2</v>
      </c>
      <c r="T599" s="10" t="s">
        <v>55</v>
      </c>
      <c r="U599" s="10" t="s">
        <v>55</v>
      </c>
      <c r="V599" s="6">
        <v>5</v>
      </c>
    </row>
    <row r="600" spans="1:22">
      <c r="A600" s="9" t="s">
        <v>83</v>
      </c>
      <c r="B600" s="9" t="s">
        <v>57</v>
      </c>
      <c r="C600" s="9" t="s">
        <v>91</v>
      </c>
      <c r="D600" s="9" t="s">
        <v>77</v>
      </c>
      <c r="E600" s="9" t="s">
        <v>57</v>
      </c>
      <c r="F600" s="9" t="s">
        <v>81</v>
      </c>
      <c r="G600" s="9" t="s">
        <v>92</v>
      </c>
      <c r="H600" s="9" t="s">
        <v>54</v>
      </c>
      <c r="I600" s="9" t="s">
        <v>130</v>
      </c>
      <c r="J600" s="9" t="s">
        <v>138</v>
      </c>
      <c r="K600" s="6">
        <v>18</v>
      </c>
      <c r="L600" s="6">
        <v>12</v>
      </c>
      <c r="M600" s="6">
        <v>1</v>
      </c>
      <c r="N600" s="10" t="s">
        <v>55</v>
      </c>
      <c r="O600" s="6">
        <v>11</v>
      </c>
      <c r="P600" s="10" t="s">
        <v>55</v>
      </c>
      <c r="Q600" s="10" t="s">
        <v>55</v>
      </c>
      <c r="R600" s="6">
        <v>3</v>
      </c>
      <c r="S600" s="6">
        <v>3</v>
      </c>
      <c r="T600" s="10" t="s">
        <v>55</v>
      </c>
      <c r="U600" s="10" t="s">
        <v>55</v>
      </c>
      <c r="V600" s="6">
        <v>12</v>
      </c>
    </row>
    <row r="601" spans="1:22">
      <c r="A601" s="9" t="s">
        <v>83</v>
      </c>
      <c r="B601" s="9" t="s">
        <v>57</v>
      </c>
      <c r="C601" s="9" t="s">
        <v>91</v>
      </c>
      <c r="D601" s="9" t="s">
        <v>77</v>
      </c>
      <c r="E601" s="9" t="s">
        <v>57</v>
      </c>
      <c r="F601" s="9" t="s">
        <v>81</v>
      </c>
      <c r="G601" s="9" t="s">
        <v>92</v>
      </c>
      <c r="H601" s="9" t="s">
        <v>54</v>
      </c>
      <c r="I601" s="9" t="s">
        <v>130</v>
      </c>
      <c r="J601" s="9" t="s">
        <v>139</v>
      </c>
      <c r="K601" s="6">
        <v>20</v>
      </c>
      <c r="L601" s="6">
        <v>16</v>
      </c>
      <c r="M601" s="10" t="s">
        <v>55</v>
      </c>
      <c r="N601" s="6">
        <v>1</v>
      </c>
      <c r="O601" s="6">
        <v>15</v>
      </c>
      <c r="P601" s="10" t="s">
        <v>55</v>
      </c>
      <c r="Q601" s="10" t="s">
        <v>55</v>
      </c>
      <c r="R601" s="6">
        <v>4</v>
      </c>
      <c r="S601" s="10" t="s">
        <v>55</v>
      </c>
      <c r="T601" s="10" t="s">
        <v>55</v>
      </c>
      <c r="U601" s="10" t="s">
        <v>55</v>
      </c>
      <c r="V601" s="6">
        <v>16</v>
      </c>
    </row>
    <row r="602" spans="1:22">
      <c r="A602" s="9" t="s">
        <v>83</v>
      </c>
      <c r="B602" s="9" t="s">
        <v>57</v>
      </c>
      <c r="C602" s="9" t="s">
        <v>91</v>
      </c>
      <c r="D602" s="9" t="s">
        <v>77</v>
      </c>
      <c r="E602" s="9" t="s">
        <v>57</v>
      </c>
      <c r="F602" s="9" t="s">
        <v>81</v>
      </c>
      <c r="G602" s="9" t="s">
        <v>92</v>
      </c>
      <c r="H602" s="9" t="s">
        <v>54</v>
      </c>
      <c r="I602" s="9" t="s">
        <v>130</v>
      </c>
      <c r="J602" s="9" t="s">
        <v>140</v>
      </c>
      <c r="K602" s="6">
        <v>9</v>
      </c>
      <c r="L602" s="6">
        <v>8</v>
      </c>
      <c r="M602" s="6">
        <v>5</v>
      </c>
      <c r="N602" s="10" t="s">
        <v>55</v>
      </c>
      <c r="O602" s="6">
        <v>3</v>
      </c>
      <c r="P602" s="10" t="s">
        <v>55</v>
      </c>
      <c r="Q602" s="10" t="s">
        <v>55</v>
      </c>
      <c r="R602" s="6">
        <v>1</v>
      </c>
      <c r="S602" s="10" t="s">
        <v>55</v>
      </c>
      <c r="T602" s="10" t="s">
        <v>55</v>
      </c>
      <c r="U602" s="10" t="s">
        <v>55</v>
      </c>
      <c r="V602" s="6">
        <v>8</v>
      </c>
    </row>
    <row r="603" spans="1:22">
      <c r="A603" s="9" t="s">
        <v>83</v>
      </c>
      <c r="B603" s="9" t="s">
        <v>57</v>
      </c>
      <c r="C603" s="9" t="s">
        <v>91</v>
      </c>
      <c r="D603" s="9" t="s">
        <v>77</v>
      </c>
      <c r="E603" s="9" t="s">
        <v>57</v>
      </c>
      <c r="F603" s="9" t="s">
        <v>81</v>
      </c>
      <c r="G603" s="9" t="s">
        <v>92</v>
      </c>
      <c r="H603" s="9" t="s">
        <v>54</v>
      </c>
      <c r="I603" s="9" t="s">
        <v>130</v>
      </c>
      <c r="J603" s="9" t="s">
        <v>141</v>
      </c>
      <c r="K603" s="6">
        <v>101</v>
      </c>
      <c r="L603" s="6">
        <v>99</v>
      </c>
      <c r="M603" s="6">
        <v>67</v>
      </c>
      <c r="N603" s="6">
        <v>2</v>
      </c>
      <c r="O603" s="6">
        <v>30</v>
      </c>
      <c r="P603" s="10" t="s">
        <v>55</v>
      </c>
      <c r="Q603" s="10" t="s">
        <v>55</v>
      </c>
      <c r="R603" s="6">
        <v>1</v>
      </c>
      <c r="S603" s="10" t="s">
        <v>55</v>
      </c>
      <c r="T603" s="10" t="s">
        <v>55</v>
      </c>
      <c r="U603" s="6">
        <v>1</v>
      </c>
      <c r="V603" s="6">
        <v>99</v>
      </c>
    </row>
    <row r="604" spans="1:22">
      <c r="A604" s="9" t="s">
        <v>83</v>
      </c>
      <c r="B604" s="9" t="s">
        <v>57</v>
      </c>
      <c r="C604" s="9" t="s">
        <v>91</v>
      </c>
      <c r="D604" s="9" t="s">
        <v>77</v>
      </c>
      <c r="E604" s="9" t="s">
        <v>57</v>
      </c>
      <c r="F604" s="9" t="s">
        <v>81</v>
      </c>
      <c r="G604" s="9" t="s">
        <v>92</v>
      </c>
      <c r="H604" s="9" t="s">
        <v>54</v>
      </c>
      <c r="I604" s="9" t="s">
        <v>130</v>
      </c>
      <c r="J604" s="9" t="s">
        <v>142</v>
      </c>
      <c r="K604" s="6">
        <v>3</v>
      </c>
      <c r="L604" s="6">
        <v>3</v>
      </c>
      <c r="M604" s="6">
        <v>1</v>
      </c>
      <c r="N604" s="10" t="s">
        <v>55</v>
      </c>
      <c r="O604" s="6">
        <v>2</v>
      </c>
      <c r="P604" s="10" t="s">
        <v>55</v>
      </c>
      <c r="Q604" s="10" t="s">
        <v>55</v>
      </c>
      <c r="R604" s="10" t="s">
        <v>55</v>
      </c>
      <c r="S604" s="10" t="s">
        <v>55</v>
      </c>
      <c r="T604" s="10" t="s">
        <v>55</v>
      </c>
      <c r="U604" s="10" t="s">
        <v>55</v>
      </c>
      <c r="V604" s="6">
        <v>3</v>
      </c>
    </row>
    <row r="605" spans="1:22">
      <c r="A605" s="9" t="s">
        <v>83</v>
      </c>
      <c r="B605" s="9" t="s">
        <v>57</v>
      </c>
      <c r="C605" s="9" t="s">
        <v>91</v>
      </c>
      <c r="D605" s="9" t="s">
        <v>77</v>
      </c>
      <c r="E605" s="9" t="s">
        <v>57</v>
      </c>
      <c r="F605" s="9" t="s">
        <v>81</v>
      </c>
      <c r="G605" s="9" t="s">
        <v>92</v>
      </c>
      <c r="H605" s="9" t="s">
        <v>54</v>
      </c>
      <c r="I605" s="9" t="s">
        <v>130</v>
      </c>
      <c r="J605" s="9" t="s">
        <v>143</v>
      </c>
      <c r="K605" s="6">
        <v>18</v>
      </c>
      <c r="L605" s="6">
        <v>15</v>
      </c>
      <c r="M605" s="6">
        <v>9</v>
      </c>
      <c r="N605" s="10" t="s">
        <v>55</v>
      </c>
      <c r="O605" s="6">
        <v>6</v>
      </c>
      <c r="P605" s="10" t="s">
        <v>55</v>
      </c>
      <c r="Q605" s="10" t="s">
        <v>55</v>
      </c>
      <c r="R605" s="6">
        <v>2</v>
      </c>
      <c r="S605" s="6">
        <v>1</v>
      </c>
      <c r="T605" s="10" t="s">
        <v>55</v>
      </c>
      <c r="U605" s="10" t="s">
        <v>55</v>
      </c>
      <c r="V605" s="6">
        <v>15</v>
      </c>
    </row>
    <row r="606" spans="1:22">
      <c r="A606" s="9" t="s">
        <v>83</v>
      </c>
      <c r="B606" s="9" t="s">
        <v>57</v>
      </c>
      <c r="C606" s="9" t="s">
        <v>91</v>
      </c>
      <c r="D606" s="9" t="s">
        <v>77</v>
      </c>
      <c r="E606" s="9" t="s">
        <v>57</v>
      </c>
      <c r="F606" s="9" t="s">
        <v>81</v>
      </c>
      <c r="G606" s="9" t="s">
        <v>92</v>
      </c>
      <c r="H606" s="9" t="s">
        <v>54</v>
      </c>
      <c r="I606" s="9" t="s">
        <v>130</v>
      </c>
      <c r="J606" s="9" t="s">
        <v>144</v>
      </c>
      <c r="K606" s="6">
        <v>13</v>
      </c>
      <c r="L606" s="6">
        <v>13</v>
      </c>
      <c r="M606" s="6">
        <v>7</v>
      </c>
      <c r="N606" s="10" t="s">
        <v>55</v>
      </c>
      <c r="O606" s="6">
        <v>6</v>
      </c>
      <c r="P606" s="10" t="s">
        <v>55</v>
      </c>
      <c r="Q606" s="10" t="s">
        <v>55</v>
      </c>
      <c r="R606" s="10" t="s">
        <v>55</v>
      </c>
      <c r="S606" s="10" t="s">
        <v>55</v>
      </c>
      <c r="T606" s="10" t="s">
        <v>55</v>
      </c>
      <c r="U606" s="10" t="s">
        <v>55</v>
      </c>
      <c r="V606" s="6">
        <v>13</v>
      </c>
    </row>
    <row r="607" spans="1:22">
      <c r="A607" s="9" t="s">
        <v>83</v>
      </c>
      <c r="B607" s="9" t="s">
        <v>57</v>
      </c>
      <c r="C607" s="9" t="s">
        <v>91</v>
      </c>
      <c r="D607" s="9" t="s">
        <v>77</v>
      </c>
      <c r="E607" s="9" t="s">
        <v>57</v>
      </c>
      <c r="F607" s="9" t="s">
        <v>81</v>
      </c>
      <c r="G607" s="9" t="s">
        <v>92</v>
      </c>
      <c r="H607" s="9" t="s">
        <v>54</v>
      </c>
      <c r="I607" s="9" t="s">
        <v>55</v>
      </c>
      <c r="J607" s="9" t="s">
        <v>145</v>
      </c>
      <c r="K607" s="6">
        <v>2</v>
      </c>
      <c r="L607" s="6">
        <v>2</v>
      </c>
      <c r="M607" s="10" t="s">
        <v>55</v>
      </c>
      <c r="N607" s="10" t="s">
        <v>55</v>
      </c>
      <c r="O607" s="6">
        <v>2</v>
      </c>
      <c r="P607" s="10" t="s">
        <v>55</v>
      </c>
      <c r="Q607" s="10" t="s">
        <v>55</v>
      </c>
      <c r="R607" s="10" t="s">
        <v>55</v>
      </c>
      <c r="S607" s="10" t="s">
        <v>55</v>
      </c>
      <c r="T607" s="10" t="s">
        <v>55</v>
      </c>
      <c r="U607" s="10" t="s">
        <v>55</v>
      </c>
      <c r="V607" s="6">
        <v>2</v>
      </c>
    </row>
    <row r="608" spans="1:22">
      <c r="A608" s="9" t="s">
        <v>83</v>
      </c>
      <c r="B608" s="9" t="s">
        <v>57</v>
      </c>
      <c r="C608" s="9" t="s">
        <v>91</v>
      </c>
      <c r="D608" s="9" t="s">
        <v>77</v>
      </c>
      <c r="E608" s="9" t="s">
        <v>57</v>
      </c>
      <c r="F608" s="9" t="s">
        <v>81</v>
      </c>
      <c r="G608" s="9" t="s">
        <v>92</v>
      </c>
      <c r="H608" s="9" t="s">
        <v>54</v>
      </c>
      <c r="I608" s="9" t="s">
        <v>55</v>
      </c>
      <c r="J608" s="9" t="s">
        <v>146</v>
      </c>
      <c r="K608" s="6">
        <v>134</v>
      </c>
      <c r="L608" s="6">
        <v>15</v>
      </c>
      <c r="M608" s="6">
        <v>3</v>
      </c>
      <c r="N608" s="10" t="s">
        <v>55</v>
      </c>
      <c r="O608" s="6">
        <v>12</v>
      </c>
      <c r="P608" s="10" t="s">
        <v>55</v>
      </c>
      <c r="Q608" s="10" t="s">
        <v>55</v>
      </c>
      <c r="R608" s="6">
        <v>18</v>
      </c>
      <c r="S608" s="6">
        <v>101</v>
      </c>
      <c r="T608" s="10" t="s">
        <v>55</v>
      </c>
      <c r="U608" s="10" t="s">
        <v>55</v>
      </c>
      <c r="V608" s="6">
        <v>15</v>
      </c>
    </row>
    <row r="609" spans="1:22">
      <c r="A609" s="9" t="s">
        <v>83</v>
      </c>
      <c r="B609" s="9" t="s">
        <v>57</v>
      </c>
      <c r="C609" s="9" t="s">
        <v>91</v>
      </c>
      <c r="D609" s="9" t="s">
        <v>77</v>
      </c>
      <c r="E609" s="9" t="s">
        <v>57</v>
      </c>
      <c r="F609" s="9" t="s">
        <v>81</v>
      </c>
      <c r="G609" s="9" t="s">
        <v>92</v>
      </c>
      <c r="H609" s="9" t="s">
        <v>54</v>
      </c>
      <c r="I609" s="9" t="s">
        <v>55</v>
      </c>
      <c r="J609" s="9" t="s">
        <v>147</v>
      </c>
      <c r="K609" s="6">
        <v>51</v>
      </c>
      <c r="L609" s="6">
        <v>38</v>
      </c>
      <c r="M609" s="6">
        <v>22</v>
      </c>
      <c r="N609" s="6">
        <v>1</v>
      </c>
      <c r="O609" s="6">
        <v>15</v>
      </c>
      <c r="P609" s="6">
        <v>6</v>
      </c>
      <c r="Q609" s="10" t="s">
        <v>55</v>
      </c>
      <c r="R609" s="10" t="s">
        <v>55</v>
      </c>
      <c r="S609" s="6">
        <v>7</v>
      </c>
      <c r="T609" s="10" t="s">
        <v>55</v>
      </c>
      <c r="U609" s="10" t="s">
        <v>55</v>
      </c>
      <c r="V609" s="6">
        <v>44</v>
      </c>
    </row>
    <row r="610" spans="1:22">
      <c r="A610" s="9" t="s">
        <v>83</v>
      </c>
      <c r="B610" s="9" t="s">
        <v>57</v>
      </c>
      <c r="C610" s="9" t="s">
        <v>91</v>
      </c>
      <c r="D610" s="9" t="s">
        <v>77</v>
      </c>
      <c r="E610" s="9" t="s">
        <v>57</v>
      </c>
      <c r="F610" s="9" t="s">
        <v>81</v>
      </c>
      <c r="G610" s="9" t="s">
        <v>92</v>
      </c>
      <c r="H610" s="9" t="s">
        <v>54</v>
      </c>
      <c r="I610" s="9" t="s">
        <v>55</v>
      </c>
      <c r="J610" s="9" t="s">
        <v>148</v>
      </c>
      <c r="K610" s="6">
        <v>259</v>
      </c>
      <c r="L610" s="6">
        <v>227</v>
      </c>
      <c r="M610" s="6">
        <v>122</v>
      </c>
      <c r="N610" s="6">
        <v>4</v>
      </c>
      <c r="O610" s="6">
        <v>101</v>
      </c>
      <c r="P610" s="6">
        <v>1</v>
      </c>
      <c r="Q610" s="6">
        <v>1</v>
      </c>
      <c r="R610" s="6">
        <v>18</v>
      </c>
      <c r="S610" s="6">
        <v>10</v>
      </c>
      <c r="T610" s="10" t="s">
        <v>55</v>
      </c>
      <c r="U610" s="6">
        <v>2</v>
      </c>
      <c r="V610" s="6">
        <v>228</v>
      </c>
    </row>
    <row r="611" spans="1:22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6</v>
      </c>
      <c r="I611" s="9" t="s">
        <v>55</v>
      </c>
      <c r="J611" s="9" t="s">
        <v>6</v>
      </c>
      <c r="K611" s="6">
        <v>668</v>
      </c>
      <c r="L611" s="6">
        <v>478</v>
      </c>
      <c r="M611" s="6">
        <v>314</v>
      </c>
      <c r="N611" s="6">
        <v>14</v>
      </c>
      <c r="O611" s="6">
        <v>150</v>
      </c>
      <c r="P611" s="6">
        <v>21</v>
      </c>
      <c r="Q611" s="6">
        <v>24</v>
      </c>
      <c r="R611" s="6">
        <v>78</v>
      </c>
      <c r="S611" s="6">
        <v>65</v>
      </c>
      <c r="T611" s="10" t="s">
        <v>55</v>
      </c>
      <c r="U611" s="6">
        <v>2</v>
      </c>
      <c r="V611" s="6">
        <v>499</v>
      </c>
    </row>
    <row r="612" spans="1:22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6</v>
      </c>
      <c r="I612" s="9" t="s">
        <v>122</v>
      </c>
      <c r="J612" s="9" t="s">
        <v>123</v>
      </c>
      <c r="K612" s="6">
        <v>142</v>
      </c>
      <c r="L612" s="6">
        <v>53</v>
      </c>
      <c r="M612" s="6">
        <v>31</v>
      </c>
      <c r="N612" s="6">
        <v>1</v>
      </c>
      <c r="O612" s="6">
        <v>21</v>
      </c>
      <c r="P612" s="6">
        <v>4</v>
      </c>
      <c r="Q612" s="6">
        <v>6</v>
      </c>
      <c r="R612" s="6">
        <v>41</v>
      </c>
      <c r="S612" s="6">
        <v>38</v>
      </c>
      <c r="T612" s="10" t="s">
        <v>55</v>
      </c>
      <c r="U612" s="10" t="s">
        <v>55</v>
      </c>
      <c r="V612" s="6">
        <v>57</v>
      </c>
    </row>
    <row r="613" spans="1:22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6</v>
      </c>
      <c r="I613" s="9" t="s">
        <v>122</v>
      </c>
      <c r="J613" s="9" t="s">
        <v>124</v>
      </c>
      <c r="K613" s="6">
        <v>87</v>
      </c>
      <c r="L613" s="6">
        <v>12</v>
      </c>
      <c r="M613" s="6">
        <v>2</v>
      </c>
      <c r="N613" s="6">
        <v>1</v>
      </c>
      <c r="O613" s="6">
        <v>9</v>
      </c>
      <c r="P613" s="10" t="s">
        <v>55</v>
      </c>
      <c r="Q613" s="6">
        <v>3</v>
      </c>
      <c r="R613" s="6">
        <v>37</v>
      </c>
      <c r="S613" s="6">
        <v>35</v>
      </c>
      <c r="T613" s="10" t="s">
        <v>55</v>
      </c>
      <c r="U613" s="10" t="s">
        <v>55</v>
      </c>
      <c r="V613" s="6">
        <v>12</v>
      </c>
    </row>
    <row r="614" spans="1:22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6</v>
      </c>
      <c r="I614" s="9" t="s">
        <v>122</v>
      </c>
      <c r="J614" s="9" t="s">
        <v>125</v>
      </c>
      <c r="K614" s="6">
        <v>4</v>
      </c>
      <c r="L614" s="10" t="s">
        <v>55</v>
      </c>
      <c r="M614" s="10" t="s">
        <v>55</v>
      </c>
      <c r="N614" s="10" t="s">
        <v>55</v>
      </c>
      <c r="O614" s="10" t="s">
        <v>55</v>
      </c>
      <c r="P614" s="10" t="s">
        <v>55</v>
      </c>
      <c r="Q614" s="10" t="s">
        <v>55</v>
      </c>
      <c r="R614" s="6">
        <v>2</v>
      </c>
      <c r="S614" s="6">
        <v>2</v>
      </c>
      <c r="T614" s="10" t="s">
        <v>55</v>
      </c>
      <c r="U614" s="10" t="s">
        <v>55</v>
      </c>
      <c r="V614" s="10" t="s">
        <v>55</v>
      </c>
    </row>
    <row r="615" spans="1:22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6</v>
      </c>
      <c r="I615" s="9" t="s">
        <v>126</v>
      </c>
      <c r="J615" s="9" t="s">
        <v>127</v>
      </c>
      <c r="K615" s="10" t="s">
        <v>55</v>
      </c>
      <c r="L615" s="10" t="s">
        <v>55</v>
      </c>
      <c r="M615" s="10" t="s">
        <v>55</v>
      </c>
      <c r="N615" s="10" t="s">
        <v>55</v>
      </c>
      <c r="O615" s="10" t="s">
        <v>55</v>
      </c>
      <c r="P615" s="10" t="s">
        <v>55</v>
      </c>
      <c r="Q615" s="10" t="s">
        <v>55</v>
      </c>
      <c r="R615" s="10" t="s">
        <v>55</v>
      </c>
      <c r="S615" s="10" t="s">
        <v>55</v>
      </c>
      <c r="T615" s="10" t="s">
        <v>55</v>
      </c>
      <c r="U615" s="10" t="s">
        <v>55</v>
      </c>
      <c r="V615" s="10" t="s">
        <v>55</v>
      </c>
    </row>
    <row r="616" spans="1:22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6</v>
      </c>
      <c r="I616" s="9" t="s">
        <v>126</v>
      </c>
      <c r="J616" s="9" t="s">
        <v>128</v>
      </c>
      <c r="K616" s="6">
        <v>136</v>
      </c>
      <c r="L616" s="6">
        <v>103</v>
      </c>
      <c r="M616" s="6">
        <v>83</v>
      </c>
      <c r="N616" s="10" t="s">
        <v>55</v>
      </c>
      <c r="O616" s="6">
        <v>20</v>
      </c>
      <c r="P616" s="6">
        <v>11</v>
      </c>
      <c r="Q616" s="6">
        <v>6</v>
      </c>
      <c r="R616" s="6">
        <v>10</v>
      </c>
      <c r="S616" s="6">
        <v>5</v>
      </c>
      <c r="T616" s="10" t="s">
        <v>55</v>
      </c>
      <c r="U616" s="6">
        <v>1</v>
      </c>
      <c r="V616" s="6">
        <v>114</v>
      </c>
    </row>
    <row r="617" spans="1:22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6</v>
      </c>
      <c r="I617" s="9" t="s">
        <v>126</v>
      </c>
      <c r="J617" s="9" t="s">
        <v>129</v>
      </c>
      <c r="K617" s="6">
        <v>67</v>
      </c>
      <c r="L617" s="6">
        <v>64</v>
      </c>
      <c r="M617" s="6">
        <v>39</v>
      </c>
      <c r="N617" s="6">
        <v>6</v>
      </c>
      <c r="O617" s="6">
        <v>19</v>
      </c>
      <c r="P617" s="6">
        <v>1</v>
      </c>
      <c r="Q617" s="6">
        <v>1</v>
      </c>
      <c r="R617" s="10" t="s">
        <v>55</v>
      </c>
      <c r="S617" s="6">
        <v>1</v>
      </c>
      <c r="T617" s="10" t="s">
        <v>55</v>
      </c>
      <c r="U617" s="10" t="s">
        <v>55</v>
      </c>
      <c r="V617" s="6">
        <v>65</v>
      </c>
    </row>
    <row r="618" spans="1:22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6</v>
      </c>
      <c r="I618" s="9" t="s">
        <v>130</v>
      </c>
      <c r="J618" s="9" t="s">
        <v>131</v>
      </c>
      <c r="K618" s="6">
        <v>1</v>
      </c>
      <c r="L618" s="6">
        <v>1</v>
      </c>
      <c r="M618" s="10" t="s">
        <v>55</v>
      </c>
      <c r="N618" s="10" t="s">
        <v>55</v>
      </c>
      <c r="O618" s="6">
        <v>1</v>
      </c>
      <c r="P618" s="10" t="s">
        <v>55</v>
      </c>
      <c r="Q618" s="10" t="s">
        <v>55</v>
      </c>
      <c r="R618" s="10" t="s">
        <v>55</v>
      </c>
      <c r="S618" s="10" t="s">
        <v>55</v>
      </c>
      <c r="T618" s="10" t="s">
        <v>55</v>
      </c>
      <c r="U618" s="10" t="s">
        <v>55</v>
      </c>
      <c r="V618" s="6">
        <v>1</v>
      </c>
    </row>
    <row r="619" spans="1:22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6</v>
      </c>
      <c r="I619" s="9" t="s">
        <v>130</v>
      </c>
      <c r="J619" s="9" t="s">
        <v>132</v>
      </c>
      <c r="K619" s="6">
        <v>4</v>
      </c>
      <c r="L619" s="6">
        <v>4</v>
      </c>
      <c r="M619" s="6">
        <v>4</v>
      </c>
      <c r="N619" s="10" t="s">
        <v>55</v>
      </c>
      <c r="O619" s="10" t="s">
        <v>55</v>
      </c>
      <c r="P619" s="10" t="s">
        <v>55</v>
      </c>
      <c r="Q619" s="10" t="s">
        <v>55</v>
      </c>
      <c r="R619" s="10" t="s">
        <v>55</v>
      </c>
      <c r="S619" s="10" t="s">
        <v>55</v>
      </c>
      <c r="T619" s="10" t="s">
        <v>55</v>
      </c>
      <c r="U619" s="10" t="s">
        <v>55</v>
      </c>
      <c r="V619" s="6">
        <v>4</v>
      </c>
    </row>
    <row r="620" spans="1:22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6</v>
      </c>
      <c r="I620" s="9" t="s">
        <v>130</v>
      </c>
      <c r="J620" s="9" t="s">
        <v>133</v>
      </c>
      <c r="K620" s="6">
        <v>21</v>
      </c>
      <c r="L620" s="6">
        <v>19</v>
      </c>
      <c r="M620" s="6">
        <v>13</v>
      </c>
      <c r="N620" s="10" t="s">
        <v>55</v>
      </c>
      <c r="O620" s="6">
        <v>6</v>
      </c>
      <c r="P620" s="10" t="s">
        <v>55</v>
      </c>
      <c r="Q620" s="6">
        <v>1</v>
      </c>
      <c r="R620" s="6">
        <v>1</v>
      </c>
      <c r="S620" s="10" t="s">
        <v>55</v>
      </c>
      <c r="T620" s="10" t="s">
        <v>55</v>
      </c>
      <c r="U620" s="10" t="s">
        <v>55</v>
      </c>
      <c r="V620" s="6">
        <v>19</v>
      </c>
    </row>
    <row r="621" spans="1:22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6</v>
      </c>
      <c r="I621" s="9" t="s">
        <v>130</v>
      </c>
      <c r="J621" s="9" t="s">
        <v>134</v>
      </c>
      <c r="K621" s="6">
        <v>76</v>
      </c>
      <c r="L621" s="6">
        <v>52</v>
      </c>
      <c r="M621" s="6">
        <v>28</v>
      </c>
      <c r="N621" s="6">
        <v>4</v>
      </c>
      <c r="O621" s="6">
        <v>20</v>
      </c>
      <c r="P621" s="6">
        <v>3</v>
      </c>
      <c r="Q621" s="6">
        <v>5</v>
      </c>
      <c r="R621" s="6">
        <v>10</v>
      </c>
      <c r="S621" s="6">
        <v>6</v>
      </c>
      <c r="T621" s="10" t="s">
        <v>55</v>
      </c>
      <c r="U621" s="10" t="s">
        <v>55</v>
      </c>
      <c r="V621" s="6">
        <v>55</v>
      </c>
    </row>
    <row r="622" spans="1:22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6</v>
      </c>
      <c r="I622" s="9" t="s">
        <v>130</v>
      </c>
      <c r="J622" s="9" t="s">
        <v>135</v>
      </c>
      <c r="K622" s="6">
        <v>3</v>
      </c>
      <c r="L622" s="6">
        <v>3</v>
      </c>
      <c r="M622" s="6">
        <v>3</v>
      </c>
      <c r="N622" s="10" t="s">
        <v>55</v>
      </c>
      <c r="O622" s="10" t="s">
        <v>55</v>
      </c>
      <c r="P622" s="10" t="s">
        <v>55</v>
      </c>
      <c r="Q622" s="10" t="s">
        <v>55</v>
      </c>
      <c r="R622" s="10" t="s">
        <v>55</v>
      </c>
      <c r="S622" s="10" t="s">
        <v>55</v>
      </c>
      <c r="T622" s="10" t="s">
        <v>55</v>
      </c>
      <c r="U622" s="10" t="s">
        <v>55</v>
      </c>
      <c r="V622" s="6">
        <v>3</v>
      </c>
    </row>
    <row r="623" spans="1:22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6</v>
      </c>
      <c r="I623" s="9" t="s">
        <v>130</v>
      </c>
      <c r="J623" s="9" t="s">
        <v>136</v>
      </c>
      <c r="K623" s="10" t="s">
        <v>55</v>
      </c>
      <c r="L623" s="10" t="s">
        <v>55</v>
      </c>
      <c r="M623" s="10" t="s">
        <v>55</v>
      </c>
      <c r="N623" s="10" t="s">
        <v>55</v>
      </c>
      <c r="O623" s="10" t="s">
        <v>55</v>
      </c>
      <c r="P623" s="10" t="s">
        <v>55</v>
      </c>
      <c r="Q623" s="10" t="s">
        <v>55</v>
      </c>
      <c r="R623" s="10" t="s">
        <v>55</v>
      </c>
      <c r="S623" s="10" t="s">
        <v>55</v>
      </c>
      <c r="T623" s="10" t="s">
        <v>55</v>
      </c>
      <c r="U623" s="10" t="s">
        <v>55</v>
      </c>
      <c r="V623" s="10" t="s">
        <v>55</v>
      </c>
    </row>
    <row r="624" spans="1:22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6</v>
      </c>
      <c r="I624" s="9" t="s">
        <v>130</v>
      </c>
      <c r="J624" s="9" t="s">
        <v>137</v>
      </c>
      <c r="K624" s="6">
        <v>7</v>
      </c>
      <c r="L624" s="6">
        <v>6</v>
      </c>
      <c r="M624" s="6">
        <v>5</v>
      </c>
      <c r="N624" s="10" t="s">
        <v>55</v>
      </c>
      <c r="O624" s="6">
        <v>1</v>
      </c>
      <c r="P624" s="10" t="s">
        <v>55</v>
      </c>
      <c r="Q624" s="10" t="s">
        <v>55</v>
      </c>
      <c r="R624" s="6">
        <v>1</v>
      </c>
      <c r="S624" s="10" t="s">
        <v>55</v>
      </c>
      <c r="T624" s="10" t="s">
        <v>55</v>
      </c>
      <c r="U624" s="10" t="s">
        <v>55</v>
      </c>
      <c r="V624" s="6">
        <v>6</v>
      </c>
    </row>
    <row r="625" spans="1:22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6</v>
      </c>
      <c r="I625" s="9" t="s">
        <v>130</v>
      </c>
      <c r="J625" s="9" t="s">
        <v>138</v>
      </c>
      <c r="K625" s="6">
        <v>33</v>
      </c>
      <c r="L625" s="6">
        <v>13</v>
      </c>
      <c r="M625" s="6">
        <v>5</v>
      </c>
      <c r="N625" s="10" t="s">
        <v>55</v>
      </c>
      <c r="O625" s="6">
        <v>8</v>
      </c>
      <c r="P625" s="10" t="s">
        <v>55</v>
      </c>
      <c r="Q625" s="6">
        <v>3</v>
      </c>
      <c r="R625" s="6">
        <v>6</v>
      </c>
      <c r="S625" s="6">
        <v>11</v>
      </c>
      <c r="T625" s="10" t="s">
        <v>55</v>
      </c>
      <c r="U625" s="10" t="s">
        <v>55</v>
      </c>
      <c r="V625" s="6">
        <v>13</v>
      </c>
    </row>
    <row r="626" spans="1:22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6</v>
      </c>
      <c r="I626" s="9" t="s">
        <v>130</v>
      </c>
      <c r="J626" s="9" t="s">
        <v>139</v>
      </c>
      <c r="K626" s="6">
        <v>14</v>
      </c>
      <c r="L626" s="6">
        <v>11</v>
      </c>
      <c r="M626" s="6">
        <v>3</v>
      </c>
      <c r="N626" s="10" t="s">
        <v>55</v>
      </c>
      <c r="O626" s="6">
        <v>8</v>
      </c>
      <c r="P626" s="10" t="s">
        <v>55</v>
      </c>
      <c r="Q626" s="10" t="s">
        <v>55</v>
      </c>
      <c r="R626" s="6">
        <v>3</v>
      </c>
      <c r="S626" s="10" t="s">
        <v>55</v>
      </c>
      <c r="T626" s="10" t="s">
        <v>55</v>
      </c>
      <c r="U626" s="10" t="s">
        <v>55</v>
      </c>
      <c r="V626" s="6">
        <v>11</v>
      </c>
    </row>
    <row r="627" spans="1:22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6</v>
      </c>
      <c r="I627" s="9" t="s">
        <v>130</v>
      </c>
      <c r="J627" s="9" t="s">
        <v>140</v>
      </c>
      <c r="K627" s="6">
        <v>13</v>
      </c>
      <c r="L627" s="6">
        <v>13</v>
      </c>
      <c r="M627" s="6">
        <v>10</v>
      </c>
      <c r="N627" s="10" t="s">
        <v>55</v>
      </c>
      <c r="O627" s="6">
        <v>3</v>
      </c>
      <c r="P627" s="10" t="s">
        <v>55</v>
      </c>
      <c r="Q627" s="10" t="s">
        <v>55</v>
      </c>
      <c r="R627" s="10" t="s">
        <v>55</v>
      </c>
      <c r="S627" s="10" t="s">
        <v>55</v>
      </c>
      <c r="T627" s="10" t="s">
        <v>55</v>
      </c>
      <c r="U627" s="10" t="s">
        <v>55</v>
      </c>
      <c r="V627" s="6">
        <v>13</v>
      </c>
    </row>
    <row r="628" spans="1:22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6</v>
      </c>
      <c r="I628" s="9" t="s">
        <v>130</v>
      </c>
      <c r="J628" s="9" t="s">
        <v>141</v>
      </c>
      <c r="K628" s="6">
        <v>79</v>
      </c>
      <c r="L628" s="6">
        <v>78</v>
      </c>
      <c r="M628" s="6">
        <v>51</v>
      </c>
      <c r="N628" s="6">
        <v>1</v>
      </c>
      <c r="O628" s="6">
        <v>26</v>
      </c>
      <c r="P628" s="10" t="s">
        <v>55</v>
      </c>
      <c r="Q628" s="6">
        <v>1</v>
      </c>
      <c r="R628" s="10" t="s">
        <v>55</v>
      </c>
      <c r="S628" s="10" t="s">
        <v>55</v>
      </c>
      <c r="T628" s="10" t="s">
        <v>55</v>
      </c>
      <c r="U628" s="10" t="s">
        <v>55</v>
      </c>
      <c r="V628" s="6">
        <v>78</v>
      </c>
    </row>
    <row r="629" spans="1:22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6</v>
      </c>
      <c r="I629" s="9" t="s">
        <v>130</v>
      </c>
      <c r="J629" s="9" t="s">
        <v>142</v>
      </c>
      <c r="K629" s="6">
        <v>6</v>
      </c>
      <c r="L629" s="6">
        <v>6</v>
      </c>
      <c r="M629" s="6">
        <v>3</v>
      </c>
      <c r="N629" s="10" t="s">
        <v>55</v>
      </c>
      <c r="O629" s="6">
        <v>3</v>
      </c>
      <c r="P629" s="10" t="s">
        <v>55</v>
      </c>
      <c r="Q629" s="10" t="s">
        <v>55</v>
      </c>
      <c r="R629" s="10" t="s">
        <v>55</v>
      </c>
      <c r="S629" s="10" t="s">
        <v>55</v>
      </c>
      <c r="T629" s="10" t="s">
        <v>55</v>
      </c>
      <c r="U629" s="10" t="s">
        <v>55</v>
      </c>
      <c r="V629" s="6">
        <v>6</v>
      </c>
    </row>
    <row r="630" spans="1:22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6</v>
      </c>
      <c r="I630" s="9" t="s">
        <v>130</v>
      </c>
      <c r="J630" s="9" t="s">
        <v>143</v>
      </c>
      <c r="K630" s="6">
        <v>39</v>
      </c>
      <c r="L630" s="6">
        <v>30</v>
      </c>
      <c r="M630" s="6">
        <v>17</v>
      </c>
      <c r="N630" s="6">
        <v>2</v>
      </c>
      <c r="O630" s="6">
        <v>11</v>
      </c>
      <c r="P630" s="6">
        <v>2</v>
      </c>
      <c r="Q630" s="6">
        <v>1</v>
      </c>
      <c r="R630" s="6">
        <v>3</v>
      </c>
      <c r="S630" s="6">
        <v>2</v>
      </c>
      <c r="T630" s="10" t="s">
        <v>55</v>
      </c>
      <c r="U630" s="6">
        <v>1</v>
      </c>
      <c r="V630" s="6">
        <v>32</v>
      </c>
    </row>
    <row r="631" spans="1:22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6</v>
      </c>
      <c r="I631" s="9" t="s">
        <v>130</v>
      </c>
      <c r="J631" s="9" t="s">
        <v>144</v>
      </c>
      <c r="K631" s="6">
        <v>21</v>
      </c>
      <c r="L631" s="6">
        <v>21</v>
      </c>
      <c r="M631" s="6">
        <v>18</v>
      </c>
      <c r="N631" s="10" t="s">
        <v>55</v>
      </c>
      <c r="O631" s="6">
        <v>3</v>
      </c>
      <c r="P631" s="10" t="s">
        <v>55</v>
      </c>
      <c r="Q631" s="10" t="s">
        <v>55</v>
      </c>
      <c r="R631" s="10" t="s">
        <v>55</v>
      </c>
      <c r="S631" s="10" t="s">
        <v>55</v>
      </c>
      <c r="T631" s="10" t="s">
        <v>55</v>
      </c>
      <c r="U631" s="10" t="s">
        <v>55</v>
      </c>
      <c r="V631" s="6">
        <v>21</v>
      </c>
    </row>
    <row r="632" spans="1:22">
      <c r="A632" s="9" t="s">
        <v>83</v>
      </c>
      <c r="B632" s="9" t="s">
        <v>57</v>
      </c>
      <c r="C632" s="9" t="s">
        <v>93</v>
      </c>
      <c r="D632" s="9" t="s">
        <v>77</v>
      </c>
      <c r="E632" s="9" t="s">
        <v>57</v>
      </c>
      <c r="F632" s="9" t="s">
        <v>81</v>
      </c>
      <c r="G632" s="9" t="s">
        <v>94</v>
      </c>
      <c r="H632" s="9" t="s">
        <v>6</v>
      </c>
      <c r="I632" s="9" t="s">
        <v>55</v>
      </c>
      <c r="J632" s="9" t="s">
        <v>145</v>
      </c>
      <c r="K632" s="6">
        <v>2</v>
      </c>
      <c r="L632" s="6">
        <v>1</v>
      </c>
      <c r="M632" s="6">
        <v>1</v>
      </c>
      <c r="N632" s="10" t="s">
        <v>55</v>
      </c>
      <c r="O632" s="10" t="s">
        <v>55</v>
      </c>
      <c r="P632" s="10" t="s">
        <v>55</v>
      </c>
      <c r="Q632" s="10" t="s">
        <v>55</v>
      </c>
      <c r="R632" s="6">
        <v>1</v>
      </c>
      <c r="S632" s="10" t="s">
        <v>55</v>
      </c>
      <c r="T632" s="10" t="s">
        <v>55</v>
      </c>
      <c r="U632" s="10" t="s">
        <v>55</v>
      </c>
      <c r="V632" s="6">
        <v>1</v>
      </c>
    </row>
    <row r="633" spans="1:22">
      <c r="A633" s="9" t="s">
        <v>83</v>
      </c>
      <c r="B633" s="9" t="s">
        <v>57</v>
      </c>
      <c r="C633" s="9" t="s">
        <v>93</v>
      </c>
      <c r="D633" s="9" t="s">
        <v>77</v>
      </c>
      <c r="E633" s="9" t="s">
        <v>57</v>
      </c>
      <c r="F633" s="9" t="s">
        <v>81</v>
      </c>
      <c r="G633" s="9" t="s">
        <v>94</v>
      </c>
      <c r="H633" s="9" t="s">
        <v>6</v>
      </c>
      <c r="I633" s="9" t="s">
        <v>55</v>
      </c>
      <c r="J633" s="9" t="s">
        <v>146</v>
      </c>
      <c r="K633" s="6">
        <v>146</v>
      </c>
      <c r="L633" s="6">
        <v>53</v>
      </c>
      <c r="M633" s="6">
        <v>31</v>
      </c>
      <c r="N633" s="6">
        <v>1</v>
      </c>
      <c r="O633" s="6">
        <v>21</v>
      </c>
      <c r="P633" s="6">
        <v>4</v>
      </c>
      <c r="Q633" s="6">
        <v>6</v>
      </c>
      <c r="R633" s="6">
        <v>43</v>
      </c>
      <c r="S633" s="6">
        <v>40</v>
      </c>
      <c r="T633" s="10" t="s">
        <v>55</v>
      </c>
      <c r="U633" s="10" t="s">
        <v>55</v>
      </c>
      <c r="V633" s="6">
        <v>57</v>
      </c>
    </row>
    <row r="634" spans="1:22">
      <c r="A634" s="9" t="s">
        <v>83</v>
      </c>
      <c r="B634" s="9" t="s">
        <v>57</v>
      </c>
      <c r="C634" s="9" t="s">
        <v>93</v>
      </c>
      <c r="D634" s="9" t="s">
        <v>77</v>
      </c>
      <c r="E634" s="9" t="s">
        <v>57</v>
      </c>
      <c r="F634" s="9" t="s">
        <v>81</v>
      </c>
      <c r="G634" s="9" t="s">
        <v>94</v>
      </c>
      <c r="H634" s="9" t="s">
        <v>6</v>
      </c>
      <c r="I634" s="9" t="s">
        <v>55</v>
      </c>
      <c r="J634" s="9" t="s">
        <v>147</v>
      </c>
      <c r="K634" s="6">
        <v>203</v>
      </c>
      <c r="L634" s="6">
        <v>167</v>
      </c>
      <c r="M634" s="6">
        <v>122</v>
      </c>
      <c r="N634" s="6">
        <v>6</v>
      </c>
      <c r="O634" s="6">
        <v>39</v>
      </c>
      <c r="P634" s="6">
        <v>12</v>
      </c>
      <c r="Q634" s="6">
        <v>7</v>
      </c>
      <c r="R634" s="6">
        <v>10</v>
      </c>
      <c r="S634" s="6">
        <v>6</v>
      </c>
      <c r="T634" s="10" t="s">
        <v>55</v>
      </c>
      <c r="U634" s="6">
        <v>1</v>
      </c>
      <c r="V634" s="6">
        <v>179</v>
      </c>
    </row>
    <row r="635" spans="1:22">
      <c r="A635" s="9" t="s">
        <v>83</v>
      </c>
      <c r="B635" s="9" t="s">
        <v>57</v>
      </c>
      <c r="C635" s="9" t="s">
        <v>93</v>
      </c>
      <c r="D635" s="9" t="s">
        <v>77</v>
      </c>
      <c r="E635" s="9" t="s">
        <v>57</v>
      </c>
      <c r="F635" s="9" t="s">
        <v>81</v>
      </c>
      <c r="G635" s="9" t="s">
        <v>94</v>
      </c>
      <c r="H635" s="9" t="s">
        <v>6</v>
      </c>
      <c r="I635" s="9" t="s">
        <v>55</v>
      </c>
      <c r="J635" s="9" t="s">
        <v>148</v>
      </c>
      <c r="K635" s="6">
        <v>317</v>
      </c>
      <c r="L635" s="6">
        <v>257</v>
      </c>
      <c r="M635" s="6">
        <v>160</v>
      </c>
      <c r="N635" s="6">
        <v>7</v>
      </c>
      <c r="O635" s="6">
        <v>90</v>
      </c>
      <c r="P635" s="6">
        <v>5</v>
      </c>
      <c r="Q635" s="6">
        <v>11</v>
      </c>
      <c r="R635" s="6">
        <v>24</v>
      </c>
      <c r="S635" s="6">
        <v>19</v>
      </c>
      <c r="T635" s="10" t="s">
        <v>55</v>
      </c>
      <c r="U635" s="6">
        <v>1</v>
      </c>
      <c r="V635" s="6">
        <v>262</v>
      </c>
    </row>
    <row r="636" spans="1:22">
      <c r="A636" s="9" t="s">
        <v>83</v>
      </c>
      <c r="B636" s="9" t="s">
        <v>57</v>
      </c>
      <c r="C636" s="9" t="s">
        <v>93</v>
      </c>
      <c r="D636" s="9" t="s">
        <v>77</v>
      </c>
      <c r="E636" s="9" t="s">
        <v>57</v>
      </c>
      <c r="F636" s="9" t="s">
        <v>81</v>
      </c>
      <c r="G636" s="9" t="s">
        <v>94</v>
      </c>
      <c r="H636" s="9" t="s">
        <v>53</v>
      </c>
      <c r="I636" s="9" t="s">
        <v>55</v>
      </c>
      <c r="J636" s="9" t="s">
        <v>6</v>
      </c>
      <c r="K636" s="6">
        <v>401</v>
      </c>
      <c r="L636" s="6">
        <v>284</v>
      </c>
      <c r="M636" s="6">
        <v>217</v>
      </c>
      <c r="N636" s="6">
        <v>9</v>
      </c>
      <c r="O636" s="6">
        <v>58</v>
      </c>
      <c r="P636" s="6">
        <v>19</v>
      </c>
      <c r="Q636" s="6">
        <v>21</v>
      </c>
      <c r="R636" s="6">
        <v>64</v>
      </c>
      <c r="S636" s="6">
        <v>11</v>
      </c>
      <c r="T636" s="10" t="s">
        <v>55</v>
      </c>
      <c r="U636" s="6">
        <v>2</v>
      </c>
      <c r="V636" s="6">
        <v>303</v>
      </c>
    </row>
    <row r="637" spans="1:22">
      <c r="A637" s="9" t="s">
        <v>83</v>
      </c>
      <c r="B637" s="9" t="s">
        <v>57</v>
      </c>
      <c r="C637" s="9" t="s">
        <v>93</v>
      </c>
      <c r="D637" s="9" t="s">
        <v>77</v>
      </c>
      <c r="E637" s="9" t="s">
        <v>57</v>
      </c>
      <c r="F637" s="9" t="s">
        <v>81</v>
      </c>
      <c r="G637" s="9" t="s">
        <v>94</v>
      </c>
      <c r="H637" s="9" t="s">
        <v>53</v>
      </c>
      <c r="I637" s="9" t="s">
        <v>122</v>
      </c>
      <c r="J637" s="9" t="s">
        <v>123</v>
      </c>
      <c r="K637" s="6">
        <v>90</v>
      </c>
      <c r="L637" s="6">
        <v>38</v>
      </c>
      <c r="M637" s="6">
        <v>25</v>
      </c>
      <c r="N637" s="6">
        <v>1</v>
      </c>
      <c r="O637" s="6">
        <v>12</v>
      </c>
      <c r="P637" s="6">
        <v>4</v>
      </c>
      <c r="Q637" s="6">
        <v>6</v>
      </c>
      <c r="R637" s="6">
        <v>35</v>
      </c>
      <c r="S637" s="6">
        <v>7</v>
      </c>
      <c r="T637" s="10" t="s">
        <v>55</v>
      </c>
      <c r="U637" s="10" t="s">
        <v>55</v>
      </c>
      <c r="V637" s="6">
        <v>42</v>
      </c>
    </row>
    <row r="638" spans="1:22">
      <c r="A638" s="9" t="s">
        <v>83</v>
      </c>
      <c r="B638" s="9" t="s">
        <v>57</v>
      </c>
      <c r="C638" s="9" t="s">
        <v>93</v>
      </c>
      <c r="D638" s="9" t="s">
        <v>77</v>
      </c>
      <c r="E638" s="9" t="s">
        <v>57</v>
      </c>
      <c r="F638" s="9" t="s">
        <v>81</v>
      </c>
      <c r="G638" s="9" t="s">
        <v>94</v>
      </c>
      <c r="H638" s="9" t="s">
        <v>53</v>
      </c>
      <c r="I638" s="9" t="s">
        <v>122</v>
      </c>
      <c r="J638" s="9" t="s">
        <v>124</v>
      </c>
      <c r="K638" s="6">
        <v>46</v>
      </c>
      <c r="L638" s="6">
        <v>5</v>
      </c>
      <c r="M638" s="6">
        <v>1</v>
      </c>
      <c r="N638" s="6">
        <v>1</v>
      </c>
      <c r="O638" s="6">
        <v>3</v>
      </c>
      <c r="P638" s="10" t="s">
        <v>55</v>
      </c>
      <c r="Q638" s="6">
        <v>3</v>
      </c>
      <c r="R638" s="6">
        <v>31</v>
      </c>
      <c r="S638" s="6">
        <v>7</v>
      </c>
      <c r="T638" s="10" t="s">
        <v>55</v>
      </c>
      <c r="U638" s="10" t="s">
        <v>55</v>
      </c>
      <c r="V638" s="6">
        <v>5</v>
      </c>
    </row>
    <row r="639" spans="1:22">
      <c r="A639" s="9" t="s">
        <v>83</v>
      </c>
      <c r="B639" s="9" t="s">
        <v>57</v>
      </c>
      <c r="C639" s="9" t="s">
        <v>93</v>
      </c>
      <c r="D639" s="9" t="s">
        <v>77</v>
      </c>
      <c r="E639" s="9" t="s">
        <v>57</v>
      </c>
      <c r="F639" s="9" t="s">
        <v>81</v>
      </c>
      <c r="G639" s="9" t="s">
        <v>94</v>
      </c>
      <c r="H639" s="9" t="s">
        <v>53</v>
      </c>
      <c r="I639" s="9" t="s">
        <v>122</v>
      </c>
      <c r="J639" s="9" t="s">
        <v>125</v>
      </c>
      <c r="K639" s="6">
        <v>2</v>
      </c>
      <c r="L639" s="10" t="s">
        <v>55</v>
      </c>
      <c r="M639" s="10" t="s">
        <v>55</v>
      </c>
      <c r="N639" s="10" t="s">
        <v>55</v>
      </c>
      <c r="O639" s="10" t="s">
        <v>55</v>
      </c>
      <c r="P639" s="10" t="s">
        <v>55</v>
      </c>
      <c r="Q639" s="10" t="s">
        <v>55</v>
      </c>
      <c r="R639" s="6">
        <v>2</v>
      </c>
      <c r="S639" s="10" t="s">
        <v>55</v>
      </c>
      <c r="T639" s="10" t="s">
        <v>55</v>
      </c>
      <c r="U639" s="10" t="s">
        <v>55</v>
      </c>
      <c r="V639" s="10" t="s">
        <v>55</v>
      </c>
    </row>
    <row r="640" spans="1:22">
      <c r="A640" s="9" t="s">
        <v>83</v>
      </c>
      <c r="B640" s="9" t="s">
        <v>57</v>
      </c>
      <c r="C640" s="9" t="s">
        <v>93</v>
      </c>
      <c r="D640" s="9" t="s">
        <v>77</v>
      </c>
      <c r="E640" s="9" t="s">
        <v>57</v>
      </c>
      <c r="F640" s="9" t="s">
        <v>81</v>
      </c>
      <c r="G640" s="9" t="s">
        <v>94</v>
      </c>
      <c r="H640" s="9" t="s">
        <v>53</v>
      </c>
      <c r="I640" s="9" t="s">
        <v>126</v>
      </c>
      <c r="J640" s="9" t="s">
        <v>127</v>
      </c>
      <c r="K640" s="10" t="s">
        <v>55</v>
      </c>
      <c r="L640" s="10" t="s">
        <v>55</v>
      </c>
      <c r="M640" s="10" t="s">
        <v>55</v>
      </c>
      <c r="N640" s="10" t="s">
        <v>55</v>
      </c>
      <c r="O640" s="10" t="s">
        <v>55</v>
      </c>
      <c r="P640" s="10" t="s">
        <v>55</v>
      </c>
      <c r="Q640" s="10" t="s">
        <v>55</v>
      </c>
      <c r="R640" s="10" t="s">
        <v>55</v>
      </c>
      <c r="S640" s="10" t="s">
        <v>55</v>
      </c>
      <c r="T640" s="10" t="s">
        <v>55</v>
      </c>
      <c r="U640" s="10" t="s">
        <v>55</v>
      </c>
      <c r="V640" s="10" t="s">
        <v>55</v>
      </c>
    </row>
    <row r="641" spans="1:22">
      <c r="A641" s="9" t="s">
        <v>83</v>
      </c>
      <c r="B641" s="9" t="s">
        <v>57</v>
      </c>
      <c r="C641" s="9" t="s">
        <v>93</v>
      </c>
      <c r="D641" s="9" t="s">
        <v>77</v>
      </c>
      <c r="E641" s="9" t="s">
        <v>57</v>
      </c>
      <c r="F641" s="9" t="s">
        <v>81</v>
      </c>
      <c r="G641" s="9" t="s">
        <v>94</v>
      </c>
      <c r="H641" s="9" t="s">
        <v>53</v>
      </c>
      <c r="I641" s="9" t="s">
        <v>126</v>
      </c>
      <c r="J641" s="9" t="s">
        <v>128</v>
      </c>
      <c r="K641" s="6">
        <v>118</v>
      </c>
      <c r="L641" s="6">
        <v>90</v>
      </c>
      <c r="M641" s="6">
        <v>75</v>
      </c>
      <c r="N641" s="10" t="s">
        <v>55</v>
      </c>
      <c r="O641" s="6">
        <v>15</v>
      </c>
      <c r="P641" s="6">
        <v>9</v>
      </c>
      <c r="Q641" s="6">
        <v>6</v>
      </c>
      <c r="R641" s="6">
        <v>10</v>
      </c>
      <c r="S641" s="6">
        <v>2</v>
      </c>
      <c r="T641" s="10" t="s">
        <v>55</v>
      </c>
      <c r="U641" s="6">
        <v>1</v>
      </c>
      <c r="V641" s="6">
        <v>99</v>
      </c>
    </row>
    <row r="642" spans="1:22">
      <c r="A642" s="9" t="s">
        <v>83</v>
      </c>
      <c r="B642" s="9" t="s">
        <v>57</v>
      </c>
      <c r="C642" s="9" t="s">
        <v>93</v>
      </c>
      <c r="D642" s="9" t="s">
        <v>77</v>
      </c>
      <c r="E642" s="9" t="s">
        <v>57</v>
      </c>
      <c r="F642" s="9" t="s">
        <v>81</v>
      </c>
      <c r="G642" s="9" t="s">
        <v>94</v>
      </c>
      <c r="H642" s="9" t="s">
        <v>53</v>
      </c>
      <c r="I642" s="9" t="s">
        <v>126</v>
      </c>
      <c r="J642" s="9" t="s">
        <v>129</v>
      </c>
      <c r="K642" s="6">
        <v>39</v>
      </c>
      <c r="L642" s="6">
        <v>37</v>
      </c>
      <c r="M642" s="6">
        <v>30</v>
      </c>
      <c r="N642" s="6">
        <v>3</v>
      </c>
      <c r="O642" s="6">
        <v>4</v>
      </c>
      <c r="P642" s="6">
        <v>1</v>
      </c>
      <c r="Q642" s="10" t="s">
        <v>55</v>
      </c>
      <c r="R642" s="10" t="s">
        <v>55</v>
      </c>
      <c r="S642" s="6">
        <v>1</v>
      </c>
      <c r="T642" s="10" t="s">
        <v>55</v>
      </c>
      <c r="U642" s="10" t="s">
        <v>55</v>
      </c>
      <c r="V642" s="6">
        <v>38</v>
      </c>
    </row>
    <row r="643" spans="1:22">
      <c r="A643" s="9" t="s">
        <v>83</v>
      </c>
      <c r="B643" s="9" t="s">
        <v>57</v>
      </c>
      <c r="C643" s="9" t="s">
        <v>93</v>
      </c>
      <c r="D643" s="9" t="s">
        <v>77</v>
      </c>
      <c r="E643" s="9" t="s">
        <v>57</v>
      </c>
      <c r="F643" s="9" t="s">
        <v>81</v>
      </c>
      <c r="G643" s="9" t="s">
        <v>94</v>
      </c>
      <c r="H643" s="9" t="s">
        <v>53</v>
      </c>
      <c r="I643" s="9" t="s">
        <v>130</v>
      </c>
      <c r="J643" s="9" t="s">
        <v>131</v>
      </c>
      <c r="K643" s="6">
        <v>1</v>
      </c>
      <c r="L643" s="6">
        <v>1</v>
      </c>
      <c r="M643" s="10" t="s">
        <v>55</v>
      </c>
      <c r="N643" s="10" t="s">
        <v>55</v>
      </c>
      <c r="O643" s="6">
        <v>1</v>
      </c>
      <c r="P643" s="10" t="s">
        <v>55</v>
      </c>
      <c r="Q643" s="10" t="s">
        <v>55</v>
      </c>
      <c r="R643" s="10" t="s">
        <v>55</v>
      </c>
      <c r="S643" s="10" t="s">
        <v>55</v>
      </c>
      <c r="T643" s="10" t="s">
        <v>55</v>
      </c>
      <c r="U643" s="10" t="s">
        <v>55</v>
      </c>
      <c r="V643" s="6">
        <v>1</v>
      </c>
    </row>
    <row r="644" spans="1:22">
      <c r="A644" s="9" t="s">
        <v>83</v>
      </c>
      <c r="B644" s="9" t="s">
        <v>57</v>
      </c>
      <c r="C644" s="9" t="s">
        <v>93</v>
      </c>
      <c r="D644" s="9" t="s">
        <v>77</v>
      </c>
      <c r="E644" s="9" t="s">
        <v>57</v>
      </c>
      <c r="F644" s="9" t="s">
        <v>81</v>
      </c>
      <c r="G644" s="9" t="s">
        <v>94</v>
      </c>
      <c r="H644" s="9" t="s">
        <v>53</v>
      </c>
      <c r="I644" s="9" t="s">
        <v>130</v>
      </c>
      <c r="J644" s="9" t="s">
        <v>132</v>
      </c>
      <c r="K644" s="6">
        <v>4</v>
      </c>
      <c r="L644" s="6">
        <v>4</v>
      </c>
      <c r="M644" s="6">
        <v>4</v>
      </c>
      <c r="N644" s="10" t="s">
        <v>55</v>
      </c>
      <c r="O644" s="10" t="s">
        <v>55</v>
      </c>
      <c r="P644" s="10" t="s">
        <v>55</v>
      </c>
      <c r="Q644" s="10" t="s">
        <v>55</v>
      </c>
      <c r="R644" s="10" t="s">
        <v>55</v>
      </c>
      <c r="S644" s="10" t="s">
        <v>55</v>
      </c>
      <c r="T644" s="10" t="s">
        <v>55</v>
      </c>
      <c r="U644" s="10" t="s">
        <v>55</v>
      </c>
      <c r="V644" s="6">
        <v>4</v>
      </c>
    </row>
    <row r="645" spans="1:22">
      <c r="A645" s="9" t="s">
        <v>83</v>
      </c>
      <c r="B645" s="9" t="s">
        <v>57</v>
      </c>
      <c r="C645" s="9" t="s">
        <v>93</v>
      </c>
      <c r="D645" s="9" t="s">
        <v>77</v>
      </c>
      <c r="E645" s="9" t="s">
        <v>57</v>
      </c>
      <c r="F645" s="9" t="s">
        <v>81</v>
      </c>
      <c r="G645" s="9" t="s">
        <v>94</v>
      </c>
      <c r="H645" s="9" t="s">
        <v>53</v>
      </c>
      <c r="I645" s="9" t="s">
        <v>130</v>
      </c>
      <c r="J645" s="9" t="s">
        <v>133</v>
      </c>
      <c r="K645" s="6">
        <v>18</v>
      </c>
      <c r="L645" s="6">
        <v>17</v>
      </c>
      <c r="M645" s="6">
        <v>13</v>
      </c>
      <c r="N645" s="10" t="s">
        <v>55</v>
      </c>
      <c r="O645" s="6">
        <v>4</v>
      </c>
      <c r="P645" s="10" t="s">
        <v>55</v>
      </c>
      <c r="Q645" s="6">
        <v>1</v>
      </c>
      <c r="R645" s="10" t="s">
        <v>55</v>
      </c>
      <c r="S645" s="10" t="s">
        <v>55</v>
      </c>
      <c r="T645" s="10" t="s">
        <v>55</v>
      </c>
      <c r="U645" s="10" t="s">
        <v>55</v>
      </c>
      <c r="V645" s="6">
        <v>17</v>
      </c>
    </row>
    <row r="646" spans="1:22">
      <c r="A646" s="9" t="s">
        <v>83</v>
      </c>
      <c r="B646" s="9" t="s">
        <v>57</v>
      </c>
      <c r="C646" s="9" t="s">
        <v>93</v>
      </c>
      <c r="D646" s="9" t="s">
        <v>77</v>
      </c>
      <c r="E646" s="9" t="s">
        <v>57</v>
      </c>
      <c r="F646" s="9" t="s">
        <v>81</v>
      </c>
      <c r="G646" s="9" t="s">
        <v>94</v>
      </c>
      <c r="H646" s="9" t="s">
        <v>53</v>
      </c>
      <c r="I646" s="9" t="s">
        <v>130</v>
      </c>
      <c r="J646" s="9" t="s">
        <v>134</v>
      </c>
      <c r="K646" s="6">
        <v>38</v>
      </c>
      <c r="L646" s="6">
        <v>23</v>
      </c>
      <c r="M646" s="6">
        <v>15</v>
      </c>
      <c r="N646" s="6">
        <v>3</v>
      </c>
      <c r="O646" s="6">
        <v>5</v>
      </c>
      <c r="P646" s="6">
        <v>3</v>
      </c>
      <c r="Q646" s="6">
        <v>3</v>
      </c>
      <c r="R646" s="6">
        <v>9</v>
      </c>
      <c r="S646" s="10" t="s">
        <v>55</v>
      </c>
      <c r="T646" s="10" t="s">
        <v>55</v>
      </c>
      <c r="U646" s="10" t="s">
        <v>55</v>
      </c>
      <c r="V646" s="6">
        <v>26</v>
      </c>
    </row>
    <row r="647" spans="1:22">
      <c r="A647" s="9" t="s">
        <v>83</v>
      </c>
      <c r="B647" s="9" t="s">
        <v>57</v>
      </c>
      <c r="C647" s="9" t="s">
        <v>93</v>
      </c>
      <c r="D647" s="9" t="s">
        <v>77</v>
      </c>
      <c r="E647" s="9" t="s">
        <v>57</v>
      </c>
      <c r="F647" s="9" t="s">
        <v>81</v>
      </c>
      <c r="G647" s="9" t="s">
        <v>94</v>
      </c>
      <c r="H647" s="9" t="s">
        <v>53</v>
      </c>
      <c r="I647" s="9" t="s">
        <v>130</v>
      </c>
      <c r="J647" s="9" t="s">
        <v>135</v>
      </c>
      <c r="K647" s="10" t="s">
        <v>55</v>
      </c>
      <c r="L647" s="10" t="s">
        <v>55</v>
      </c>
      <c r="M647" s="10" t="s">
        <v>55</v>
      </c>
      <c r="N647" s="10" t="s">
        <v>55</v>
      </c>
      <c r="O647" s="10" t="s">
        <v>55</v>
      </c>
      <c r="P647" s="10" t="s">
        <v>55</v>
      </c>
      <c r="Q647" s="10" t="s">
        <v>55</v>
      </c>
      <c r="R647" s="10" t="s">
        <v>55</v>
      </c>
      <c r="S647" s="10" t="s">
        <v>55</v>
      </c>
      <c r="T647" s="10" t="s">
        <v>55</v>
      </c>
      <c r="U647" s="10" t="s">
        <v>55</v>
      </c>
      <c r="V647" s="10" t="s">
        <v>55</v>
      </c>
    </row>
    <row r="648" spans="1:22">
      <c r="A648" s="9" t="s">
        <v>83</v>
      </c>
      <c r="B648" s="9" t="s">
        <v>57</v>
      </c>
      <c r="C648" s="9" t="s">
        <v>93</v>
      </c>
      <c r="D648" s="9" t="s">
        <v>77</v>
      </c>
      <c r="E648" s="9" t="s">
        <v>57</v>
      </c>
      <c r="F648" s="9" t="s">
        <v>81</v>
      </c>
      <c r="G648" s="9" t="s">
        <v>94</v>
      </c>
      <c r="H648" s="9" t="s">
        <v>53</v>
      </c>
      <c r="I648" s="9" t="s">
        <v>130</v>
      </c>
      <c r="J648" s="9" t="s">
        <v>136</v>
      </c>
      <c r="K648" s="10" t="s">
        <v>55</v>
      </c>
      <c r="L648" s="10" t="s">
        <v>55</v>
      </c>
      <c r="M648" s="10" t="s">
        <v>55</v>
      </c>
      <c r="N648" s="10" t="s">
        <v>55</v>
      </c>
      <c r="O648" s="10" t="s">
        <v>55</v>
      </c>
      <c r="P648" s="10" t="s">
        <v>55</v>
      </c>
      <c r="Q648" s="10" t="s">
        <v>55</v>
      </c>
      <c r="R648" s="10" t="s">
        <v>55</v>
      </c>
      <c r="S648" s="10" t="s">
        <v>55</v>
      </c>
      <c r="T648" s="10" t="s">
        <v>55</v>
      </c>
      <c r="U648" s="10" t="s">
        <v>55</v>
      </c>
      <c r="V648" s="10" t="s">
        <v>55</v>
      </c>
    </row>
    <row r="649" spans="1:22">
      <c r="A649" s="9" t="s">
        <v>83</v>
      </c>
      <c r="B649" s="9" t="s">
        <v>57</v>
      </c>
      <c r="C649" s="9" t="s">
        <v>93</v>
      </c>
      <c r="D649" s="9" t="s">
        <v>77</v>
      </c>
      <c r="E649" s="9" t="s">
        <v>57</v>
      </c>
      <c r="F649" s="9" t="s">
        <v>81</v>
      </c>
      <c r="G649" s="9" t="s">
        <v>94</v>
      </c>
      <c r="H649" s="9" t="s">
        <v>53</v>
      </c>
      <c r="I649" s="9" t="s">
        <v>130</v>
      </c>
      <c r="J649" s="9" t="s">
        <v>137</v>
      </c>
      <c r="K649" s="6">
        <v>7</v>
      </c>
      <c r="L649" s="6">
        <v>6</v>
      </c>
      <c r="M649" s="6">
        <v>5</v>
      </c>
      <c r="N649" s="10" t="s">
        <v>55</v>
      </c>
      <c r="O649" s="6">
        <v>1</v>
      </c>
      <c r="P649" s="10" t="s">
        <v>55</v>
      </c>
      <c r="Q649" s="10" t="s">
        <v>55</v>
      </c>
      <c r="R649" s="6">
        <v>1</v>
      </c>
      <c r="S649" s="10" t="s">
        <v>55</v>
      </c>
      <c r="T649" s="10" t="s">
        <v>55</v>
      </c>
      <c r="U649" s="10" t="s">
        <v>55</v>
      </c>
      <c r="V649" s="6">
        <v>6</v>
      </c>
    </row>
    <row r="650" spans="1:22">
      <c r="A650" s="9" t="s">
        <v>83</v>
      </c>
      <c r="B650" s="9" t="s">
        <v>57</v>
      </c>
      <c r="C650" s="9" t="s">
        <v>93</v>
      </c>
      <c r="D650" s="9" t="s">
        <v>77</v>
      </c>
      <c r="E650" s="9" t="s">
        <v>57</v>
      </c>
      <c r="F650" s="9" t="s">
        <v>81</v>
      </c>
      <c r="G650" s="9" t="s">
        <v>94</v>
      </c>
      <c r="H650" s="9" t="s">
        <v>53</v>
      </c>
      <c r="I650" s="9" t="s">
        <v>130</v>
      </c>
      <c r="J650" s="9" t="s">
        <v>138</v>
      </c>
      <c r="K650" s="6">
        <v>10</v>
      </c>
      <c r="L650" s="6">
        <v>3</v>
      </c>
      <c r="M650" s="6">
        <v>1</v>
      </c>
      <c r="N650" s="10" t="s">
        <v>55</v>
      </c>
      <c r="O650" s="6">
        <v>2</v>
      </c>
      <c r="P650" s="10" t="s">
        <v>55</v>
      </c>
      <c r="Q650" s="6">
        <v>3</v>
      </c>
      <c r="R650" s="6">
        <v>3</v>
      </c>
      <c r="S650" s="6">
        <v>1</v>
      </c>
      <c r="T650" s="10" t="s">
        <v>55</v>
      </c>
      <c r="U650" s="10" t="s">
        <v>55</v>
      </c>
      <c r="V650" s="6">
        <v>3</v>
      </c>
    </row>
    <row r="651" spans="1:22">
      <c r="A651" s="9" t="s">
        <v>83</v>
      </c>
      <c r="B651" s="9" t="s">
        <v>57</v>
      </c>
      <c r="C651" s="9" t="s">
        <v>93</v>
      </c>
      <c r="D651" s="9" t="s">
        <v>77</v>
      </c>
      <c r="E651" s="9" t="s">
        <v>57</v>
      </c>
      <c r="F651" s="9" t="s">
        <v>81</v>
      </c>
      <c r="G651" s="9" t="s">
        <v>94</v>
      </c>
      <c r="H651" s="9" t="s">
        <v>53</v>
      </c>
      <c r="I651" s="9" t="s">
        <v>130</v>
      </c>
      <c r="J651" s="9" t="s">
        <v>139</v>
      </c>
      <c r="K651" s="6">
        <v>4</v>
      </c>
      <c r="L651" s="6">
        <v>3</v>
      </c>
      <c r="M651" s="6">
        <v>1</v>
      </c>
      <c r="N651" s="10" t="s">
        <v>55</v>
      </c>
      <c r="O651" s="6">
        <v>2</v>
      </c>
      <c r="P651" s="10" t="s">
        <v>55</v>
      </c>
      <c r="Q651" s="10" t="s">
        <v>55</v>
      </c>
      <c r="R651" s="6">
        <v>1</v>
      </c>
      <c r="S651" s="10" t="s">
        <v>55</v>
      </c>
      <c r="T651" s="10" t="s">
        <v>55</v>
      </c>
      <c r="U651" s="10" t="s">
        <v>55</v>
      </c>
      <c r="V651" s="6">
        <v>3</v>
      </c>
    </row>
    <row r="652" spans="1:22">
      <c r="A652" s="9" t="s">
        <v>83</v>
      </c>
      <c r="B652" s="9" t="s">
        <v>57</v>
      </c>
      <c r="C652" s="9" t="s">
        <v>93</v>
      </c>
      <c r="D652" s="9" t="s">
        <v>77</v>
      </c>
      <c r="E652" s="9" t="s">
        <v>57</v>
      </c>
      <c r="F652" s="9" t="s">
        <v>81</v>
      </c>
      <c r="G652" s="9" t="s">
        <v>94</v>
      </c>
      <c r="H652" s="9" t="s">
        <v>53</v>
      </c>
      <c r="I652" s="9" t="s">
        <v>130</v>
      </c>
      <c r="J652" s="9" t="s">
        <v>140</v>
      </c>
      <c r="K652" s="6">
        <v>8</v>
      </c>
      <c r="L652" s="6">
        <v>8</v>
      </c>
      <c r="M652" s="6">
        <v>7</v>
      </c>
      <c r="N652" s="10" t="s">
        <v>55</v>
      </c>
      <c r="O652" s="6">
        <v>1</v>
      </c>
      <c r="P652" s="10" t="s">
        <v>55</v>
      </c>
      <c r="Q652" s="10" t="s">
        <v>55</v>
      </c>
      <c r="R652" s="10" t="s">
        <v>55</v>
      </c>
      <c r="S652" s="10" t="s">
        <v>55</v>
      </c>
      <c r="T652" s="10" t="s">
        <v>55</v>
      </c>
      <c r="U652" s="10" t="s">
        <v>55</v>
      </c>
      <c r="V652" s="6">
        <v>8</v>
      </c>
    </row>
    <row r="653" spans="1:22">
      <c r="A653" s="9" t="s">
        <v>83</v>
      </c>
      <c r="B653" s="9" t="s">
        <v>57</v>
      </c>
      <c r="C653" s="9" t="s">
        <v>93</v>
      </c>
      <c r="D653" s="9" t="s">
        <v>77</v>
      </c>
      <c r="E653" s="9" t="s">
        <v>57</v>
      </c>
      <c r="F653" s="9" t="s">
        <v>81</v>
      </c>
      <c r="G653" s="9" t="s">
        <v>94</v>
      </c>
      <c r="H653" s="9" t="s">
        <v>53</v>
      </c>
      <c r="I653" s="9" t="s">
        <v>130</v>
      </c>
      <c r="J653" s="9" t="s">
        <v>141</v>
      </c>
      <c r="K653" s="6">
        <v>13</v>
      </c>
      <c r="L653" s="6">
        <v>12</v>
      </c>
      <c r="M653" s="6">
        <v>9</v>
      </c>
      <c r="N653" s="6">
        <v>1</v>
      </c>
      <c r="O653" s="6">
        <v>2</v>
      </c>
      <c r="P653" s="10" t="s">
        <v>55</v>
      </c>
      <c r="Q653" s="6">
        <v>1</v>
      </c>
      <c r="R653" s="10" t="s">
        <v>55</v>
      </c>
      <c r="S653" s="10" t="s">
        <v>55</v>
      </c>
      <c r="T653" s="10" t="s">
        <v>55</v>
      </c>
      <c r="U653" s="10" t="s">
        <v>55</v>
      </c>
      <c r="V653" s="6">
        <v>12</v>
      </c>
    </row>
    <row r="654" spans="1:22">
      <c r="A654" s="9" t="s">
        <v>83</v>
      </c>
      <c r="B654" s="9" t="s">
        <v>57</v>
      </c>
      <c r="C654" s="9" t="s">
        <v>93</v>
      </c>
      <c r="D654" s="9" t="s">
        <v>77</v>
      </c>
      <c r="E654" s="9" t="s">
        <v>57</v>
      </c>
      <c r="F654" s="9" t="s">
        <v>81</v>
      </c>
      <c r="G654" s="9" t="s">
        <v>94</v>
      </c>
      <c r="H654" s="9" t="s">
        <v>53</v>
      </c>
      <c r="I654" s="9" t="s">
        <v>130</v>
      </c>
      <c r="J654" s="9" t="s">
        <v>142</v>
      </c>
      <c r="K654" s="6">
        <v>4</v>
      </c>
      <c r="L654" s="6">
        <v>4</v>
      </c>
      <c r="M654" s="6">
        <v>2</v>
      </c>
      <c r="N654" s="10" t="s">
        <v>55</v>
      </c>
      <c r="O654" s="6">
        <v>2</v>
      </c>
      <c r="P654" s="10" t="s">
        <v>55</v>
      </c>
      <c r="Q654" s="10" t="s">
        <v>55</v>
      </c>
      <c r="R654" s="10" t="s">
        <v>55</v>
      </c>
      <c r="S654" s="10" t="s">
        <v>55</v>
      </c>
      <c r="T654" s="10" t="s">
        <v>55</v>
      </c>
      <c r="U654" s="10" t="s">
        <v>55</v>
      </c>
      <c r="V654" s="6">
        <v>4</v>
      </c>
    </row>
    <row r="655" spans="1:22">
      <c r="A655" s="9" t="s">
        <v>83</v>
      </c>
      <c r="B655" s="9" t="s">
        <v>57</v>
      </c>
      <c r="C655" s="9" t="s">
        <v>93</v>
      </c>
      <c r="D655" s="9" t="s">
        <v>77</v>
      </c>
      <c r="E655" s="9" t="s">
        <v>57</v>
      </c>
      <c r="F655" s="9" t="s">
        <v>81</v>
      </c>
      <c r="G655" s="9" t="s">
        <v>94</v>
      </c>
      <c r="H655" s="9" t="s">
        <v>53</v>
      </c>
      <c r="I655" s="9" t="s">
        <v>130</v>
      </c>
      <c r="J655" s="9" t="s">
        <v>143</v>
      </c>
      <c r="K655" s="6">
        <v>26</v>
      </c>
      <c r="L655" s="6">
        <v>20</v>
      </c>
      <c r="M655" s="6">
        <v>13</v>
      </c>
      <c r="N655" s="6">
        <v>1</v>
      </c>
      <c r="O655" s="6">
        <v>6</v>
      </c>
      <c r="P655" s="6">
        <v>2</v>
      </c>
      <c r="Q655" s="6">
        <v>1</v>
      </c>
      <c r="R655" s="6">
        <v>2</v>
      </c>
      <c r="S655" s="10" t="s">
        <v>55</v>
      </c>
      <c r="T655" s="10" t="s">
        <v>55</v>
      </c>
      <c r="U655" s="6">
        <v>1</v>
      </c>
      <c r="V655" s="6">
        <v>22</v>
      </c>
    </row>
    <row r="656" spans="1:22">
      <c r="A656" s="9" t="s">
        <v>83</v>
      </c>
      <c r="B656" s="9" t="s">
        <v>57</v>
      </c>
      <c r="C656" s="9" t="s">
        <v>93</v>
      </c>
      <c r="D656" s="9" t="s">
        <v>77</v>
      </c>
      <c r="E656" s="9" t="s">
        <v>57</v>
      </c>
      <c r="F656" s="9" t="s">
        <v>81</v>
      </c>
      <c r="G656" s="9" t="s">
        <v>94</v>
      </c>
      <c r="H656" s="9" t="s">
        <v>53</v>
      </c>
      <c r="I656" s="9" t="s">
        <v>130</v>
      </c>
      <c r="J656" s="9" t="s">
        <v>144</v>
      </c>
      <c r="K656" s="6">
        <v>17</v>
      </c>
      <c r="L656" s="6">
        <v>17</v>
      </c>
      <c r="M656" s="6">
        <v>16</v>
      </c>
      <c r="N656" s="10" t="s">
        <v>55</v>
      </c>
      <c r="O656" s="6">
        <v>1</v>
      </c>
      <c r="P656" s="10" t="s">
        <v>55</v>
      </c>
      <c r="Q656" s="10" t="s">
        <v>55</v>
      </c>
      <c r="R656" s="10" t="s">
        <v>55</v>
      </c>
      <c r="S656" s="10" t="s">
        <v>55</v>
      </c>
      <c r="T656" s="10" t="s">
        <v>55</v>
      </c>
      <c r="U656" s="10" t="s">
        <v>55</v>
      </c>
      <c r="V656" s="6">
        <v>17</v>
      </c>
    </row>
    <row r="657" spans="1:22">
      <c r="A657" s="9" t="s">
        <v>83</v>
      </c>
      <c r="B657" s="9" t="s">
        <v>57</v>
      </c>
      <c r="C657" s="9" t="s">
        <v>93</v>
      </c>
      <c r="D657" s="9" t="s">
        <v>77</v>
      </c>
      <c r="E657" s="9" t="s">
        <v>57</v>
      </c>
      <c r="F657" s="9" t="s">
        <v>81</v>
      </c>
      <c r="G657" s="9" t="s">
        <v>94</v>
      </c>
      <c r="H657" s="9" t="s">
        <v>53</v>
      </c>
      <c r="I657" s="9" t="s">
        <v>55</v>
      </c>
      <c r="J657" s="9" t="s">
        <v>145</v>
      </c>
      <c r="K657" s="6">
        <v>2</v>
      </c>
      <c r="L657" s="6">
        <v>1</v>
      </c>
      <c r="M657" s="6">
        <v>1</v>
      </c>
      <c r="N657" s="10" t="s">
        <v>55</v>
      </c>
      <c r="O657" s="10" t="s">
        <v>55</v>
      </c>
      <c r="P657" s="10" t="s">
        <v>55</v>
      </c>
      <c r="Q657" s="10" t="s">
        <v>55</v>
      </c>
      <c r="R657" s="6">
        <v>1</v>
      </c>
      <c r="S657" s="10" t="s">
        <v>55</v>
      </c>
      <c r="T657" s="10" t="s">
        <v>55</v>
      </c>
      <c r="U657" s="10" t="s">
        <v>55</v>
      </c>
      <c r="V657" s="6">
        <v>1</v>
      </c>
    </row>
    <row r="658" spans="1:22">
      <c r="A658" s="9" t="s">
        <v>83</v>
      </c>
      <c r="B658" s="9" t="s">
        <v>57</v>
      </c>
      <c r="C658" s="9" t="s">
        <v>93</v>
      </c>
      <c r="D658" s="9" t="s">
        <v>77</v>
      </c>
      <c r="E658" s="9" t="s">
        <v>57</v>
      </c>
      <c r="F658" s="9" t="s">
        <v>81</v>
      </c>
      <c r="G658" s="9" t="s">
        <v>94</v>
      </c>
      <c r="H658" s="9" t="s">
        <v>53</v>
      </c>
      <c r="I658" s="9" t="s">
        <v>55</v>
      </c>
      <c r="J658" s="9" t="s">
        <v>146</v>
      </c>
      <c r="K658" s="6">
        <v>92</v>
      </c>
      <c r="L658" s="6">
        <v>38</v>
      </c>
      <c r="M658" s="6">
        <v>25</v>
      </c>
      <c r="N658" s="6">
        <v>1</v>
      </c>
      <c r="O658" s="6">
        <v>12</v>
      </c>
      <c r="P658" s="6">
        <v>4</v>
      </c>
      <c r="Q658" s="6">
        <v>6</v>
      </c>
      <c r="R658" s="6">
        <v>37</v>
      </c>
      <c r="S658" s="6">
        <v>7</v>
      </c>
      <c r="T658" s="10" t="s">
        <v>55</v>
      </c>
      <c r="U658" s="10" t="s">
        <v>55</v>
      </c>
      <c r="V658" s="6">
        <v>42</v>
      </c>
    </row>
    <row r="659" spans="1:22">
      <c r="A659" s="9" t="s">
        <v>83</v>
      </c>
      <c r="B659" s="9" t="s">
        <v>57</v>
      </c>
      <c r="C659" s="9" t="s">
        <v>93</v>
      </c>
      <c r="D659" s="9" t="s">
        <v>77</v>
      </c>
      <c r="E659" s="9" t="s">
        <v>57</v>
      </c>
      <c r="F659" s="9" t="s">
        <v>81</v>
      </c>
      <c r="G659" s="9" t="s">
        <v>94</v>
      </c>
      <c r="H659" s="9" t="s">
        <v>53</v>
      </c>
      <c r="I659" s="9" t="s">
        <v>55</v>
      </c>
      <c r="J659" s="9" t="s">
        <v>147</v>
      </c>
      <c r="K659" s="6">
        <v>157</v>
      </c>
      <c r="L659" s="6">
        <v>127</v>
      </c>
      <c r="M659" s="6">
        <v>105</v>
      </c>
      <c r="N659" s="6">
        <v>3</v>
      </c>
      <c r="O659" s="6">
        <v>19</v>
      </c>
      <c r="P659" s="6">
        <v>10</v>
      </c>
      <c r="Q659" s="6">
        <v>6</v>
      </c>
      <c r="R659" s="6">
        <v>10</v>
      </c>
      <c r="S659" s="6">
        <v>3</v>
      </c>
      <c r="T659" s="10" t="s">
        <v>55</v>
      </c>
      <c r="U659" s="6">
        <v>1</v>
      </c>
      <c r="V659" s="6">
        <v>137</v>
      </c>
    </row>
    <row r="660" spans="1:22">
      <c r="A660" s="9" t="s">
        <v>83</v>
      </c>
      <c r="B660" s="9" t="s">
        <v>57</v>
      </c>
      <c r="C660" s="9" t="s">
        <v>93</v>
      </c>
      <c r="D660" s="9" t="s">
        <v>77</v>
      </c>
      <c r="E660" s="9" t="s">
        <v>57</v>
      </c>
      <c r="F660" s="9" t="s">
        <v>81</v>
      </c>
      <c r="G660" s="9" t="s">
        <v>94</v>
      </c>
      <c r="H660" s="9" t="s">
        <v>53</v>
      </c>
      <c r="I660" s="9" t="s">
        <v>55</v>
      </c>
      <c r="J660" s="9" t="s">
        <v>148</v>
      </c>
      <c r="K660" s="6">
        <v>150</v>
      </c>
      <c r="L660" s="6">
        <v>118</v>
      </c>
      <c r="M660" s="6">
        <v>86</v>
      </c>
      <c r="N660" s="6">
        <v>5</v>
      </c>
      <c r="O660" s="6">
        <v>27</v>
      </c>
      <c r="P660" s="6">
        <v>5</v>
      </c>
      <c r="Q660" s="6">
        <v>9</v>
      </c>
      <c r="R660" s="6">
        <v>16</v>
      </c>
      <c r="S660" s="6">
        <v>1</v>
      </c>
      <c r="T660" s="10" t="s">
        <v>55</v>
      </c>
      <c r="U660" s="6">
        <v>1</v>
      </c>
      <c r="V660" s="6">
        <v>123</v>
      </c>
    </row>
    <row r="661" spans="1:22">
      <c r="A661" s="9" t="s">
        <v>83</v>
      </c>
      <c r="B661" s="9" t="s">
        <v>57</v>
      </c>
      <c r="C661" s="9" t="s">
        <v>93</v>
      </c>
      <c r="D661" s="9" t="s">
        <v>77</v>
      </c>
      <c r="E661" s="9" t="s">
        <v>57</v>
      </c>
      <c r="F661" s="9" t="s">
        <v>81</v>
      </c>
      <c r="G661" s="9" t="s">
        <v>94</v>
      </c>
      <c r="H661" s="9" t="s">
        <v>54</v>
      </c>
      <c r="I661" s="9" t="s">
        <v>55</v>
      </c>
      <c r="J661" s="9" t="s">
        <v>6</v>
      </c>
      <c r="K661" s="6">
        <v>267</v>
      </c>
      <c r="L661" s="6">
        <v>194</v>
      </c>
      <c r="M661" s="6">
        <v>97</v>
      </c>
      <c r="N661" s="6">
        <v>5</v>
      </c>
      <c r="O661" s="6">
        <v>92</v>
      </c>
      <c r="P661" s="6">
        <v>2</v>
      </c>
      <c r="Q661" s="6">
        <v>3</v>
      </c>
      <c r="R661" s="6">
        <v>14</v>
      </c>
      <c r="S661" s="6">
        <v>54</v>
      </c>
      <c r="T661" s="10" t="s">
        <v>55</v>
      </c>
      <c r="U661" s="10" t="s">
        <v>55</v>
      </c>
      <c r="V661" s="6">
        <v>196</v>
      </c>
    </row>
    <row r="662" spans="1:22">
      <c r="A662" s="9" t="s">
        <v>83</v>
      </c>
      <c r="B662" s="9" t="s">
        <v>57</v>
      </c>
      <c r="C662" s="9" t="s">
        <v>93</v>
      </c>
      <c r="D662" s="9" t="s">
        <v>77</v>
      </c>
      <c r="E662" s="9" t="s">
        <v>57</v>
      </c>
      <c r="F662" s="9" t="s">
        <v>81</v>
      </c>
      <c r="G662" s="9" t="s">
        <v>94</v>
      </c>
      <c r="H662" s="9" t="s">
        <v>54</v>
      </c>
      <c r="I662" s="9" t="s">
        <v>122</v>
      </c>
      <c r="J662" s="9" t="s">
        <v>123</v>
      </c>
      <c r="K662" s="6">
        <v>52</v>
      </c>
      <c r="L662" s="6">
        <v>15</v>
      </c>
      <c r="M662" s="6">
        <v>6</v>
      </c>
      <c r="N662" s="10" t="s">
        <v>55</v>
      </c>
      <c r="O662" s="6">
        <v>9</v>
      </c>
      <c r="P662" s="10" t="s">
        <v>55</v>
      </c>
      <c r="Q662" s="10" t="s">
        <v>55</v>
      </c>
      <c r="R662" s="6">
        <v>6</v>
      </c>
      <c r="S662" s="6">
        <v>31</v>
      </c>
      <c r="T662" s="10" t="s">
        <v>55</v>
      </c>
      <c r="U662" s="10" t="s">
        <v>55</v>
      </c>
      <c r="V662" s="6">
        <v>15</v>
      </c>
    </row>
    <row r="663" spans="1:22">
      <c r="A663" s="9" t="s">
        <v>83</v>
      </c>
      <c r="B663" s="9" t="s">
        <v>57</v>
      </c>
      <c r="C663" s="9" t="s">
        <v>93</v>
      </c>
      <c r="D663" s="9" t="s">
        <v>77</v>
      </c>
      <c r="E663" s="9" t="s">
        <v>57</v>
      </c>
      <c r="F663" s="9" t="s">
        <v>81</v>
      </c>
      <c r="G663" s="9" t="s">
        <v>94</v>
      </c>
      <c r="H663" s="9" t="s">
        <v>54</v>
      </c>
      <c r="I663" s="9" t="s">
        <v>122</v>
      </c>
      <c r="J663" s="9" t="s">
        <v>124</v>
      </c>
      <c r="K663" s="6">
        <v>41</v>
      </c>
      <c r="L663" s="6">
        <v>7</v>
      </c>
      <c r="M663" s="6">
        <v>1</v>
      </c>
      <c r="N663" s="10" t="s">
        <v>55</v>
      </c>
      <c r="O663" s="6">
        <v>6</v>
      </c>
      <c r="P663" s="10" t="s">
        <v>55</v>
      </c>
      <c r="Q663" s="10" t="s">
        <v>55</v>
      </c>
      <c r="R663" s="6">
        <v>6</v>
      </c>
      <c r="S663" s="6">
        <v>28</v>
      </c>
      <c r="T663" s="10" t="s">
        <v>55</v>
      </c>
      <c r="U663" s="10" t="s">
        <v>55</v>
      </c>
      <c r="V663" s="6">
        <v>7</v>
      </c>
    </row>
    <row r="664" spans="1:22">
      <c r="A664" s="9" t="s">
        <v>83</v>
      </c>
      <c r="B664" s="9" t="s">
        <v>57</v>
      </c>
      <c r="C664" s="9" t="s">
        <v>93</v>
      </c>
      <c r="D664" s="9" t="s">
        <v>77</v>
      </c>
      <c r="E664" s="9" t="s">
        <v>57</v>
      </c>
      <c r="F664" s="9" t="s">
        <v>81</v>
      </c>
      <c r="G664" s="9" t="s">
        <v>94</v>
      </c>
      <c r="H664" s="9" t="s">
        <v>54</v>
      </c>
      <c r="I664" s="9" t="s">
        <v>122</v>
      </c>
      <c r="J664" s="9" t="s">
        <v>125</v>
      </c>
      <c r="K664" s="6">
        <v>2</v>
      </c>
      <c r="L664" s="10" t="s">
        <v>55</v>
      </c>
      <c r="M664" s="10" t="s">
        <v>55</v>
      </c>
      <c r="N664" s="10" t="s">
        <v>55</v>
      </c>
      <c r="O664" s="10" t="s">
        <v>55</v>
      </c>
      <c r="P664" s="10" t="s">
        <v>55</v>
      </c>
      <c r="Q664" s="10" t="s">
        <v>55</v>
      </c>
      <c r="R664" s="10" t="s">
        <v>55</v>
      </c>
      <c r="S664" s="6">
        <v>2</v>
      </c>
      <c r="T664" s="10" t="s">
        <v>55</v>
      </c>
      <c r="U664" s="10" t="s">
        <v>55</v>
      </c>
      <c r="V664" s="10" t="s">
        <v>55</v>
      </c>
    </row>
    <row r="665" spans="1:22">
      <c r="A665" s="9" t="s">
        <v>83</v>
      </c>
      <c r="B665" s="9" t="s">
        <v>57</v>
      </c>
      <c r="C665" s="9" t="s">
        <v>93</v>
      </c>
      <c r="D665" s="9" t="s">
        <v>77</v>
      </c>
      <c r="E665" s="9" t="s">
        <v>57</v>
      </c>
      <c r="F665" s="9" t="s">
        <v>81</v>
      </c>
      <c r="G665" s="9" t="s">
        <v>94</v>
      </c>
      <c r="H665" s="9" t="s">
        <v>54</v>
      </c>
      <c r="I665" s="9" t="s">
        <v>126</v>
      </c>
      <c r="J665" s="9" t="s">
        <v>127</v>
      </c>
      <c r="K665" s="10" t="s">
        <v>55</v>
      </c>
      <c r="L665" s="10" t="s">
        <v>55</v>
      </c>
      <c r="M665" s="10" t="s">
        <v>55</v>
      </c>
      <c r="N665" s="10" t="s">
        <v>55</v>
      </c>
      <c r="O665" s="10" t="s">
        <v>55</v>
      </c>
      <c r="P665" s="10" t="s">
        <v>55</v>
      </c>
      <c r="Q665" s="10" t="s">
        <v>55</v>
      </c>
      <c r="R665" s="10" t="s">
        <v>55</v>
      </c>
      <c r="S665" s="10" t="s">
        <v>55</v>
      </c>
      <c r="T665" s="10" t="s">
        <v>55</v>
      </c>
      <c r="U665" s="10" t="s">
        <v>55</v>
      </c>
      <c r="V665" s="10" t="s">
        <v>55</v>
      </c>
    </row>
    <row r="666" spans="1:22">
      <c r="A666" s="9" t="s">
        <v>83</v>
      </c>
      <c r="B666" s="9" t="s">
        <v>57</v>
      </c>
      <c r="C666" s="9" t="s">
        <v>93</v>
      </c>
      <c r="D666" s="9" t="s">
        <v>77</v>
      </c>
      <c r="E666" s="9" t="s">
        <v>57</v>
      </c>
      <c r="F666" s="9" t="s">
        <v>81</v>
      </c>
      <c r="G666" s="9" t="s">
        <v>94</v>
      </c>
      <c r="H666" s="9" t="s">
        <v>54</v>
      </c>
      <c r="I666" s="9" t="s">
        <v>126</v>
      </c>
      <c r="J666" s="9" t="s">
        <v>128</v>
      </c>
      <c r="K666" s="6">
        <v>18</v>
      </c>
      <c r="L666" s="6">
        <v>13</v>
      </c>
      <c r="M666" s="6">
        <v>8</v>
      </c>
      <c r="N666" s="10" t="s">
        <v>55</v>
      </c>
      <c r="O666" s="6">
        <v>5</v>
      </c>
      <c r="P666" s="6">
        <v>2</v>
      </c>
      <c r="Q666" s="10" t="s">
        <v>55</v>
      </c>
      <c r="R666" s="10" t="s">
        <v>55</v>
      </c>
      <c r="S666" s="6">
        <v>3</v>
      </c>
      <c r="T666" s="10" t="s">
        <v>55</v>
      </c>
      <c r="U666" s="10" t="s">
        <v>55</v>
      </c>
      <c r="V666" s="6">
        <v>15</v>
      </c>
    </row>
    <row r="667" spans="1:22">
      <c r="A667" s="9" t="s">
        <v>83</v>
      </c>
      <c r="B667" s="9" t="s">
        <v>57</v>
      </c>
      <c r="C667" s="9" t="s">
        <v>93</v>
      </c>
      <c r="D667" s="9" t="s">
        <v>77</v>
      </c>
      <c r="E667" s="9" t="s">
        <v>57</v>
      </c>
      <c r="F667" s="9" t="s">
        <v>81</v>
      </c>
      <c r="G667" s="9" t="s">
        <v>94</v>
      </c>
      <c r="H667" s="9" t="s">
        <v>54</v>
      </c>
      <c r="I667" s="9" t="s">
        <v>126</v>
      </c>
      <c r="J667" s="9" t="s">
        <v>129</v>
      </c>
      <c r="K667" s="6">
        <v>28</v>
      </c>
      <c r="L667" s="6">
        <v>27</v>
      </c>
      <c r="M667" s="6">
        <v>9</v>
      </c>
      <c r="N667" s="6">
        <v>3</v>
      </c>
      <c r="O667" s="6">
        <v>15</v>
      </c>
      <c r="P667" s="10" t="s">
        <v>55</v>
      </c>
      <c r="Q667" s="6">
        <v>1</v>
      </c>
      <c r="R667" s="10" t="s">
        <v>55</v>
      </c>
      <c r="S667" s="10" t="s">
        <v>55</v>
      </c>
      <c r="T667" s="10" t="s">
        <v>55</v>
      </c>
      <c r="U667" s="10" t="s">
        <v>55</v>
      </c>
      <c r="V667" s="6">
        <v>27</v>
      </c>
    </row>
    <row r="668" spans="1:22">
      <c r="A668" s="9" t="s">
        <v>83</v>
      </c>
      <c r="B668" s="9" t="s">
        <v>57</v>
      </c>
      <c r="C668" s="9" t="s">
        <v>93</v>
      </c>
      <c r="D668" s="9" t="s">
        <v>77</v>
      </c>
      <c r="E668" s="9" t="s">
        <v>57</v>
      </c>
      <c r="F668" s="9" t="s">
        <v>81</v>
      </c>
      <c r="G668" s="9" t="s">
        <v>94</v>
      </c>
      <c r="H668" s="9" t="s">
        <v>54</v>
      </c>
      <c r="I668" s="9" t="s">
        <v>130</v>
      </c>
      <c r="J668" s="9" t="s">
        <v>131</v>
      </c>
      <c r="K668" s="10" t="s">
        <v>55</v>
      </c>
      <c r="L668" s="10" t="s">
        <v>55</v>
      </c>
      <c r="M668" s="10" t="s">
        <v>55</v>
      </c>
      <c r="N668" s="10" t="s">
        <v>55</v>
      </c>
      <c r="O668" s="10" t="s">
        <v>55</v>
      </c>
      <c r="P668" s="10" t="s">
        <v>55</v>
      </c>
      <c r="Q668" s="10" t="s">
        <v>55</v>
      </c>
      <c r="R668" s="10" t="s">
        <v>55</v>
      </c>
      <c r="S668" s="10" t="s">
        <v>55</v>
      </c>
      <c r="T668" s="10" t="s">
        <v>55</v>
      </c>
      <c r="U668" s="10" t="s">
        <v>55</v>
      </c>
      <c r="V668" s="10" t="s">
        <v>55</v>
      </c>
    </row>
    <row r="669" spans="1:22">
      <c r="A669" s="9" t="s">
        <v>83</v>
      </c>
      <c r="B669" s="9" t="s">
        <v>57</v>
      </c>
      <c r="C669" s="9" t="s">
        <v>93</v>
      </c>
      <c r="D669" s="9" t="s">
        <v>77</v>
      </c>
      <c r="E669" s="9" t="s">
        <v>57</v>
      </c>
      <c r="F669" s="9" t="s">
        <v>81</v>
      </c>
      <c r="G669" s="9" t="s">
        <v>94</v>
      </c>
      <c r="H669" s="9" t="s">
        <v>54</v>
      </c>
      <c r="I669" s="9" t="s">
        <v>130</v>
      </c>
      <c r="J669" s="9" t="s">
        <v>132</v>
      </c>
      <c r="K669" s="10" t="s">
        <v>55</v>
      </c>
      <c r="L669" s="10" t="s">
        <v>55</v>
      </c>
      <c r="M669" s="10" t="s">
        <v>55</v>
      </c>
      <c r="N669" s="10" t="s">
        <v>55</v>
      </c>
      <c r="O669" s="10" t="s">
        <v>55</v>
      </c>
      <c r="P669" s="10" t="s">
        <v>55</v>
      </c>
      <c r="Q669" s="10" t="s">
        <v>55</v>
      </c>
      <c r="R669" s="10" t="s">
        <v>55</v>
      </c>
      <c r="S669" s="10" t="s">
        <v>55</v>
      </c>
      <c r="T669" s="10" t="s">
        <v>55</v>
      </c>
      <c r="U669" s="10" t="s">
        <v>55</v>
      </c>
      <c r="V669" s="10" t="s">
        <v>55</v>
      </c>
    </row>
    <row r="670" spans="1:22">
      <c r="A670" s="9" t="s">
        <v>83</v>
      </c>
      <c r="B670" s="9" t="s">
        <v>57</v>
      </c>
      <c r="C670" s="9" t="s">
        <v>93</v>
      </c>
      <c r="D670" s="9" t="s">
        <v>77</v>
      </c>
      <c r="E670" s="9" t="s">
        <v>57</v>
      </c>
      <c r="F670" s="9" t="s">
        <v>81</v>
      </c>
      <c r="G670" s="9" t="s">
        <v>94</v>
      </c>
      <c r="H670" s="9" t="s">
        <v>54</v>
      </c>
      <c r="I670" s="9" t="s">
        <v>130</v>
      </c>
      <c r="J670" s="9" t="s">
        <v>133</v>
      </c>
      <c r="K670" s="6">
        <v>3</v>
      </c>
      <c r="L670" s="6">
        <v>2</v>
      </c>
      <c r="M670" s="10" t="s">
        <v>55</v>
      </c>
      <c r="N670" s="10" t="s">
        <v>55</v>
      </c>
      <c r="O670" s="6">
        <v>2</v>
      </c>
      <c r="P670" s="10" t="s">
        <v>55</v>
      </c>
      <c r="Q670" s="10" t="s">
        <v>55</v>
      </c>
      <c r="R670" s="6">
        <v>1</v>
      </c>
      <c r="S670" s="10" t="s">
        <v>55</v>
      </c>
      <c r="T670" s="10" t="s">
        <v>55</v>
      </c>
      <c r="U670" s="10" t="s">
        <v>55</v>
      </c>
      <c r="V670" s="6">
        <v>2</v>
      </c>
    </row>
    <row r="671" spans="1:22">
      <c r="A671" s="9" t="s">
        <v>83</v>
      </c>
      <c r="B671" s="9" t="s">
        <v>57</v>
      </c>
      <c r="C671" s="9" t="s">
        <v>93</v>
      </c>
      <c r="D671" s="9" t="s">
        <v>77</v>
      </c>
      <c r="E671" s="9" t="s">
        <v>57</v>
      </c>
      <c r="F671" s="9" t="s">
        <v>81</v>
      </c>
      <c r="G671" s="9" t="s">
        <v>94</v>
      </c>
      <c r="H671" s="9" t="s">
        <v>54</v>
      </c>
      <c r="I671" s="9" t="s">
        <v>130</v>
      </c>
      <c r="J671" s="9" t="s">
        <v>134</v>
      </c>
      <c r="K671" s="6">
        <v>38</v>
      </c>
      <c r="L671" s="6">
        <v>29</v>
      </c>
      <c r="M671" s="6">
        <v>13</v>
      </c>
      <c r="N671" s="6">
        <v>1</v>
      </c>
      <c r="O671" s="6">
        <v>15</v>
      </c>
      <c r="P671" s="10" t="s">
        <v>55</v>
      </c>
      <c r="Q671" s="6">
        <v>2</v>
      </c>
      <c r="R671" s="6">
        <v>1</v>
      </c>
      <c r="S671" s="6">
        <v>6</v>
      </c>
      <c r="T671" s="10" t="s">
        <v>55</v>
      </c>
      <c r="U671" s="10" t="s">
        <v>55</v>
      </c>
      <c r="V671" s="6">
        <v>29</v>
      </c>
    </row>
    <row r="672" spans="1:22">
      <c r="A672" s="9" t="s">
        <v>83</v>
      </c>
      <c r="B672" s="9" t="s">
        <v>57</v>
      </c>
      <c r="C672" s="9" t="s">
        <v>93</v>
      </c>
      <c r="D672" s="9" t="s">
        <v>77</v>
      </c>
      <c r="E672" s="9" t="s">
        <v>57</v>
      </c>
      <c r="F672" s="9" t="s">
        <v>81</v>
      </c>
      <c r="G672" s="9" t="s">
        <v>94</v>
      </c>
      <c r="H672" s="9" t="s">
        <v>54</v>
      </c>
      <c r="I672" s="9" t="s">
        <v>130</v>
      </c>
      <c r="J672" s="9" t="s">
        <v>135</v>
      </c>
      <c r="K672" s="6">
        <v>3</v>
      </c>
      <c r="L672" s="6">
        <v>3</v>
      </c>
      <c r="M672" s="6">
        <v>3</v>
      </c>
      <c r="N672" s="10" t="s">
        <v>55</v>
      </c>
      <c r="O672" s="10" t="s">
        <v>55</v>
      </c>
      <c r="P672" s="10" t="s">
        <v>55</v>
      </c>
      <c r="Q672" s="10" t="s">
        <v>55</v>
      </c>
      <c r="R672" s="10" t="s">
        <v>55</v>
      </c>
      <c r="S672" s="10" t="s">
        <v>55</v>
      </c>
      <c r="T672" s="10" t="s">
        <v>55</v>
      </c>
      <c r="U672" s="10" t="s">
        <v>55</v>
      </c>
      <c r="V672" s="6">
        <v>3</v>
      </c>
    </row>
    <row r="673" spans="1:22">
      <c r="A673" s="9" t="s">
        <v>83</v>
      </c>
      <c r="B673" s="9" t="s">
        <v>57</v>
      </c>
      <c r="C673" s="9" t="s">
        <v>93</v>
      </c>
      <c r="D673" s="9" t="s">
        <v>77</v>
      </c>
      <c r="E673" s="9" t="s">
        <v>57</v>
      </c>
      <c r="F673" s="9" t="s">
        <v>81</v>
      </c>
      <c r="G673" s="9" t="s">
        <v>94</v>
      </c>
      <c r="H673" s="9" t="s">
        <v>54</v>
      </c>
      <c r="I673" s="9" t="s">
        <v>130</v>
      </c>
      <c r="J673" s="9" t="s">
        <v>136</v>
      </c>
      <c r="K673" s="10" t="s">
        <v>55</v>
      </c>
      <c r="L673" s="10" t="s">
        <v>55</v>
      </c>
      <c r="M673" s="10" t="s">
        <v>55</v>
      </c>
      <c r="N673" s="10" t="s">
        <v>55</v>
      </c>
      <c r="O673" s="10" t="s">
        <v>55</v>
      </c>
      <c r="P673" s="10" t="s">
        <v>55</v>
      </c>
      <c r="Q673" s="10" t="s">
        <v>55</v>
      </c>
      <c r="R673" s="10" t="s">
        <v>55</v>
      </c>
      <c r="S673" s="10" t="s">
        <v>55</v>
      </c>
      <c r="T673" s="10" t="s">
        <v>55</v>
      </c>
      <c r="U673" s="10" t="s">
        <v>55</v>
      </c>
      <c r="V673" s="10" t="s">
        <v>55</v>
      </c>
    </row>
    <row r="674" spans="1:22">
      <c r="A674" s="9" t="s">
        <v>83</v>
      </c>
      <c r="B674" s="9" t="s">
        <v>57</v>
      </c>
      <c r="C674" s="9" t="s">
        <v>93</v>
      </c>
      <c r="D674" s="9" t="s">
        <v>77</v>
      </c>
      <c r="E674" s="9" t="s">
        <v>57</v>
      </c>
      <c r="F674" s="9" t="s">
        <v>81</v>
      </c>
      <c r="G674" s="9" t="s">
        <v>94</v>
      </c>
      <c r="H674" s="9" t="s">
        <v>54</v>
      </c>
      <c r="I674" s="9" t="s">
        <v>130</v>
      </c>
      <c r="J674" s="9" t="s">
        <v>137</v>
      </c>
      <c r="K674" s="10" t="s">
        <v>55</v>
      </c>
      <c r="L674" s="10" t="s">
        <v>55</v>
      </c>
      <c r="M674" s="10" t="s">
        <v>55</v>
      </c>
      <c r="N674" s="10" t="s">
        <v>55</v>
      </c>
      <c r="O674" s="10" t="s">
        <v>55</v>
      </c>
      <c r="P674" s="10" t="s">
        <v>55</v>
      </c>
      <c r="Q674" s="10" t="s">
        <v>55</v>
      </c>
      <c r="R674" s="10" t="s">
        <v>55</v>
      </c>
      <c r="S674" s="10" t="s">
        <v>55</v>
      </c>
      <c r="T674" s="10" t="s">
        <v>55</v>
      </c>
      <c r="U674" s="10" t="s">
        <v>55</v>
      </c>
      <c r="V674" s="10" t="s">
        <v>55</v>
      </c>
    </row>
    <row r="675" spans="1:22">
      <c r="A675" s="9" t="s">
        <v>83</v>
      </c>
      <c r="B675" s="9" t="s">
        <v>57</v>
      </c>
      <c r="C675" s="9" t="s">
        <v>93</v>
      </c>
      <c r="D675" s="9" t="s">
        <v>77</v>
      </c>
      <c r="E675" s="9" t="s">
        <v>57</v>
      </c>
      <c r="F675" s="9" t="s">
        <v>81</v>
      </c>
      <c r="G675" s="9" t="s">
        <v>94</v>
      </c>
      <c r="H675" s="9" t="s">
        <v>54</v>
      </c>
      <c r="I675" s="9" t="s">
        <v>130</v>
      </c>
      <c r="J675" s="9" t="s">
        <v>138</v>
      </c>
      <c r="K675" s="6">
        <v>23</v>
      </c>
      <c r="L675" s="6">
        <v>10</v>
      </c>
      <c r="M675" s="6">
        <v>4</v>
      </c>
      <c r="N675" s="10" t="s">
        <v>55</v>
      </c>
      <c r="O675" s="6">
        <v>6</v>
      </c>
      <c r="P675" s="10" t="s">
        <v>55</v>
      </c>
      <c r="Q675" s="10" t="s">
        <v>55</v>
      </c>
      <c r="R675" s="6">
        <v>3</v>
      </c>
      <c r="S675" s="6">
        <v>10</v>
      </c>
      <c r="T675" s="10" t="s">
        <v>55</v>
      </c>
      <c r="U675" s="10" t="s">
        <v>55</v>
      </c>
      <c r="V675" s="6">
        <v>10</v>
      </c>
    </row>
    <row r="676" spans="1:22">
      <c r="A676" s="9" t="s">
        <v>83</v>
      </c>
      <c r="B676" s="9" t="s">
        <v>57</v>
      </c>
      <c r="C676" s="9" t="s">
        <v>93</v>
      </c>
      <c r="D676" s="9" t="s">
        <v>77</v>
      </c>
      <c r="E676" s="9" t="s">
        <v>57</v>
      </c>
      <c r="F676" s="9" t="s">
        <v>81</v>
      </c>
      <c r="G676" s="9" t="s">
        <v>94</v>
      </c>
      <c r="H676" s="9" t="s">
        <v>54</v>
      </c>
      <c r="I676" s="9" t="s">
        <v>130</v>
      </c>
      <c r="J676" s="9" t="s">
        <v>139</v>
      </c>
      <c r="K676" s="6">
        <v>10</v>
      </c>
      <c r="L676" s="6">
        <v>8</v>
      </c>
      <c r="M676" s="6">
        <v>2</v>
      </c>
      <c r="N676" s="10" t="s">
        <v>55</v>
      </c>
      <c r="O676" s="6">
        <v>6</v>
      </c>
      <c r="P676" s="10" t="s">
        <v>55</v>
      </c>
      <c r="Q676" s="10" t="s">
        <v>55</v>
      </c>
      <c r="R676" s="6">
        <v>2</v>
      </c>
      <c r="S676" s="10" t="s">
        <v>55</v>
      </c>
      <c r="T676" s="10" t="s">
        <v>55</v>
      </c>
      <c r="U676" s="10" t="s">
        <v>55</v>
      </c>
      <c r="V676" s="6">
        <v>8</v>
      </c>
    </row>
    <row r="677" spans="1:22">
      <c r="A677" s="9" t="s">
        <v>83</v>
      </c>
      <c r="B677" s="9" t="s">
        <v>57</v>
      </c>
      <c r="C677" s="9" t="s">
        <v>93</v>
      </c>
      <c r="D677" s="9" t="s">
        <v>77</v>
      </c>
      <c r="E677" s="9" t="s">
        <v>57</v>
      </c>
      <c r="F677" s="9" t="s">
        <v>81</v>
      </c>
      <c r="G677" s="9" t="s">
        <v>94</v>
      </c>
      <c r="H677" s="9" t="s">
        <v>54</v>
      </c>
      <c r="I677" s="9" t="s">
        <v>130</v>
      </c>
      <c r="J677" s="9" t="s">
        <v>140</v>
      </c>
      <c r="K677" s="6">
        <v>5</v>
      </c>
      <c r="L677" s="6">
        <v>5</v>
      </c>
      <c r="M677" s="6">
        <v>3</v>
      </c>
      <c r="N677" s="10" t="s">
        <v>55</v>
      </c>
      <c r="O677" s="6">
        <v>2</v>
      </c>
      <c r="P677" s="10" t="s">
        <v>55</v>
      </c>
      <c r="Q677" s="10" t="s">
        <v>55</v>
      </c>
      <c r="R677" s="10" t="s">
        <v>55</v>
      </c>
      <c r="S677" s="10" t="s">
        <v>55</v>
      </c>
      <c r="T677" s="10" t="s">
        <v>55</v>
      </c>
      <c r="U677" s="10" t="s">
        <v>55</v>
      </c>
      <c r="V677" s="6">
        <v>5</v>
      </c>
    </row>
    <row r="678" spans="1:22">
      <c r="A678" s="9" t="s">
        <v>83</v>
      </c>
      <c r="B678" s="9" t="s">
        <v>57</v>
      </c>
      <c r="C678" s="9" t="s">
        <v>93</v>
      </c>
      <c r="D678" s="9" t="s">
        <v>77</v>
      </c>
      <c r="E678" s="9" t="s">
        <v>57</v>
      </c>
      <c r="F678" s="9" t="s">
        <v>81</v>
      </c>
      <c r="G678" s="9" t="s">
        <v>94</v>
      </c>
      <c r="H678" s="9" t="s">
        <v>54</v>
      </c>
      <c r="I678" s="9" t="s">
        <v>130</v>
      </c>
      <c r="J678" s="9" t="s">
        <v>141</v>
      </c>
      <c r="K678" s="6">
        <v>66</v>
      </c>
      <c r="L678" s="6">
        <v>66</v>
      </c>
      <c r="M678" s="6">
        <v>42</v>
      </c>
      <c r="N678" s="10" t="s">
        <v>55</v>
      </c>
      <c r="O678" s="6">
        <v>24</v>
      </c>
      <c r="P678" s="10" t="s">
        <v>55</v>
      </c>
      <c r="Q678" s="10" t="s">
        <v>55</v>
      </c>
      <c r="R678" s="10" t="s">
        <v>55</v>
      </c>
      <c r="S678" s="10" t="s">
        <v>55</v>
      </c>
      <c r="T678" s="10" t="s">
        <v>55</v>
      </c>
      <c r="U678" s="10" t="s">
        <v>55</v>
      </c>
      <c r="V678" s="6">
        <v>66</v>
      </c>
    </row>
    <row r="679" spans="1:22">
      <c r="A679" s="9" t="s">
        <v>83</v>
      </c>
      <c r="B679" s="9" t="s">
        <v>57</v>
      </c>
      <c r="C679" s="9" t="s">
        <v>93</v>
      </c>
      <c r="D679" s="9" t="s">
        <v>77</v>
      </c>
      <c r="E679" s="9" t="s">
        <v>57</v>
      </c>
      <c r="F679" s="9" t="s">
        <v>81</v>
      </c>
      <c r="G679" s="9" t="s">
        <v>94</v>
      </c>
      <c r="H679" s="9" t="s">
        <v>54</v>
      </c>
      <c r="I679" s="9" t="s">
        <v>130</v>
      </c>
      <c r="J679" s="9" t="s">
        <v>142</v>
      </c>
      <c r="K679" s="6">
        <v>2</v>
      </c>
      <c r="L679" s="6">
        <v>2</v>
      </c>
      <c r="M679" s="6">
        <v>1</v>
      </c>
      <c r="N679" s="10" t="s">
        <v>55</v>
      </c>
      <c r="O679" s="6">
        <v>1</v>
      </c>
      <c r="P679" s="10" t="s">
        <v>55</v>
      </c>
      <c r="Q679" s="10" t="s">
        <v>55</v>
      </c>
      <c r="R679" s="10" t="s">
        <v>55</v>
      </c>
      <c r="S679" s="10" t="s">
        <v>55</v>
      </c>
      <c r="T679" s="10" t="s">
        <v>55</v>
      </c>
      <c r="U679" s="10" t="s">
        <v>55</v>
      </c>
      <c r="V679" s="6">
        <v>2</v>
      </c>
    </row>
    <row r="680" spans="1:22">
      <c r="A680" s="9" t="s">
        <v>83</v>
      </c>
      <c r="B680" s="9" t="s">
        <v>57</v>
      </c>
      <c r="C680" s="9" t="s">
        <v>93</v>
      </c>
      <c r="D680" s="9" t="s">
        <v>77</v>
      </c>
      <c r="E680" s="9" t="s">
        <v>57</v>
      </c>
      <c r="F680" s="9" t="s">
        <v>81</v>
      </c>
      <c r="G680" s="9" t="s">
        <v>94</v>
      </c>
      <c r="H680" s="9" t="s">
        <v>54</v>
      </c>
      <c r="I680" s="9" t="s">
        <v>130</v>
      </c>
      <c r="J680" s="9" t="s">
        <v>143</v>
      </c>
      <c r="K680" s="6">
        <v>13</v>
      </c>
      <c r="L680" s="6">
        <v>10</v>
      </c>
      <c r="M680" s="6">
        <v>4</v>
      </c>
      <c r="N680" s="6">
        <v>1</v>
      </c>
      <c r="O680" s="6">
        <v>5</v>
      </c>
      <c r="P680" s="10" t="s">
        <v>55</v>
      </c>
      <c r="Q680" s="10" t="s">
        <v>55</v>
      </c>
      <c r="R680" s="6">
        <v>1</v>
      </c>
      <c r="S680" s="6">
        <v>2</v>
      </c>
      <c r="T680" s="10" t="s">
        <v>55</v>
      </c>
      <c r="U680" s="10" t="s">
        <v>55</v>
      </c>
      <c r="V680" s="6">
        <v>10</v>
      </c>
    </row>
    <row r="681" spans="1:22">
      <c r="A681" s="9" t="s">
        <v>83</v>
      </c>
      <c r="B681" s="9" t="s">
        <v>57</v>
      </c>
      <c r="C681" s="9" t="s">
        <v>93</v>
      </c>
      <c r="D681" s="9" t="s">
        <v>77</v>
      </c>
      <c r="E681" s="9" t="s">
        <v>57</v>
      </c>
      <c r="F681" s="9" t="s">
        <v>81</v>
      </c>
      <c r="G681" s="9" t="s">
        <v>94</v>
      </c>
      <c r="H681" s="9" t="s">
        <v>54</v>
      </c>
      <c r="I681" s="9" t="s">
        <v>130</v>
      </c>
      <c r="J681" s="9" t="s">
        <v>144</v>
      </c>
      <c r="K681" s="6">
        <v>4</v>
      </c>
      <c r="L681" s="6">
        <v>4</v>
      </c>
      <c r="M681" s="6">
        <v>2</v>
      </c>
      <c r="N681" s="10" t="s">
        <v>55</v>
      </c>
      <c r="O681" s="6">
        <v>2</v>
      </c>
      <c r="P681" s="10" t="s">
        <v>55</v>
      </c>
      <c r="Q681" s="10" t="s">
        <v>55</v>
      </c>
      <c r="R681" s="10" t="s">
        <v>55</v>
      </c>
      <c r="S681" s="10" t="s">
        <v>55</v>
      </c>
      <c r="T681" s="10" t="s">
        <v>55</v>
      </c>
      <c r="U681" s="10" t="s">
        <v>55</v>
      </c>
      <c r="V681" s="6">
        <v>4</v>
      </c>
    </row>
    <row r="682" spans="1:22">
      <c r="A682" s="9" t="s">
        <v>83</v>
      </c>
      <c r="B682" s="9" t="s">
        <v>57</v>
      </c>
      <c r="C682" s="9" t="s">
        <v>93</v>
      </c>
      <c r="D682" s="9" t="s">
        <v>77</v>
      </c>
      <c r="E682" s="9" t="s">
        <v>57</v>
      </c>
      <c r="F682" s="9" t="s">
        <v>81</v>
      </c>
      <c r="G682" s="9" t="s">
        <v>94</v>
      </c>
      <c r="H682" s="9" t="s">
        <v>54</v>
      </c>
      <c r="I682" s="9" t="s">
        <v>55</v>
      </c>
      <c r="J682" s="9" t="s">
        <v>145</v>
      </c>
      <c r="K682" s="10" t="s">
        <v>55</v>
      </c>
      <c r="L682" s="10" t="s">
        <v>55</v>
      </c>
      <c r="M682" s="10" t="s">
        <v>55</v>
      </c>
      <c r="N682" s="10" t="s">
        <v>55</v>
      </c>
      <c r="O682" s="10" t="s">
        <v>55</v>
      </c>
      <c r="P682" s="10" t="s">
        <v>55</v>
      </c>
      <c r="Q682" s="10" t="s">
        <v>55</v>
      </c>
      <c r="R682" s="10" t="s">
        <v>55</v>
      </c>
      <c r="S682" s="10" t="s">
        <v>55</v>
      </c>
      <c r="T682" s="10" t="s">
        <v>55</v>
      </c>
      <c r="U682" s="10" t="s">
        <v>55</v>
      </c>
      <c r="V682" s="10" t="s">
        <v>55</v>
      </c>
    </row>
    <row r="683" spans="1:22">
      <c r="A683" s="9" t="s">
        <v>83</v>
      </c>
      <c r="B683" s="9" t="s">
        <v>57</v>
      </c>
      <c r="C683" s="9" t="s">
        <v>93</v>
      </c>
      <c r="D683" s="9" t="s">
        <v>77</v>
      </c>
      <c r="E683" s="9" t="s">
        <v>57</v>
      </c>
      <c r="F683" s="9" t="s">
        <v>81</v>
      </c>
      <c r="G683" s="9" t="s">
        <v>94</v>
      </c>
      <c r="H683" s="9" t="s">
        <v>54</v>
      </c>
      <c r="I683" s="9" t="s">
        <v>55</v>
      </c>
      <c r="J683" s="9" t="s">
        <v>146</v>
      </c>
      <c r="K683" s="6">
        <v>54</v>
      </c>
      <c r="L683" s="6">
        <v>15</v>
      </c>
      <c r="M683" s="6">
        <v>6</v>
      </c>
      <c r="N683" s="10" t="s">
        <v>55</v>
      </c>
      <c r="O683" s="6">
        <v>9</v>
      </c>
      <c r="P683" s="10" t="s">
        <v>55</v>
      </c>
      <c r="Q683" s="10" t="s">
        <v>55</v>
      </c>
      <c r="R683" s="6">
        <v>6</v>
      </c>
      <c r="S683" s="6">
        <v>33</v>
      </c>
      <c r="T683" s="10" t="s">
        <v>55</v>
      </c>
      <c r="U683" s="10" t="s">
        <v>55</v>
      </c>
      <c r="V683" s="6">
        <v>15</v>
      </c>
    </row>
    <row r="684" spans="1:22">
      <c r="A684" s="9" t="s">
        <v>83</v>
      </c>
      <c r="B684" s="9" t="s">
        <v>57</v>
      </c>
      <c r="C684" s="9" t="s">
        <v>93</v>
      </c>
      <c r="D684" s="9" t="s">
        <v>77</v>
      </c>
      <c r="E684" s="9" t="s">
        <v>57</v>
      </c>
      <c r="F684" s="9" t="s">
        <v>81</v>
      </c>
      <c r="G684" s="9" t="s">
        <v>94</v>
      </c>
      <c r="H684" s="9" t="s">
        <v>54</v>
      </c>
      <c r="I684" s="9" t="s">
        <v>55</v>
      </c>
      <c r="J684" s="9" t="s">
        <v>147</v>
      </c>
      <c r="K684" s="6">
        <v>46</v>
      </c>
      <c r="L684" s="6">
        <v>40</v>
      </c>
      <c r="M684" s="6">
        <v>17</v>
      </c>
      <c r="N684" s="6">
        <v>3</v>
      </c>
      <c r="O684" s="6">
        <v>20</v>
      </c>
      <c r="P684" s="6">
        <v>2</v>
      </c>
      <c r="Q684" s="6">
        <v>1</v>
      </c>
      <c r="R684" s="10" t="s">
        <v>55</v>
      </c>
      <c r="S684" s="6">
        <v>3</v>
      </c>
      <c r="T684" s="10" t="s">
        <v>55</v>
      </c>
      <c r="U684" s="10" t="s">
        <v>55</v>
      </c>
      <c r="V684" s="6">
        <v>42</v>
      </c>
    </row>
    <row r="685" spans="1:22">
      <c r="A685" s="9" t="s">
        <v>83</v>
      </c>
      <c r="B685" s="9" t="s">
        <v>57</v>
      </c>
      <c r="C685" s="9" t="s">
        <v>93</v>
      </c>
      <c r="D685" s="9" t="s">
        <v>77</v>
      </c>
      <c r="E685" s="9" t="s">
        <v>57</v>
      </c>
      <c r="F685" s="9" t="s">
        <v>81</v>
      </c>
      <c r="G685" s="9" t="s">
        <v>94</v>
      </c>
      <c r="H685" s="9" t="s">
        <v>54</v>
      </c>
      <c r="I685" s="9" t="s">
        <v>55</v>
      </c>
      <c r="J685" s="9" t="s">
        <v>148</v>
      </c>
      <c r="K685" s="6">
        <v>167</v>
      </c>
      <c r="L685" s="6">
        <v>139</v>
      </c>
      <c r="M685" s="6">
        <v>74</v>
      </c>
      <c r="N685" s="6">
        <v>2</v>
      </c>
      <c r="O685" s="6">
        <v>63</v>
      </c>
      <c r="P685" s="10" t="s">
        <v>55</v>
      </c>
      <c r="Q685" s="6">
        <v>2</v>
      </c>
      <c r="R685" s="6">
        <v>8</v>
      </c>
      <c r="S685" s="6">
        <v>18</v>
      </c>
      <c r="T685" s="10" t="s">
        <v>55</v>
      </c>
      <c r="U685" s="10" t="s">
        <v>55</v>
      </c>
      <c r="V685" s="6">
        <v>139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1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6E4E18D-B8D5-4544-921A-43CEA0ADBED2}">
  <sheetPr>
    <pageSetUpPr fitToPage="1"/>
  </sheetPr>
  <dimension ref="A1:R235"/>
  <sheetViews>
    <sheetView zoomScaleNormal="100" workbookViewId="0">
      <pane xSplit="6" ySplit="10" topLeftCell="G11" activePane="bottomRight" state="frozen"/>
      <selection pane="topRight" activeCell="X1" sqref="X1"/>
      <selection pane="bottomLeft" activeCell="A19" sqref="A19"/>
      <selection pane="bottomRight" activeCell="B8" sqref="B8"/>
    </sheetView>
  </sheetViews>
  <sheetFormatPr defaultColWidth="12.625" defaultRowHeight="12"/>
  <cols>
    <col min="1" max="1" width="2.375" style="11" bestFit="1" customWidth="1"/>
    <col min="2" max="2" width="8.75" style="11" customWidth="1"/>
    <col min="3" max="3" width="18.75" style="11" customWidth="1"/>
    <col min="4" max="4" width="8.125" style="11" customWidth="1"/>
    <col min="5" max="5" width="11.25" style="11" customWidth="1"/>
    <col min="6" max="6" width="32.5" style="11" customWidth="1"/>
    <col min="7" max="16384" width="12.625" style="11"/>
  </cols>
  <sheetData>
    <row r="1" spans="1:18" s="1" customFormat="1">
      <c r="A1" s="1" t="s">
        <v>0</v>
      </c>
    </row>
    <row r="2" spans="1:18" s="1" customFormat="1">
      <c r="A2" s="1" t="s">
        <v>149</v>
      </c>
    </row>
    <row r="3" spans="1:18" s="1" customFormat="1"/>
    <row r="4" spans="1:18" s="1" customFormat="1" hidden="1"/>
    <row r="5" spans="1:18" s="1" customFormat="1"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</row>
    <row r="6" spans="1:18" s="1" customFormat="1">
      <c r="G6" s="3" t="s">
        <v>107</v>
      </c>
      <c r="H6" s="3" t="s">
        <v>107</v>
      </c>
      <c r="I6" s="3" t="s">
        <v>107</v>
      </c>
      <c r="J6" s="3" t="s">
        <v>107</v>
      </c>
      <c r="K6" s="3" t="s">
        <v>107</v>
      </c>
      <c r="L6" s="3" t="s">
        <v>107</v>
      </c>
      <c r="M6" s="3" t="s">
        <v>107</v>
      </c>
      <c r="N6" s="3" t="s">
        <v>107</v>
      </c>
      <c r="O6" s="3" t="s">
        <v>107</v>
      </c>
      <c r="P6" s="3" t="s">
        <v>107</v>
      </c>
      <c r="Q6" s="3" t="s">
        <v>107</v>
      </c>
      <c r="R6" s="3" t="s">
        <v>107</v>
      </c>
    </row>
    <row r="7" spans="1:18" s="1" customFormat="1">
      <c r="G7" s="3">
        <v>1</v>
      </c>
      <c r="H7" s="3">
        <v>1</v>
      </c>
      <c r="I7" s="3">
        <v>2</v>
      </c>
      <c r="J7" s="3">
        <v>2</v>
      </c>
      <c r="K7" s="3">
        <v>2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</row>
    <row r="8" spans="1:18" s="1" customFormat="1" ht="48">
      <c r="G8" s="3" t="s">
        <v>6</v>
      </c>
      <c r="H8" s="3" t="s">
        <v>108</v>
      </c>
      <c r="I8" s="3" t="s">
        <v>109</v>
      </c>
      <c r="J8" s="3" t="s">
        <v>110</v>
      </c>
      <c r="K8" s="3" t="s">
        <v>111</v>
      </c>
      <c r="L8" s="3" t="s">
        <v>112</v>
      </c>
      <c r="M8" s="3" t="s">
        <v>113</v>
      </c>
      <c r="N8" s="3" t="s">
        <v>114</v>
      </c>
      <c r="O8" s="3" t="s">
        <v>115</v>
      </c>
      <c r="P8" s="3" t="s">
        <v>116</v>
      </c>
      <c r="Q8" s="3" t="s">
        <v>117</v>
      </c>
      <c r="R8" s="3" t="s">
        <v>118</v>
      </c>
    </row>
    <row r="9" spans="1:18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</row>
    <row r="10" spans="1:18" s="1" customFormat="1">
      <c r="A10" s="2" t="s">
        <v>21</v>
      </c>
      <c r="B10" s="2" t="s">
        <v>22</v>
      </c>
      <c r="C10" s="2" t="s">
        <v>61</v>
      </c>
      <c r="D10" s="2" t="s">
        <v>24</v>
      </c>
      <c r="E10" s="2" t="s">
        <v>120</v>
      </c>
      <c r="F10" s="2" t="s">
        <v>121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</row>
    <row r="11" spans="1:18">
      <c r="A11" s="5" t="s">
        <v>27</v>
      </c>
      <c r="B11" s="5" t="s">
        <v>28</v>
      </c>
      <c r="C11" s="5" t="s">
        <v>29</v>
      </c>
      <c r="D11" s="5" t="s">
        <v>6</v>
      </c>
      <c r="E11" s="5" t="s">
        <v>55</v>
      </c>
      <c r="F11" s="5" t="s">
        <v>6</v>
      </c>
      <c r="G11" s="6">
        <v>39389800</v>
      </c>
      <c r="H11" s="6">
        <v>32876235</v>
      </c>
      <c r="I11" s="6">
        <v>21617771</v>
      </c>
      <c r="J11" s="6">
        <v>1138752</v>
      </c>
      <c r="K11" s="6">
        <v>10119712</v>
      </c>
      <c r="L11" s="6">
        <v>2249053</v>
      </c>
      <c r="M11" s="6">
        <v>650778</v>
      </c>
      <c r="N11" s="6">
        <v>2123610</v>
      </c>
      <c r="O11" s="6">
        <v>666539</v>
      </c>
      <c r="P11" s="6">
        <v>47705</v>
      </c>
      <c r="Q11" s="6">
        <v>775880</v>
      </c>
      <c r="R11" s="6">
        <v>35125288</v>
      </c>
    </row>
    <row r="12" spans="1:18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22</v>
      </c>
      <c r="F12" s="9" t="s">
        <v>123</v>
      </c>
      <c r="G12" s="6">
        <v>265943</v>
      </c>
      <c r="H12" s="6">
        <v>119264</v>
      </c>
      <c r="I12" s="6">
        <v>57405</v>
      </c>
      <c r="J12" s="6">
        <v>3195</v>
      </c>
      <c r="K12" s="6">
        <v>58664</v>
      </c>
      <c r="L12" s="6">
        <v>10955</v>
      </c>
      <c r="M12" s="6">
        <v>12330</v>
      </c>
      <c r="N12" s="6">
        <v>76406</v>
      </c>
      <c r="O12" s="6">
        <v>45477</v>
      </c>
      <c r="P12" s="10" t="s">
        <v>55</v>
      </c>
      <c r="Q12" s="6">
        <v>1511</v>
      </c>
      <c r="R12" s="6">
        <v>130219</v>
      </c>
    </row>
    <row r="13" spans="1:18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22</v>
      </c>
      <c r="F13" s="9" t="s">
        <v>124</v>
      </c>
      <c r="G13" s="6">
        <v>252774</v>
      </c>
      <c r="H13" s="6">
        <v>108221</v>
      </c>
      <c r="I13" s="6">
        <v>48344</v>
      </c>
      <c r="J13" s="6">
        <v>3070</v>
      </c>
      <c r="K13" s="6">
        <v>56807</v>
      </c>
      <c r="L13" s="6">
        <v>10040</v>
      </c>
      <c r="M13" s="6">
        <v>12072</v>
      </c>
      <c r="N13" s="6">
        <v>75742</v>
      </c>
      <c r="O13" s="6">
        <v>45265</v>
      </c>
      <c r="P13" s="10" t="s">
        <v>55</v>
      </c>
      <c r="Q13" s="6">
        <v>1434</v>
      </c>
      <c r="R13" s="6">
        <v>118261</v>
      </c>
    </row>
    <row r="14" spans="1:18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22</v>
      </c>
      <c r="F14" s="9" t="s">
        <v>125</v>
      </c>
      <c r="G14" s="6">
        <v>19570</v>
      </c>
      <c r="H14" s="6">
        <v>9363</v>
      </c>
      <c r="I14" s="6">
        <v>6843</v>
      </c>
      <c r="J14" s="6">
        <v>131</v>
      </c>
      <c r="K14" s="6">
        <v>2389</v>
      </c>
      <c r="L14" s="6">
        <v>1000</v>
      </c>
      <c r="M14" s="6">
        <v>1888</v>
      </c>
      <c r="N14" s="6">
        <v>4403</v>
      </c>
      <c r="O14" s="6">
        <v>2734</v>
      </c>
      <c r="P14" s="10" t="s">
        <v>55</v>
      </c>
      <c r="Q14" s="6">
        <v>182</v>
      </c>
      <c r="R14" s="6">
        <v>10363</v>
      </c>
    </row>
    <row r="15" spans="1:18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26</v>
      </c>
      <c r="F15" s="9" t="s">
        <v>127</v>
      </c>
      <c r="G15" s="6">
        <v>7487</v>
      </c>
      <c r="H15" s="6">
        <v>6425</v>
      </c>
      <c r="I15" s="6">
        <v>5856</v>
      </c>
      <c r="J15" s="6">
        <v>89</v>
      </c>
      <c r="K15" s="6">
        <v>480</v>
      </c>
      <c r="L15" s="6">
        <v>899</v>
      </c>
      <c r="M15" s="6">
        <v>23</v>
      </c>
      <c r="N15" s="6">
        <v>63</v>
      </c>
      <c r="O15" s="6">
        <v>25</v>
      </c>
      <c r="P15" s="10" t="s">
        <v>55</v>
      </c>
      <c r="Q15" s="6">
        <v>52</v>
      </c>
      <c r="R15" s="6">
        <v>7324</v>
      </c>
    </row>
    <row r="16" spans="1:18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26</v>
      </c>
      <c r="F16" s="9" t="s">
        <v>128</v>
      </c>
      <c r="G16" s="6">
        <v>2629262</v>
      </c>
      <c r="H16" s="6">
        <v>1742652</v>
      </c>
      <c r="I16" s="6">
        <v>1518951</v>
      </c>
      <c r="J16" s="6">
        <v>31434</v>
      </c>
      <c r="K16" s="6">
        <v>192267</v>
      </c>
      <c r="L16" s="6">
        <v>390426</v>
      </c>
      <c r="M16" s="6">
        <v>84926</v>
      </c>
      <c r="N16" s="6">
        <v>316990</v>
      </c>
      <c r="O16" s="6">
        <v>70510</v>
      </c>
      <c r="P16" s="10" t="s">
        <v>55</v>
      </c>
      <c r="Q16" s="6">
        <v>23758</v>
      </c>
      <c r="R16" s="6">
        <v>2133078</v>
      </c>
    </row>
    <row r="17" spans="1:18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26</v>
      </c>
      <c r="F17" s="9" t="s">
        <v>129</v>
      </c>
      <c r="G17" s="6">
        <v>5580262</v>
      </c>
      <c r="H17" s="6">
        <v>5008819</v>
      </c>
      <c r="I17" s="6">
        <v>3894083</v>
      </c>
      <c r="J17" s="6">
        <v>286417</v>
      </c>
      <c r="K17" s="6">
        <v>828319</v>
      </c>
      <c r="L17" s="6">
        <v>318862</v>
      </c>
      <c r="M17" s="6">
        <v>31459</v>
      </c>
      <c r="N17" s="6">
        <v>104587</v>
      </c>
      <c r="O17" s="6">
        <v>40931</v>
      </c>
      <c r="P17" s="6">
        <v>39116</v>
      </c>
      <c r="Q17" s="6">
        <v>36488</v>
      </c>
      <c r="R17" s="6">
        <v>5327681</v>
      </c>
    </row>
    <row r="18" spans="1:18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30</v>
      </c>
      <c r="F18" s="9" t="s">
        <v>131</v>
      </c>
      <c r="G18" s="6">
        <v>193400</v>
      </c>
      <c r="H18" s="6">
        <v>188242</v>
      </c>
      <c r="I18" s="6">
        <v>168720</v>
      </c>
      <c r="J18" s="6">
        <v>6568</v>
      </c>
      <c r="K18" s="6">
        <v>12954</v>
      </c>
      <c r="L18" s="6">
        <v>3672</v>
      </c>
      <c r="M18" s="6">
        <v>65</v>
      </c>
      <c r="N18" s="6">
        <v>440</v>
      </c>
      <c r="O18" s="6">
        <v>102</v>
      </c>
      <c r="P18" s="10" t="s">
        <v>55</v>
      </c>
      <c r="Q18" s="6">
        <v>879</v>
      </c>
      <c r="R18" s="6">
        <v>191914</v>
      </c>
    </row>
    <row r="19" spans="1:18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30</v>
      </c>
      <c r="F19" s="9" t="s">
        <v>132</v>
      </c>
      <c r="G19" s="6">
        <v>1780866</v>
      </c>
      <c r="H19" s="6">
        <v>1562381</v>
      </c>
      <c r="I19" s="6">
        <v>1363146</v>
      </c>
      <c r="J19" s="6">
        <v>81818</v>
      </c>
      <c r="K19" s="6">
        <v>117417</v>
      </c>
      <c r="L19" s="6">
        <v>115767</v>
      </c>
      <c r="M19" s="6">
        <v>6434</v>
      </c>
      <c r="N19" s="6">
        <v>85868</v>
      </c>
      <c r="O19" s="6">
        <v>4672</v>
      </c>
      <c r="P19" s="10" t="s">
        <v>55</v>
      </c>
      <c r="Q19" s="6">
        <v>5744</v>
      </c>
      <c r="R19" s="6">
        <v>1678148</v>
      </c>
    </row>
    <row r="20" spans="1:18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30</v>
      </c>
      <c r="F20" s="9" t="s">
        <v>133</v>
      </c>
      <c r="G20" s="6">
        <v>2182921</v>
      </c>
      <c r="H20" s="6">
        <v>1993905</v>
      </c>
      <c r="I20" s="6">
        <v>1437866</v>
      </c>
      <c r="J20" s="6">
        <v>83896</v>
      </c>
      <c r="K20" s="6">
        <v>472143</v>
      </c>
      <c r="L20" s="6">
        <v>78331</v>
      </c>
      <c r="M20" s="6">
        <v>7677</v>
      </c>
      <c r="N20" s="6">
        <v>77078</v>
      </c>
      <c r="O20" s="6">
        <v>5143</v>
      </c>
      <c r="P20" s="10" t="s">
        <v>55</v>
      </c>
      <c r="Q20" s="6">
        <v>20787</v>
      </c>
      <c r="R20" s="6">
        <v>2072236</v>
      </c>
    </row>
    <row r="21" spans="1:18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30</v>
      </c>
      <c r="F21" s="9" t="s">
        <v>134</v>
      </c>
      <c r="G21" s="6">
        <v>6368974</v>
      </c>
      <c r="H21" s="6">
        <v>5459599</v>
      </c>
      <c r="I21" s="6">
        <v>2909444</v>
      </c>
      <c r="J21" s="6">
        <v>120396</v>
      </c>
      <c r="K21" s="6">
        <v>2429759</v>
      </c>
      <c r="L21" s="6">
        <v>439442</v>
      </c>
      <c r="M21" s="6">
        <v>87884</v>
      </c>
      <c r="N21" s="6">
        <v>219391</v>
      </c>
      <c r="O21" s="6">
        <v>125407</v>
      </c>
      <c r="P21" s="10" t="s">
        <v>55</v>
      </c>
      <c r="Q21" s="6">
        <v>37251</v>
      </c>
      <c r="R21" s="6">
        <v>5899041</v>
      </c>
    </row>
    <row r="22" spans="1:18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30</v>
      </c>
      <c r="F22" s="9" t="s">
        <v>135</v>
      </c>
      <c r="G22" s="6">
        <v>1097713</v>
      </c>
      <c r="H22" s="6">
        <v>1027882</v>
      </c>
      <c r="I22" s="6">
        <v>843697</v>
      </c>
      <c r="J22" s="6">
        <v>43919</v>
      </c>
      <c r="K22" s="6">
        <v>140266</v>
      </c>
      <c r="L22" s="6">
        <v>42911</v>
      </c>
      <c r="M22" s="6">
        <v>4232</v>
      </c>
      <c r="N22" s="6">
        <v>15368</v>
      </c>
      <c r="O22" s="6">
        <v>2155</v>
      </c>
      <c r="P22" s="10" t="s">
        <v>55</v>
      </c>
      <c r="Q22" s="6">
        <v>5165</v>
      </c>
      <c r="R22" s="6">
        <v>1070793</v>
      </c>
    </row>
    <row r="23" spans="1:18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30</v>
      </c>
      <c r="F23" s="9" t="s">
        <v>136</v>
      </c>
      <c r="G23" s="6">
        <v>1060849</v>
      </c>
      <c r="H23" s="6">
        <v>678215</v>
      </c>
      <c r="I23" s="6">
        <v>462764</v>
      </c>
      <c r="J23" s="6">
        <v>19772</v>
      </c>
      <c r="K23" s="6">
        <v>195679</v>
      </c>
      <c r="L23" s="6">
        <v>205360</v>
      </c>
      <c r="M23" s="6">
        <v>19506</v>
      </c>
      <c r="N23" s="6">
        <v>117790</v>
      </c>
      <c r="O23" s="6">
        <v>34308</v>
      </c>
      <c r="P23" s="10" t="s">
        <v>55</v>
      </c>
      <c r="Q23" s="6">
        <v>5670</v>
      </c>
      <c r="R23" s="6">
        <v>883575</v>
      </c>
    </row>
    <row r="24" spans="1:18">
      <c r="A24" s="9" t="s">
        <v>27</v>
      </c>
      <c r="B24" s="9" t="s">
        <v>28</v>
      </c>
      <c r="C24" s="9" t="s">
        <v>29</v>
      </c>
      <c r="D24" s="9" t="s">
        <v>6</v>
      </c>
      <c r="E24" s="9" t="s">
        <v>130</v>
      </c>
      <c r="F24" s="9" t="s">
        <v>137</v>
      </c>
      <c r="G24" s="6">
        <v>1711753</v>
      </c>
      <c r="H24" s="6">
        <v>1160556</v>
      </c>
      <c r="I24" s="6">
        <v>932166</v>
      </c>
      <c r="J24" s="6">
        <v>45474</v>
      </c>
      <c r="K24" s="6">
        <v>182916</v>
      </c>
      <c r="L24" s="6">
        <v>165657</v>
      </c>
      <c r="M24" s="6">
        <v>72074</v>
      </c>
      <c r="N24" s="6">
        <v>257640</v>
      </c>
      <c r="O24" s="6">
        <v>49165</v>
      </c>
      <c r="P24" s="10" t="s">
        <v>55</v>
      </c>
      <c r="Q24" s="6">
        <v>6661</v>
      </c>
      <c r="R24" s="6">
        <v>1326213</v>
      </c>
    </row>
    <row r="25" spans="1:18">
      <c r="A25" s="9" t="s">
        <v>27</v>
      </c>
      <c r="B25" s="9" t="s">
        <v>28</v>
      </c>
      <c r="C25" s="9" t="s">
        <v>29</v>
      </c>
      <c r="D25" s="9" t="s">
        <v>6</v>
      </c>
      <c r="E25" s="9" t="s">
        <v>130</v>
      </c>
      <c r="F25" s="9" t="s">
        <v>138</v>
      </c>
      <c r="G25" s="6">
        <v>2224823</v>
      </c>
      <c r="H25" s="6">
        <v>1817147</v>
      </c>
      <c r="I25" s="6">
        <v>516588</v>
      </c>
      <c r="J25" s="6">
        <v>17640</v>
      </c>
      <c r="K25" s="6">
        <v>1282919</v>
      </c>
      <c r="L25" s="6">
        <v>72712</v>
      </c>
      <c r="M25" s="6">
        <v>102197</v>
      </c>
      <c r="N25" s="6">
        <v>123901</v>
      </c>
      <c r="O25" s="6">
        <v>94564</v>
      </c>
      <c r="P25" s="10" t="s">
        <v>55</v>
      </c>
      <c r="Q25" s="6">
        <v>14302</v>
      </c>
      <c r="R25" s="6">
        <v>1889859</v>
      </c>
    </row>
    <row r="26" spans="1:18">
      <c r="A26" s="9" t="s">
        <v>27</v>
      </c>
      <c r="B26" s="9" t="s">
        <v>28</v>
      </c>
      <c r="C26" s="9" t="s">
        <v>29</v>
      </c>
      <c r="D26" s="9" t="s">
        <v>6</v>
      </c>
      <c r="E26" s="9" t="s">
        <v>130</v>
      </c>
      <c r="F26" s="9" t="s">
        <v>139</v>
      </c>
      <c r="G26" s="6">
        <v>1391771</v>
      </c>
      <c r="H26" s="6">
        <v>974836</v>
      </c>
      <c r="I26" s="6">
        <v>466774</v>
      </c>
      <c r="J26" s="6">
        <v>17636</v>
      </c>
      <c r="K26" s="6">
        <v>490426</v>
      </c>
      <c r="L26" s="6">
        <v>69818</v>
      </c>
      <c r="M26" s="6">
        <v>61943</v>
      </c>
      <c r="N26" s="6">
        <v>209037</v>
      </c>
      <c r="O26" s="6">
        <v>65204</v>
      </c>
      <c r="P26" s="6">
        <v>1024</v>
      </c>
      <c r="Q26" s="6">
        <v>9909</v>
      </c>
      <c r="R26" s="6">
        <v>1044654</v>
      </c>
    </row>
    <row r="27" spans="1:18">
      <c r="A27" s="9" t="s">
        <v>27</v>
      </c>
      <c r="B27" s="9" t="s">
        <v>28</v>
      </c>
      <c r="C27" s="9" t="s">
        <v>29</v>
      </c>
      <c r="D27" s="9" t="s">
        <v>6</v>
      </c>
      <c r="E27" s="9" t="s">
        <v>130</v>
      </c>
      <c r="F27" s="9" t="s">
        <v>140</v>
      </c>
      <c r="G27" s="6">
        <v>2070394</v>
      </c>
      <c r="H27" s="6">
        <v>1854072</v>
      </c>
      <c r="I27" s="6">
        <v>1178223</v>
      </c>
      <c r="J27" s="6">
        <v>37075</v>
      </c>
      <c r="K27" s="6">
        <v>638774</v>
      </c>
      <c r="L27" s="6">
        <v>38346</v>
      </c>
      <c r="M27" s="6">
        <v>26547</v>
      </c>
      <c r="N27" s="6">
        <v>131194</v>
      </c>
      <c r="O27" s="6">
        <v>10561</v>
      </c>
      <c r="P27" s="10" t="s">
        <v>55</v>
      </c>
      <c r="Q27" s="6">
        <v>9674</v>
      </c>
      <c r="R27" s="6">
        <v>1892418</v>
      </c>
    </row>
    <row r="28" spans="1:18">
      <c r="A28" s="9" t="s">
        <v>27</v>
      </c>
      <c r="B28" s="9" t="s">
        <v>28</v>
      </c>
      <c r="C28" s="9" t="s">
        <v>29</v>
      </c>
      <c r="D28" s="9" t="s">
        <v>6</v>
      </c>
      <c r="E28" s="9" t="s">
        <v>130</v>
      </c>
      <c r="F28" s="9" t="s">
        <v>141</v>
      </c>
      <c r="G28" s="6">
        <v>5171968</v>
      </c>
      <c r="H28" s="6">
        <v>4775259</v>
      </c>
      <c r="I28" s="6">
        <v>3019564</v>
      </c>
      <c r="J28" s="6">
        <v>93665</v>
      </c>
      <c r="K28" s="6">
        <v>1662030</v>
      </c>
      <c r="L28" s="6">
        <v>130645</v>
      </c>
      <c r="M28" s="6">
        <v>98990</v>
      </c>
      <c r="N28" s="6">
        <v>72486</v>
      </c>
      <c r="O28" s="6">
        <v>61689</v>
      </c>
      <c r="P28" s="10" t="s">
        <v>55</v>
      </c>
      <c r="Q28" s="6">
        <v>32899</v>
      </c>
      <c r="R28" s="6">
        <v>4905904</v>
      </c>
    </row>
    <row r="29" spans="1:18">
      <c r="A29" s="9" t="s">
        <v>27</v>
      </c>
      <c r="B29" s="9" t="s">
        <v>28</v>
      </c>
      <c r="C29" s="9" t="s">
        <v>29</v>
      </c>
      <c r="D29" s="9" t="s">
        <v>6</v>
      </c>
      <c r="E29" s="9" t="s">
        <v>130</v>
      </c>
      <c r="F29" s="9" t="s">
        <v>142</v>
      </c>
      <c r="G29" s="6">
        <v>218471</v>
      </c>
      <c r="H29" s="6">
        <v>214010</v>
      </c>
      <c r="I29" s="6">
        <v>150337</v>
      </c>
      <c r="J29" s="6">
        <v>3912</v>
      </c>
      <c r="K29" s="6">
        <v>59761</v>
      </c>
      <c r="L29" s="6">
        <v>1934</v>
      </c>
      <c r="M29" s="6">
        <v>489</v>
      </c>
      <c r="N29" s="6">
        <v>197</v>
      </c>
      <c r="O29" s="6">
        <v>223</v>
      </c>
      <c r="P29" s="10" t="s">
        <v>55</v>
      </c>
      <c r="Q29" s="6">
        <v>1618</v>
      </c>
      <c r="R29" s="6">
        <v>215944</v>
      </c>
    </row>
    <row r="30" spans="1:18">
      <c r="A30" s="9" t="s">
        <v>27</v>
      </c>
      <c r="B30" s="9" t="s">
        <v>28</v>
      </c>
      <c r="C30" s="9" t="s">
        <v>29</v>
      </c>
      <c r="D30" s="9" t="s">
        <v>6</v>
      </c>
      <c r="E30" s="9" t="s">
        <v>130</v>
      </c>
      <c r="F30" s="9" t="s">
        <v>143</v>
      </c>
      <c r="G30" s="6">
        <v>2769761</v>
      </c>
      <c r="H30" s="6">
        <v>2345990</v>
      </c>
      <c r="I30" s="6">
        <v>1296838</v>
      </c>
      <c r="J30" s="6">
        <v>133688</v>
      </c>
      <c r="K30" s="6">
        <v>915464</v>
      </c>
      <c r="L30" s="6">
        <v>145354</v>
      </c>
      <c r="M30" s="6">
        <v>19552</v>
      </c>
      <c r="N30" s="6">
        <v>205582</v>
      </c>
      <c r="O30" s="6">
        <v>21238</v>
      </c>
      <c r="P30" s="6">
        <v>7565</v>
      </c>
      <c r="Q30" s="6">
        <v>24480</v>
      </c>
      <c r="R30" s="6">
        <v>2491344</v>
      </c>
    </row>
    <row r="31" spans="1:18">
      <c r="A31" s="9" t="s">
        <v>27</v>
      </c>
      <c r="B31" s="9" t="s">
        <v>28</v>
      </c>
      <c r="C31" s="9" t="s">
        <v>29</v>
      </c>
      <c r="D31" s="9" t="s">
        <v>6</v>
      </c>
      <c r="E31" s="9" t="s">
        <v>130</v>
      </c>
      <c r="F31" s="9" t="s">
        <v>144</v>
      </c>
      <c r="G31" s="6">
        <v>1397536</v>
      </c>
      <c r="H31" s="6">
        <v>1397523</v>
      </c>
      <c r="I31" s="6">
        <v>1191176</v>
      </c>
      <c r="J31" s="6">
        <v>15024</v>
      </c>
      <c r="K31" s="6">
        <v>191323</v>
      </c>
      <c r="L31" s="10" t="s">
        <v>55</v>
      </c>
      <c r="M31" s="10" t="s">
        <v>55</v>
      </c>
      <c r="N31" s="10" t="s">
        <v>55</v>
      </c>
      <c r="O31" s="10" t="s">
        <v>55</v>
      </c>
      <c r="P31" s="10" t="s">
        <v>55</v>
      </c>
      <c r="Q31" s="6">
        <v>13</v>
      </c>
      <c r="R31" s="6">
        <v>1397523</v>
      </c>
    </row>
    <row r="32" spans="1:18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5</v>
      </c>
      <c r="F32" s="9" t="s">
        <v>145</v>
      </c>
      <c r="G32" s="6">
        <v>1246076</v>
      </c>
      <c r="H32" s="6">
        <v>540095</v>
      </c>
      <c r="I32" s="6">
        <v>197330</v>
      </c>
      <c r="J32" s="6">
        <v>97003</v>
      </c>
      <c r="K32" s="6">
        <v>245762</v>
      </c>
      <c r="L32" s="6">
        <v>16962</v>
      </c>
      <c r="M32" s="6">
        <v>12562</v>
      </c>
      <c r="N32" s="6">
        <v>105189</v>
      </c>
      <c r="O32" s="6">
        <v>32431</v>
      </c>
      <c r="P32" s="10" t="s">
        <v>55</v>
      </c>
      <c r="Q32" s="6">
        <v>538837</v>
      </c>
      <c r="R32" s="6">
        <v>557057</v>
      </c>
    </row>
    <row r="33" spans="1:18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5</v>
      </c>
      <c r="F33" s="9" t="s">
        <v>146</v>
      </c>
      <c r="G33" s="6">
        <v>285513</v>
      </c>
      <c r="H33" s="6">
        <v>128627</v>
      </c>
      <c r="I33" s="6">
        <v>64248</v>
      </c>
      <c r="J33" s="6">
        <v>3326</v>
      </c>
      <c r="K33" s="6">
        <v>61053</v>
      </c>
      <c r="L33" s="6">
        <v>11955</v>
      </c>
      <c r="M33" s="6">
        <v>14218</v>
      </c>
      <c r="N33" s="6">
        <v>80809</v>
      </c>
      <c r="O33" s="6">
        <v>48211</v>
      </c>
      <c r="P33" s="10" t="s">
        <v>55</v>
      </c>
      <c r="Q33" s="6">
        <v>1693</v>
      </c>
      <c r="R33" s="6">
        <v>140582</v>
      </c>
    </row>
    <row r="34" spans="1:18">
      <c r="A34" s="9" t="s">
        <v>27</v>
      </c>
      <c r="B34" s="9" t="s">
        <v>28</v>
      </c>
      <c r="C34" s="9" t="s">
        <v>29</v>
      </c>
      <c r="D34" s="9" t="s">
        <v>6</v>
      </c>
      <c r="E34" s="9" t="s">
        <v>55</v>
      </c>
      <c r="F34" s="9" t="s">
        <v>147</v>
      </c>
      <c r="G34" s="6">
        <v>8217011</v>
      </c>
      <c r="H34" s="6">
        <v>6757896</v>
      </c>
      <c r="I34" s="6">
        <v>5418890</v>
      </c>
      <c r="J34" s="6">
        <v>317940</v>
      </c>
      <c r="K34" s="6">
        <v>1021066</v>
      </c>
      <c r="L34" s="6">
        <v>710187</v>
      </c>
      <c r="M34" s="6">
        <v>116408</v>
      </c>
      <c r="N34" s="6">
        <v>421640</v>
      </c>
      <c r="O34" s="6">
        <v>111466</v>
      </c>
      <c r="P34" s="6">
        <v>39116</v>
      </c>
      <c r="Q34" s="6">
        <v>60298</v>
      </c>
      <c r="R34" s="6">
        <v>7468083</v>
      </c>
    </row>
    <row r="35" spans="1:18">
      <c r="A35" s="9" t="s">
        <v>27</v>
      </c>
      <c r="B35" s="9" t="s">
        <v>28</v>
      </c>
      <c r="C35" s="9" t="s">
        <v>29</v>
      </c>
      <c r="D35" s="9" t="s">
        <v>6</v>
      </c>
      <c r="E35" s="9" t="s">
        <v>55</v>
      </c>
      <c r="F35" s="9" t="s">
        <v>148</v>
      </c>
      <c r="G35" s="6">
        <v>29641200</v>
      </c>
      <c r="H35" s="6">
        <v>25449617</v>
      </c>
      <c r="I35" s="6">
        <v>15937303</v>
      </c>
      <c r="J35" s="6">
        <v>720483</v>
      </c>
      <c r="K35" s="6">
        <v>8791831</v>
      </c>
      <c r="L35" s="6">
        <v>1509949</v>
      </c>
      <c r="M35" s="6">
        <v>507590</v>
      </c>
      <c r="N35" s="6">
        <v>1515972</v>
      </c>
      <c r="O35" s="6">
        <v>474431</v>
      </c>
      <c r="P35" s="6">
        <v>8589</v>
      </c>
      <c r="Q35" s="6">
        <v>175052</v>
      </c>
      <c r="R35" s="6">
        <v>26959566</v>
      </c>
    </row>
    <row r="36" spans="1:18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55</v>
      </c>
      <c r="F36" s="9" t="s">
        <v>6</v>
      </c>
      <c r="G36" s="6">
        <v>21461824</v>
      </c>
      <c r="H36" s="6">
        <v>17211474</v>
      </c>
      <c r="I36" s="6">
        <v>14070435</v>
      </c>
      <c r="J36" s="6">
        <v>451927</v>
      </c>
      <c r="K36" s="6">
        <v>2689112</v>
      </c>
      <c r="L36" s="6">
        <v>1697740</v>
      </c>
      <c r="M36" s="6">
        <v>515977</v>
      </c>
      <c r="N36" s="6">
        <v>1461023</v>
      </c>
      <c r="O36" s="6">
        <v>122759</v>
      </c>
      <c r="P36" s="6">
        <v>5932</v>
      </c>
      <c r="Q36" s="6">
        <v>446919</v>
      </c>
      <c r="R36" s="6">
        <v>18909214</v>
      </c>
    </row>
    <row r="37" spans="1:18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122</v>
      </c>
      <c r="F37" s="9" t="s">
        <v>123</v>
      </c>
      <c r="G37" s="6">
        <v>169713</v>
      </c>
      <c r="H37" s="6">
        <v>69717</v>
      </c>
      <c r="I37" s="6">
        <v>44043</v>
      </c>
      <c r="J37" s="6">
        <v>1837</v>
      </c>
      <c r="K37" s="6">
        <v>23837</v>
      </c>
      <c r="L37" s="6">
        <v>8593</v>
      </c>
      <c r="M37" s="6">
        <v>11371</v>
      </c>
      <c r="N37" s="6">
        <v>67683</v>
      </c>
      <c r="O37" s="6">
        <v>11195</v>
      </c>
      <c r="P37" s="10" t="s">
        <v>55</v>
      </c>
      <c r="Q37" s="6">
        <v>1154</v>
      </c>
      <c r="R37" s="6">
        <v>78310</v>
      </c>
    </row>
    <row r="38" spans="1:18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122</v>
      </c>
      <c r="F38" s="9" t="s">
        <v>124</v>
      </c>
      <c r="G38" s="6">
        <v>158961</v>
      </c>
      <c r="H38" s="6">
        <v>60773</v>
      </c>
      <c r="I38" s="6">
        <v>36200</v>
      </c>
      <c r="J38" s="6">
        <v>1746</v>
      </c>
      <c r="K38" s="6">
        <v>22827</v>
      </c>
      <c r="L38" s="6">
        <v>7821</v>
      </c>
      <c r="M38" s="6">
        <v>11122</v>
      </c>
      <c r="N38" s="6">
        <v>67037</v>
      </c>
      <c r="O38" s="6">
        <v>11122</v>
      </c>
      <c r="P38" s="10" t="s">
        <v>55</v>
      </c>
      <c r="Q38" s="6">
        <v>1086</v>
      </c>
      <c r="R38" s="6">
        <v>68594</v>
      </c>
    </row>
    <row r="39" spans="1:18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122</v>
      </c>
      <c r="F39" s="9" t="s">
        <v>125</v>
      </c>
      <c r="G39" s="6">
        <v>15567</v>
      </c>
      <c r="H39" s="6">
        <v>7458</v>
      </c>
      <c r="I39" s="6">
        <v>6034</v>
      </c>
      <c r="J39" s="6">
        <v>94</v>
      </c>
      <c r="K39" s="6">
        <v>1330</v>
      </c>
      <c r="L39" s="6">
        <v>823</v>
      </c>
      <c r="M39" s="6">
        <v>1853</v>
      </c>
      <c r="N39" s="6">
        <v>4320</v>
      </c>
      <c r="O39" s="6">
        <v>948</v>
      </c>
      <c r="P39" s="10" t="s">
        <v>55</v>
      </c>
      <c r="Q39" s="6">
        <v>165</v>
      </c>
      <c r="R39" s="6">
        <v>8281</v>
      </c>
    </row>
    <row r="40" spans="1:18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126</v>
      </c>
      <c r="F40" s="9" t="s">
        <v>127</v>
      </c>
      <c r="G40" s="6">
        <v>6132</v>
      </c>
      <c r="H40" s="6">
        <v>5241</v>
      </c>
      <c r="I40" s="6">
        <v>4889</v>
      </c>
      <c r="J40" s="6">
        <v>41</v>
      </c>
      <c r="K40" s="6">
        <v>311</v>
      </c>
      <c r="L40" s="6">
        <v>757</v>
      </c>
      <c r="M40" s="6">
        <v>20</v>
      </c>
      <c r="N40" s="6">
        <v>61</v>
      </c>
      <c r="O40" s="6">
        <v>6</v>
      </c>
      <c r="P40" s="10" t="s">
        <v>55</v>
      </c>
      <c r="Q40" s="6">
        <v>47</v>
      </c>
      <c r="R40" s="6">
        <v>5998</v>
      </c>
    </row>
    <row r="41" spans="1:18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126</v>
      </c>
      <c r="F41" s="9" t="s">
        <v>128</v>
      </c>
      <c r="G41" s="6">
        <v>2147254</v>
      </c>
      <c r="H41" s="6">
        <v>1390109</v>
      </c>
      <c r="I41" s="6">
        <v>1272121</v>
      </c>
      <c r="J41" s="6">
        <v>12709</v>
      </c>
      <c r="K41" s="6">
        <v>105279</v>
      </c>
      <c r="L41" s="6">
        <v>318610</v>
      </c>
      <c r="M41" s="6">
        <v>83433</v>
      </c>
      <c r="N41" s="6">
        <v>313668</v>
      </c>
      <c r="O41" s="6">
        <v>19818</v>
      </c>
      <c r="P41" s="10" t="s">
        <v>55</v>
      </c>
      <c r="Q41" s="6">
        <v>21616</v>
      </c>
      <c r="R41" s="6">
        <v>1708719</v>
      </c>
    </row>
    <row r="42" spans="1:18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126</v>
      </c>
      <c r="F42" s="9" t="s">
        <v>129</v>
      </c>
      <c r="G42" s="6">
        <v>3916279</v>
      </c>
      <c r="H42" s="6">
        <v>3510955</v>
      </c>
      <c r="I42" s="6">
        <v>3094256</v>
      </c>
      <c r="J42" s="6">
        <v>153971</v>
      </c>
      <c r="K42" s="6">
        <v>262728</v>
      </c>
      <c r="L42" s="6">
        <v>256446</v>
      </c>
      <c r="M42" s="6">
        <v>28478</v>
      </c>
      <c r="N42" s="6">
        <v>79023</v>
      </c>
      <c r="O42" s="6">
        <v>9846</v>
      </c>
      <c r="P42" s="6">
        <v>5107</v>
      </c>
      <c r="Q42" s="6">
        <v>26424</v>
      </c>
      <c r="R42" s="6">
        <v>3767401</v>
      </c>
    </row>
    <row r="43" spans="1:18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130</v>
      </c>
      <c r="F43" s="9" t="s">
        <v>131</v>
      </c>
      <c r="G43" s="6">
        <v>158610</v>
      </c>
      <c r="H43" s="6">
        <v>154302</v>
      </c>
      <c r="I43" s="6">
        <v>146846</v>
      </c>
      <c r="J43" s="6">
        <v>1751</v>
      </c>
      <c r="K43" s="6">
        <v>5705</v>
      </c>
      <c r="L43" s="6">
        <v>3165</v>
      </c>
      <c r="M43" s="6">
        <v>54</v>
      </c>
      <c r="N43" s="6">
        <v>348</v>
      </c>
      <c r="O43" s="6">
        <v>19</v>
      </c>
      <c r="P43" s="10" t="s">
        <v>55</v>
      </c>
      <c r="Q43" s="6">
        <v>722</v>
      </c>
      <c r="R43" s="6">
        <v>157467</v>
      </c>
    </row>
    <row r="44" spans="1:18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130</v>
      </c>
      <c r="F44" s="9" t="s">
        <v>132</v>
      </c>
      <c r="G44" s="6">
        <v>1257109</v>
      </c>
      <c r="H44" s="6">
        <v>1089171</v>
      </c>
      <c r="I44" s="6">
        <v>1011443</v>
      </c>
      <c r="J44" s="6">
        <v>35120</v>
      </c>
      <c r="K44" s="6">
        <v>42608</v>
      </c>
      <c r="L44" s="6">
        <v>97467</v>
      </c>
      <c r="M44" s="6">
        <v>5223</v>
      </c>
      <c r="N44" s="6">
        <v>60760</v>
      </c>
      <c r="O44" s="6">
        <v>414</v>
      </c>
      <c r="P44" s="10" t="s">
        <v>55</v>
      </c>
      <c r="Q44" s="6">
        <v>4074</v>
      </c>
      <c r="R44" s="6">
        <v>1186638</v>
      </c>
    </row>
    <row r="45" spans="1:18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130</v>
      </c>
      <c r="F45" s="9" t="s">
        <v>133</v>
      </c>
      <c r="G45" s="6">
        <v>1682007</v>
      </c>
      <c r="H45" s="6">
        <v>1517546</v>
      </c>
      <c r="I45" s="6">
        <v>1236986</v>
      </c>
      <c r="J45" s="6">
        <v>52808</v>
      </c>
      <c r="K45" s="6">
        <v>227752</v>
      </c>
      <c r="L45" s="6">
        <v>65110</v>
      </c>
      <c r="M45" s="6">
        <v>7165</v>
      </c>
      <c r="N45" s="6">
        <v>73092</v>
      </c>
      <c r="O45" s="6">
        <v>1090</v>
      </c>
      <c r="P45" s="10" t="s">
        <v>55</v>
      </c>
      <c r="Q45" s="6">
        <v>18004</v>
      </c>
      <c r="R45" s="6">
        <v>1582656</v>
      </c>
    </row>
    <row r="46" spans="1:18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130</v>
      </c>
      <c r="F46" s="9" t="s">
        <v>134</v>
      </c>
      <c r="G46" s="6">
        <v>3006422</v>
      </c>
      <c r="H46" s="6">
        <v>2421414</v>
      </c>
      <c r="I46" s="6">
        <v>1850802</v>
      </c>
      <c r="J46" s="6">
        <v>37757</v>
      </c>
      <c r="K46" s="6">
        <v>532855</v>
      </c>
      <c r="L46" s="6">
        <v>325993</v>
      </c>
      <c r="M46" s="6">
        <v>70680</v>
      </c>
      <c r="N46" s="6">
        <v>145008</v>
      </c>
      <c r="O46" s="6">
        <v>23856</v>
      </c>
      <c r="P46" s="10" t="s">
        <v>55</v>
      </c>
      <c r="Q46" s="6">
        <v>19471</v>
      </c>
      <c r="R46" s="6">
        <v>2747407</v>
      </c>
    </row>
    <row r="47" spans="1:18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130</v>
      </c>
      <c r="F47" s="9" t="s">
        <v>135</v>
      </c>
      <c r="G47" s="6">
        <v>489375</v>
      </c>
      <c r="H47" s="6">
        <v>440208</v>
      </c>
      <c r="I47" s="6">
        <v>418621</v>
      </c>
      <c r="J47" s="6">
        <v>4647</v>
      </c>
      <c r="K47" s="6">
        <v>16940</v>
      </c>
      <c r="L47" s="6">
        <v>34367</v>
      </c>
      <c r="M47" s="6">
        <v>2429</v>
      </c>
      <c r="N47" s="6">
        <v>10014</v>
      </c>
      <c r="O47" s="6">
        <v>364</v>
      </c>
      <c r="P47" s="10" t="s">
        <v>55</v>
      </c>
      <c r="Q47" s="6">
        <v>1993</v>
      </c>
      <c r="R47" s="6">
        <v>474575</v>
      </c>
    </row>
    <row r="48" spans="1:18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130</v>
      </c>
      <c r="F48" s="9" t="s">
        <v>136</v>
      </c>
      <c r="G48" s="6">
        <v>619501</v>
      </c>
      <c r="H48" s="6">
        <v>393981</v>
      </c>
      <c r="I48" s="6">
        <v>295269</v>
      </c>
      <c r="J48" s="6">
        <v>7930</v>
      </c>
      <c r="K48" s="6">
        <v>90782</v>
      </c>
      <c r="L48" s="6">
        <v>128882</v>
      </c>
      <c r="M48" s="6">
        <v>14033</v>
      </c>
      <c r="N48" s="6">
        <v>72527</v>
      </c>
      <c r="O48" s="6">
        <v>6358</v>
      </c>
      <c r="P48" s="10" t="s">
        <v>55</v>
      </c>
      <c r="Q48" s="6">
        <v>3720</v>
      </c>
      <c r="R48" s="6">
        <v>522863</v>
      </c>
    </row>
    <row r="49" spans="1:18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130</v>
      </c>
      <c r="F49" s="9" t="s">
        <v>137</v>
      </c>
      <c r="G49" s="6">
        <v>1074569</v>
      </c>
      <c r="H49" s="6">
        <v>690003</v>
      </c>
      <c r="I49" s="6">
        <v>622841</v>
      </c>
      <c r="J49" s="6">
        <v>18215</v>
      </c>
      <c r="K49" s="6">
        <v>48947</v>
      </c>
      <c r="L49" s="6">
        <v>131796</v>
      </c>
      <c r="M49" s="6">
        <v>62998</v>
      </c>
      <c r="N49" s="6">
        <v>179575</v>
      </c>
      <c r="O49" s="6">
        <v>5711</v>
      </c>
      <c r="P49" s="10" t="s">
        <v>55</v>
      </c>
      <c r="Q49" s="6">
        <v>4486</v>
      </c>
      <c r="R49" s="6">
        <v>821799</v>
      </c>
    </row>
    <row r="50" spans="1:18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130</v>
      </c>
      <c r="F50" s="9" t="s">
        <v>138</v>
      </c>
      <c r="G50" s="6">
        <v>860754</v>
      </c>
      <c r="H50" s="6">
        <v>646671</v>
      </c>
      <c r="I50" s="6">
        <v>323475</v>
      </c>
      <c r="J50" s="6">
        <v>7663</v>
      </c>
      <c r="K50" s="6">
        <v>315533</v>
      </c>
      <c r="L50" s="6">
        <v>49498</v>
      </c>
      <c r="M50" s="6">
        <v>69427</v>
      </c>
      <c r="N50" s="6">
        <v>71717</v>
      </c>
      <c r="O50" s="6">
        <v>16594</v>
      </c>
      <c r="P50" s="10" t="s">
        <v>55</v>
      </c>
      <c r="Q50" s="6">
        <v>6847</v>
      </c>
      <c r="R50" s="6">
        <v>696169</v>
      </c>
    </row>
    <row r="51" spans="1:18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130</v>
      </c>
      <c r="F51" s="9" t="s">
        <v>139</v>
      </c>
      <c r="G51" s="6">
        <v>554191</v>
      </c>
      <c r="H51" s="6">
        <v>363826</v>
      </c>
      <c r="I51" s="6">
        <v>231256</v>
      </c>
      <c r="J51" s="6">
        <v>6428</v>
      </c>
      <c r="K51" s="6">
        <v>126142</v>
      </c>
      <c r="L51" s="6">
        <v>44506</v>
      </c>
      <c r="M51" s="6">
        <v>37332</v>
      </c>
      <c r="N51" s="6">
        <v>93261</v>
      </c>
      <c r="O51" s="6">
        <v>10754</v>
      </c>
      <c r="P51" s="6">
        <v>54</v>
      </c>
      <c r="Q51" s="6">
        <v>4458</v>
      </c>
      <c r="R51" s="6">
        <v>408332</v>
      </c>
    </row>
    <row r="52" spans="1:18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130</v>
      </c>
      <c r="F52" s="9" t="s">
        <v>140</v>
      </c>
      <c r="G52" s="6">
        <v>864292</v>
      </c>
      <c r="H52" s="6">
        <v>787798</v>
      </c>
      <c r="I52" s="6">
        <v>590744</v>
      </c>
      <c r="J52" s="6">
        <v>10495</v>
      </c>
      <c r="K52" s="6">
        <v>186559</v>
      </c>
      <c r="L52" s="6">
        <v>24639</v>
      </c>
      <c r="M52" s="6">
        <v>9590</v>
      </c>
      <c r="N52" s="6">
        <v>35889</v>
      </c>
      <c r="O52" s="6">
        <v>1925</v>
      </c>
      <c r="P52" s="10" t="s">
        <v>55</v>
      </c>
      <c r="Q52" s="6">
        <v>4451</v>
      </c>
      <c r="R52" s="6">
        <v>812437</v>
      </c>
    </row>
    <row r="53" spans="1:18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130</v>
      </c>
      <c r="F53" s="9" t="s">
        <v>141</v>
      </c>
      <c r="G53" s="6">
        <v>1304510</v>
      </c>
      <c r="H53" s="6">
        <v>1076368</v>
      </c>
      <c r="I53" s="6">
        <v>867321</v>
      </c>
      <c r="J53" s="6">
        <v>14039</v>
      </c>
      <c r="K53" s="6">
        <v>195008</v>
      </c>
      <c r="L53" s="6">
        <v>78606</v>
      </c>
      <c r="M53" s="6">
        <v>85232</v>
      </c>
      <c r="N53" s="6">
        <v>50578</v>
      </c>
      <c r="O53" s="6">
        <v>4710</v>
      </c>
      <c r="P53" s="10" t="s">
        <v>55</v>
      </c>
      <c r="Q53" s="6">
        <v>9016</v>
      </c>
      <c r="R53" s="6">
        <v>1154974</v>
      </c>
    </row>
    <row r="54" spans="1:18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130</v>
      </c>
      <c r="F54" s="9" t="s">
        <v>142</v>
      </c>
      <c r="G54" s="6">
        <v>125961</v>
      </c>
      <c r="H54" s="6">
        <v>122758</v>
      </c>
      <c r="I54" s="6">
        <v>100909</v>
      </c>
      <c r="J54" s="6">
        <v>1812</v>
      </c>
      <c r="K54" s="6">
        <v>20037</v>
      </c>
      <c r="L54" s="6">
        <v>1781</v>
      </c>
      <c r="M54" s="6">
        <v>207</v>
      </c>
      <c r="N54" s="6">
        <v>115</v>
      </c>
      <c r="O54" s="6">
        <v>70</v>
      </c>
      <c r="P54" s="10" t="s">
        <v>55</v>
      </c>
      <c r="Q54" s="6">
        <v>1030</v>
      </c>
      <c r="R54" s="6">
        <v>124539</v>
      </c>
    </row>
    <row r="55" spans="1:18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130</v>
      </c>
      <c r="F55" s="9" t="s">
        <v>143</v>
      </c>
      <c r="G55" s="6">
        <v>1612107</v>
      </c>
      <c r="H55" s="6">
        <v>1313175</v>
      </c>
      <c r="I55" s="6">
        <v>913543</v>
      </c>
      <c r="J55" s="6">
        <v>48545</v>
      </c>
      <c r="K55" s="6">
        <v>351087</v>
      </c>
      <c r="L55" s="6">
        <v>115060</v>
      </c>
      <c r="M55" s="6">
        <v>17110</v>
      </c>
      <c r="N55" s="6">
        <v>144842</v>
      </c>
      <c r="O55" s="6">
        <v>4754</v>
      </c>
      <c r="P55" s="6">
        <v>771</v>
      </c>
      <c r="Q55" s="6">
        <v>16395</v>
      </c>
      <c r="R55" s="6">
        <v>1428235</v>
      </c>
    </row>
    <row r="56" spans="1:18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130</v>
      </c>
      <c r="F56" s="9" t="s">
        <v>144</v>
      </c>
      <c r="G56" s="6">
        <v>961107</v>
      </c>
      <c r="H56" s="6">
        <v>961102</v>
      </c>
      <c r="I56" s="6">
        <v>911973</v>
      </c>
      <c r="J56" s="6">
        <v>2512</v>
      </c>
      <c r="K56" s="6">
        <v>46617</v>
      </c>
      <c r="L56" s="10" t="s">
        <v>55</v>
      </c>
      <c r="M56" s="10" t="s">
        <v>55</v>
      </c>
      <c r="N56" s="10" t="s">
        <v>55</v>
      </c>
      <c r="O56" s="10" t="s">
        <v>55</v>
      </c>
      <c r="P56" s="10" t="s">
        <v>55</v>
      </c>
      <c r="Q56" s="6">
        <v>5</v>
      </c>
      <c r="R56" s="6">
        <v>961102</v>
      </c>
    </row>
    <row r="57" spans="1:18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55</v>
      </c>
      <c r="F57" s="9" t="s">
        <v>145</v>
      </c>
      <c r="G57" s="6">
        <v>636364</v>
      </c>
      <c r="H57" s="6">
        <v>249671</v>
      </c>
      <c r="I57" s="6">
        <v>127063</v>
      </c>
      <c r="J57" s="6">
        <v>33553</v>
      </c>
      <c r="K57" s="6">
        <v>89055</v>
      </c>
      <c r="L57" s="6">
        <v>11641</v>
      </c>
      <c r="M57" s="6">
        <v>9342</v>
      </c>
      <c r="N57" s="6">
        <v>58542</v>
      </c>
      <c r="O57" s="6">
        <v>4327</v>
      </c>
      <c r="P57" s="10" t="s">
        <v>55</v>
      </c>
      <c r="Q57" s="6">
        <v>302841</v>
      </c>
      <c r="R57" s="6">
        <v>261312</v>
      </c>
    </row>
    <row r="58" spans="1:18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55</v>
      </c>
      <c r="F58" s="9" t="s">
        <v>146</v>
      </c>
      <c r="G58" s="6">
        <v>185280</v>
      </c>
      <c r="H58" s="6">
        <v>77175</v>
      </c>
      <c r="I58" s="6">
        <v>50077</v>
      </c>
      <c r="J58" s="6">
        <v>1931</v>
      </c>
      <c r="K58" s="6">
        <v>25167</v>
      </c>
      <c r="L58" s="6">
        <v>9416</v>
      </c>
      <c r="M58" s="6">
        <v>13224</v>
      </c>
      <c r="N58" s="6">
        <v>72003</v>
      </c>
      <c r="O58" s="6">
        <v>12143</v>
      </c>
      <c r="P58" s="10" t="s">
        <v>55</v>
      </c>
      <c r="Q58" s="6">
        <v>1319</v>
      </c>
      <c r="R58" s="6">
        <v>86591</v>
      </c>
    </row>
    <row r="59" spans="1:18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55</v>
      </c>
      <c r="F59" s="9" t="s">
        <v>147</v>
      </c>
      <c r="G59" s="6">
        <v>6069665</v>
      </c>
      <c r="H59" s="6">
        <v>4906305</v>
      </c>
      <c r="I59" s="6">
        <v>4371266</v>
      </c>
      <c r="J59" s="6">
        <v>166721</v>
      </c>
      <c r="K59" s="6">
        <v>368318</v>
      </c>
      <c r="L59" s="6">
        <v>575813</v>
      </c>
      <c r="M59" s="6">
        <v>111931</v>
      </c>
      <c r="N59" s="6">
        <v>392752</v>
      </c>
      <c r="O59" s="6">
        <v>29670</v>
      </c>
      <c r="P59" s="6">
        <v>5107</v>
      </c>
      <c r="Q59" s="6">
        <v>48087</v>
      </c>
      <c r="R59" s="6">
        <v>5482118</v>
      </c>
    </row>
    <row r="60" spans="1:18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55</v>
      </c>
      <c r="F60" s="9" t="s">
        <v>148</v>
      </c>
      <c r="G60" s="6">
        <v>14570515</v>
      </c>
      <c r="H60" s="6">
        <v>11978323</v>
      </c>
      <c r="I60" s="6">
        <v>9522029</v>
      </c>
      <c r="J60" s="6">
        <v>249722</v>
      </c>
      <c r="K60" s="6">
        <v>2206572</v>
      </c>
      <c r="L60" s="6">
        <v>1100870</v>
      </c>
      <c r="M60" s="6">
        <v>381480</v>
      </c>
      <c r="N60" s="6">
        <v>937726</v>
      </c>
      <c r="O60" s="6">
        <v>76619</v>
      </c>
      <c r="P60" s="6">
        <v>825</v>
      </c>
      <c r="Q60" s="6">
        <v>94672</v>
      </c>
      <c r="R60" s="6">
        <v>13079193</v>
      </c>
    </row>
    <row r="61" spans="1:18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55</v>
      </c>
      <c r="F61" s="9" t="s">
        <v>6</v>
      </c>
      <c r="G61" s="6">
        <v>17927976</v>
      </c>
      <c r="H61" s="6">
        <v>15664761</v>
      </c>
      <c r="I61" s="6">
        <v>7547336</v>
      </c>
      <c r="J61" s="6">
        <v>686825</v>
      </c>
      <c r="K61" s="6">
        <v>7430600</v>
      </c>
      <c r="L61" s="6">
        <v>551313</v>
      </c>
      <c r="M61" s="6">
        <v>134801</v>
      </c>
      <c r="N61" s="6">
        <v>662587</v>
      </c>
      <c r="O61" s="6">
        <v>543780</v>
      </c>
      <c r="P61" s="6">
        <v>41773</v>
      </c>
      <c r="Q61" s="6">
        <v>328961</v>
      </c>
      <c r="R61" s="6">
        <v>16216074</v>
      </c>
    </row>
    <row r="62" spans="1:18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122</v>
      </c>
      <c r="F62" s="9" t="s">
        <v>123</v>
      </c>
      <c r="G62" s="6">
        <v>96230</v>
      </c>
      <c r="H62" s="6">
        <v>49547</v>
      </c>
      <c r="I62" s="6">
        <v>13362</v>
      </c>
      <c r="J62" s="6">
        <v>1358</v>
      </c>
      <c r="K62" s="6">
        <v>34827</v>
      </c>
      <c r="L62" s="6">
        <v>2362</v>
      </c>
      <c r="M62" s="6">
        <v>959</v>
      </c>
      <c r="N62" s="6">
        <v>8723</v>
      </c>
      <c r="O62" s="6">
        <v>34282</v>
      </c>
      <c r="P62" s="10" t="s">
        <v>55</v>
      </c>
      <c r="Q62" s="6">
        <v>357</v>
      </c>
      <c r="R62" s="6">
        <v>51909</v>
      </c>
    </row>
    <row r="63" spans="1:18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122</v>
      </c>
      <c r="F63" s="9" t="s">
        <v>124</v>
      </c>
      <c r="G63" s="6">
        <v>93813</v>
      </c>
      <c r="H63" s="6">
        <v>47448</v>
      </c>
      <c r="I63" s="6">
        <v>12144</v>
      </c>
      <c r="J63" s="6">
        <v>1324</v>
      </c>
      <c r="K63" s="6">
        <v>33980</v>
      </c>
      <c r="L63" s="6">
        <v>2219</v>
      </c>
      <c r="M63" s="6">
        <v>950</v>
      </c>
      <c r="N63" s="6">
        <v>8705</v>
      </c>
      <c r="O63" s="6">
        <v>34143</v>
      </c>
      <c r="P63" s="10" t="s">
        <v>55</v>
      </c>
      <c r="Q63" s="6">
        <v>348</v>
      </c>
      <c r="R63" s="6">
        <v>49667</v>
      </c>
    </row>
    <row r="64" spans="1:18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122</v>
      </c>
      <c r="F64" s="9" t="s">
        <v>125</v>
      </c>
      <c r="G64" s="6">
        <v>4003</v>
      </c>
      <c r="H64" s="6">
        <v>1905</v>
      </c>
      <c r="I64" s="6">
        <v>809</v>
      </c>
      <c r="J64" s="6">
        <v>37</v>
      </c>
      <c r="K64" s="6">
        <v>1059</v>
      </c>
      <c r="L64" s="6">
        <v>177</v>
      </c>
      <c r="M64" s="6">
        <v>35</v>
      </c>
      <c r="N64" s="6">
        <v>83</v>
      </c>
      <c r="O64" s="6">
        <v>1786</v>
      </c>
      <c r="P64" s="10" t="s">
        <v>55</v>
      </c>
      <c r="Q64" s="6">
        <v>17</v>
      </c>
      <c r="R64" s="6">
        <v>2082</v>
      </c>
    </row>
    <row r="65" spans="1:18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126</v>
      </c>
      <c r="F65" s="9" t="s">
        <v>127</v>
      </c>
      <c r="G65" s="6">
        <v>1355</v>
      </c>
      <c r="H65" s="6">
        <v>1184</v>
      </c>
      <c r="I65" s="6">
        <v>967</v>
      </c>
      <c r="J65" s="6">
        <v>48</v>
      </c>
      <c r="K65" s="6">
        <v>169</v>
      </c>
      <c r="L65" s="6">
        <v>142</v>
      </c>
      <c r="M65" s="6">
        <v>3</v>
      </c>
      <c r="N65" s="6">
        <v>2</v>
      </c>
      <c r="O65" s="6">
        <v>19</v>
      </c>
      <c r="P65" s="10" t="s">
        <v>55</v>
      </c>
      <c r="Q65" s="6">
        <v>5</v>
      </c>
      <c r="R65" s="6">
        <v>1326</v>
      </c>
    </row>
    <row r="66" spans="1:18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126</v>
      </c>
      <c r="F66" s="9" t="s">
        <v>128</v>
      </c>
      <c r="G66" s="6">
        <v>482008</v>
      </c>
      <c r="H66" s="6">
        <v>352543</v>
      </c>
      <c r="I66" s="6">
        <v>246830</v>
      </c>
      <c r="J66" s="6">
        <v>18725</v>
      </c>
      <c r="K66" s="6">
        <v>86988</v>
      </c>
      <c r="L66" s="6">
        <v>71816</v>
      </c>
      <c r="M66" s="6">
        <v>1493</v>
      </c>
      <c r="N66" s="6">
        <v>3322</v>
      </c>
      <c r="O66" s="6">
        <v>50692</v>
      </c>
      <c r="P66" s="10" t="s">
        <v>55</v>
      </c>
      <c r="Q66" s="6">
        <v>2142</v>
      </c>
      <c r="R66" s="6">
        <v>424359</v>
      </c>
    </row>
    <row r="67" spans="1:18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126</v>
      </c>
      <c r="F67" s="9" t="s">
        <v>129</v>
      </c>
      <c r="G67" s="6">
        <v>1663983</v>
      </c>
      <c r="H67" s="6">
        <v>1497864</v>
      </c>
      <c r="I67" s="6">
        <v>799827</v>
      </c>
      <c r="J67" s="6">
        <v>132446</v>
      </c>
      <c r="K67" s="6">
        <v>565591</v>
      </c>
      <c r="L67" s="6">
        <v>62416</v>
      </c>
      <c r="M67" s="6">
        <v>2981</v>
      </c>
      <c r="N67" s="6">
        <v>25564</v>
      </c>
      <c r="O67" s="6">
        <v>31085</v>
      </c>
      <c r="P67" s="6">
        <v>34009</v>
      </c>
      <c r="Q67" s="6">
        <v>10064</v>
      </c>
      <c r="R67" s="6">
        <v>1560280</v>
      </c>
    </row>
    <row r="68" spans="1:18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130</v>
      </c>
      <c r="F68" s="9" t="s">
        <v>131</v>
      </c>
      <c r="G68" s="6">
        <v>34790</v>
      </c>
      <c r="H68" s="6">
        <v>33940</v>
      </c>
      <c r="I68" s="6">
        <v>21874</v>
      </c>
      <c r="J68" s="6">
        <v>4817</v>
      </c>
      <c r="K68" s="6">
        <v>7249</v>
      </c>
      <c r="L68" s="6">
        <v>507</v>
      </c>
      <c r="M68" s="6">
        <v>11</v>
      </c>
      <c r="N68" s="6">
        <v>92</v>
      </c>
      <c r="O68" s="6">
        <v>83</v>
      </c>
      <c r="P68" s="10" t="s">
        <v>55</v>
      </c>
      <c r="Q68" s="6">
        <v>157</v>
      </c>
      <c r="R68" s="6">
        <v>34447</v>
      </c>
    </row>
    <row r="69" spans="1:18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130</v>
      </c>
      <c r="F69" s="9" t="s">
        <v>132</v>
      </c>
      <c r="G69" s="6">
        <v>523757</v>
      </c>
      <c r="H69" s="6">
        <v>473210</v>
      </c>
      <c r="I69" s="6">
        <v>351703</v>
      </c>
      <c r="J69" s="6">
        <v>46698</v>
      </c>
      <c r="K69" s="6">
        <v>74809</v>
      </c>
      <c r="L69" s="6">
        <v>18300</v>
      </c>
      <c r="M69" s="6">
        <v>1211</v>
      </c>
      <c r="N69" s="6">
        <v>25108</v>
      </c>
      <c r="O69" s="6">
        <v>4258</v>
      </c>
      <c r="P69" s="10" t="s">
        <v>55</v>
      </c>
      <c r="Q69" s="6">
        <v>1670</v>
      </c>
      <c r="R69" s="6">
        <v>491510</v>
      </c>
    </row>
    <row r="70" spans="1:18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130</v>
      </c>
      <c r="F70" s="9" t="s">
        <v>133</v>
      </c>
      <c r="G70" s="6">
        <v>500914</v>
      </c>
      <c r="H70" s="6">
        <v>476359</v>
      </c>
      <c r="I70" s="6">
        <v>200880</v>
      </c>
      <c r="J70" s="6">
        <v>31088</v>
      </c>
      <c r="K70" s="6">
        <v>244391</v>
      </c>
      <c r="L70" s="6">
        <v>13221</v>
      </c>
      <c r="M70" s="6">
        <v>512</v>
      </c>
      <c r="N70" s="6">
        <v>3986</v>
      </c>
      <c r="O70" s="6">
        <v>4053</v>
      </c>
      <c r="P70" s="10" t="s">
        <v>55</v>
      </c>
      <c r="Q70" s="6">
        <v>2783</v>
      </c>
      <c r="R70" s="6">
        <v>489580</v>
      </c>
    </row>
    <row r="71" spans="1:18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130</v>
      </c>
      <c r="F71" s="9" t="s">
        <v>134</v>
      </c>
      <c r="G71" s="6">
        <v>3362552</v>
      </c>
      <c r="H71" s="6">
        <v>3038185</v>
      </c>
      <c r="I71" s="6">
        <v>1058642</v>
      </c>
      <c r="J71" s="6">
        <v>82639</v>
      </c>
      <c r="K71" s="6">
        <v>1896904</v>
      </c>
      <c r="L71" s="6">
        <v>113449</v>
      </c>
      <c r="M71" s="6">
        <v>17204</v>
      </c>
      <c r="N71" s="6">
        <v>74383</v>
      </c>
      <c r="O71" s="6">
        <v>101551</v>
      </c>
      <c r="P71" s="10" t="s">
        <v>55</v>
      </c>
      <c r="Q71" s="6">
        <v>17780</v>
      </c>
      <c r="R71" s="6">
        <v>3151634</v>
      </c>
    </row>
    <row r="72" spans="1:18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130</v>
      </c>
      <c r="F72" s="9" t="s">
        <v>135</v>
      </c>
      <c r="G72" s="6">
        <v>608338</v>
      </c>
      <c r="H72" s="6">
        <v>587674</v>
      </c>
      <c r="I72" s="6">
        <v>425076</v>
      </c>
      <c r="J72" s="6">
        <v>39272</v>
      </c>
      <c r="K72" s="6">
        <v>123326</v>
      </c>
      <c r="L72" s="6">
        <v>8544</v>
      </c>
      <c r="M72" s="6">
        <v>1803</v>
      </c>
      <c r="N72" s="6">
        <v>5354</v>
      </c>
      <c r="O72" s="6">
        <v>1791</v>
      </c>
      <c r="P72" s="10" t="s">
        <v>55</v>
      </c>
      <c r="Q72" s="6">
        <v>3172</v>
      </c>
      <c r="R72" s="6">
        <v>596218</v>
      </c>
    </row>
    <row r="73" spans="1:18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130</v>
      </c>
      <c r="F73" s="9" t="s">
        <v>136</v>
      </c>
      <c r="G73" s="6">
        <v>441348</v>
      </c>
      <c r="H73" s="6">
        <v>284234</v>
      </c>
      <c r="I73" s="6">
        <v>167495</v>
      </c>
      <c r="J73" s="6">
        <v>11842</v>
      </c>
      <c r="K73" s="6">
        <v>104897</v>
      </c>
      <c r="L73" s="6">
        <v>76478</v>
      </c>
      <c r="M73" s="6">
        <v>5473</v>
      </c>
      <c r="N73" s="6">
        <v>45263</v>
      </c>
      <c r="O73" s="6">
        <v>27950</v>
      </c>
      <c r="P73" s="10" t="s">
        <v>55</v>
      </c>
      <c r="Q73" s="6">
        <v>1950</v>
      </c>
      <c r="R73" s="6">
        <v>360712</v>
      </c>
    </row>
    <row r="74" spans="1:18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130</v>
      </c>
      <c r="F74" s="9" t="s">
        <v>137</v>
      </c>
      <c r="G74" s="6">
        <v>637184</v>
      </c>
      <c r="H74" s="6">
        <v>470553</v>
      </c>
      <c r="I74" s="6">
        <v>309325</v>
      </c>
      <c r="J74" s="6">
        <v>27259</v>
      </c>
      <c r="K74" s="6">
        <v>133969</v>
      </c>
      <c r="L74" s="6">
        <v>33861</v>
      </c>
      <c r="M74" s="6">
        <v>9076</v>
      </c>
      <c r="N74" s="6">
        <v>78065</v>
      </c>
      <c r="O74" s="6">
        <v>43454</v>
      </c>
      <c r="P74" s="10" t="s">
        <v>55</v>
      </c>
      <c r="Q74" s="6">
        <v>2175</v>
      </c>
      <c r="R74" s="6">
        <v>504414</v>
      </c>
    </row>
    <row r="75" spans="1:18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130</v>
      </c>
      <c r="F75" s="9" t="s">
        <v>138</v>
      </c>
      <c r="G75" s="6">
        <v>1364069</v>
      </c>
      <c r="H75" s="6">
        <v>1170476</v>
      </c>
      <c r="I75" s="6">
        <v>193113</v>
      </c>
      <c r="J75" s="6">
        <v>9977</v>
      </c>
      <c r="K75" s="6">
        <v>967386</v>
      </c>
      <c r="L75" s="6">
        <v>23214</v>
      </c>
      <c r="M75" s="6">
        <v>32770</v>
      </c>
      <c r="N75" s="6">
        <v>52184</v>
      </c>
      <c r="O75" s="6">
        <v>77970</v>
      </c>
      <c r="P75" s="10" t="s">
        <v>55</v>
      </c>
      <c r="Q75" s="6">
        <v>7455</v>
      </c>
      <c r="R75" s="6">
        <v>1193690</v>
      </c>
    </row>
    <row r="76" spans="1:18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130</v>
      </c>
      <c r="F76" s="9" t="s">
        <v>139</v>
      </c>
      <c r="G76" s="6">
        <v>837580</v>
      </c>
      <c r="H76" s="6">
        <v>611010</v>
      </c>
      <c r="I76" s="6">
        <v>235518</v>
      </c>
      <c r="J76" s="6">
        <v>11208</v>
      </c>
      <c r="K76" s="6">
        <v>364284</v>
      </c>
      <c r="L76" s="6">
        <v>25312</v>
      </c>
      <c r="M76" s="6">
        <v>24611</v>
      </c>
      <c r="N76" s="6">
        <v>115776</v>
      </c>
      <c r="O76" s="6">
        <v>54450</v>
      </c>
      <c r="P76" s="6">
        <v>970</v>
      </c>
      <c r="Q76" s="6">
        <v>5451</v>
      </c>
      <c r="R76" s="6">
        <v>636322</v>
      </c>
    </row>
    <row r="77" spans="1:18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130</v>
      </c>
      <c r="F77" s="9" t="s">
        <v>140</v>
      </c>
      <c r="G77" s="6">
        <v>1206102</v>
      </c>
      <c r="H77" s="6">
        <v>1066274</v>
      </c>
      <c r="I77" s="6">
        <v>587479</v>
      </c>
      <c r="J77" s="6">
        <v>26580</v>
      </c>
      <c r="K77" s="6">
        <v>452215</v>
      </c>
      <c r="L77" s="6">
        <v>13707</v>
      </c>
      <c r="M77" s="6">
        <v>16957</v>
      </c>
      <c r="N77" s="6">
        <v>95305</v>
      </c>
      <c r="O77" s="6">
        <v>8636</v>
      </c>
      <c r="P77" s="10" t="s">
        <v>55</v>
      </c>
      <c r="Q77" s="6">
        <v>5223</v>
      </c>
      <c r="R77" s="6">
        <v>1079981</v>
      </c>
    </row>
    <row r="78" spans="1:18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130</v>
      </c>
      <c r="F78" s="9" t="s">
        <v>141</v>
      </c>
      <c r="G78" s="6">
        <v>3867458</v>
      </c>
      <c r="H78" s="6">
        <v>3698891</v>
      </c>
      <c r="I78" s="6">
        <v>2152243</v>
      </c>
      <c r="J78" s="6">
        <v>79626</v>
      </c>
      <c r="K78" s="6">
        <v>1467022</v>
      </c>
      <c r="L78" s="6">
        <v>52039</v>
      </c>
      <c r="M78" s="6">
        <v>13758</v>
      </c>
      <c r="N78" s="6">
        <v>21908</v>
      </c>
      <c r="O78" s="6">
        <v>56979</v>
      </c>
      <c r="P78" s="10" t="s">
        <v>55</v>
      </c>
      <c r="Q78" s="6">
        <v>23883</v>
      </c>
      <c r="R78" s="6">
        <v>3750930</v>
      </c>
    </row>
    <row r="79" spans="1:18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130</v>
      </c>
      <c r="F79" s="9" t="s">
        <v>142</v>
      </c>
      <c r="G79" s="6">
        <v>92510</v>
      </c>
      <c r="H79" s="6">
        <v>91252</v>
      </c>
      <c r="I79" s="6">
        <v>49428</v>
      </c>
      <c r="J79" s="6">
        <v>2100</v>
      </c>
      <c r="K79" s="6">
        <v>39724</v>
      </c>
      <c r="L79" s="6">
        <v>153</v>
      </c>
      <c r="M79" s="6">
        <v>282</v>
      </c>
      <c r="N79" s="6">
        <v>82</v>
      </c>
      <c r="O79" s="6">
        <v>153</v>
      </c>
      <c r="P79" s="10" t="s">
        <v>55</v>
      </c>
      <c r="Q79" s="6">
        <v>588</v>
      </c>
      <c r="R79" s="6">
        <v>91405</v>
      </c>
    </row>
    <row r="80" spans="1:18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130</v>
      </c>
      <c r="F80" s="9" t="s">
        <v>143</v>
      </c>
      <c r="G80" s="6">
        <v>1157654</v>
      </c>
      <c r="H80" s="6">
        <v>1032815</v>
      </c>
      <c r="I80" s="6">
        <v>383295</v>
      </c>
      <c r="J80" s="6">
        <v>85143</v>
      </c>
      <c r="K80" s="6">
        <v>564377</v>
      </c>
      <c r="L80" s="6">
        <v>30294</v>
      </c>
      <c r="M80" s="6">
        <v>2442</v>
      </c>
      <c r="N80" s="6">
        <v>60740</v>
      </c>
      <c r="O80" s="6">
        <v>16484</v>
      </c>
      <c r="P80" s="6">
        <v>6794</v>
      </c>
      <c r="Q80" s="6">
        <v>8085</v>
      </c>
      <c r="R80" s="6">
        <v>1063109</v>
      </c>
    </row>
    <row r="81" spans="1:18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130</v>
      </c>
      <c r="F81" s="9" t="s">
        <v>144</v>
      </c>
      <c r="G81" s="6">
        <v>436429</v>
      </c>
      <c r="H81" s="6">
        <v>436421</v>
      </c>
      <c r="I81" s="6">
        <v>279203</v>
      </c>
      <c r="J81" s="6">
        <v>12512</v>
      </c>
      <c r="K81" s="6">
        <v>144706</v>
      </c>
      <c r="L81" s="10" t="s">
        <v>55</v>
      </c>
      <c r="M81" s="10" t="s">
        <v>55</v>
      </c>
      <c r="N81" s="10" t="s">
        <v>55</v>
      </c>
      <c r="O81" s="10" t="s">
        <v>55</v>
      </c>
      <c r="P81" s="10" t="s">
        <v>55</v>
      </c>
      <c r="Q81" s="6">
        <v>8</v>
      </c>
      <c r="R81" s="6">
        <v>436421</v>
      </c>
    </row>
    <row r="82" spans="1:18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55</v>
      </c>
      <c r="F82" s="9" t="s">
        <v>145</v>
      </c>
      <c r="G82" s="6">
        <v>609712</v>
      </c>
      <c r="H82" s="6">
        <v>290424</v>
      </c>
      <c r="I82" s="6">
        <v>70267</v>
      </c>
      <c r="J82" s="6">
        <v>63450</v>
      </c>
      <c r="K82" s="6">
        <v>156707</v>
      </c>
      <c r="L82" s="6">
        <v>5321</v>
      </c>
      <c r="M82" s="6">
        <v>3220</v>
      </c>
      <c r="N82" s="6">
        <v>46647</v>
      </c>
      <c r="O82" s="6">
        <v>28104</v>
      </c>
      <c r="P82" s="10" t="s">
        <v>55</v>
      </c>
      <c r="Q82" s="6">
        <v>235996</v>
      </c>
      <c r="R82" s="6">
        <v>295745</v>
      </c>
    </row>
    <row r="83" spans="1:18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55</v>
      </c>
      <c r="F83" s="9" t="s">
        <v>146</v>
      </c>
      <c r="G83" s="6">
        <v>100233</v>
      </c>
      <c r="H83" s="6">
        <v>51452</v>
      </c>
      <c r="I83" s="6">
        <v>14171</v>
      </c>
      <c r="J83" s="6">
        <v>1395</v>
      </c>
      <c r="K83" s="6">
        <v>35886</v>
      </c>
      <c r="L83" s="6">
        <v>2539</v>
      </c>
      <c r="M83" s="6">
        <v>994</v>
      </c>
      <c r="N83" s="6">
        <v>8806</v>
      </c>
      <c r="O83" s="6">
        <v>36068</v>
      </c>
      <c r="P83" s="10" t="s">
        <v>55</v>
      </c>
      <c r="Q83" s="6">
        <v>374</v>
      </c>
      <c r="R83" s="6">
        <v>53991</v>
      </c>
    </row>
    <row r="84" spans="1:18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55</v>
      </c>
      <c r="F84" s="9" t="s">
        <v>147</v>
      </c>
      <c r="G84" s="6">
        <v>2147346</v>
      </c>
      <c r="H84" s="6">
        <v>1851591</v>
      </c>
      <c r="I84" s="6">
        <v>1047624</v>
      </c>
      <c r="J84" s="6">
        <v>151219</v>
      </c>
      <c r="K84" s="6">
        <v>652748</v>
      </c>
      <c r="L84" s="6">
        <v>134374</v>
      </c>
      <c r="M84" s="6">
        <v>4477</v>
      </c>
      <c r="N84" s="6">
        <v>28888</v>
      </c>
      <c r="O84" s="6">
        <v>81796</v>
      </c>
      <c r="P84" s="6">
        <v>34009</v>
      </c>
      <c r="Q84" s="6">
        <v>12211</v>
      </c>
      <c r="R84" s="6">
        <v>1985965</v>
      </c>
    </row>
    <row r="85" spans="1:18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55</v>
      </c>
      <c r="F85" s="9" t="s">
        <v>148</v>
      </c>
      <c r="G85" s="6">
        <v>15070685</v>
      </c>
      <c r="H85" s="6">
        <v>13471294</v>
      </c>
      <c r="I85" s="6">
        <v>6415274</v>
      </c>
      <c r="J85" s="6">
        <v>470761</v>
      </c>
      <c r="K85" s="6">
        <v>6585259</v>
      </c>
      <c r="L85" s="6">
        <v>409079</v>
      </c>
      <c r="M85" s="6">
        <v>126110</v>
      </c>
      <c r="N85" s="6">
        <v>578246</v>
      </c>
      <c r="O85" s="6">
        <v>397812</v>
      </c>
      <c r="P85" s="6">
        <v>7764</v>
      </c>
      <c r="Q85" s="6">
        <v>80380</v>
      </c>
      <c r="R85" s="6">
        <v>13880373</v>
      </c>
    </row>
    <row r="86" spans="1:18">
      <c r="A86" s="9" t="s">
        <v>27</v>
      </c>
      <c r="B86" s="9" t="s">
        <v>57</v>
      </c>
      <c r="C86" s="9" t="s">
        <v>58</v>
      </c>
      <c r="D86" s="9" t="s">
        <v>6</v>
      </c>
      <c r="E86" s="9" t="s">
        <v>55</v>
      </c>
      <c r="F86" s="9" t="s">
        <v>6</v>
      </c>
      <c r="G86" s="6">
        <v>399015</v>
      </c>
      <c r="H86" s="6">
        <v>330429</v>
      </c>
      <c r="I86" s="6">
        <v>221312</v>
      </c>
      <c r="J86" s="6">
        <v>9279</v>
      </c>
      <c r="K86" s="6">
        <v>99838</v>
      </c>
      <c r="L86" s="6">
        <v>23222</v>
      </c>
      <c r="M86" s="6">
        <v>8115</v>
      </c>
      <c r="N86" s="6">
        <v>22136</v>
      </c>
      <c r="O86" s="6">
        <v>8554</v>
      </c>
      <c r="P86" s="6">
        <v>319</v>
      </c>
      <c r="Q86" s="6">
        <v>6240</v>
      </c>
      <c r="R86" s="6">
        <v>353651</v>
      </c>
    </row>
    <row r="87" spans="1:18">
      <c r="A87" s="9" t="s">
        <v>27</v>
      </c>
      <c r="B87" s="9" t="s">
        <v>57</v>
      </c>
      <c r="C87" s="9" t="s">
        <v>58</v>
      </c>
      <c r="D87" s="9" t="s">
        <v>6</v>
      </c>
      <c r="E87" s="9" t="s">
        <v>122</v>
      </c>
      <c r="F87" s="9" t="s">
        <v>123</v>
      </c>
      <c r="G87" s="6">
        <v>5584</v>
      </c>
      <c r="H87" s="6">
        <v>2803</v>
      </c>
      <c r="I87" s="6">
        <v>1379</v>
      </c>
      <c r="J87" s="6">
        <v>90</v>
      </c>
      <c r="K87" s="6">
        <v>1334</v>
      </c>
      <c r="L87" s="6">
        <v>219</v>
      </c>
      <c r="M87" s="6">
        <v>280</v>
      </c>
      <c r="N87" s="6">
        <v>1284</v>
      </c>
      <c r="O87" s="6">
        <v>974</v>
      </c>
      <c r="P87" s="10" t="s">
        <v>55</v>
      </c>
      <c r="Q87" s="6">
        <v>24</v>
      </c>
      <c r="R87" s="6">
        <v>3022</v>
      </c>
    </row>
    <row r="88" spans="1:18">
      <c r="A88" s="9" t="s">
        <v>27</v>
      </c>
      <c r="B88" s="9" t="s">
        <v>57</v>
      </c>
      <c r="C88" s="9" t="s">
        <v>58</v>
      </c>
      <c r="D88" s="9" t="s">
        <v>6</v>
      </c>
      <c r="E88" s="9" t="s">
        <v>122</v>
      </c>
      <c r="F88" s="9" t="s">
        <v>124</v>
      </c>
      <c r="G88" s="6">
        <v>5179</v>
      </c>
      <c r="H88" s="6">
        <v>2444</v>
      </c>
      <c r="I88" s="6">
        <v>1098</v>
      </c>
      <c r="J88" s="6">
        <v>84</v>
      </c>
      <c r="K88" s="6">
        <v>1262</v>
      </c>
      <c r="L88" s="6">
        <v>202</v>
      </c>
      <c r="M88" s="6">
        <v>276</v>
      </c>
      <c r="N88" s="6">
        <v>1267</v>
      </c>
      <c r="O88" s="6">
        <v>967</v>
      </c>
      <c r="P88" s="10" t="s">
        <v>55</v>
      </c>
      <c r="Q88" s="6">
        <v>23</v>
      </c>
      <c r="R88" s="6">
        <v>2646</v>
      </c>
    </row>
    <row r="89" spans="1:18">
      <c r="A89" s="9" t="s">
        <v>27</v>
      </c>
      <c r="B89" s="9" t="s">
        <v>57</v>
      </c>
      <c r="C89" s="9" t="s">
        <v>58</v>
      </c>
      <c r="D89" s="9" t="s">
        <v>6</v>
      </c>
      <c r="E89" s="9" t="s">
        <v>122</v>
      </c>
      <c r="F89" s="9" t="s">
        <v>125</v>
      </c>
      <c r="G89" s="6">
        <v>186</v>
      </c>
      <c r="H89" s="6">
        <v>101</v>
      </c>
      <c r="I89" s="6">
        <v>75</v>
      </c>
      <c r="J89" s="6">
        <v>1</v>
      </c>
      <c r="K89" s="6">
        <v>25</v>
      </c>
      <c r="L89" s="6">
        <v>8</v>
      </c>
      <c r="M89" s="6">
        <v>11</v>
      </c>
      <c r="N89" s="6">
        <v>41</v>
      </c>
      <c r="O89" s="6">
        <v>25</v>
      </c>
      <c r="P89" s="10" t="s">
        <v>55</v>
      </c>
      <c r="Q89" s="10" t="s">
        <v>55</v>
      </c>
      <c r="R89" s="6">
        <v>109</v>
      </c>
    </row>
    <row r="90" spans="1:18">
      <c r="A90" s="9" t="s">
        <v>27</v>
      </c>
      <c r="B90" s="9" t="s">
        <v>57</v>
      </c>
      <c r="C90" s="9" t="s">
        <v>58</v>
      </c>
      <c r="D90" s="9" t="s">
        <v>6</v>
      </c>
      <c r="E90" s="9" t="s">
        <v>126</v>
      </c>
      <c r="F90" s="9" t="s">
        <v>127</v>
      </c>
      <c r="G90" s="6">
        <v>59</v>
      </c>
      <c r="H90" s="6">
        <v>48</v>
      </c>
      <c r="I90" s="6">
        <v>42</v>
      </c>
      <c r="J90" s="6">
        <v>1</v>
      </c>
      <c r="K90" s="6">
        <v>5</v>
      </c>
      <c r="L90" s="6">
        <v>9</v>
      </c>
      <c r="M90" s="6">
        <v>1</v>
      </c>
      <c r="N90" s="6">
        <v>1</v>
      </c>
      <c r="O90" s="10" t="s">
        <v>55</v>
      </c>
      <c r="P90" s="10" t="s">
        <v>55</v>
      </c>
      <c r="Q90" s="10" t="s">
        <v>55</v>
      </c>
      <c r="R90" s="6">
        <v>57</v>
      </c>
    </row>
    <row r="91" spans="1:18">
      <c r="A91" s="9" t="s">
        <v>27</v>
      </c>
      <c r="B91" s="9" t="s">
        <v>57</v>
      </c>
      <c r="C91" s="9" t="s">
        <v>58</v>
      </c>
      <c r="D91" s="9" t="s">
        <v>6</v>
      </c>
      <c r="E91" s="9" t="s">
        <v>126</v>
      </c>
      <c r="F91" s="9" t="s">
        <v>128</v>
      </c>
      <c r="G91" s="6">
        <v>29012</v>
      </c>
      <c r="H91" s="6">
        <v>18574</v>
      </c>
      <c r="I91" s="6">
        <v>16210</v>
      </c>
      <c r="J91" s="6">
        <v>217</v>
      </c>
      <c r="K91" s="6">
        <v>2147</v>
      </c>
      <c r="L91" s="6">
        <v>4599</v>
      </c>
      <c r="M91" s="6">
        <v>1135</v>
      </c>
      <c r="N91" s="6">
        <v>3529</v>
      </c>
      <c r="O91" s="6">
        <v>964</v>
      </c>
      <c r="P91" s="10" t="s">
        <v>55</v>
      </c>
      <c r="Q91" s="6">
        <v>211</v>
      </c>
      <c r="R91" s="6">
        <v>23173</v>
      </c>
    </row>
    <row r="92" spans="1:18">
      <c r="A92" s="9" t="s">
        <v>27</v>
      </c>
      <c r="B92" s="9" t="s">
        <v>57</v>
      </c>
      <c r="C92" s="9" t="s">
        <v>58</v>
      </c>
      <c r="D92" s="9" t="s">
        <v>6</v>
      </c>
      <c r="E92" s="9" t="s">
        <v>126</v>
      </c>
      <c r="F92" s="9" t="s">
        <v>129</v>
      </c>
      <c r="G92" s="6">
        <v>43542</v>
      </c>
      <c r="H92" s="6">
        <v>39894</v>
      </c>
      <c r="I92" s="6">
        <v>29957</v>
      </c>
      <c r="J92" s="6">
        <v>2935</v>
      </c>
      <c r="K92" s="6">
        <v>7002</v>
      </c>
      <c r="L92" s="6">
        <v>1806</v>
      </c>
      <c r="M92" s="6">
        <v>175</v>
      </c>
      <c r="N92" s="6">
        <v>900</v>
      </c>
      <c r="O92" s="6">
        <v>277</v>
      </c>
      <c r="P92" s="6">
        <v>267</v>
      </c>
      <c r="Q92" s="6">
        <v>223</v>
      </c>
      <c r="R92" s="6">
        <v>41700</v>
      </c>
    </row>
    <row r="93" spans="1:18">
      <c r="A93" s="9" t="s">
        <v>27</v>
      </c>
      <c r="B93" s="9" t="s">
        <v>57</v>
      </c>
      <c r="C93" s="9" t="s">
        <v>58</v>
      </c>
      <c r="D93" s="9" t="s">
        <v>6</v>
      </c>
      <c r="E93" s="9" t="s">
        <v>130</v>
      </c>
      <c r="F93" s="9" t="s">
        <v>131</v>
      </c>
      <c r="G93" s="6">
        <v>1921</v>
      </c>
      <c r="H93" s="6">
        <v>1859</v>
      </c>
      <c r="I93" s="6">
        <v>1649</v>
      </c>
      <c r="J93" s="6">
        <v>59</v>
      </c>
      <c r="K93" s="6">
        <v>151</v>
      </c>
      <c r="L93" s="6">
        <v>40</v>
      </c>
      <c r="M93" s="6">
        <v>2</v>
      </c>
      <c r="N93" s="6">
        <v>9</v>
      </c>
      <c r="O93" s="6">
        <v>1</v>
      </c>
      <c r="P93" s="10" t="s">
        <v>55</v>
      </c>
      <c r="Q93" s="6">
        <v>10</v>
      </c>
      <c r="R93" s="6">
        <v>1899</v>
      </c>
    </row>
    <row r="94" spans="1:18">
      <c r="A94" s="9" t="s">
        <v>27</v>
      </c>
      <c r="B94" s="9" t="s">
        <v>57</v>
      </c>
      <c r="C94" s="9" t="s">
        <v>58</v>
      </c>
      <c r="D94" s="9" t="s">
        <v>6</v>
      </c>
      <c r="E94" s="9" t="s">
        <v>130</v>
      </c>
      <c r="F94" s="9" t="s">
        <v>132</v>
      </c>
      <c r="G94" s="6">
        <v>7530</v>
      </c>
      <c r="H94" s="6">
        <v>6334</v>
      </c>
      <c r="I94" s="6">
        <v>5147</v>
      </c>
      <c r="J94" s="6">
        <v>313</v>
      </c>
      <c r="K94" s="6">
        <v>874</v>
      </c>
      <c r="L94" s="6">
        <v>613</v>
      </c>
      <c r="M94" s="6">
        <v>31</v>
      </c>
      <c r="N94" s="6">
        <v>490</v>
      </c>
      <c r="O94" s="6">
        <v>32</v>
      </c>
      <c r="P94" s="10" t="s">
        <v>55</v>
      </c>
      <c r="Q94" s="6">
        <v>30</v>
      </c>
      <c r="R94" s="6">
        <v>6947</v>
      </c>
    </row>
    <row r="95" spans="1:18">
      <c r="A95" s="9" t="s">
        <v>27</v>
      </c>
      <c r="B95" s="9" t="s">
        <v>57</v>
      </c>
      <c r="C95" s="9" t="s">
        <v>58</v>
      </c>
      <c r="D95" s="9" t="s">
        <v>6</v>
      </c>
      <c r="E95" s="9" t="s">
        <v>130</v>
      </c>
      <c r="F95" s="9" t="s">
        <v>133</v>
      </c>
      <c r="G95" s="6">
        <v>14499</v>
      </c>
      <c r="H95" s="6">
        <v>13085</v>
      </c>
      <c r="I95" s="6">
        <v>10233</v>
      </c>
      <c r="J95" s="6">
        <v>400</v>
      </c>
      <c r="K95" s="6">
        <v>2452</v>
      </c>
      <c r="L95" s="6">
        <v>557</v>
      </c>
      <c r="M95" s="6">
        <v>50</v>
      </c>
      <c r="N95" s="6">
        <v>611</v>
      </c>
      <c r="O95" s="6">
        <v>53</v>
      </c>
      <c r="P95" s="10" t="s">
        <v>55</v>
      </c>
      <c r="Q95" s="6">
        <v>143</v>
      </c>
      <c r="R95" s="6">
        <v>13642</v>
      </c>
    </row>
    <row r="96" spans="1:18">
      <c r="A96" s="9" t="s">
        <v>27</v>
      </c>
      <c r="B96" s="9" t="s">
        <v>57</v>
      </c>
      <c r="C96" s="9" t="s">
        <v>58</v>
      </c>
      <c r="D96" s="9" t="s">
        <v>6</v>
      </c>
      <c r="E96" s="9" t="s">
        <v>130</v>
      </c>
      <c r="F96" s="9" t="s">
        <v>134</v>
      </c>
      <c r="G96" s="6">
        <v>66394</v>
      </c>
      <c r="H96" s="6">
        <v>55434</v>
      </c>
      <c r="I96" s="6">
        <v>29716</v>
      </c>
      <c r="J96" s="6">
        <v>923</v>
      </c>
      <c r="K96" s="6">
        <v>24795</v>
      </c>
      <c r="L96" s="6">
        <v>5071</v>
      </c>
      <c r="M96" s="6">
        <v>1195</v>
      </c>
      <c r="N96" s="6">
        <v>2745</v>
      </c>
      <c r="O96" s="6">
        <v>1590</v>
      </c>
      <c r="P96" s="10" t="s">
        <v>55</v>
      </c>
      <c r="Q96" s="6">
        <v>359</v>
      </c>
      <c r="R96" s="6">
        <v>60505</v>
      </c>
    </row>
    <row r="97" spans="1:18">
      <c r="A97" s="9" t="s">
        <v>27</v>
      </c>
      <c r="B97" s="9" t="s">
        <v>57</v>
      </c>
      <c r="C97" s="9" t="s">
        <v>58</v>
      </c>
      <c r="D97" s="9" t="s">
        <v>6</v>
      </c>
      <c r="E97" s="9" t="s">
        <v>130</v>
      </c>
      <c r="F97" s="9" t="s">
        <v>135</v>
      </c>
      <c r="G97" s="6">
        <v>10356</v>
      </c>
      <c r="H97" s="6">
        <v>9334</v>
      </c>
      <c r="I97" s="6">
        <v>7825</v>
      </c>
      <c r="J97" s="6">
        <v>200</v>
      </c>
      <c r="K97" s="6">
        <v>1309</v>
      </c>
      <c r="L97" s="6">
        <v>606</v>
      </c>
      <c r="M97" s="6">
        <v>63</v>
      </c>
      <c r="N97" s="6">
        <v>260</v>
      </c>
      <c r="O97" s="6">
        <v>32</v>
      </c>
      <c r="P97" s="10" t="s">
        <v>55</v>
      </c>
      <c r="Q97" s="6">
        <v>61</v>
      </c>
      <c r="R97" s="6">
        <v>9940</v>
      </c>
    </row>
    <row r="98" spans="1:18">
      <c r="A98" s="9" t="s">
        <v>27</v>
      </c>
      <c r="B98" s="9" t="s">
        <v>57</v>
      </c>
      <c r="C98" s="9" t="s">
        <v>58</v>
      </c>
      <c r="D98" s="9" t="s">
        <v>6</v>
      </c>
      <c r="E98" s="9" t="s">
        <v>130</v>
      </c>
      <c r="F98" s="9" t="s">
        <v>136</v>
      </c>
      <c r="G98" s="6">
        <v>9049</v>
      </c>
      <c r="H98" s="6">
        <v>5316</v>
      </c>
      <c r="I98" s="6">
        <v>3456</v>
      </c>
      <c r="J98" s="6">
        <v>111</v>
      </c>
      <c r="K98" s="6">
        <v>1749</v>
      </c>
      <c r="L98" s="6">
        <v>2010</v>
      </c>
      <c r="M98" s="6">
        <v>224</v>
      </c>
      <c r="N98" s="6">
        <v>1068</v>
      </c>
      <c r="O98" s="6">
        <v>383</v>
      </c>
      <c r="P98" s="10" t="s">
        <v>55</v>
      </c>
      <c r="Q98" s="6">
        <v>48</v>
      </c>
      <c r="R98" s="6">
        <v>7326</v>
      </c>
    </row>
    <row r="99" spans="1:18">
      <c r="A99" s="9" t="s">
        <v>27</v>
      </c>
      <c r="B99" s="9" t="s">
        <v>57</v>
      </c>
      <c r="C99" s="9" t="s">
        <v>58</v>
      </c>
      <c r="D99" s="9" t="s">
        <v>6</v>
      </c>
      <c r="E99" s="9" t="s">
        <v>130</v>
      </c>
      <c r="F99" s="9" t="s">
        <v>137</v>
      </c>
      <c r="G99" s="6">
        <v>13653</v>
      </c>
      <c r="H99" s="6">
        <v>8558</v>
      </c>
      <c r="I99" s="6">
        <v>6661</v>
      </c>
      <c r="J99" s="6">
        <v>224</v>
      </c>
      <c r="K99" s="6">
        <v>1673</v>
      </c>
      <c r="L99" s="6">
        <v>1548</v>
      </c>
      <c r="M99" s="6">
        <v>852</v>
      </c>
      <c r="N99" s="6">
        <v>1957</v>
      </c>
      <c r="O99" s="6">
        <v>692</v>
      </c>
      <c r="P99" s="10" t="s">
        <v>55</v>
      </c>
      <c r="Q99" s="6">
        <v>46</v>
      </c>
      <c r="R99" s="6">
        <v>10106</v>
      </c>
    </row>
    <row r="100" spans="1:18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130</v>
      </c>
      <c r="F100" s="9" t="s">
        <v>138</v>
      </c>
      <c r="G100" s="6">
        <v>23870</v>
      </c>
      <c r="H100" s="6">
        <v>18679</v>
      </c>
      <c r="I100" s="6">
        <v>5400</v>
      </c>
      <c r="J100" s="6">
        <v>208</v>
      </c>
      <c r="K100" s="6">
        <v>13071</v>
      </c>
      <c r="L100" s="6">
        <v>1012</v>
      </c>
      <c r="M100" s="6">
        <v>1462</v>
      </c>
      <c r="N100" s="6">
        <v>1438</v>
      </c>
      <c r="O100" s="6">
        <v>1141</v>
      </c>
      <c r="P100" s="10" t="s">
        <v>55</v>
      </c>
      <c r="Q100" s="6">
        <v>138</v>
      </c>
      <c r="R100" s="6">
        <v>19691</v>
      </c>
    </row>
    <row r="101" spans="1:18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130</v>
      </c>
      <c r="F101" s="9" t="s">
        <v>139</v>
      </c>
      <c r="G101" s="6">
        <v>15135</v>
      </c>
      <c r="H101" s="6">
        <v>10095</v>
      </c>
      <c r="I101" s="6">
        <v>5220</v>
      </c>
      <c r="J101" s="6">
        <v>162</v>
      </c>
      <c r="K101" s="6">
        <v>4713</v>
      </c>
      <c r="L101" s="6">
        <v>748</v>
      </c>
      <c r="M101" s="6">
        <v>795</v>
      </c>
      <c r="N101" s="6">
        <v>2567</v>
      </c>
      <c r="O101" s="6">
        <v>826</v>
      </c>
      <c r="P101" s="6">
        <v>11</v>
      </c>
      <c r="Q101" s="6">
        <v>93</v>
      </c>
      <c r="R101" s="6">
        <v>10843</v>
      </c>
    </row>
    <row r="102" spans="1:18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130</v>
      </c>
      <c r="F102" s="9" t="s">
        <v>140</v>
      </c>
      <c r="G102" s="6">
        <v>24737</v>
      </c>
      <c r="H102" s="6">
        <v>22544</v>
      </c>
      <c r="I102" s="6">
        <v>15494</v>
      </c>
      <c r="J102" s="6">
        <v>223</v>
      </c>
      <c r="K102" s="6">
        <v>6827</v>
      </c>
      <c r="L102" s="6">
        <v>411</v>
      </c>
      <c r="M102" s="6">
        <v>277</v>
      </c>
      <c r="N102" s="6">
        <v>1285</v>
      </c>
      <c r="O102" s="6">
        <v>123</v>
      </c>
      <c r="P102" s="10" t="s">
        <v>55</v>
      </c>
      <c r="Q102" s="6">
        <v>97</v>
      </c>
      <c r="R102" s="6">
        <v>22955</v>
      </c>
    </row>
    <row r="103" spans="1:18">
      <c r="A103" s="9" t="s">
        <v>27</v>
      </c>
      <c r="B103" s="9" t="s">
        <v>57</v>
      </c>
      <c r="C103" s="9" t="s">
        <v>58</v>
      </c>
      <c r="D103" s="9" t="s">
        <v>6</v>
      </c>
      <c r="E103" s="9" t="s">
        <v>130</v>
      </c>
      <c r="F103" s="9" t="s">
        <v>141</v>
      </c>
      <c r="G103" s="6">
        <v>71723</v>
      </c>
      <c r="H103" s="6">
        <v>66104</v>
      </c>
      <c r="I103" s="6">
        <v>47340</v>
      </c>
      <c r="J103" s="6">
        <v>1011</v>
      </c>
      <c r="K103" s="6">
        <v>17753</v>
      </c>
      <c r="L103" s="6">
        <v>2309</v>
      </c>
      <c r="M103" s="6">
        <v>1178</v>
      </c>
      <c r="N103" s="6">
        <v>846</v>
      </c>
      <c r="O103" s="6">
        <v>868</v>
      </c>
      <c r="P103" s="10" t="s">
        <v>55</v>
      </c>
      <c r="Q103" s="6">
        <v>418</v>
      </c>
      <c r="R103" s="6">
        <v>68413</v>
      </c>
    </row>
    <row r="104" spans="1:18">
      <c r="A104" s="9" t="s">
        <v>27</v>
      </c>
      <c r="B104" s="9" t="s">
        <v>57</v>
      </c>
      <c r="C104" s="9" t="s">
        <v>58</v>
      </c>
      <c r="D104" s="9" t="s">
        <v>6</v>
      </c>
      <c r="E104" s="9" t="s">
        <v>130</v>
      </c>
      <c r="F104" s="9" t="s">
        <v>142</v>
      </c>
      <c r="G104" s="6">
        <v>4016</v>
      </c>
      <c r="H104" s="6">
        <v>3921</v>
      </c>
      <c r="I104" s="6">
        <v>2844</v>
      </c>
      <c r="J104" s="6">
        <v>82</v>
      </c>
      <c r="K104" s="6">
        <v>995</v>
      </c>
      <c r="L104" s="6">
        <v>23</v>
      </c>
      <c r="M104" s="6">
        <v>27</v>
      </c>
      <c r="N104" s="6">
        <v>8</v>
      </c>
      <c r="O104" s="6">
        <v>16</v>
      </c>
      <c r="P104" s="10" t="s">
        <v>55</v>
      </c>
      <c r="Q104" s="6">
        <v>21</v>
      </c>
      <c r="R104" s="6">
        <v>3944</v>
      </c>
    </row>
    <row r="105" spans="1:18">
      <c r="A105" s="9" t="s">
        <v>27</v>
      </c>
      <c r="B105" s="9" t="s">
        <v>57</v>
      </c>
      <c r="C105" s="9" t="s">
        <v>58</v>
      </c>
      <c r="D105" s="9" t="s">
        <v>6</v>
      </c>
      <c r="E105" s="9" t="s">
        <v>130</v>
      </c>
      <c r="F105" s="9" t="s">
        <v>143</v>
      </c>
      <c r="G105" s="6">
        <v>25913</v>
      </c>
      <c r="H105" s="6">
        <v>21454</v>
      </c>
      <c r="I105" s="6">
        <v>11781</v>
      </c>
      <c r="J105" s="6">
        <v>1421</v>
      </c>
      <c r="K105" s="6">
        <v>8252</v>
      </c>
      <c r="L105" s="6">
        <v>1484</v>
      </c>
      <c r="M105" s="6">
        <v>241</v>
      </c>
      <c r="N105" s="6">
        <v>2128</v>
      </c>
      <c r="O105" s="6">
        <v>331</v>
      </c>
      <c r="P105" s="6">
        <v>41</v>
      </c>
      <c r="Q105" s="6">
        <v>234</v>
      </c>
      <c r="R105" s="6">
        <v>22938</v>
      </c>
    </row>
    <row r="106" spans="1:18">
      <c r="A106" s="9" t="s">
        <v>27</v>
      </c>
      <c r="B106" s="9" t="s">
        <v>57</v>
      </c>
      <c r="C106" s="9" t="s">
        <v>58</v>
      </c>
      <c r="D106" s="9" t="s">
        <v>6</v>
      </c>
      <c r="E106" s="9" t="s">
        <v>130</v>
      </c>
      <c r="F106" s="9" t="s">
        <v>144</v>
      </c>
      <c r="G106" s="6">
        <v>22339</v>
      </c>
      <c r="H106" s="6">
        <v>22338</v>
      </c>
      <c r="I106" s="6">
        <v>19396</v>
      </c>
      <c r="J106" s="6">
        <v>125</v>
      </c>
      <c r="K106" s="6">
        <v>2817</v>
      </c>
      <c r="L106" s="10" t="s">
        <v>55</v>
      </c>
      <c r="M106" s="10" t="s">
        <v>55</v>
      </c>
      <c r="N106" s="10" t="s">
        <v>55</v>
      </c>
      <c r="O106" s="10" t="s">
        <v>55</v>
      </c>
      <c r="P106" s="10" t="s">
        <v>55</v>
      </c>
      <c r="Q106" s="6">
        <v>1</v>
      </c>
      <c r="R106" s="6">
        <v>22338</v>
      </c>
    </row>
    <row r="107" spans="1:18">
      <c r="A107" s="9" t="s">
        <v>27</v>
      </c>
      <c r="B107" s="9" t="s">
        <v>57</v>
      </c>
      <c r="C107" s="9" t="s">
        <v>58</v>
      </c>
      <c r="D107" s="9" t="s">
        <v>6</v>
      </c>
      <c r="E107" s="9" t="s">
        <v>55</v>
      </c>
      <c r="F107" s="9" t="s">
        <v>145</v>
      </c>
      <c r="G107" s="6">
        <v>9497</v>
      </c>
      <c r="H107" s="6">
        <v>3954</v>
      </c>
      <c r="I107" s="6">
        <v>1487</v>
      </c>
      <c r="J107" s="6">
        <v>573</v>
      </c>
      <c r="K107" s="6">
        <v>1894</v>
      </c>
      <c r="L107" s="6">
        <v>149</v>
      </c>
      <c r="M107" s="6">
        <v>116</v>
      </c>
      <c r="N107" s="6">
        <v>969</v>
      </c>
      <c r="O107" s="6">
        <v>226</v>
      </c>
      <c r="P107" s="10" t="s">
        <v>55</v>
      </c>
      <c r="Q107" s="6">
        <v>4083</v>
      </c>
      <c r="R107" s="6">
        <v>4103</v>
      </c>
    </row>
    <row r="108" spans="1:18">
      <c r="A108" s="9" t="s">
        <v>27</v>
      </c>
      <c r="B108" s="9" t="s">
        <v>57</v>
      </c>
      <c r="C108" s="9" t="s">
        <v>58</v>
      </c>
      <c r="D108" s="9" t="s">
        <v>6</v>
      </c>
      <c r="E108" s="9" t="s">
        <v>55</v>
      </c>
      <c r="F108" s="9" t="s">
        <v>146</v>
      </c>
      <c r="G108" s="6">
        <v>5770</v>
      </c>
      <c r="H108" s="6">
        <v>2904</v>
      </c>
      <c r="I108" s="6">
        <v>1454</v>
      </c>
      <c r="J108" s="6">
        <v>91</v>
      </c>
      <c r="K108" s="6">
        <v>1359</v>
      </c>
      <c r="L108" s="6">
        <v>227</v>
      </c>
      <c r="M108" s="6">
        <v>291</v>
      </c>
      <c r="N108" s="6">
        <v>1325</v>
      </c>
      <c r="O108" s="6">
        <v>999</v>
      </c>
      <c r="P108" s="10" t="s">
        <v>55</v>
      </c>
      <c r="Q108" s="6">
        <v>24</v>
      </c>
      <c r="R108" s="6">
        <v>3131</v>
      </c>
    </row>
    <row r="109" spans="1:18">
      <c r="A109" s="9" t="s">
        <v>27</v>
      </c>
      <c r="B109" s="9" t="s">
        <v>57</v>
      </c>
      <c r="C109" s="9" t="s">
        <v>58</v>
      </c>
      <c r="D109" s="9" t="s">
        <v>6</v>
      </c>
      <c r="E109" s="9" t="s">
        <v>55</v>
      </c>
      <c r="F109" s="9" t="s">
        <v>147</v>
      </c>
      <c r="G109" s="6">
        <v>72613</v>
      </c>
      <c r="H109" s="6">
        <v>58516</v>
      </c>
      <c r="I109" s="6">
        <v>46209</v>
      </c>
      <c r="J109" s="6">
        <v>3153</v>
      </c>
      <c r="K109" s="6">
        <v>9154</v>
      </c>
      <c r="L109" s="6">
        <v>6414</v>
      </c>
      <c r="M109" s="6">
        <v>1311</v>
      </c>
      <c r="N109" s="6">
        <v>4430</v>
      </c>
      <c r="O109" s="6">
        <v>1241</v>
      </c>
      <c r="P109" s="6">
        <v>267</v>
      </c>
      <c r="Q109" s="6">
        <v>434</v>
      </c>
      <c r="R109" s="6">
        <v>64930</v>
      </c>
    </row>
    <row r="110" spans="1:18">
      <c r="A110" s="9" t="s">
        <v>27</v>
      </c>
      <c r="B110" s="9" t="s">
        <v>57</v>
      </c>
      <c r="C110" s="9" t="s">
        <v>58</v>
      </c>
      <c r="D110" s="9" t="s">
        <v>6</v>
      </c>
      <c r="E110" s="9" t="s">
        <v>55</v>
      </c>
      <c r="F110" s="9" t="s">
        <v>148</v>
      </c>
      <c r="G110" s="6">
        <v>311135</v>
      </c>
      <c r="H110" s="6">
        <v>265055</v>
      </c>
      <c r="I110" s="6">
        <v>172162</v>
      </c>
      <c r="J110" s="6">
        <v>5462</v>
      </c>
      <c r="K110" s="6">
        <v>87431</v>
      </c>
      <c r="L110" s="6">
        <v>16432</v>
      </c>
      <c r="M110" s="6">
        <v>6397</v>
      </c>
      <c r="N110" s="6">
        <v>15412</v>
      </c>
      <c r="O110" s="6">
        <v>6088</v>
      </c>
      <c r="P110" s="6">
        <v>52</v>
      </c>
      <c r="Q110" s="6">
        <v>1699</v>
      </c>
      <c r="R110" s="6">
        <v>281487</v>
      </c>
    </row>
    <row r="111" spans="1:18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55</v>
      </c>
      <c r="F111" s="9" t="s">
        <v>6</v>
      </c>
      <c r="G111" s="6">
        <v>207097</v>
      </c>
      <c r="H111" s="6">
        <v>164021</v>
      </c>
      <c r="I111" s="6">
        <v>134972</v>
      </c>
      <c r="J111" s="6">
        <v>3818</v>
      </c>
      <c r="K111" s="6">
        <v>25231</v>
      </c>
      <c r="L111" s="6">
        <v>16292</v>
      </c>
      <c r="M111" s="6">
        <v>6398</v>
      </c>
      <c r="N111" s="6">
        <v>15259</v>
      </c>
      <c r="O111" s="6">
        <v>1658</v>
      </c>
      <c r="P111" s="6">
        <v>27</v>
      </c>
      <c r="Q111" s="6">
        <v>3442</v>
      </c>
      <c r="R111" s="6">
        <v>180313</v>
      </c>
    </row>
    <row r="112" spans="1:18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122</v>
      </c>
      <c r="F112" s="9" t="s">
        <v>123</v>
      </c>
      <c r="G112" s="6">
        <v>3441</v>
      </c>
      <c r="H112" s="6">
        <v>1558</v>
      </c>
      <c r="I112" s="6">
        <v>1042</v>
      </c>
      <c r="J112" s="6">
        <v>59</v>
      </c>
      <c r="K112" s="6">
        <v>457</v>
      </c>
      <c r="L112" s="6">
        <v>165</v>
      </c>
      <c r="M112" s="6">
        <v>265</v>
      </c>
      <c r="N112" s="6">
        <v>1154</v>
      </c>
      <c r="O112" s="6">
        <v>278</v>
      </c>
      <c r="P112" s="10" t="s">
        <v>55</v>
      </c>
      <c r="Q112" s="6">
        <v>21</v>
      </c>
      <c r="R112" s="6">
        <v>1723</v>
      </c>
    </row>
    <row r="113" spans="1:18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122</v>
      </c>
      <c r="F113" s="9" t="s">
        <v>124</v>
      </c>
      <c r="G113" s="6">
        <v>3125</v>
      </c>
      <c r="H113" s="6">
        <v>1282</v>
      </c>
      <c r="I113" s="6">
        <v>793</v>
      </c>
      <c r="J113" s="6">
        <v>56</v>
      </c>
      <c r="K113" s="6">
        <v>433</v>
      </c>
      <c r="L113" s="6">
        <v>149</v>
      </c>
      <c r="M113" s="6">
        <v>261</v>
      </c>
      <c r="N113" s="6">
        <v>1137</v>
      </c>
      <c r="O113" s="6">
        <v>275</v>
      </c>
      <c r="P113" s="10" t="s">
        <v>55</v>
      </c>
      <c r="Q113" s="6">
        <v>21</v>
      </c>
      <c r="R113" s="6">
        <v>1431</v>
      </c>
    </row>
    <row r="114" spans="1:18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122</v>
      </c>
      <c r="F114" s="9" t="s">
        <v>125</v>
      </c>
      <c r="G114" s="6">
        <v>146</v>
      </c>
      <c r="H114" s="6">
        <v>77</v>
      </c>
      <c r="I114" s="6">
        <v>62</v>
      </c>
      <c r="J114" s="6">
        <v>1</v>
      </c>
      <c r="K114" s="6">
        <v>14</v>
      </c>
      <c r="L114" s="6">
        <v>6</v>
      </c>
      <c r="M114" s="6">
        <v>11</v>
      </c>
      <c r="N114" s="6">
        <v>41</v>
      </c>
      <c r="O114" s="6">
        <v>11</v>
      </c>
      <c r="P114" s="10" t="s">
        <v>55</v>
      </c>
      <c r="Q114" s="10" t="s">
        <v>55</v>
      </c>
      <c r="R114" s="6">
        <v>83</v>
      </c>
    </row>
    <row r="115" spans="1:18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126</v>
      </c>
      <c r="F115" s="9" t="s">
        <v>127</v>
      </c>
      <c r="G115" s="6">
        <v>46</v>
      </c>
      <c r="H115" s="6">
        <v>38</v>
      </c>
      <c r="I115" s="6">
        <v>36</v>
      </c>
      <c r="J115" s="10" t="s">
        <v>55</v>
      </c>
      <c r="K115" s="6">
        <v>2</v>
      </c>
      <c r="L115" s="6">
        <v>6</v>
      </c>
      <c r="M115" s="6">
        <v>1</v>
      </c>
      <c r="N115" s="6">
        <v>1</v>
      </c>
      <c r="O115" s="10" t="s">
        <v>55</v>
      </c>
      <c r="P115" s="10" t="s">
        <v>55</v>
      </c>
      <c r="Q115" s="10" t="s">
        <v>55</v>
      </c>
      <c r="R115" s="6">
        <v>44</v>
      </c>
    </row>
    <row r="116" spans="1:18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126</v>
      </c>
      <c r="F116" s="9" t="s">
        <v>128</v>
      </c>
      <c r="G116" s="6">
        <v>23308</v>
      </c>
      <c r="H116" s="6">
        <v>14695</v>
      </c>
      <c r="I116" s="6">
        <v>13453</v>
      </c>
      <c r="J116" s="6">
        <v>91</v>
      </c>
      <c r="K116" s="6">
        <v>1151</v>
      </c>
      <c r="L116" s="6">
        <v>3550</v>
      </c>
      <c r="M116" s="6">
        <v>1110</v>
      </c>
      <c r="N116" s="6">
        <v>3499</v>
      </c>
      <c r="O116" s="6">
        <v>268</v>
      </c>
      <c r="P116" s="10" t="s">
        <v>55</v>
      </c>
      <c r="Q116" s="6">
        <v>186</v>
      </c>
      <c r="R116" s="6">
        <v>18245</v>
      </c>
    </row>
    <row r="117" spans="1:18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126</v>
      </c>
      <c r="F117" s="9" t="s">
        <v>129</v>
      </c>
      <c r="G117" s="6">
        <v>29920</v>
      </c>
      <c r="H117" s="6">
        <v>27544</v>
      </c>
      <c r="I117" s="6">
        <v>23698</v>
      </c>
      <c r="J117" s="6">
        <v>1751</v>
      </c>
      <c r="K117" s="6">
        <v>2095</v>
      </c>
      <c r="L117" s="6">
        <v>1377</v>
      </c>
      <c r="M117" s="6">
        <v>150</v>
      </c>
      <c r="N117" s="6">
        <v>596</v>
      </c>
      <c r="O117" s="6">
        <v>73</v>
      </c>
      <c r="P117" s="6">
        <v>24</v>
      </c>
      <c r="Q117" s="6">
        <v>156</v>
      </c>
      <c r="R117" s="6">
        <v>28921</v>
      </c>
    </row>
    <row r="118" spans="1:18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130</v>
      </c>
      <c r="F118" s="9" t="s">
        <v>131</v>
      </c>
      <c r="G118" s="6">
        <v>1603</v>
      </c>
      <c r="H118" s="6">
        <v>1559</v>
      </c>
      <c r="I118" s="6">
        <v>1474</v>
      </c>
      <c r="J118" s="6">
        <v>12</v>
      </c>
      <c r="K118" s="6">
        <v>73</v>
      </c>
      <c r="L118" s="6">
        <v>29</v>
      </c>
      <c r="M118" s="6">
        <v>2</v>
      </c>
      <c r="N118" s="6">
        <v>5</v>
      </c>
      <c r="O118" s="10" t="s">
        <v>55</v>
      </c>
      <c r="P118" s="10" t="s">
        <v>55</v>
      </c>
      <c r="Q118" s="6">
        <v>8</v>
      </c>
      <c r="R118" s="6">
        <v>1588</v>
      </c>
    </row>
    <row r="119" spans="1:18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130</v>
      </c>
      <c r="F119" s="9" t="s">
        <v>132</v>
      </c>
      <c r="G119" s="6">
        <v>5109</v>
      </c>
      <c r="H119" s="6">
        <v>4243</v>
      </c>
      <c r="I119" s="6">
        <v>3768</v>
      </c>
      <c r="J119" s="6">
        <v>172</v>
      </c>
      <c r="K119" s="6">
        <v>303</v>
      </c>
      <c r="L119" s="6">
        <v>489</v>
      </c>
      <c r="M119" s="6">
        <v>24</v>
      </c>
      <c r="N119" s="6">
        <v>328</v>
      </c>
      <c r="O119" s="6">
        <v>3</v>
      </c>
      <c r="P119" s="10" t="s">
        <v>55</v>
      </c>
      <c r="Q119" s="6">
        <v>22</v>
      </c>
      <c r="R119" s="6">
        <v>4732</v>
      </c>
    </row>
    <row r="120" spans="1:18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130</v>
      </c>
      <c r="F120" s="9" t="s">
        <v>133</v>
      </c>
      <c r="G120" s="6">
        <v>11856</v>
      </c>
      <c r="H120" s="6">
        <v>10663</v>
      </c>
      <c r="I120" s="6">
        <v>9073</v>
      </c>
      <c r="J120" s="6">
        <v>243</v>
      </c>
      <c r="K120" s="6">
        <v>1347</v>
      </c>
      <c r="L120" s="6">
        <v>434</v>
      </c>
      <c r="M120" s="6">
        <v>47</v>
      </c>
      <c r="N120" s="6">
        <v>574</v>
      </c>
      <c r="O120" s="6">
        <v>15</v>
      </c>
      <c r="P120" s="10" t="s">
        <v>55</v>
      </c>
      <c r="Q120" s="6">
        <v>123</v>
      </c>
      <c r="R120" s="6">
        <v>11097</v>
      </c>
    </row>
    <row r="121" spans="1:18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130</v>
      </c>
      <c r="F121" s="9" t="s">
        <v>134</v>
      </c>
      <c r="G121" s="6">
        <v>31386</v>
      </c>
      <c r="H121" s="6">
        <v>24683</v>
      </c>
      <c r="I121" s="6">
        <v>18836</v>
      </c>
      <c r="J121" s="6">
        <v>258</v>
      </c>
      <c r="K121" s="6">
        <v>5589</v>
      </c>
      <c r="L121" s="6">
        <v>3483</v>
      </c>
      <c r="M121" s="6">
        <v>940</v>
      </c>
      <c r="N121" s="6">
        <v>1766</v>
      </c>
      <c r="O121" s="6">
        <v>319</v>
      </c>
      <c r="P121" s="10" t="s">
        <v>55</v>
      </c>
      <c r="Q121" s="6">
        <v>195</v>
      </c>
      <c r="R121" s="6">
        <v>28166</v>
      </c>
    </row>
    <row r="122" spans="1:18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130</v>
      </c>
      <c r="F122" s="9" t="s">
        <v>135</v>
      </c>
      <c r="G122" s="6">
        <v>4812</v>
      </c>
      <c r="H122" s="6">
        <v>4088</v>
      </c>
      <c r="I122" s="6">
        <v>3891</v>
      </c>
      <c r="J122" s="6">
        <v>29</v>
      </c>
      <c r="K122" s="6">
        <v>168</v>
      </c>
      <c r="L122" s="6">
        <v>462</v>
      </c>
      <c r="M122" s="6">
        <v>48</v>
      </c>
      <c r="N122" s="6">
        <v>185</v>
      </c>
      <c r="O122" s="6">
        <v>4</v>
      </c>
      <c r="P122" s="10" t="s">
        <v>55</v>
      </c>
      <c r="Q122" s="6">
        <v>25</v>
      </c>
      <c r="R122" s="6">
        <v>4550</v>
      </c>
    </row>
    <row r="123" spans="1:18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130</v>
      </c>
      <c r="F123" s="9" t="s">
        <v>136</v>
      </c>
      <c r="G123" s="6">
        <v>5060</v>
      </c>
      <c r="H123" s="6">
        <v>2885</v>
      </c>
      <c r="I123" s="6">
        <v>2141</v>
      </c>
      <c r="J123" s="6">
        <v>64</v>
      </c>
      <c r="K123" s="6">
        <v>680</v>
      </c>
      <c r="L123" s="6">
        <v>1219</v>
      </c>
      <c r="M123" s="6">
        <v>148</v>
      </c>
      <c r="N123" s="6">
        <v>706</v>
      </c>
      <c r="O123" s="6">
        <v>72</v>
      </c>
      <c r="P123" s="10" t="s">
        <v>55</v>
      </c>
      <c r="Q123" s="6">
        <v>30</v>
      </c>
      <c r="R123" s="6">
        <v>4104</v>
      </c>
    </row>
    <row r="124" spans="1:18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130</v>
      </c>
      <c r="F124" s="9" t="s">
        <v>137</v>
      </c>
      <c r="G124" s="6">
        <v>8319</v>
      </c>
      <c r="H124" s="6">
        <v>4790</v>
      </c>
      <c r="I124" s="6">
        <v>4321</v>
      </c>
      <c r="J124" s="6">
        <v>121</v>
      </c>
      <c r="K124" s="6">
        <v>348</v>
      </c>
      <c r="L124" s="6">
        <v>1196</v>
      </c>
      <c r="M124" s="6">
        <v>759</v>
      </c>
      <c r="N124" s="6">
        <v>1460</v>
      </c>
      <c r="O124" s="6">
        <v>82</v>
      </c>
      <c r="P124" s="10" t="s">
        <v>55</v>
      </c>
      <c r="Q124" s="6">
        <v>32</v>
      </c>
      <c r="R124" s="6">
        <v>5986</v>
      </c>
    </row>
    <row r="125" spans="1:18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130</v>
      </c>
      <c r="F125" s="9" t="s">
        <v>138</v>
      </c>
      <c r="G125" s="6">
        <v>9266</v>
      </c>
      <c r="H125" s="6">
        <v>6600</v>
      </c>
      <c r="I125" s="6">
        <v>3162</v>
      </c>
      <c r="J125" s="6">
        <v>56</v>
      </c>
      <c r="K125" s="6">
        <v>3382</v>
      </c>
      <c r="L125" s="6">
        <v>616</v>
      </c>
      <c r="M125" s="6">
        <v>944</v>
      </c>
      <c r="N125" s="6">
        <v>845</v>
      </c>
      <c r="O125" s="6">
        <v>193</v>
      </c>
      <c r="P125" s="10" t="s">
        <v>55</v>
      </c>
      <c r="Q125" s="6">
        <v>68</v>
      </c>
      <c r="R125" s="6">
        <v>7216</v>
      </c>
    </row>
    <row r="126" spans="1:18">
      <c r="A126" s="9" t="s">
        <v>27</v>
      </c>
      <c r="B126" s="9" t="s">
        <v>57</v>
      </c>
      <c r="C126" s="9" t="s">
        <v>58</v>
      </c>
      <c r="D126" s="9" t="s">
        <v>53</v>
      </c>
      <c r="E126" s="9" t="s">
        <v>130</v>
      </c>
      <c r="F126" s="9" t="s">
        <v>139</v>
      </c>
      <c r="G126" s="6">
        <v>6147</v>
      </c>
      <c r="H126" s="6">
        <v>3965</v>
      </c>
      <c r="I126" s="6">
        <v>2693</v>
      </c>
      <c r="J126" s="6">
        <v>65</v>
      </c>
      <c r="K126" s="6">
        <v>1207</v>
      </c>
      <c r="L126" s="6">
        <v>437</v>
      </c>
      <c r="M126" s="6">
        <v>480</v>
      </c>
      <c r="N126" s="6">
        <v>1082</v>
      </c>
      <c r="O126" s="6">
        <v>131</v>
      </c>
      <c r="P126" s="6">
        <v>2</v>
      </c>
      <c r="Q126" s="6">
        <v>50</v>
      </c>
      <c r="R126" s="6">
        <v>4402</v>
      </c>
    </row>
    <row r="127" spans="1:18">
      <c r="A127" s="9" t="s">
        <v>27</v>
      </c>
      <c r="B127" s="9" t="s">
        <v>57</v>
      </c>
      <c r="C127" s="9" t="s">
        <v>58</v>
      </c>
      <c r="D127" s="9" t="s">
        <v>53</v>
      </c>
      <c r="E127" s="9" t="s">
        <v>130</v>
      </c>
      <c r="F127" s="9" t="s">
        <v>140</v>
      </c>
      <c r="G127" s="6">
        <v>10607</v>
      </c>
      <c r="H127" s="6">
        <v>9834</v>
      </c>
      <c r="I127" s="6">
        <v>7864</v>
      </c>
      <c r="J127" s="6">
        <v>73</v>
      </c>
      <c r="K127" s="6">
        <v>1897</v>
      </c>
      <c r="L127" s="6">
        <v>246</v>
      </c>
      <c r="M127" s="6">
        <v>104</v>
      </c>
      <c r="N127" s="6">
        <v>347</v>
      </c>
      <c r="O127" s="6">
        <v>20</v>
      </c>
      <c r="P127" s="10" t="s">
        <v>55</v>
      </c>
      <c r="Q127" s="6">
        <v>56</v>
      </c>
      <c r="R127" s="6">
        <v>10080</v>
      </c>
    </row>
    <row r="128" spans="1:18">
      <c r="A128" s="9" t="s">
        <v>27</v>
      </c>
      <c r="B128" s="9" t="s">
        <v>57</v>
      </c>
      <c r="C128" s="9" t="s">
        <v>58</v>
      </c>
      <c r="D128" s="9" t="s">
        <v>53</v>
      </c>
      <c r="E128" s="9" t="s">
        <v>130</v>
      </c>
      <c r="F128" s="9" t="s">
        <v>141</v>
      </c>
      <c r="G128" s="6">
        <v>18922</v>
      </c>
      <c r="H128" s="6">
        <v>15786</v>
      </c>
      <c r="I128" s="6">
        <v>13664</v>
      </c>
      <c r="J128" s="6">
        <v>142</v>
      </c>
      <c r="K128" s="6">
        <v>1980</v>
      </c>
      <c r="L128" s="6">
        <v>1339</v>
      </c>
      <c r="M128" s="6">
        <v>1049</v>
      </c>
      <c r="N128" s="6">
        <v>561</v>
      </c>
      <c r="O128" s="6">
        <v>67</v>
      </c>
      <c r="P128" s="10" t="s">
        <v>55</v>
      </c>
      <c r="Q128" s="6">
        <v>120</v>
      </c>
      <c r="R128" s="6">
        <v>17125</v>
      </c>
    </row>
    <row r="129" spans="1:18">
      <c r="A129" s="9" t="s">
        <v>27</v>
      </c>
      <c r="B129" s="9" t="s">
        <v>57</v>
      </c>
      <c r="C129" s="9" t="s">
        <v>58</v>
      </c>
      <c r="D129" s="9" t="s">
        <v>53</v>
      </c>
      <c r="E129" s="9" t="s">
        <v>130</v>
      </c>
      <c r="F129" s="9" t="s">
        <v>142</v>
      </c>
      <c r="G129" s="6">
        <v>2522</v>
      </c>
      <c r="H129" s="6">
        <v>2465</v>
      </c>
      <c r="I129" s="6">
        <v>2006</v>
      </c>
      <c r="J129" s="6">
        <v>39</v>
      </c>
      <c r="K129" s="6">
        <v>420</v>
      </c>
      <c r="L129" s="6">
        <v>22</v>
      </c>
      <c r="M129" s="6">
        <v>8</v>
      </c>
      <c r="N129" s="6">
        <v>5</v>
      </c>
      <c r="O129" s="6">
        <v>6</v>
      </c>
      <c r="P129" s="10" t="s">
        <v>55</v>
      </c>
      <c r="Q129" s="6">
        <v>16</v>
      </c>
      <c r="R129" s="6">
        <v>2487</v>
      </c>
    </row>
    <row r="130" spans="1:18">
      <c r="A130" s="9" t="s">
        <v>27</v>
      </c>
      <c r="B130" s="9" t="s">
        <v>57</v>
      </c>
      <c r="C130" s="9" t="s">
        <v>58</v>
      </c>
      <c r="D130" s="9" t="s">
        <v>53</v>
      </c>
      <c r="E130" s="9" t="s">
        <v>130</v>
      </c>
      <c r="F130" s="9" t="s">
        <v>143</v>
      </c>
      <c r="G130" s="6">
        <v>14013</v>
      </c>
      <c r="H130" s="6">
        <v>10905</v>
      </c>
      <c r="I130" s="6">
        <v>7819</v>
      </c>
      <c r="J130" s="6">
        <v>386</v>
      </c>
      <c r="K130" s="6">
        <v>2700</v>
      </c>
      <c r="L130" s="6">
        <v>1124</v>
      </c>
      <c r="M130" s="6">
        <v>217</v>
      </c>
      <c r="N130" s="6">
        <v>1536</v>
      </c>
      <c r="O130" s="6">
        <v>82</v>
      </c>
      <c r="P130" s="6">
        <v>1</v>
      </c>
      <c r="Q130" s="6">
        <v>148</v>
      </c>
      <c r="R130" s="6">
        <v>12029</v>
      </c>
    </row>
    <row r="131" spans="1:18">
      <c r="A131" s="9" t="s">
        <v>27</v>
      </c>
      <c r="B131" s="9" t="s">
        <v>57</v>
      </c>
      <c r="C131" s="9" t="s">
        <v>58</v>
      </c>
      <c r="D131" s="9" t="s">
        <v>53</v>
      </c>
      <c r="E131" s="9" t="s">
        <v>130</v>
      </c>
      <c r="F131" s="9" t="s">
        <v>144</v>
      </c>
      <c r="G131" s="6">
        <v>15778</v>
      </c>
      <c r="H131" s="6">
        <v>15778</v>
      </c>
      <c r="I131" s="6">
        <v>15036</v>
      </c>
      <c r="J131" s="6">
        <v>32</v>
      </c>
      <c r="K131" s="6">
        <v>710</v>
      </c>
      <c r="L131" s="10" t="s">
        <v>55</v>
      </c>
      <c r="M131" s="10" t="s">
        <v>55</v>
      </c>
      <c r="N131" s="10" t="s">
        <v>55</v>
      </c>
      <c r="O131" s="10" t="s">
        <v>55</v>
      </c>
      <c r="P131" s="10" t="s">
        <v>55</v>
      </c>
      <c r="Q131" s="10" t="s">
        <v>55</v>
      </c>
      <c r="R131" s="6">
        <v>15778</v>
      </c>
    </row>
    <row r="132" spans="1:18">
      <c r="A132" s="9" t="s">
        <v>27</v>
      </c>
      <c r="B132" s="9" t="s">
        <v>57</v>
      </c>
      <c r="C132" s="9" t="s">
        <v>58</v>
      </c>
      <c r="D132" s="9" t="s">
        <v>53</v>
      </c>
      <c r="E132" s="9" t="s">
        <v>55</v>
      </c>
      <c r="F132" s="9" t="s">
        <v>145</v>
      </c>
      <c r="G132" s="6">
        <v>4836</v>
      </c>
      <c r="H132" s="6">
        <v>1865</v>
      </c>
      <c r="I132" s="6">
        <v>933</v>
      </c>
      <c r="J132" s="6">
        <v>224</v>
      </c>
      <c r="K132" s="6">
        <v>708</v>
      </c>
      <c r="L132" s="6">
        <v>92</v>
      </c>
      <c r="M132" s="6">
        <v>91</v>
      </c>
      <c r="N132" s="6">
        <v>568</v>
      </c>
      <c r="O132" s="6">
        <v>34</v>
      </c>
      <c r="P132" s="10" t="s">
        <v>55</v>
      </c>
      <c r="Q132" s="6">
        <v>2186</v>
      </c>
      <c r="R132" s="6">
        <v>1957</v>
      </c>
    </row>
    <row r="133" spans="1:18">
      <c r="A133" s="9" t="s">
        <v>27</v>
      </c>
      <c r="B133" s="9" t="s">
        <v>57</v>
      </c>
      <c r="C133" s="9" t="s">
        <v>58</v>
      </c>
      <c r="D133" s="9" t="s">
        <v>53</v>
      </c>
      <c r="E133" s="9" t="s">
        <v>55</v>
      </c>
      <c r="F133" s="9" t="s">
        <v>146</v>
      </c>
      <c r="G133" s="6">
        <v>3587</v>
      </c>
      <c r="H133" s="6">
        <v>1635</v>
      </c>
      <c r="I133" s="6">
        <v>1104</v>
      </c>
      <c r="J133" s="6">
        <v>60</v>
      </c>
      <c r="K133" s="6">
        <v>471</v>
      </c>
      <c r="L133" s="6">
        <v>171</v>
      </c>
      <c r="M133" s="6">
        <v>276</v>
      </c>
      <c r="N133" s="6">
        <v>1195</v>
      </c>
      <c r="O133" s="6">
        <v>289</v>
      </c>
      <c r="P133" s="10" t="s">
        <v>55</v>
      </c>
      <c r="Q133" s="6">
        <v>21</v>
      </c>
      <c r="R133" s="6">
        <v>1806</v>
      </c>
    </row>
    <row r="134" spans="1:18">
      <c r="A134" s="9" t="s">
        <v>27</v>
      </c>
      <c r="B134" s="9" t="s">
        <v>57</v>
      </c>
      <c r="C134" s="9" t="s">
        <v>58</v>
      </c>
      <c r="D134" s="9" t="s">
        <v>53</v>
      </c>
      <c r="E134" s="9" t="s">
        <v>55</v>
      </c>
      <c r="F134" s="9" t="s">
        <v>147</v>
      </c>
      <c r="G134" s="6">
        <v>53274</v>
      </c>
      <c r="H134" s="6">
        <v>42277</v>
      </c>
      <c r="I134" s="6">
        <v>37187</v>
      </c>
      <c r="J134" s="6">
        <v>1842</v>
      </c>
      <c r="K134" s="6">
        <v>3248</v>
      </c>
      <c r="L134" s="6">
        <v>4933</v>
      </c>
      <c r="M134" s="6">
        <v>1261</v>
      </c>
      <c r="N134" s="6">
        <v>4096</v>
      </c>
      <c r="O134" s="6">
        <v>341</v>
      </c>
      <c r="P134" s="6">
        <v>24</v>
      </c>
      <c r="Q134" s="6">
        <v>342</v>
      </c>
      <c r="R134" s="6">
        <v>47210</v>
      </c>
    </row>
    <row r="135" spans="1:18">
      <c r="A135" s="9" t="s">
        <v>27</v>
      </c>
      <c r="B135" s="9" t="s">
        <v>57</v>
      </c>
      <c r="C135" s="9" t="s">
        <v>58</v>
      </c>
      <c r="D135" s="9" t="s">
        <v>53</v>
      </c>
      <c r="E135" s="9" t="s">
        <v>55</v>
      </c>
      <c r="F135" s="9" t="s">
        <v>148</v>
      </c>
      <c r="G135" s="6">
        <v>145400</v>
      </c>
      <c r="H135" s="6">
        <v>118244</v>
      </c>
      <c r="I135" s="6">
        <v>95748</v>
      </c>
      <c r="J135" s="6">
        <v>1692</v>
      </c>
      <c r="K135" s="6">
        <v>20804</v>
      </c>
      <c r="L135" s="6">
        <v>11096</v>
      </c>
      <c r="M135" s="6">
        <v>4770</v>
      </c>
      <c r="N135" s="6">
        <v>9400</v>
      </c>
      <c r="O135" s="6">
        <v>994</v>
      </c>
      <c r="P135" s="6">
        <v>3</v>
      </c>
      <c r="Q135" s="6">
        <v>893</v>
      </c>
      <c r="R135" s="6">
        <v>129340</v>
      </c>
    </row>
    <row r="136" spans="1:18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55</v>
      </c>
      <c r="F136" s="9" t="s">
        <v>6</v>
      </c>
      <c r="G136" s="6">
        <v>191918</v>
      </c>
      <c r="H136" s="6">
        <v>166408</v>
      </c>
      <c r="I136" s="6">
        <v>86340</v>
      </c>
      <c r="J136" s="6">
        <v>5461</v>
      </c>
      <c r="K136" s="6">
        <v>74607</v>
      </c>
      <c r="L136" s="6">
        <v>6930</v>
      </c>
      <c r="M136" s="6">
        <v>1717</v>
      </c>
      <c r="N136" s="6">
        <v>6877</v>
      </c>
      <c r="O136" s="6">
        <v>6896</v>
      </c>
      <c r="P136" s="6">
        <v>292</v>
      </c>
      <c r="Q136" s="6">
        <v>2798</v>
      </c>
      <c r="R136" s="6">
        <v>173338</v>
      </c>
    </row>
    <row r="137" spans="1:18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122</v>
      </c>
      <c r="F137" s="9" t="s">
        <v>123</v>
      </c>
      <c r="G137" s="6">
        <v>2143</v>
      </c>
      <c r="H137" s="6">
        <v>1245</v>
      </c>
      <c r="I137" s="6">
        <v>337</v>
      </c>
      <c r="J137" s="6">
        <v>31</v>
      </c>
      <c r="K137" s="6">
        <v>877</v>
      </c>
      <c r="L137" s="6">
        <v>54</v>
      </c>
      <c r="M137" s="6">
        <v>15</v>
      </c>
      <c r="N137" s="6">
        <v>130</v>
      </c>
      <c r="O137" s="6">
        <v>696</v>
      </c>
      <c r="P137" s="10" t="s">
        <v>55</v>
      </c>
      <c r="Q137" s="6">
        <v>3</v>
      </c>
      <c r="R137" s="6">
        <v>1299</v>
      </c>
    </row>
    <row r="138" spans="1:18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122</v>
      </c>
      <c r="F138" s="9" t="s">
        <v>124</v>
      </c>
      <c r="G138" s="6">
        <v>2054</v>
      </c>
      <c r="H138" s="6">
        <v>1162</v>
      </c>
      <c r="I138" s="6">
        <v>305</v>
      </c>
      <c r="J138" s="6">
        <v>28</v>
      </c>
      <c r="K138" s="6">
        <v>829</v>
      </c>
      <c r="L138" s="6">
        <v>53</v>
      </c>
      <c r="M138" s="6">
        <v>15</v>
      </c>
      <c r="N138" s="6">
        <v>130</v>
      </c>
      <c r="O138" s="6">
        <v>692</v>
      </c>
      <c r="P138" s="10" t="s">
        <v>55</v>
      </c>
      <c r="Q138" s="6">
        <v>2</v>
      </c>
      <c r="R138" s="6">
        <v>1215</v>
      </c>
    </row>
    <row r="139" spans="1:18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122</v>
      </c>
      <c r="F139" s="9" t="s">
        <v>125</v>
      </c>
      <c r="G139" s="6">
        <v>40</v>
      </c>
      <c r="H139" s="6">
        <v>24</v>
      </c>
      <c r="I139" s="6">
        <v>13</v>
      </c>
      <c r="J139" s="10" t="s">
        <v>55</v>
      </c>
      <c r="K139" s="6">
        <v>11</v>
      </c>
      <c r="L139" s="6">
        <v>2</v>
      </c>
      <c r="M139" s="10" t="s">
        <v>55</v>
      </c>
      <c r="N139" s="10" t="s">
        <v>55</v>
      </c>
      <c r="O139" s="6">
        <v>14</v>
      </c>
      <c r="P139" s="10" t="s">
        <v>55</v>
      </c>
      <c r="Q139" s="10" t="s">
        <v>55</v>
      </c>
      <c r="R139" s="6">
        <v>26</v>
      </c>
    </row>
    <row r="140" spans="1:18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126</v>
      </c>
      <c r="F140" s="9" t="s">
        <v>127</v>
      </c>
      <c r="G140" s="6">
        <v>13</v>
      </c>
      <c r="H140" s="6">
        <v>10</v>
      </c>
      <c r="I140" s="6">
        <v>6</v>
      </c>
      <c r="J140" s="6">
        <v>1</v>
      </c>
      <c r="K140" s="6">
        <v>3</v>
      </c>
      <c r="L140" s="6">
        <v>3</v>
      </c>
      <c r="M140" s="10" t="s">
        <v>55</v>
      </c>
      <c r="N140" s="10" t="s">
        <v>55</v>
      </c>
      <c r="O140" s="10" t="s">
        <v>55</v>
      </c>
      <c r="P140" s="10" t="s">
        <v>55</v>
      </c>
      <c r="Q140" s="10" t="s">
        <v>55</v>
      </c>
      <c r="R140" s="6">
        <v>13</v>
      </c>
    </row>
    <row r="141" spans="1:18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126</v>
      </c>
      <c r="F141" s="9" t="s">
        <v>128</v>
      </c>
      <c r="G141" s="6">
        <v>5704</v>
      </c>
      <c r="H141" s="6">
        <v>3879</v>
      </c>
      <c r="I141" s="6">
        <v>2757</v>
      </c>
      <c r="J141" s="6">
        <v>126</v>
      </c>
      <c r="K141" s="6">
        <v>996</v>
      </c>
      <c r="L141" s="6">
        <v>1049</v>
      </c>
      <c r="M141" s="6">
        <v>25</v>
      </c>
      <c r="N141" s="6">
        <v>30</v>
      </c>
      <c r="O141" s="6">
        <v>696</v>
      </c>
      <c r="P141" s="10" t="s">
        <v>55</v>
      </c>
      <c r="Q141" s="6">
        <v>25</v>
      </c>
      <c r="R141" s="6">
        <v>4928</v>
      </c>
    </row>
    <row r="142" spans="1:18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126</v>
      </c>
      <c r="F142" s="9" t="s">
        <v>129</v>
      </c>
      <c r="G142" s="6">
        <v>13622</v>
      </c>
      <c r="H142" s="6">
        <v>12350</v>
      </c>
      <c r="I142" s="6">
        <v>6259</v>
      </c>
      <c r="J142" s="6">
        <v>1184</v>
      </c>
      <c r="K142" s="6">
        <v>4907</v>
      </c>
      <c r="L142" s="6">
        <v>429</v>
      </c>
      <c r="M142" s="6">
        <v>25</v>
      </c>
      <c r="N142" s="6">
        <v>304</v>
      </c>
      <c r="O142" s="6">
        <v>204</v>
      </c>
      <c r="P142" s="6">
        <v>243</v>
      </c>
      <c r="Q142" s="6">
        <v>67</v>
      </c>
      <c r="R142" s="6">
        <v>12779</v>
      </c>
    </row>
    <row r="143" spans="1:18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130</v>
      </c>
      <c r="F143" s="9" t="s">
        <v>131</v>
      </c>
      <c r="G143" s="6">
        <v>318</v>
      </c>
      <c r="H143" s="6">
        <v>300</v>
      </c>
      <c r="I143" s="6">
        <v>175</v>
      </c>
      <c r="J143" s="6">
        <v>47</v>
      </c>
      <c r="K143" s="6">
        <v>78</v>
      </c>
      <c r="L143" s="6">
        <v>11</v>
      </c>
      <c r="M143" s="10" t="s">
        <v>55</v>
      </c>
      <c r="N143" s="6">
        <v>4</v>
      </c>
      <c r="O143" s="6">
        <v>1</v>
      </c>
      <c r="P143" s="10" t="s">
        <v>55</v>
      </c>
      <c r="Q143" s="6">
        <v>2</v>
      </c>
      <c r="R143" s="6">
        <v>311</v>
      </c>
    </row>
    <row r="144" spans="1:18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130</v>
      </c>
      <c r="F144" s="9" t="s">
        <v>132</v>
      </c>
      <c r="G144" s="6">
        <v>2421</v>
      </c>
      <c r="H144" s="6">
        <v>2091</v>
      </c>
      <c r="I144" s="6">
        <v>1379</v>
      </c>
      <c r="J144" s="6">
        <v>141</v>
      </c>
      <c r="K144" s="6">
        <v>571</v>
      </c>
      <c r="L144" s="6">
        <v>124</v>
      </c>
      <c r="M144" s="6">
        <v>7</v>
      </c>
      <c r="N144" s="6">
        <v>162</v>
      </c>
      <c r="O144" s="6">
        <v>29</v>
      </c>
      <c r="P144" s="10" t="s">
        <v>55</v>
      </c>
      <c r="Q144" s="6">
        <v>8</v>
      </c>
      <c r="R144" s="6">
        <v>2215</v>
      </c>
    </row>
    <row r="145" spans="1:18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130</v>
      </c>
      <c r="F145" s="9" t="s">
        <v>133</v>
      </c>
      <c r="G145" s="6">
        <v>2643</v>
      </c>
      <c r="H145" s="6">
        <v>2422</v>
      </c>
      <c r="I145" s="6">
        <v>1160</v>
      </c>
      <c r="J145" s="6">
        <v>157</v>
      </c>
      <c r="K145" s="6">
        <v>1105</v>
      </c>
      <c r="L145" s="6">
        <v>123</v>
      </c>
      <c r="M145" s="6">
        <v>3</v>
      </c>
      <c r="N145" s="6">
        <v>37</v>
      </c>
      <c r="O145" s="6">
        <v>38</v>
      </c>
      <c r="P145" s="10" t="s">
        <v>55</v>
      </c>
      <c r="Q145" s="6">
        <v>20</v>
      </c>
      <c r="R145" s="6">
        <v>2545</v>
      </c>
    </row>
    <row r="146" spans="1:18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130</v>
      </c>
      <c r="F146" s="9" t="s">
        <v>134</v>
      </c>
      <c r="G146" s="6">
        <v>35008</v>
      </c>
      <c r="H146" s="6">
        <v>30751</v>
      </c>
      <c r="I146" s="6">
        <v>10880</v>
      </c>
      <c r="J146" s="6">
        <v>665</v>
      </c>
      <c r="K146" s="6">
        <v>19206</v>
      </c>
      <c r="L146" s="6">
        <v>1588</v>
      </c>
      <c r="M146" s="6">
        <v>255</v>
      </c>
      <c r="N146" s="6">
        <v>979</v>
      </c>
      <c r="O146" s="6">
        <v>1271</v>
      </c>
      <c r="P146" s="10" t="s">
        <v>55</v>
      </c>
      <c r="Q146" s="6">
        <v>164</v>
      </c>
      <c r="R146" s="6">
        <v>32339</v>
      </c>
    </row>
    <row r="147" spans="1:18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130</v>
      </c>
      <c r="F147" s="9" t="s">
        <v>135</v>
      </c>
      <c r="G147" s="6">
        <v>5544</v>
      </c>
      <c r="H147" s="6">
        <v>5246</v>
      </c>
      <c r="I147" s="6">
        <v>3934</v>
      </c>
      <c r="J147" s="6">
        <v>171</v>
      </c>
      <c r="K147" s="6">
        <v>1141</v>
      </c>
      <c r="L147" s="6">
        <v>144</v>
      </c>
      <c r="M147" s="6">
        <v>15</v>
      </c>
      <c r="N147" s="6">
        <v>75</v>
      </c>
      <c r="O147" s="6">
        <v>28</v>
      </c>
      <c r="P147" s="10" t="s">
        <v>55</v>
      </c>
      <c r="Q147" s="6">
        <v>36</v>
      </c>
      <c r="R147" s="6">
        <v>5390</v>
      </c>
    </row>
    <row r="148" spans="1:18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130</v>
      </c>
      <c r="F148" s="9" t="s">
        <v>136</v>
      </c>
      <c r="G148" s="6">
        <v>3989</v>
      </c>
      <c r="H148" s="6">
        <v>2431</v>
      </c>
      <c r="I148" s="6">
        <v>1315</v>
      </c>
      <c r="J148" s="6">
        <v>47</v>
      </c>
      <c r="K148" s="6">
        <v>1069</v>
      </c>
      <c r="L148" s="6">
        <v>791</v>
      </c>
      <c r="M148" s="6">
        <v>76</v>
      </c>
      <c r="N148" s="6">
        <v>362</v>
      </c>
      <c r="O148" s="6">
        <v>311</v>
      </c>
      <c r="P148" s="10" t="s">
        <v>55</v>
      </c>
      <c r="Q148" s="6">
        <v>18</v>
      </c>
      <c r="R148" s="6">
        <v>3222</v>
      </c>
    </row>
    <row r="149" spans="1:18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130</v>
      </c>
      <c r="F149" s="9" t="s">
        <v>137</v>
      </c>
      <c r="G149" s="6">
        <v>5334</v>
      </c>
      <c r="H149" s="6">
        <v>3768</v>
      </c>
      <c r="I149" s="6">
        <v>2340</v>
      </c>
      <c r="J149" s="6">
        <v>103</v>
      </c>
      <c r="K149" s="6">
        <v>1325</v>
      </c>
      <c r="L149" s="6">
        <v>352</v>
      </c>
      <c r="M149" s="6">
        <v>93</v>
      </c>
      <c r="N149" s="6">
        <v>497</v>
      </c>
      <c r="O149" s="6">
        <v>610</v>
      </c>
      <c r="P149" s="10" t="s">
        <v>55</v>
      </c>
      <c r="Q149" s="6">
        <v>14</v>
      </c>
      <c r="R149" s="6">
        <v>4120</v>
      </c>
    </row>
    <row r="150" spans="1:18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130</v>
      </c>
      <c r="F150" s="9" t="s">
        <v>138</v>
      </c>
      <c r="G150" s="6">
        <v>14604</v>
      </c>
      <c r="H150" s="6">
        <v>12079</v>
      </c>
      <c r="I150" s="6">
        <v>2238</v>
      </c>
      <c r="J150" s="6">
        <v>152</v>
      </c>
      <c r="K150" s="6">
        <v>9689</v>
      </c>
      <c r="L150" s="6">
        <v>396</v>
      </c>
      <c r="M150" s="6">
        <v>518</v>
      </c>
      <c r="N150" s="6">
        <v>593</v>
      </c>
      <c r="O150" s="6">
        <v>948</v>
      </c>
      <c r="P150" s="10" t="s">
        <v>55</v>
      </c>
      <c r="Q150" s="6">
        <v>70</v>
      </c>
      <c r="R150" s="6">
        <v>12475</v>
      </c>
    </row>
    <row r="151" spans="1:18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130</v>
      </c>
      <c r="F151" s="9" t="s">
        <v>139</v>
      </c>
      <c r="G151" s="6">
        <v>8988</v>
      </c>
      <c r="H151" s="6">
        <v>6130</v>
      </c>
      <c r="I151" s="6">
        <v>2527</v>
      </c>
      <c r="J151" s="6">
        <v>97</v>
      </c>
      <c r="K151" s="6">
        <v>3506</v>
      </c>
      <c r="L151" s="6">
        <v>311</v>
      </c>
      <c r="M151" s="6">
        <v>315</v>
      </c>
      <c r="N151" s="6">
        <v>1485</v>
      </c>
      <c r="O151" s="6">
        <v>695</v>
      </c>
      <c r="P151" s="6">
        <v>9</v>
      </c>
      <c r="Q151" s="6">
        <v>43</v>
      </c>
      <c r="R151" s="6">
        <v>6441</v>
      </c>
    </row>
    <row r="152" spans="1:18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130</v>
      </c>
      <c r="F152" s="9" t="s">
        <v>140</v>
      </c>
      <c r="G152" s="6">
        <v>14130</v>
      </c>
      <c r="H152" s="6">
        <v>12710</v>
      </c>
      <c r="I152" s="6">
        <v>7630</v>
      </c>
      <c r="J152" s="6">
        <v>150</v>
      </c>
      <c r="K152" s="6">
        <v>4930</v>
      </c>
      <c r="L152" s="6">
        <v>165</v>
      </c>
      <c r="M152" s="6">
        <v>173</v>
      </c>
      <c r="N152" s="6">
        <v>938</v>
      </c>
      <c r="O152" s="6">
        <v>103</v>
      </c>
      <c r="P152" s="10" t="s">
        <v>55</v>
      </c>
      <c r="Q152" s="6">
        <v>41</v>
      </c>
      <c r="R152" s="6">
        <v>12875</v>
      </c>
    </row>
    <row r="153" spans="1:18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130</v>
      </c>
      <c r="F153" s="9" t="s">
        <v>141</v>
      </c>
      <c r="G153" s="6">
        <v>52801</v>
      </c>
      <c r="H153" s="6">
        <v>50318</v>
      </c>
      <c r="I153" s="6">
        <v>33676</v>
      </c>
      <c r="J153" s="6">
        <v>869</v>
      </c>
      <c r="K153" s="6">
        <v>15773</v>
      </c>
      <c r="L153" s="6">
        <v>970</v>
      </c>
      <c r="M153" s="6">
        <v>129</v>
      </c>
      <c r="N153" s="6">
        <v>285</v>
      </c>
      <c r="O153" s="6">
        <v>801</v>
      </c>
      <c r="P153" s="10" t="s">
        <v>55</v>
      </c>
      <c r="Q153" s="6">
        <v>298</v>
      </c>
      <c r="R153" s="6">
        <v>51288</v>
      </c>
    </row>
    <row r="154" spans="1:18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130</v>
      </c>
      <c r="F154" s="9" t="s">
        <v>142</v>
      </c>
      <c r="G154" s="6">
        <v>1494</v>
      </c>
      <c r="H154" s="6">
        <v>1456</v>
      </c>
      <c r="I154" s="6">
        <v>838</v>
      </c>
      <c r="J154" s="6">
        <v>43</v>
      </c>
      <c r="K154" s="6">
        <v>575</v>
      </c>
      <c r="L154" s="6">
        <v>1</v>
      </c>
      <c r="M154" s="6">
        <v>19</v>
      </c>
      <c r="N154" s="6">
        <v>3</v>
      </c>
      <c r="O154" s="6">
        <v>10</v>
      </c>
      <c r="P154" s="10" t="s">
        <v>55</v>
      </c>
      <c r="Q154" s="6">
        <v>5</v>
      </c>
      <c r="R154" s="6">
        <v>1457</v>
      </c>
    </row>
    <row r="155" spans="1:18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130</v>
      </c>
      <c r="F155" s="9" t="s">
        <v>143</v>
      </c>
      <c r="G155" s="6">
        <v>11900</v>
      </c>
      <c r="H155" s="6">
        <v>10549</v>
      </c>
      <c r="I155" s="6">
        <v>3962</v>
      </c>
      <c r="J155" s="6">
        <v>1035</v>
      </c>
      <c r="K155" s="6">
        <v>5552</v>
      </c>
      <c r="L155" s="6">
        <v>360</v>
      </c>
      <c r="M155" s="6">
        <v>24</v>
      </c>
      <c r="N155" s="6">
        <v>592</v>
      </c>
      <c r="O155" s="6">
        <v>249</v>
      </c>
      <c r="P155" s="6">
        <v>40</v>
      </c>
      <c r="Q155" s="6">
        <v>86</v>
      </c>
      <c r="R155" s="6">
        <v>10909</v>
      </c>
    </row>
    <row r="156" spans="1:18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130</v>
      </c>
      <c r="F156" s="9" t="s">
        <v>144</v>
      </c>
      <c r="G156" s="6">
        <v>6561</v>
      </c>
      <c r="H156" s="6">
        <v>6560</v>
      </c>
      <c r="I156" s="6">
        <v>4360</v>
      </c>
      <c r="J156" s="6">
        <v>93</v>
      </c>
      <c r="K156" s="6">
        <v>2107</v>
      </c>
      <c r="L156" s="10" t="s">
        <v>55</v>
      </c>
      <c r="M156" s="10" t="s">
        <v>55</v>
      </c>
      <c r="N156" s="10" t="s">
        <v>55</v>
      </c>
      <c r="O156" s="10" t="s">
        <v>55</v>
      </c>
      <c r="P156" s="10" t="s">
        <v>55</v>
      </c>
      <c r="Q156" s="6">
        <v>1</v>
      </c>
      <c r="R156" s="6">
        <v>6560</v>
      </c>
    </row>
    <row r="157" spans="1:18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55</v>
      </c>
      <c r="F157" s="9" t="s">
        <v>145</v>
      </c>
      <c r="G157" s="6">
        <v>4661</v>
      </c>
      <c r="H157" s="6">
        <v>2089</v>
      </c>
      <c r="I157" s="6">
        <v>554</v>
      </c>
      <c r="J157" s="6">
        <v>349</v>
      </c>
      <c r="K157" s="6">
        <v>1186</v>
      </c>
      <c r="L157" s="6">
        <v>57</v>
      </c>
      <c r="M157" s="6">
        <v>25</v>
      </c>
      <c r="N157" s="6">
        <v>401</v>
      </c>
      <c r="O157" s="6">
        <v>192</v>
      </c>
      <c r="P157" s="10" t="s">
        <v>55</v>
      </c>
      <c r="Q157" s="6">
        <v>1897</v>
      </c>
      <c r="R157" s="6">
        <v>2146</v>
      </c>
    </row>
    <row r="158" spans="1:18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55</v>
      </c>
      <c r="F158" s="9" t="s">
        <v>146</v>
      </c>
      <c r="G158" s="6">
        <v>2183</v>
      </c>
      <c r="H158" s="6">
        <v>1269</v>
      </c>
      <c r="I158" s="6">
        <v>350</v>
      </c>
      <c r="J158" s="6">
        <v>31</v>
      </c>
      <c r="K158" s="6">
        <v>888</v>
      </c>
      <c r="L158" s="6">
        <v>56</v>
      </c>
      <c r="M158" s="6">
        <v>15</v>
      </c>
      <c r="N158" s="6">
        <v>130</v>
      </c>
      <c r="O158" s="6">
        <v>710</v>
      </c>
      <c r="P158" s="10" t="s">
        <v>55</v>
      </c>
      <c r="Q158" s="6">
        <v>3</v>
      </c>
      <c r="R158" s="6">
        <v>1325</v>
      </c>
    </row>
    <row r="159" spans="1:18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55</v>
      </c>
      <c r="F159" s="9" t="s">
        <v>147</v>
      </c>
      <c r="G159" s="6">
        <v>19339</v>
      </c>
      <c r="H159" s="6">
        <v>16239</v>
      </c>
      <c r="I159" s="6">
        <v>9022</v>
      </c>
      <c r="J159" s="6">
        <v>1311</v>
      </c>
      <c r="K159" s="6">
        <v>5906</v>
      </c>
      <c r="L159" s="6">
        <v>1481</v>
      </c>
      <c r="M159" s="6">
        <v>50</v>
      </c>
      <c r="N159" s="6">
        <v>334</v>
      </c>
      <c r="O159" s="6">
        <v>900</v>
      </c>
      <c r="P159" s="6">
        <v>243</v>
      </c>
      <c r="Q159" s="6">
        <v>92</v>
      </c>
      <c r="R159" s="6">
        <v>17720</v>
      </c>
    </row>
    <row r="160" spans="1:18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55</v>
      </c>
      <c r="F160" s="9" t="s">
        <v>148</v>
      </c>
      <c r="G160" s="6">
        <v>165735</v>
      </c>
      <c r="H160" s="6">
        <v>146811</v>
      </c>
      <c r="I160" s="6">
        <v>76414</v>
      </c>
      <c r="J160" s="6">
        <v>3770</v>
      </c>
      <c r="K160" s="6">
        <v>66627</v>
      </c>
      <c r="L160" s="6">
        <v>5336</v>
      </c>
      <c r="M160" s="6">
        <v>1627</v>
      </c>
      <c r="N160" s="6">
        <v>6012</v>
      </c>
      <c r="O160" s="6">
        <v>5094</v>
      </c>
      <c r="P160" s="6">
        <v>49</v>
      </c>
      <c r="Q160" s="6">
        <v>806</v>
      </c>
      <c r="R160" s="6">
        <v>152147</v>
      </c>
    </row>
    <row r="161" spans="1:18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55</v>
      </c>
      <c r="F161" s="9" t="s">
        <v>6</v>
      </c>
      <c r="G161" s="6">
        <v>24493</v>
      </c>
      <c r="H161" s="6">
        <v>20036</v>
      </c>
      <c r="I161" s="6">
        <v>13728</v>
      </c>
      <c r="J161" s="6">
        <v>408</v>
      </c>
      <c r="K161" s="6">
        <v>5900</v>
      </c>
      <c r="L161" s="6">
        <v>1450</v>
      </c>
      <c r="M161" s="6">
        <v>563</v>
      </c>
      <c r="N161" s="6">
        <v>1551</v>
      </c>
      <c r="O161" s="6">
        <v>748</v>
      </c>
      <c r="P161" s="6">
        <v>9</v>
      </c>
      <c r="Q161" s="6">
        <v>136</v>
      </c>
      <c r="R161" s="6">
        <v>21486</v>
      </c>
    </row>
    <row r="162" spans="1:18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122</v>
      </c>
      <c r="F162" s="9" t="s">
        <v>123</v>
      </c>
      <c r="G162" s="6">
        <v>729</v>
      </c>
      <c r="H162" s="6">
        <v>368</v>
      </c>
      <c r="I162" s="6">
        <v>123</v>
      </c>
      <c r="J162" s="6">
        <v>16</v>
      </c>
      <c r="K162" s="6">
        <v>229</v>
      </c>
      <c r="L162" s="6">
        <v>25</v>
      </c>
      <c r="M162" s="6">
        <v>37</v>
      </c>
      <c r="N162" s="6">
        <v>148</v>
      </c>
      <c r="O162" s="6">
        <v>151</v>
      </c>
      <c r="P162" s="10" t="s">
        <v>55</v>
      </c>
      <c r="Q162" s="10" t="s">
        <v>55</v>
      </c>
      <c r="R162" s="6">
        <v>393</v>
      </c>
    </row>
    <row r="163" spans="1:18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122</v>
      </c>
      <c r="F163" s="9" t="s">
        <v>124</v>
      </c>
      <c r="G163" s="6">
        <v>699</v>
      </c>
      <c r="H163" s="6">
        <v>344</v>
      </c>
      <c r="I163" s="6">
        <v>103</v>
      </c>
      <c r="J163" s="6">
        <v>16</v>
      </c>
      <c r="K163" s="6">
        <v>225</v>
      </c>
      <c r="L163" s="6">
        <v>21</v>
      </c>
      <c r="M163" s="6">
        <v>37</v>
      </c>
      <c r="N163" s="6">
        <v>148</v>
      </c>
      <c r="O163" s="6">
        <v>149</v>
      </c>
      <c r="P163" s="10" t="s">
        <v>55</v>
      </c>
      <c r="Q163" s="10" t="s">
        <v>55</v>
      </c>
      <c r="R163" s="6">
        <v>365</v>
      </c>
    </row>
    <row r="164" spans="1:18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122</v>
      </c>
      <c r="F164" s="9" t="s">
        <v>125</v>
      </c>
      <c r="G164" s="6">
        <v>28</v>
      </c>
      <c r="H164" s="6">
        <v>1</v>
      </c>
      <c r="I164" s="6">
        <v>1</v>
      </c>
      <c r="J164" s="10" t="s">
        <v>55</v>
      </c>
      <c r="K164" s="10" t="s">
        <v>55</v>
      </c>
      <c r="L164" s="10" t="s">
        <v>55</v>
      </c>
      <c r="M164" s="10" t="s">
        <v>55</v>
      </c>
      <c r="N164" s="6">
        <v>20</v>
      </c>
      <c r="O164" s="6">
        <v>7</v>
      </c>
      <c r="P164" s="10" t="s">
        <v>55</v>
      </c>
      <c r="Q164" s="10" t="s">
        <v>55</v>
      </c>
      <c r="R164" s="6">
        <v>1</v>
      </c>
    </row>
    <row r="165" spans="1:18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126</v>
      </c>
      <c r="F165" s="9" t="s">
        <v>127</v>
      </c>
      <c r="G165" s="6">
        <v>17</v>
      </c>
      <c r="H165" s="6">
        <v>16</v>
      </c>
      <c r="I165" s="6">
        <v>13</v>
      </c>
      <c r="J165" s="10" t="s">
        <v>55</v>
      </c>
      <c r="K165" s="6">
        <v>3</v>
      </c>
      <c r="L165" s="6">
        <v>1</v>
      </c>
      <c r="M165" s="10" t="s">
        <v>55</v>
      </c>
      <c r="N165" s="10" t="s">
        <v>55</v>
      </c>
      <c r="O165" s="10" t="s">
        <v>55</v>
      </c>
      <c r="P165" s="10" t="s">
        <v>55</v>
      </c>
      <c r="Q165" s="10" t="s">
        <v>55</v>
      </c>
      <c r="R165" s="6">
        <v>17</v>
      </c>
    </row>
    <row r="166" spans="1:18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126</v>
      </c>
      <c r="F166" s="9" t="s">
        <v>128</v>
      </c>
      <c r="G166" s="6">
        <v>1970</v>
      </c>
      <c r="H166" s="6">
        <v>1277</v>
      </c>
      <c r="I166" s="6">
        <v>1110</v>
      </c>
      <c r="J166" s="6">
        <v>8</v>
      </c>
      <c r="K166" s="6">
        <v>159</v>
      </c>
      <c r="L166" s="6">
        <v>309</v>
      </c>
      <c r="M166" s="6">
        <v>73</v>
      </c>
      <c r="N166" s="6">
        <v>230</v>
      </c>
      <c r="O166" s="6">
        <v>74</v>
      </c>
      <c r="P166" s="10" t="s">
        <v>55</v>
      </c>
      <c r="Q166" s="6">
        <v>7</v>
      </c>
      <c r="R166" s="6">
        <v>1586</v>
      </c>
    </row>
    <row r="167" spans="1:18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126</v>
      </c>
      <c r="F167" s="9" t="s">
        <v>129</v>
      </c>
      <c r="G167" s="6">
        <v>3426</v>
      </c>
      <c r="H167" s="6">
        <v>3158</v>
      </c>
      <c r="I167" s="6">
        <v>2573</v>
      </c>
      <c r="J167" s="6">
        <v>144</v>
      </c>
      <c r="K167" s="6">
        <v>441</v>
      </c>
      <c r="L167" s="6">
        <v>131</v>
      </c>
      <c r="M167" s="6">
        <v>13</v>
      </c>
      <c r="N167" s="6">
        <v>83</v>
      </c>
      <c r="O167" s="6">
        <v>25</v>
      </c>
      <c r="P167" s="6">
        <v>9</v>
      </c>
      <c r="Q167" s="6">
        <v>7</v>
      </c>
      <c r="R167" s="6">
        <v>3289</v>
      </c>
    </row>
    <row r="168" spans="1:18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130</v>
      </c>
      <c r="F168" s="9" t="s">
        <v>131</v>
      </c>
      <c r="G168" s="6">
        <v>115</v>
      </c>
      <c r="H168" s="6">
        <v>113</v>
      </c>
      <c r="I168" s="6">
        <v>97</v>
      </c>
      <c r="J168" s="6">
        <v>7</v>
      </c>
      <c r="K168" s="6">
        <v>9</v>
      </c>
      <c r="L168" s="6">
        <v>2</v>
      </c>
      <c r="M168" s="10" t="s">
        <v>55</v>
      </c>
      <c r="N168" s="10" t="s">
        <v>55</v>
      </c>
      <c r="O168" s="10" t="s">
        <v>55</v>
      </c>
      <c r="P168" s="10" t="s">
        <v>55</v>
      </c>
      <c r="Q168" s="10" t="s">
        <v>55</v>
      </c>
      <c r="R168" s="6">
        <v>115</v>
      </c>
    </row>
    <row r="169" spans="1:18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130</v>
      </c>
      <c r="F169" s="9" t="s">
        <v>132</v>
      </c>
      <c r="G169" s="6">
        <v>117</v>
      </c>
      <c r="H169" s="6">
        <v>90</v>
      </c>
      <c r="I169" s="6">
        <v>76</v>
      </c>
      <c r="J169" s="6">
        <v>4</v>
      </c>
      <c r="K169" s="6">
        <v>10</v>
      </c>
      <c r="L169" s="6">
        <v>11</v>
      </c>
      <c r="M169" s="10" t="s">
        <v>55</v>
      </c>
      <c r="N169" s="6">
        <v>16</v>
      </c>
      <c r="O169" s="10" t="s">
        <v>55</v>
      </c>
      <c r="P169" s="10" t="s">
        <v>55</v>
      </c>
      <c r="Q169" s="10" t="s">
        <v>55</v>
      </c>
      <c r="R169" s="6">
        <v>101</v>
      </c>
    </row>
    <row r="170" spans="1:18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130</v>
      </c>
      <c r="F170" s="9" t="s">
        <v>133</v>
      </c>
      <c r="G170" s="6">
        <v>1319</v>
      </c>
      <c r="H170" s="6">
        <v>1230</v>
      </c>
      <c r="I170" s="6">
        <v>997</v>
      </c>
      <c r="J170" s="6">
        <v>36</v>
      </c>
      <c r="K170" s="6">
        <v>197</v>
      </c>
      <c r="L170" s="6">
        <v>53</v>
      </c>
      <c r="M170" s="6">
        <v>4</v>
      </c>
      <c r="N170" s="6">
        <v>21</v>
      </c>
      <c r="O170" s="6">
        <v>2</v>
      </c>
      <c r="P170" s="10" t="s">
        <v>55</v>
      </c>
      <c r="Q170" s="6">
        <v>9</v>
      </c>
      <c r="R170" s="6">
        <v>1283</v>
      </c>
    </row>
    <row r="171" spans="1:18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130</v>
      </c>
      <c r="F171" s="9" t="s">
        <v>134</v>
      </c>
      <c r="G171" s="6">
        <v>4315</v>
      </c>
      <c r="H171" s="6">
        <v>3474</v>
      </c>
      <c r="I171" s="6">
        <v>1705</v>
      </c>
      <c r="J171" s="6">
        <v>29</v>
      </c>
      <c r="K171" s="6">
        <v>1740</v>
      </c>
      <c r="L171" s="6">
        <v>375</v>
      </c>
      <c r="M171" s="6">
        <v>87</v>
      </c>
      <c r="N171" s="6">
        <v>223</v>
      </c>
      <c r="O171" s="6">
        <v>145</v>
      </c>
      <c r="P171" s="10" t="s">
        <v>55</v>
      </c>
      <c r="Q171" s="6">
        <v>11</v>
      </c>
      <c r="R171" s="6">
        <v>3849</v>
      </c>
    </row>
    <row r="172" spans="1:18">
      <c r="A172" s="9" t="s">
        <v>56</v>
      </c>
      <c r="B172" s="9" t="s">
        <v>57</v>
      </c>
      <c r="C172" s="9" t="s">
        <v>59</v>
      </c>
      <c r="D172" s="9" t="s">
        <v>6</v>
      </c>
      <c r="E172" s="9" t="s">
        <v>130</v>
      </c>
      <c r="F172" s="9" t="s">
        <v>135</v>
      </c>
      <c r="G172" s="6">
        <v>489</v>
      </c>
      <c r="H172" s="6">
        <v>432</v>
      </c>
      <c r="I172" s="6">
        <v>351</v>
      </c>
      <c r="J172" s="6">
        <v>7</v>
      </c>
      <c r="K172" s="6">
        <v>74</v>
      </c>
      <c r="L172" s="6">
        <v>29</v>
      </c>
      <c r="M172" s="6">
        <v>6</v>
      </c>
      <c r="N172" s="6">
        <v>18</v>
      </c>
      <c r="O172" s="6">
        <v>1</v>
      </c>
      <c r="P172" s="10" t="s">
        <v>55</v>
      </c>
      <c r="Q172" s="6">
        <v>3</v>
      </c>
      <c r="R172" s="6">
        <v>461</v>
      </c>
    </row>
    <row r="173" spans="1:18">
      <c r="A173" s="9" t="s">
        <v>56</v>
      </c>
      <c r="B173" s="9" t="s">
        <v>57</v>
      </c>
      <c r="C173" s="9" t="s">
        <v>59</v>
      </c>
      <c r="D173" s="9" t="s">
        <v>6</v>
      </c>
      <c r="E173" s="9" t="s">
        <v>130</v>
      </c>
      <c r="F173" s="9" t="s">
        <v>136</v>
      </c>
      <c r="G173" s="6">
        <v>311</v>
      </c>
      <c r="H173" s="6">
        <v>168</v>
      </c>
      <c r="I173" s="6">
        <v>108</v>
      </c>
      <c r="J173" s="10" t="s">
        <v>55</v>
      </c>
      <c r="K173" s="6">
        <v>60</v>
      </c>
      <c r="L173" s="6">
        <v>74</v>
      </c>
      <c r="M173" s="6">
        <v>5</v>
      </c>
      <c r="N173" s="6">
        <v>51</v>
      </c>
      <c r="O173" s="6">
        <v>13</v>
      </c>
      <c r="P173" s="10" t="s">
        <v>55</v>
      </c>
      <c r="Q173" s="10" t="s">
        <v>55</v>
      </c>
      <c r="R173" s="6">
        <v>242</v>
      </c>
    </row>
    <row r="174" spans="1:18">
      <c r="A174" s="9" t="s">
        <v>56</v>
      </c>
      <c r="B174" s="9" t="s">
        <v>57</v>
      </c>
      <c r="C174" s="9" t="s">
        <v>59</v>
      </c>
      <c r="D174" s="9" t="s">
        <v>6</v>
      </c>
      <c r="E174" s="9" t="s">
        <v>130</v>
      </c>
      <c r="F174" s="9" t="s">
        <v>137</v>
      </c>
      <c r="G174" s="6">
        <v>582</v>
      </c>
      <c r="H174" s="6">
        <v>348</v>
      </c>
      <c r="I174" s="6">
        <v>281</v>
      </c>
      <c r="J174" s="6">
        <v>7</v>
      </c>
      <c r="K174" s="6">
        <v>60</v>
      </c>
      <c r="L174" s="6">
        <v>69</v>
      </c>
      <c r="M174" s="6">
        <v>44</v>
      </c>
      <c r="N174" s="6">
        <v>81</v>
      </c>
      <c r="O174" s="6">
        <v>40</v>
      </c>
      <c r="P174" s="10" t="s">
        <v>55</v>
      </c>
      <c r="Q174" s="10" t="s">
        <v>55</v>
      </c>
      <c r="R174" s="6">
        <v>417</v>
      </c>
    </row>
    <row r="175" spans="1:18">
      <c r="A175" s="9" t="s">
        <v>56</v>
      </c>
      <c r="B175" s="9" t="s">
        <v>57</v>
      </c>
      <c r="C175" s="9" t="s">
        <v>59</v>
      </c>
      <c r="D175" s="9" t="s">
        <v>6</v>
      </c>
      <c r="E175" s="9" t="s">
        <v>130</v>
      </c>
      <c r="F175" s="9" t="s">
        <v>138</v>
      </c>
      <c r="G175" s="6">
        <v>1281</v>
      </c>
      <c r="H175" s="6">
        <v>841</v>
      </c>
      <c r="I175" s="6">
        <v>242</v>
      </c>
      <c r="J175" s="6">
        <v>11</v>
      </c>
      <c r="K175" s="6">
        <v>588</v>
      </c>
      <c r="L175" s="6">
        <v>61</v>
      </c>
      <c r="M175" s="6">
        <v>126</v>
      </c>
      <c r="N175" s="6">
        <v>139</v>
      </c>
      <c r="O175" s="6">
        <v>112</v>
      </c>
      <c r="P175" s="10" t="s">
        <v>55</v>
      </c>
      <c r="Q175" s="6">
        <v>2</v>
      </c>
      <c r="R175" s="6">
        <v>902</v>
      </c>
    </row>
    <row r="176" spans="1:18">
      <c r="A176" s="9" t="s">
        <v>56</v>
      </c>
      <c r="B176" s="9" t="s">
        <v>57</v>
      </c>
      <c r="C176" s="9" t="s">
        <v>59</v>
      </c>
      <c r="D176" s="9" t="s">
        <v>6</v>
      </c>
      <c r="E176" s="9" t="s">
        <v>130</v>
      </c>
      <c r="F176" s="9" t="s">
        <v>139</v>
      </c>
      <c r="G176" s="6">
        <v>952</v>
      </c>
      <c r="H176" s="6">
        <v>601</v>
      </c>
      <c r="I176" s="6">
        <v>291</v>
      </c>
      <c r="J176" s="6">
        <v>6</v>
      </c>
      <c r="K176" s="6">
        <v>304</v>
      </c>
      <c r="L176" s="6">
        <v>36</v>
      </c>
      <c r="M176" s="6">
        <v>58</v>
      </c>
      <c r="N176" s="6">
        <v>177</v>
      </c>
      <c r="O176" s="6">
        <v>78</v>
      </c>
      <c r="P176" s="10" t="s">
        <v>55</v>
      </c>
      <c r="Q176" s="6">
        <v>2</v>
      </c>
      <c r="R176" s="6">
        <v>637</v>
      </c>
    </row>
    <row r="177" spans="1:18">
      <c r="A177" s="9" t="s">
        <v>56</v>
      </c>
      <c r="B177" s="9" t="s">
        <v>57</v>
      </c>
      <c r="C177" s="9" t="s">
        <v>59</v>
      </c>
      <c r="D177" s="9" t="s">
        <v>6</v>
      </c>
      <c r="E177" s="9" t="s">
        <v>130</v>
      </c>
      <c r="F177" s="9" t="s">
        <v>140</v>
      </c>
      <c r="G177" s="6">
        <v>1305</v>
      </c>
      <c r="H177" s="6">
        <v>1182</v>
      </c>
      <c r="I177" s="6">
        <v>867</v>
      </c>
      <c r="J177" s="6">
        <v>10</v>
      </c>
      <c r="K177" s="6">
        <v>305</v>
      </c>
      <c r="L177" s="6">
        <v>18</v>
      </c>
      <c r="M177" s="6">
        <v>11</v>
      </c>
      <c r="N177" s="6">
        <v>83</v>
      </c>
      <c r="O177" s="6">
        <v>8</v>
      </c>
      <c r="P177" s="10" t="s">
        <v>55</v>
      </c>
      <c r="Q177" s="6">
        <v>3</v>
      </c>
      <c r="R177" s="6">
        <v>1200</v>
      </c>
    </row>
    <row r="178" spans="1:18">
      <c r="A178" s="9" t="s">
        <v>56</v>
      </c>
      <c r="B178" s="9" t="s">
        <v>57</v>
      </c>
      <c r="C178" s="9" t="s">
        <v>59</v>
      </c>
      <c r="D178" s="9" t="s">
        <v>6</v>
      </c>
      <c r="E178" s="9" t="s">
        <v>130</v>
      </c>
      <c r="F178" s="9" t="s">
        <v>141</v>
      </c>
      <c r="G178" s="6">
        <v>4757</v>
      </c>
      <c r="H178" s="6">
        <v>4412</v>
      </c>
      <c r="I178" s="6">
        <v>3139</v>
      </c>
      <c r="J178" s="6">
        <v>61</v>
      </c>
      <c r="K178" s="6">
        <v>1212</v>
      </c>
      <c r="L178" s="6">
        <v>147</v>
      </c>
      <c r="M178" s="6">
        <v>72</v>
      </c>
      <c r="N178" s="6">
        <v>58</v>
      </c>
      <c r="O178" s="6">
        <v>51</v>
      </c>
      <c r="P178" s="10" t="s">
        <v>55</v>
      </c>
      <c r="Q178" s="6">
        <v>17</v>
      </c>
      <c r="R178" s="6">
        <v>4559</v>
      </c>
    </row>
    <row r="179" spans="1:18">
      <c r="A179" s="9" t="s">
        <v>56</v>
      </c>
      <c r="B179" s="9" t="s">
        <v>57</v>
      </c>
      <c r="C179" s="9" t="s">
        <v>59</v>
      </c>
      <c r="D179" s="9" t="s">
        <v>6</v>
      </c>
      <c r="E179" s="9" t="s">
        <v>130</v>
      </c>
      <c r="F179" s="9" t="s">
        <v>142</v>
      </c>
      <c r="G179" s="6">
        <v>226</v>
      </c>
      <c r="H179" s="6">
        <v>217</v>
      </c>
      <c r="I179" s="6">
        <v>185</v>
      </c>
      <c r="J179" s="6">
        <v>3</v>
      </c>
      <c r="K179" s="6">
        <v>29</v>
      </c>
      <c r="L179" s="6">
        <v>3</v>
      </c>
      <c r="M179" s="6">
        <v>4</v>
      </c>
      <c r="N179" s="10" t="s">
        <v>55</v>
      </c>
      <c r="O179" s="6">
        <v>1</v>
      </c>
      <c r="P179" s="10" t="s">
        <v>55</v>
      </c>
      <c r="Q179" s="6">
        <v>1</v>
      </c>
      <c r="R179" s="6">
        <v>220</v>
      </c>
    </row>
    <row r="180" spans="1:18">
      <c r="A180" s="9" t="s">
        <v>56</v>
      </c>
      <c r="B180" s="9" t="s">
        <v>57</v>
      </c>
      <c r="C180" s="9" t="s">
        <v>59</v>
      </c>
      <c r="D180" s="9" t="s">
        <v>6</v>
      </c>
      <c r="E180" s="9" t="s">
        <v>130</v>
      </c>
      <c r="F180" s="9" t="s">
        <v>143</v>
      </c>
      <c r="G180" s="6">
        <v>1341</v>
      </c>
      <c r="H180" s="6">
        <v>986</v>
      </c>
      <c r="I180" s="6">
        <v>650</v>
      </c>
      <c r="J180" s="6">
        <v>28</v>
      </c>
      <c r="K180" s="6">
        <v>308</v>
      </c>
      <c r="L180" s="6">
        <v>106</v>
      </c>
      <c r="M180" s="6">
        <v>20</v>
      </c>
      <c r="N180" s="6">
        <v>185</v>
      </c>
      <c r="O180" s="6">
        <v>37</v>
      </c>
      <c r="P180" s="10" t="s">
        <v>55</v>
      </c>
      <c r="Q180" s="6">
        <v>7</v>
      </c>
      <c r="R180" s="6">
        <v>1092</v>
      </c>
    </row>
    <row r="181" spans="1:18">
      <c r="A181" s="9" t="s">
        <v>56</v>
      </c>
      <c r="B181" s="9" t="s">
        <v>57</v>
      </c>
      <c r="C181" s="9" t="s">
        <v>59</v>
      </c>
      <c r="D181" s="9" t="s">
        <v>6</v>
      </c>
      <c r="E181" s="9" t="s">
        <v>130</v>
      </c>
      <c r="F181" s="9" t="s">
        <v>144</v>
      </c>
      <c r="G181" s="6">
        <v>1045</v>
      </c>
      <c r="H181" s="6">
        <v>1045</v>
      </c>
      <c r="I181" s="6">
        <v>891</v>
      </c>
      <c r="J181" s="6">
        <v>4</v>
      </c>
      <c r="K181" s="6">
        <v>150</v>
      </c>
      <c r="L181" s="10" t="s">
        <v>55</v>
      </c>
      <c r="M181" s="10" t="s">
        <v>55</v>
      </c>
      <c r="N181" s="10" t="s">
        <v>55</v>
      </c>
      <c r="O181" s="10" t="s">
        <v>55</v>
      </c>
      <c r="P181" s="10" t="s">
        <v>55</v>
      </c>
      <c r="Q181" s="10" t="s">
        <v>55</v>
      </c>
      <c r="R181" s="6">
        <v>1045</v>
      </c>
    </row>
    <row r="182" spans="1:18">
      <c r="A182" s="9" t="s">
        <v>56</v>
      </c>
      <c r="B182" s="9" t="s">
        <v>57</v>
      </c>
      <c r="C182" s="9" t="s">
        <v>59</v>
      </c>
      <c r="D182" s="9" t="s">
        <v>6</v>
      </c>
      <c r="E182" s="9" t="s">
        <v>55</v>
      </c>
      <c r="F182" s="9" t="s">
        <v>145</v>
      </c>
      <c r="G182" s="6">
        <v>168</v>
      </c>
      <c r="H182" s="6">
        <v>77</v>
      </c>
      <c r="I182" s="6">
        <v>28</v>
      </c>
      <c r="J182" s="6">
        <v>27</v>
      </c>
      <c r="K182" s="6">
        <v>22</v>
      </c>
      <c r="L182" s="10" t="s">
        <v>55</v>
      </c>
      <c r="M182" s="6">
        <v>3</v>
      </c>
      <c r="N182" s="6">
        <v>18</v>
      </c>
      <c r="O182" s="6">
        <v>3</v>
      </c>
      <c r="P182" s="10" t="s">
        <v>55</v>
      </c>
      <c r="Q182" s="6">
        <v>67</v>
      </c>
      <c r="R182" s="6">
        <v>77</v>
      </c>
    </row>
    <row r="183" spans="1:18">
      <c r="A183" s="9" t="s">
        <v>56</v>
      </c>
      <c r="B183" s="9" t="s">
        <v>57</v>
      </c>
      <c r="C183" s="9" t="s">
        <v>59</v>
      </c>
      <c r="D183" s="9" t="s">
        <v>6</v>
      </c>
      <c r="E183" s="9" t="s">
        <v>55</v>
      </c>
      <c r="F183" s="9" t="s">
        <v>146</v>
      </c>
      <c r="G183" s="6">
        <v>757</v>
      </c>
      <c r="H183" s="6">
        <v>369</v>
      </c>
      <c r="I183" s="6">
        <v>124</v>
      </c>
      <c r="J183" s="6">
        <v>16</v>
      </c>
      <c r="K183" s="6">
        <v>229</v>
      </c>
      <c r="L183" s="6">
        <v>25</v>
      </c>
      <c r="M183" s="6">
        <v>37</v>
      </c>
      <c r="N183" s="6">
        <v>168</v>
      </c>
      <c r="O183" s="6">
        <v>158</v>
      </c>
      <c r="P183" s="10" t="s">
        <v>55</v>
      </c>
      <c r="Q183" s="10" t="s">
        <v>55</v>
      </c>
      <c r="R183" s="6">
        <v>394</v>
      </c>
    </row>
    <row r="184" spans="1:18">
      <c r="A184" s="9" t="s">
        <v>56</v>
      </c>
      <c r="B184" s="9" t="s">
        <v>57</v>
      </c>
      <c r="C184" s="9" t="s">
        <v>59</v>
      </c>
      <c r="D184" s="9" t="s">
        <v>6</v>
      </c>
      <c r="E184" s="9" t="s">
        <v>55</v>
      </c>
      <c r="F184" s="9" t="s">
        <v>147</v>
      </c>
      <c r="G184" s="6">
        <v>5413</v>
      </c>
      <c r="H184" s="6">
        <v>4451</v>
      </c>
      <c r="I184" s="6">
        <v>3696</v>
      </c>
      <c r="J184" s="6">
        <v>152</v>
      </c>
      <c r="K184" s="6">
        <v>603</v>
      </c>
      <c r="L184" s="6">
        <v>441</v>
      </c>
      <c r="M184" s="6">
        <v>86</v>
      </c>
      <c r="N184" s="6">
        <v>313</v>
      </c>
      <c r="O184" s="6">
        <v>99</v>
      </c>
      <c r="P184" s="6">
        <v>9</v>
      </c>
      <c r="Q184" s="6">
        <v>14</v>
      </c>
      <c r="R184" s="6">
        <v>4892</v>
      </c>
    </row>
    <row r="185" spans="1:18">
      <c r="A185" s="9" t="s">
        <v>56</v>
      </c>
      <c r="B185" s="9" t="s">
        <v>57</v>
      </c>
      <c r="C185" s="9" t="s">
        <v>59</v>
      </c>
      <c r="D185" s="9" t="s">
        <v>6</v>
      </c>
      <c r="E185" s="9" t="s">
        <v>55</v>
      </c>
      <c r="F185" s="9" t="s">
        <v>148</v>
      </c>
      <c r="G185" s="6">
        <v>18155</v>
      </c>
      <c r="H185" s="6">
        <v>15139</v>
      </c>
      <c r="I185" s="6">
        <v>9880</v>
      </c>
      <c r="J185" s="6">
        <v>213</v>
      </c>
      <c r="K185" s="6">
        <v>5046</v>
      </c>
      <c r="L185" s="6">
        <v>984</v>
      </c>
      <c r="M185" s="6">
        <v>437</v>
      </c>
      <c r="N185" s="6">
        <v>1052</v>
      </c>
      <c r="O185" s="6">
        <v>488</v>
      </c>
      <c r="P185" s="10" t="s">
        <v>55</v>
      </c>
      <c r="Q185" s="6">
        <v>55</v>
      </c>
      <c r="R185" s="6">
        <v>16123</v>
      </c>
    </row>
    <row r="186" spans="1:18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55</v>
      </c>
      <c r="F186" s="9" t="s">
        <v>6</v>
      </c>
      <c r="G186" s="6">
        <v>12635</v>
      </c>
      <c r="H186" s="6">
        <v>9887</v>
      </c>
      <c r="I186" s="6">
        <v>8316</v>
      </c>
      <c r="J186" s="6">
        <v>200</v>
      </c>
      <c r="K186" s="6">
        <v>1371</v>
      </c>
      <c r="L186" s="6">
        <v>1015</v>
      </c>
      <c r="M186" s="6">
        <v>430</v>
      </c>
      <c r="N186" s="6">
        <v>1057</v>
      </c>
      <c r="O186" s="6">
        <v>162</v>
      </c>
      <c r="P186" s="6">
        <v>1</v>
      </c>
      <c r="Q186" s="6">
        <v>83</v>
      </c>
      <c r="R186" s="6">
        <v>10902</v>
      </c>
    </row>
    <row r="187" spans="1:18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122</v>
      </c>
      <c r="F187" s="9" t="s">
        <v>123</v>
      </c>
      <c r="G187" s="6">
        <v>367</v>
      </c>
      <c r="H187" s="6">
        <v>141</v>
      </c>
      <c r="I187" s="6">
        <v>77</v>
      </c>
      <c r="J187" s="6">
        <v>7</v>
      </c>
      <c r="K187" s="6">
        <v>57</v>
      </c>
      <c r="L187" s="6">
        <v>21</v>
      </c>
      <c r="M187" s="6">
        <v>37</v>
      </c>
      <c r="N187" s="6">
        <v>133</v>
      </c>
      <c r="O187" s="6">
        <v>35</v>
      </c>
      <c r="P187" s="10" t="s">
        <v>55</v>
      </c>
      <c r="Q187" s="10" t="s">
        <v>55</v>
      </c>
      <c r="R187" s="6">
        <v>162</v>
      </c>
    </row>
    <row r="188" spans="1:18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122</v>
      </c>
      <c r="F188" s="9" t="s">
        <v>124</v>
      </c>
      <c r="G188" s="6">
        <v>343</v>
      </c>
      <c r="H188" s="6">
        <v>121</v>
      </c>
      <c r="I188" s="6">
        <v>60</v>
      </c>
      <c r="J188" s="6">
        <v>7</v>
      </c>
      <c r="K188" s="6">
        <v>54</v>
      </c>
      <c r="L188" s="6">
        <v>17</v>
      </c>
      <c r="M188" s="6">
        <v>37</v>
      </c>
      <c r="N188" s="6">
        <v>133</v>
      </c>
      <c r="O188" s="6">
        <v>35</v>
      </c>
      <c r="P188" s="10" t="s">
        <v>55</v>
      </c>
      <c r="Q188" s="10" t="s">
        <v>55</v>
      </c>
      <c r="R188" s="6">
        <v>138</v>
      </c>
    </row>
    <row r="189" spans="1:18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122</v>
      </c>
      <c r="F189" s="9" t="s">
        <v>125</v>
      </c>
      <c r="G189" s="6">
        <v>21</v>
      </c>
      <c r="H189" s="6">
        <v>1</v>
      </c>
      <c r="I189" s="6">
        <v>1</v>
      </c>
      <c r="J189" s="10" t="s">
        <v>55</v>
      </c>
      <c r="K189" s="10" t="s">
        <v>55</v>
      </c>
      <c r="L189" s="10" t="s">
        <v>55</v>
      </c>
      <c r="M189" s="10" t="s">
        <v>55</v>
      </c>
      <c r="N189" s="6">
        <v>20</v>
      </c>
      <c r="O189" s="10" t="s">
        <v>55</v>
      </c>
      <c r="P189" s="10" t="s">
        <v>55</v>
      </c>
      <c r="Q189" s="10" t="s">
        <v>55</v>
      </c>
      <c r="R189" s="6">
        <v>1</v>
      </c>
    </row>
    <row r="190" spans="1:18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126</v>
      </c>
      <c r="F190" s="9" t="s">
        <v>127</v>
      </c>
      <c r="G190" s="6">
        <v>14</v>
      </c>
      <c r="H190" s="6">
        <v>13</v>
      </c>
      <c r="I190" s="6">
        <v>12</v>
      </c>
      <c r="J190" s="10" t="s">
        <v>55</v>
      </c>
      <c r="K190" s="6">
        <v>1</v>
      </c>
      <c r="L190" s="6">
        <v>1</v>
      </c>
      <c r="M190" s="10" t="s">
        <v>55</v>
      </c>
      <c r="N190" s="10" t="s">
        <v>55</v>
      </c>
      <c r="O190" s="10" t="s">
        <v>55</v>
      </c>
      <c r="P190" s="10" t="s">
        <v>55</v>
      </c>
      <c r="Q190" s="10" t="s">
        <v>55</v>
      </c>
      <c r="R190" s="6">
        <v>14</v>
      </c>
    </row>
    <row r="191" spans="1:18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126</v>
      </c>
      <c r="F191" s="9" t="s">
        <v>128</v>
      </c>
      <c r="G191" s="6">
        <v>1615</v>
      </c>
      <c r="H191" s="6">
        <v>1049</v>
      </c>
      <c r="I191" s="6">
        <v>948</v>
      </c>
      <c r="J191" s="6">
        <v>5</v>
      </c>
      <c r="K191" s="6">
        <v>96</v>
      </c>
      <c r="L191" s="6">
        <v>235</v>
      </c>
      <c r="M191" s="6">
        <v>73</v>
      </c>
      <c r="N191" s="6">
        <v>230</v>
      </c>
      <c r="O191" s="6">
        <v>22</v>
      </c>
      <c r="P191" s="10" t="s">
        <v>55</v>
      </c>
      <c r="Q191" s="6">
        <v>6</v>
      </c>
      <c r="R191" s="6">
        <v>1284</v>
      </c>
    </row>
    <row r="192" spans="1:18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126</v>
      </c>
      <c r="F192" s="9" t="s">
        <v>129</v>
      </c>
      <c r="G192" s="6">
        <v>2464</v>
      </c>
      <c r="H192" s="6">
        <v>2284</v>
      </c>
      <c r="I192" s="6">
        <v>2050</v>
      </c>
      <c r="J192" s="6">
        <v>100</v>
      </c>
      <c r="K192" s="6">
        <v>134</v>
      </c>
      <c r="L192" s="6">
        <v>104</v>
      </c>
      <c r="M192" s="6">
        <v>11</v>
      </c>
      <c r="N192" s="6">
        <v>51</v>
      </c>
      <c r="O192" s="6">
        <v>7</v>
      </c>
      <c r="P192" s="6">
        <v>1</v>
      </c>
      <c r="Q192" s="6">
        <v>6</v>
      </c>
      <c r="R192" s="6">
        <v>2388</v>
      </c>
    </row>
    <row r="193" spans="1:18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130</v>
      </c>
      <c r="F193" s="9" t="s">
        <v>131</v>
      </c>
      <c r="G193" s="6">
        <v>97</v>
      </c>
      <c r="H193" s="6">
        <v>96</v>
      </c>
      <c r="I193" s="6">
        <v>86</v>
      </c>
      <c r="J193" s="6">
        <v>5</v>
      </c>
      <c r="K193" s="6">
        <v>5</v>
      </c>
      <c r="L193" s="6">
        <v>1</v>
      </c>
      <c r="M193" s="10" t="s">
        <v>55</v>
      </c>
      <c r="N193" s="10" t="s">
        <v>55</v>
      </c>
      <c r="O193" s="10" t="s">
        <v>55</v>
      </c>
      <c r="P193" s="10" t="s">
        <v>55</v>
      </c>
      <c r="Q193" s="10" t="s">
        <v>55</v>
      </c>
      <c r="R193" s="6">
        <v>97</v>
      </c>
    </row>
    <row r="194" spans="1:18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130</v>
      </c>
      <c r="F194" s="9" t="s">
        <v>132</v>
      </c>
      <c r="G194" s="6">
        <v>75</v>
      </c>
      <c r="H194" s="6">
        <v>53</v>
      </c>
      <c r="I194" s="6">
        <v>46</v>
      </c>
      <c r="J194" s="6">
        <v>4</v>
      </c>
      <c r="K194" s="6">
        <v>3</v>
      </c>
      <c r="L194" s="6">
        <v>9</v>
      </c>
      <c r="M194" s="10" t="s">
        <v>55</v>
      </c>
      <c r="N194" s="6">
        <v>13</v>
      </c>
      <c r="O194" s="10" t="s">
        <v>55</v>
      </c>
      <c r="P194" s="10" t="s">
        <v>55</v>
      </c>
      <c r="Q194" s="10" t="s">
        <v>55</v>
      </c>
      <c r="R194" s="6">
        <v>62</v>
      </c>
    </row>
    <row r="195" spans="1:18">
      <c r="A195" s="9" t="s">
        <v>56</v>
      </c>
      <c r="B195" s="9" t="s">
        <v>57</v>
      </c>
      <c r="C195" s="9" t="s">
        <v>59</v>
      </c>
      <c r="D195" s="9" t="s">
        <v>53</v>
      </c>
      <c r="E195" s="9" t="s">
        <v>130</v>
      </c>
      <c r="F195" s="9" t="s">
        <v>133</v>
      </c>
      <c r="G195" s="6">
        <v>1045</v>
      </c>
      <c r="H195" s="6">
        <v>973</v>
      </c>
      <c r="I195" s="6">
        <v>858</v>
      </c>
      <c r="J195" s="6">
        <v>17</v>
      </c>
      <c r="K195" s="6">
        <v>98</v>
      </c>
      <c r="L195" s="6">
        <v>42</v>
      </c>
      <c r="M195" s="6">
        <v>4</v>
      </c>
      <c r="N195" s="6">
        <v>19</v>
      </c>
      <c r="O195" s="6">
        <v>1</v>
      </c>
      <c r="P195" s="10" t="s">
        <v>55</v>
      </c>
      <c r="Q195" s="6">
        <v>6</v>
      </c>
      <c r="R195" s="6">
        <v>1015</v>
      </c>
    </row>
    <row r="196" spans="1:18">
      <c r="A196" s="9" t="s">
        <v>56</v>
      </c>
      <c r="B196" s="9" t="s">
        <v>57</v>
      </c>
      <c r="C196" s="9" t="s">
        <v>59</v>
      </c>
      <c r="D196" s="9" t="s">
        <v>53</v>
      </c>
      <c r="E196" s="9" t="s">
        <v>130</v>
      </c>
      <c r="F196" s="9" t="s">
        <v>134</v>
      </c>
      <c r="G196" s="6">
        <v>1886</v>
      </c>
      <c r="H196" s="6">
        <v>1393</v>
      </c>
      <c r="I196" s="6">
        <v>1016</v>
      </c>
      <c r="J196" s="6">
        <v>8</v>
      </c>
      <c r="K196" s="6">
        <v>369</v>
      </c>
      <c r="L196" s="6">
        <v>245</v>
      </c>
      <c r="M196" s="6">
        <v>72</v>
      </c>
      <c r="N196" s="6">
        <v>140</v>
      </c>
      <c r="O196" s="6">
        <v>31</v>
      </c>
      <c r="P196" s="10" t="s">
        <v>55</v>
      </c>
      <c r="Q196" s="6">
        <v>5</v>
      </c>
      <c r="R196" s="6">
        <v>1638</v>
      </c>
    </row>
    <row r="197" spans="1:18">
      <c r="A197" s="9" t="s">
        <v>56</v>
      </c>
      <c r="B197" s="9" t="s">
        <v>57</v>
      </c>
      <c r="C197" s="9" t="s">
        <v>59</v>
      </c>
      <c r="D197" s="9" t="s">
        <v>53</v>
      </c>
      <c r="E197" s="9" t="s">
        <v>130</v>
      </c>
      <c r="F197" s="9" t="s">
        <v>135</v>
      </c>
      <c r="G197" s="6">
        <v>198</v>
      </c>
      <c r="H197" s="6">
        <v>162</v>
      </c>
      <c r="I197" s="6">
        <v>155</v>
      </c>
      <c r="J197" s="10" t="s">
        <v>55</v>
      </c>
      <c r="K197" s="6">
        <v>7</v>
      </c>
      <c r="L197" s="6">
        <v>21</v>
      </c>
      <c r="M197" s="6">
        <v>3</v>
      </c>
      <c r="N197" s="6">
        <v>10</v>
      </c>
      <c r="O197" s="10" t="s">
        <v>55</v>
      </c>
      <c r="P197" s="10" t="s">
        <v>55</v>
      </c>
      <c r="Q197" s="6">
        <v>2</v>
      </c>
      <c r="R197" s="6">
        <v>183</v>
      </c>
    </row>
    <row r="198" spans="1:18">
      <c r="A198" s="9" t="s">
        <v>56</v>
      </c>
      <c r="B198" s="9" t="s">
        <v>57</v>
      </c>
      <c r="C198" s="9" t="s">
        <v>59</v>
      </c>
      <c r="D198" s="9" t="s">
        <v>53</v>
      </c>
      <c r="E198" s="9" t="s">
        <v>130</v>
      </c>
      <c r="F198" s="9" t="s">
        <v>136</v>
      </c>
      <c r="G198" s="6">
        <v>163</v>
      </c>
      <c r="H198" s="6">
        <v>75</v>
      </c>
      <c r="I198" s="6">
        <v>57</v>
      </c>
      <c r="J198" s="10" t="s">
        <v>55</v>
      </c>
      <c r="K198" s="6">
        <v>18</v>
      </c>
      <c r="L198" s="6">
        <v>49</v>
      </c>
      <c r="M198" s="6">
        <v>2</v>
      </c>
      <c r="N198" s="6">
        <v>33</v>
      </c>
      <c r="O198" s="6">
        <v>4</v>
      </c>
      <c r="P198" s="10" t="s">
        <v>55</v>
      </c>
      <c r="Q198" s="10" t="s">
        <v>55</v>
      </c>
      <c r="R198" s="6">
        <v>124</v>
      </c>
    </row>
    <row r="199" spans="1:18">
      <c r="A199" s="9" t="s">
        <v>56</v>
      </c>
      <c r="B199" s="9" t="s">
        <v>57</v>
      </c>
      <c r="C199" s="9" t="s">
        <v>59</v>
      </c>
      <c r="D199" s="9" t="s">
        <v>53</v>
      </c>
      <c r="E199" s="9" t="s">
        <v>130</v>
      </c>
      <c r="F199" s="9" t="s">
        <v>137</v>
      </c>
      <c r="G199" s="6">
        <v>368</v>
      </c>
      <c r="H199" s="6">
        <v>203</v>
      </c>
      <c r="I199" s="6">
        <v>187</v>
      </c>
      <c r="J199" s="6">
        <v>4</v>
      </c>
      <c r="K199" s="6">
        <v>12</v>
      </c>
      <c r="L199" s="6">
        <v>53</v>
      </c>
      <c r="M199" s="6">
        <v>41</v>
      </c>
      <c r="N199" s="6">
        <v>66</v>
      </c>
      <c r="O199" s="6">
        <v>5</v>
      </c>
      <c r="P199" s="10" t="s">
        <v>55</v>
      </c>
      <c r="Q199" s="10" t="s">
        <v>55</v>
      </c>
      <c r="R199" s="6">
        <v>256</v>
      </c>
    </row>
    <row r="200" spans="1:18">
      <c r="A200" s="9" t="s">
        <v>56</v>
      </c>
      <c r="B200" s="9" t="s">
        <v>57</v>
      </c>
      <c r="C200" s="9" t="s">
        <v>59</v>
      </c>
      <c r="D200" s="9" t="s">
        <v>53</v>
      </c>
      <c r="E200" s="9" t="s">
        <v>130</v>
      </c>
      <c r="F200" s="9" t="s">
        <v>138</v>
      </c>
      <c r="G200" s="6">
        <v>432</v>
      </c>
      <c r="H200" s="6">
        <v>244</v>
      </c>
      <c r="I200" s="6">
        <v>136</v>
      </c>
      <c r="J200" s="6">
        <v>5</v>
      </c>
      <c r="K200" s="6">
        <v>103</v>
      </c>
      <c r="L200" s="6">
        <v>33</v>
      </c>
      <c r="M200" s="6">
        <v>69</v>
      </c>
      <c r="N200" s="6">
        <v>68</v>
      </c>
      <c r="O200" s="6">
        <v>18</v>
      </c>
      <c r="P200" s="10" t="s">
        <v>55</v>
      </c>
      <c r="Q200" s="10" t="s">
        <v>55</v>
      </c>
      <c r="R200" s="6">
        <v>277</v>
      </c>
    </row>
    <row r="201" spans="1:18">
      <c r="A201" s="9" t="s">
        <v>56</v>
      </c>
      <c r="B201" s="9" t="s">
        <v>57</v>
      </c>
      <c r="C201" s="9" t="s">
        <v>59</v>
      </c>
      <c r="D201" s="9" t="s">
        <v>53</v>
      </c>
      <c r="E201" s="9" t="s">
        <v>130</v>
      </c>
      <c r="F201" s="9" t="s">
        <v>139</v>
      </c>
      <c r="G201" s="6">
        <v>368</v>
      </c>
      <c r="H201" s="6">
        <v>235</v>
      </c>
      <c r="I201" s="6">
        <v>162</v>
      </c>
      <c r="J201" s="6">
        <v>5</v>
      </c>
      <c r="K201" s="6">
        <v>68</v>
      </c>
      <c r="L201" s="6">
        <v>20</v>
      </c>
      <c r="M201" s="6">
        <v>30</v>
      </c>
      <c r="N201" s="6">
        <v>66</v>
      </c>
      <c r="O201" s="6">
        <v>17</v>
      </c>
      <c r="P201" s="10" t="s">
        <v>55</v>
      </c>
      <c r="Q201" s="10" t="s">
        <v>55</v>
      </c>
      <c r="R201" s="6">
        <v>255</v>
      </c>
    </row>
    <row r="202" spans="1:18">
      <c r="A202" s="9" t="s">
        <v>56</v>
      </c>
      <c r="B202" s="9" t="s">
        <v>57</v>
      </c>
      <c r="C202" s="9" t="s">
        <v>59</v>
      </c>
      <c r="D202" s="9" t="s">
        <v>53</v>
      </c>
      <c r="E202" s="9" t="s">
        <v>130</v>
      </c>
      <c r="F202" s="9" t="s">
        <v>140</v>
      </c>
      <c r="G202" s="6">
        <v>571</v>
      </c>
      <c r="H202" s="6">
        <v>529</v>
      </c>
      <c r="I202" s="6">
        <v>448</v>
      </c>
      <c r="J202" s="6">
        <v>3</v>
      </c>
      <c r="K202" s="6">
        <v>78</v>
      </c>
      <c r="L202" s="6">
        <v>14</v>
      </c>
      <c r="M202" s="6">
        <v>2</v>
      </c>
      <c r="N202" s="6">
        <v>23</v>
      </c>
      <c r="O202" s="6">
        <v>1</v>
      </c>
      <c r="P202" s="10" t="s">
        <v>55</v>
      </c>
      <c r="Q202" s="6">
        <v>2</v>
      </c>
      <c r="R202" s="6">
        <v>543</v>
      </c>
    </row>
    <row r="203" spans="1:18">
      <c r="A203" s="9" t="s">
        <v>56</v>
      </c>
      <c r="B203" s="9" t="s">
        <v>57</v>
      </c>
      <c r="C203" s="9" t="s">
        <v>59</v>
      </c>
      <c r="D203" s="9" t="s">
        <v>53</v>
      </c>
      <c r="E203" s="9" t="s">
        <v>130</v>
      </c>
      <c r="F203" s="9" t="s">
        <v>141</v>
      </c>
      <c r="G203" s="6">
        <v>1151</v>
      </c>
      <c r="H203" s="6">
        <v>958</v>
      </c>
      <c r="I203" s="6">
        <v>798</v>
      </c>
      <c r="J203" s="6">
        <v>5</v>
      </c>
      <c r="K203" s="6">
        <v>155</v>
      </c>
      <c r="L203" s="6">
        <v>80</v>
      </c>
      <c r="M203" s="6">
        <v>65</v>
      </c>
      <c r="N203" s="6">
        <v>36</v>
      </c>
      <c r="O203" s="6">
        <v>8</v>
      </c>
      <c r="P203" s="10" t="s">
        <v>55</v>
      </c>
      <c r="Q203" s="6">
        <v>4</v>
      </c>
      <c r="R203" s="6">
        <v>1038</v>
      </c>
    </row>
    <row r="204" spans="1:18">
      <c r="A204" s="9" t="s">
        <v>56</v>
      </c>
      <c r="B204" s="9" t="s">
        <v>57</v>
      </c>
      <c r="C204" s="9" t="s">
        <v>59</v>
      </c>
      <c r="D204" s="9" t="s">
        <v>53</v>
      </c>
      <c r="E204" s="9" t="s">
        <v>130</v>
      </c>
      <c r="F204" s="9" t="s">
        <v>142</v>
      </c>
      <c r="G204" s="6">
        <v>139</v>
      </c>
      <c r="H204" s="6">
        <v>134</v>
      </c>
      <c r="I204" s="6">
        <v>120</v>
      </c>
      <c r="J204" s="6">
        <v>1</v>
      </c>
      <c r="K204" s="6">
        <v>13</v>
      </c>
      <c r="L204" s="6">
        <v>3</v>
      </c>
      <c r="M204" s="6">
        <v>1</v>
      </c>
      <c r="N204" s="10" t="s">
        <v>55</v>
      </c>
      <c r="O204" s="10" t="s">
        <v>55</v>
      </c>
      <c r="P204" s="10" t="s">
        <v>55</v>
      </c>
      <c r="Q204" s="6">
        <v>1</v>
      </c>
      <c r="R204" s="6">
        <v>137</v>
      </c>
    </row>
    <row r="205" spans="1:18">
      <c r="A205" s="9" t="s">
        <v>56</v>
      </c>
      <c r="B205" s="9" t="s">
        <v>57</v>
      </c>
      <c r="C205" s="9" t="s">
        <v>59</v>
      </c>
      <c r="D205" s="9" t="s">
        <v>53</v>
      </c>
      <c r="E205" s="9" t="s">
        <v>130</v>
      </c>
      <c r="F205" s="9" t="s">
        <v>143</v>
      </c>
      <c r="G205" s="6">
        <v>840</v>
      </c>
      <c r="H205" s="6">
        <v>584</v>
      </c>
      <c r="I205" s="6">
        <v>454</v>
      </c>
      <c r="J205" s="6">
        <v>16</v>
      </c>
      <c r="K205" s="6">
        <v>114</v>
      </c>
      <c r="L205" s="6">
        <v>84</v>
      </c>
      <c r="M205" s="6">
        <v>19</v>
      </c>
      <c r="N205" s="6">
        <v>134</v>
      </c>
      <c r="O205" s="6">
        <v>13</v>
      </c>
      <c r="P205" s="10" t="s">
        <v>55</v>
      </c>
      <c r="Q205" s="6">
        <v>6</v>
      </c>
      <c r="R205" s="6">
        <v>668</v>
      </c>
    </row>
    <row r="206" spans="1:18">
      <c r="A206" s="9" t="s">
        <v>56</v>
      </c>
      <c r="B206" s="9" t="s">
        <v>57</v>
      </c>
      <c r="C206" s="9" t="s">
        <v>59</v>
      </c>
      <c r="D206" s="9" t="s">
        <v>53</v>
      </c>
      <c r="E206" s="9" t="s">
        <v>130</v>
      </c>
      <c r="F206" s="9" t="s">
        <v>144</v>
      </c>
      <c r="G206" s="6">
        <v>724</v>
      </c>
      <c r="H206" s="6">
        <v>724</v>
      </c>
      <c r="I206" s="6">
        <v>688</v>
      </c>
      <c r="J206" s="6">
        <v>2</v>
      </c>
      <c r="K206" s="6">
        <v>34</v>
      </c>
      <c r="L206" s="10" t="s">
        <v>55</v>
      </c>
      <c r="M206" s="10" t="s">
        <v>55</v>
      </c>
      <c r="N206" s="10" t="s">
        <v>55</v>
      </c>
      <c r="O206" s="10" t="s">
        <v>55</v>
      </c>
      <c r="P206" s="10" t="s">
        <v>55</v>
      </c>
      <c r="Q206" s="10" t="s">
        <v>55</v>
      </c>
      <c r="R206" s="6">
        <v>724</v>
      </c>
    </row>
    <row r="207" spans="1:18">
      <c r="A207" s="9" t="s">
        <v>56</v>
      </c>
      <c r="B207" s="9" t="s">
        <v>57</v>
      </c>
      <c r="C207" s="9" t="s">
        <v>59</v>
      </c>
      <c r="D207" s="9" t="s">
        <v>53</v>
      </c>
      <c r="E207" s="9" t="s">
        <v>55</v>
      </c>
      <c r="F207" s="9" t="s">
        <v>145</v>
      </c>
      <c r="G207" s="6">
        <v>97</v>
      </c>
      <c r="H207" s="6">
        <v>36</v>
      </c>
      <c r="I207" s="6">
        <v>17</v>
      </c>
      <c r="J207" s="6">
        <v>13</v>
      </c>
      <c r="K207" s="6">
        <v>6</v>
      </c>
      <c r="L207" s="10" t="s">
        <v>55</v>
      </c>
      <c r="M207" s="6">
        <v>1</v>
      </c>
      <c r="N207" s="6">
        <v>15</v>
      </c>
      <c r="O207" s="10" t="s">
        <v>55</v>
      </c>
      <c r="P207" s="10" t="s">
        <v>55</v>
      </c>
      <c r="Q207" s="6">
        <v>45</v>
      </c>
      <c r="R207" s="6">
        <v>36</v>
      </c>
    </row>
    <row r="208" spans="1:18">
      <c r="A208" s="9" t="s">
        <v>56</v>
      </c>
      <c r="B208" s="9" t="s">
        <v>57</v>
      </c>
      <c r="C208" s="9" t="s">
        <v>59</v>
      </c>
      <c r="D208" s="9" t="s">
        <v>53</v>
      </c>
      <c r="E208" s="9" t="s">
        <v>55</v>
      </c>
      <c r="F208" s="9" t="s">
        <v>146</v>
      </c>
      <c r="G208" s="6">
        <v>388</v>
      </c>
      <c r="H208" s="6">
        <v>142</v>
      </c>
      <c r="I208" s="6">
        <v>78</v>
      </c>
      <c r="J208" s="6">
        <v>7</v>
      </c>
      <c r="K208" s="6">
        <v>57</v>
      </c>
      <c r="L208" s="6">
        <v>21</v>
      </c>
      <c r="M208" s="6">
        <v>37</v>
      </c>
      <c r="N208" s="6">
        <v>153</v>
      </c>
      <c r="O208" s="6">
        <v>35</v>
      </c>
      <c r="P208" s="10" t="s">
        <v>55</v>
      </c>
      <c r="Q208" s="10" t="s">
        <v>55</v>
      </c>
      <c r="R208" s="6">
        <v>163</v>
      </c>
    </row>
    <row r="209" spans="1:18">
      <c r="A209" s="9" t="s">
        <v>56</v>
      </c>
      <c r="B209" s="9" t="s">
        <v>57</v>
      </c>
      <c r="C209" s="9" t="s">
        <v>59</v>
      </c>
      <c r="D209" s="9" t="s">
        <v>53</v>
      </c>
      <c r="E209" s="9" t="s">
        <v>55</v>
      </c>
      <c r="F209" s="9" t="s">
        <v>147</v>
      </c>
      <c r="G209" s="6">
        <v>4093</v>
      </c>
      <c r="H209" s="6">
        <v>3346</v>
      </c>
      <c r="I209" s="6">
        <v>3010</v>
      </c>
      <c r="J209" s="6">
        <v>105</v>
      </c>
      <c r="K209" s="6">
        <v>231</v>
      </c>
      <c r="L209" s="6">
        <v>340</v>
      </c>
      <c r="M209" s="6">
        <v>84</v>
      </c>
      <c r="N209" s="6">
        <v>281</v>
      </c>
      <c r="O209" s="6">
        <v>29</v>
      </c>
      <c r="P209" s="6">
        <v>1</v>
      </c>
      <c r="Q209" s="6">
        <v>12</v>
      </c>
      <c r="R209" s="6">
        <v>3686</v>
      </c>
    </row>
    <row r="210" spans="1:18">
      <c r="A210" s="9" t="s">
        <v>56</v>
      </c>
      <c r="B210" s="9" t="s">
        <v>57</v>
      </c>
      <c r="C210" s="9" t="s">
        <v>59</v>
      </c>
      <c r="D210" s="9" t="s">
        <v>53</v>
      </c>
      <c r="E210" s="9" t="s">
        <v>55</v>
      </c>
      <c r="F210" s="9" t="s">
        <v>148</v>
      </c>
      <c r="G210" s="6">
        <v>8057</v>
      </c>
      <c r="H210" s="6">
        <v>6363</v>
      </c>
      <c r="I210" s="6">
        <v>5211</v>
      </c>
      <c r="J210" s="6">
        <v>75</v>
      </c>
      <c r="K210" s="6">
        <v>1077</v>
      </c>
      <c r="L210" s="6">
        <v>654</v>
      </c>
      <c r="M210" s="6">
        <v>308</v>
      </c>
      <c r="N210" s="6">
        <v>608</v>
      </c>
      <c r="O210" s="6">
        <v>98</v>
      </c>
      <c r="P210" s="10" t="s">
        <v>55</v>
      </c>
      <c r="Q210" s="6">
        <v>26</v>
      </c>
      <c r="R210" s="6">
        <v>7017</v>
      </c>
    </row>
    <row r="211" spans="1:18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55</v>
      </c>
      <c r="F211" s="9" t="s">
        <v>6</v>
      </c>
      <c r="G211" s="6">
        <v>11858</v>
      </c>
      <c r="H211" s="6">
        <v>10149</v>
      </c>
      <c r="I211" s="6">
        <v>5412</v>
      </c>
      <c r="J211" s="6">
        <v>208</v>
      </c>
      <c r="K211" s="6">
        <v>4529</v>
      </c>
      <c r="L211" s="6">
        <v>435</v>
      </c>
      <c r="M211" s="6">
        <v>133</v>
      </c>
      <c r="N211" s="6">
        <v>494</v>
      </c>
      <c r="O211" s="6">
        <v>586</v>
      </c>
      <c r="P211" s="6">
        <v>8</v>
      </c>
      <c r="Q211" s="6">
        <v>53</v>
      </c>
      <c r="R211" s="6">
        <v>10584</v>
      </c>
    </row>
    <row r="212" spans="1:18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122</v>
      </c>
      <c r="F212" s="9" t="s">
        <v>123</v>
      </c>
      <c r="G212" s="6">
        <v>362</v>
      </c>
      <c r="H212" s="6">
        <v>227</v>
      </c>
      <c r="I212" s="6">
        <v>46</v>
      </c>
      <c r="J212" s="6">
        <v>9</v>
      </c>
      <c r="K212" s="6">
        <v>172</v>
      </c>
      <c r="L212" s="6">
        <v>4</v>
      </c>
      <c r="M212" s="10" t="s">
        <v>55</v>
      </c>
      <c r="N212" s="6">
        <v>15</v>
      </c>
      <c r="O212" s="6">
        <v>116</v>
      </c>
      <c r="P212" s="10" t="s">
        <v>55</v>
      </c>
      <c r="Q212" s="10" t="s">
        <v>55</v>
      </c>
      <c r="R212" s="6">
        <v>231</v>
      </c>
    </row>
    <row r="213" spans="1:18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122</v>
      </c>
      <c r="F213" s="9" t="s">
        <v>124</v>
      </c>
      <c r="G213" s="6">
        <v>356</v>
      </c>
      <c r="H213" s="6">
        <v>223</v>
      </c>
      <c r="I213" s="6">
        <v>43</v>
      </c>
      <c r="J213" s="6">
        <v>9</v>
      </c>
      <c r="K213" s="6">
        <v>171</v>
      </c>
      <c r="L213" s="6">
        <v>4</v>
      </c>
      <c r="M213" s="10" t="s">
        <v>55</v>
      </c>
      <c r="N213" s="6">
        <v>15</v>
      </c>
      <c r="O213" s="6">
        <v>114</v>
      </c>
      <c r="P213" s="10" t="s">
        <v>55</v>
      </c>
      <c r="Q213" s="10" t="s">
        <v>55</v>
      </c>
      <c r="R213" s="6">
        <v>227</v>
      </c>
    </row>
    <row r="214" spans="1:18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122</v>
      </c>
      <c r="F214" s="9" t="s">
        <v>125</v>
      </c>
      <c r="G214" s="6">
        <v>7</v>
      </c>
      <c r="H214" s="10" t="s">
        <v>55</v>
      </c>
      <c r="I214" s="10" t="s">
        <v>55</v>
      </c>
      <c r="J214" s="10" t="s">
        <v>55</v>
      </c>
      <c r="K214" s="10" t="s">
        <v>55</v>
      </c>
      <c r="L214" s="10" t="s">
        <v>55</v>
      </c>
      <c r="M214" s="10" t="s">
        <v>55</v>
      </c>
      <c r="N214" s="10" t="s">
        <v>55</v>
      </c>
      <c r="O214" s="6">
        <v>7</v>
      </c>
      <c r="P214" s="10" t="s">
        <v>55</v>
      </c>
      <c r="Q214" s="10" t="s">
        <v>55</v>
      </c>
      <c r="R214" s="10" t="s">
        <v>55</v>
      </c>
    </row>
    <row r="215" spans="1:18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126</v>
      </c>
      <c r="F215" s="9" t="s">
        <v>127</v>
      </c>
      <c r="G215" s="6">
        <v>3</v>
      </c>
      <c r="H215" s="6">
        <v>3</v>
      </c>
      <c r="I215" s="6">
        <v>1</v>
      </c>
      <c r="J215" s="10" t="s">
        <v>55</v>
      </c>
      <c r="K215" s="6">
        <v>2</v>
      </c>
      <c r="L215" s="10" t="s">
        <v>55</v>
      </c>
      <c r="M215" s="10" t="s">
        <v>55</v>
      </c>
      <c r="N215" s="10" t="s">
        <v>55</v>
      </c>
      <c r="O215" s="10" t="s">
        <v>55</v>
      </c>
      <c r="P215" s="10" t="s">
        <v>55</v>
      </c>
      <c r="Q215" s="10" t="s">
        <v>55</v>
      </c>
      <c r="R215" s="6">
        <v>3</v>
      </c>
    </row>
    <row r="216" spans="1:18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126</v>
      </c>
      <c r="F216" s="9" t="s">
        <v>128</v>
      </c>
      <c r="G216" s="6">
        <v>355</v>
      </c>
      <c r="H216" s="6">
        <v>228</v>
      </c>
      <c r="I216" s="6">
        <v>162</v>
      </c>
      <c r="J216" s="6">
        <v>3</v>
      </c>
      <c r="K216" s="6">
        <v>63</v>
      </c>
      <c r="L216" s="6">
        <v>74</v>
      </c>
      <c r="M216" s="10" t="s">
        <v>55</v>
      </c>
      <c r="N216" s="10" t="s">
        <v>55</v>
      </c>
      <c r="O216" s="6">
        <v>52</v>
      </c>
      <c r="P216" s="10" t="s">
        <v>55</v>
      </c>
      <c r="Q216" s="6">
        <v>1</v>
      </c>
      <c r="R216" s="6">
        <v>302</v>
      </c>
    </row>
    <row r="217" spans="1:18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126</v>
      </c>
      <c r="F217" s="9" t="s">
        <v>129</v>
      </c>
      <c r="G217" s="6">
        <v>962</v>
      </c>
      <c r="H217" s="6">
        <v>874</v>
      </c>
      <c r="I217" s="6">
        <v>523</v>
      </c>
      <c r="J217" s="6">
        <v>44</v>
      </c>
      <c r="K217" s="6">
        <v>307</v>
      </c>
      <c r="L217" s="6">
        <v>27</v>
      </c>
      <c r="M217" s="6">
        <v>2</v>
      </c>
      <c r="N217" s="6">
        <v>32</v>
      </c>
      <c r="O217" s="6">
        <v>18</v>
      </c>
      <c r="P217" s="6">
        <v>8</v>
      </c>
      <c r="Q217" s="6">
        <v>1</v>
      </c>
      <c r="R217" s="6">
        <v>901</v>
      </c>
    </row>
    <row r="218" spans="1:18">
      <c r="A218" s="9" t="s">
        <v>56</v>
      </c>
      <c r="B218" s="9" t="s">
        <v>57</v>
      </c>
      <c r="C218" s="9" t="s">
        <v>59</v>
      </c>
      <c r="D218" s="9" t="s">
        <v>54</v>
      </c>
      <c r="E218" s="9" t="s">
        <v>130</v>
      </c>
      <c r="F218" s="9" t="s">
        <v>131</v>
      </c>
      <c r="G218" s="6">
        <v>18</v>
      </c>
      <c r="H218" s="6">
        <v>17</v>
      </c>
      <c r="I218" s="6">
        <v>11</v>
      </c>
      <c r="J218" s="6">
        <v>2</v>
      </c>
      <c r="K218" s="6">
        <v>4</v>
      </c>
      <c r="L218" s="6">
        <v>1</v>
      </c>
      <c r="M218" s="10" t="s">
        <v>55</v>
      </c>
      <c r="N218" s="10" t="s">
        <v>55</v>
      </c>
      <c r="O218" s="10" t="s">
        <v>55</v>
      </c>
      <c r="P218" s="10" t="s">
        <v>55</v>
      </c>
      <c r="Q218" s="10" t="s">
        <v>55</v>
      </c>
      <c r="R218" s="6">
        <v>18</v>
      </c>
    </row>
    <row r="219" spans="1:18">
      <c r="A219" s="9" t="s">
        <v>56</v>
      </c>
      <c r="B219" s="9" t="s">
        <v>57</v>
      </c>
      <c r="C219" s="9" t="s">
        <v>59</v>
      </c>
      <c r="D219" s="9" t="s">
        <v>54</v>
      </c>
      <c r="E219" s="9" t="s">
        <v>130</v>
      </c>
      <c r="F219" s="9" t="s">
        <v>132</v>
      </c>
      <c r="G219" s="6">
        <v>42</v>
      </c>
      <c r="H219" s="6">
        <v>37</v>
      </c>
      <c r="I219" s="6">
        <v>30</v>
      </c>
      <c r="J219" s="10" t="s">
        <v>55</v>
      </c>
      <c r="K219" s="6">
        <v>7</v>
      </c>
      <c r="L219" s="6">
        <v>2</v>
      </c>
      <c r="M219" s="10" t="s">
        <v>55</v>
      </c>
      <c r="N219" s="6">
        <v>3</v>
      </c>
      <c r="O219" s="10" t="s">
        <v>55</v>
      </c>
      <c r="P219" s="10" t="s">
        <v>55</v>
      </c>
      <c r="Q219" s="10" t="s">
        <v>55</v>
      </c>
      <c r="R219" s="6">
        <v>39</v>
      </c>
    </row>
    <row r="220" spans="1:18">
      <c r="A220" s="9" t="s">
        <v>56</v>
      </c>
      <c r="B220" s="9" t="s">
        <v>57</v>
      </c>
      <c r="C220" s="9" t="s">
        <v>59</v>
      </c>
      <c r="D220" s="9" t="s">
        <v>54</v>
      </c>
      <c r="E220" s="9" t="s">
        <v>130</v>
      </c>
      <c r="F220" s="9" t="s">
        <v>133</v>
      </c>
      <c r="G220" s="6">
        <v>274</v>
      </c>
      <c r="H220" s="6">
        <v>257</v>
      </c>
      <c r="I220" s="6">
        <v>139</v>
      </c>
      <c r="J220" s="6">
        <v>19</v>
      </c>
      <c r="K220" s="6">
        <v>99</v>
      </c>
      <c r="L220" s="6">
        <v>11</v>
      </c>
      <c r="M220" s="10" t="s">
        <v>55</v>
      </c>
      <c r="N220" s="6">
        <v>2</v>
      </c>
      <c r="O220" s="6">
        <v>1</v>
      </c>
      <c r="P220" s="10" t="s">
        <v>55</v>
      </c>
      <c r="Q220" s="6">
        <v>3</v>
      </c>
      <c r="R220" s="6">
        <v>268</v>
      </c>
    </row>
    <row r="221" spans="1:18">
      <c r="A221" s="9" t="s">
        <v>56</v>
      </c>
      <c r="B221" s="9" t="s">
        <v>57</v>
      </c>
      <c r="C221" s="9" t="s">
        <v>59</v>
      </c>
      <c r="D221" s="9" t="s">
        <v>54</v>
      </c>
      <c r="E221" s="9" t="s">
        <v>130</v>
      </c>
      <c r="F221" s="9" t="s">
        <v>134</v>
      </c>
      <c r="G221" s="6">
        <v>2429</v>
      </c>
      <c r="H221" s="6">
        <v>2081</v>
      </c>
      <c r="I221" s="6">
        <v>689</v>
      </c>
      <c r="J221" s="6">
        <v>21</v>
      </c>
      <c r="K221" s="6">
        <v>1371</v>
      </c>
      <c r="L221" s="6">
        <v>130</v>
      </c>
      <c r="M221" s="6">
        <v>15</v>
      </c>
      <c r="N221" s="6">
        <v>83</v>
      </c>
      <c r="O221" s="6">
        <v>114</v>
      </c>
      <c r="P221" s="10" t="s">
        <v>55</v>
      </c>
      <c r="Q221" s="6">
        <v>6</v>
      </c>
      <c r="R221" s="6">
        <v>2211</v>
      </c>
    </row>
    <row r="222" spans="1:18">
      <c r="A222" s="9" t="s">
        <v>56</v>
      </c>
      <c r="B222" s="9" t="s">
        <v>57</v>
      </c>
      <c r="C222" s="9" t="s">
        <v>59</v>
      </c>
      <c r="D222" s="9" t="s">
        <v>54</v>
      </c>
      <c r="E222" s="9" t="s">
        <v>130</v>
      </c>
      <c r="F222" s="9" t="s">
        <v>135</v>
      </c>
      <c r="G222" s="6">
        <v>291</v>
      </c>
      <c r="H222" s="6">
        <v>270</v>
      </c>
      <c r="I222" s="6">
        <v>196</v>
      </c>
      <c r="J222" s="6">
        <v>7</v>
      </c>
      <c r="K222" s="6">
        <v>67</v>
      </c>
      <c r="L222" s="6">
        <v>8</v>
      </c>
      <c r="M222" s="6">
        <v>3</v>
      </c>
      <c r="N222" s="6">
        <v>8</v>
      </c>
      <c r="O222" s="6">
        <v>1</v>
      </c>
      <c r="P222" s="10" t="s">
        <v>55</v>
      </c>
      <c r="Q222" s="6">
        <v>1</v>
      </c>
      <c r="R222" s="6">
        <v>278</v>
      </c>
    </row>
    <row r="223" spans="1:18">
      <c r="A223" s="9" t="s">
        <v>56</v>
      </c>
      <c r="B223" s="9" t="s">
        <v>57</v>
      </c>
      <c r="C223" s="9" t="s">
        <v>59</v>
      </c>
      <c r="D223" s="9" t="s">
        <v>54</v>
      </c>
      <c r="E223" s="9" t="s">
        <v>130</v>
      </c>
      <c r="F223" s="9" t="s">
        <v>136</v>
      </c>
      <c r="G223" s="6">
        <v>148</v>
      </c>
      <c r="H223" s="6">
        <v>93</v>
      </c>
      <c r="I223" s="6">
        <v>51</v>
      </c>
      <c r="J223" s="10" t="s">
        <v>55</v>
      </c>
      <c r="K223" s="6">
        <v>42</v>
      </c>
      <c r="L223" s="6">
        <v>25</v>
      </c>
      <c r="M223" s="6">
        <v>3</v>
      </c>
      <c r="N223" s="6">
        <v>18</v>
      </c>
      <c r="O223" s="6">
        <v>9</v>
      </c>
      <c r="P223" s="10" t="s">
        <v>55</v>
      </c>
      <c r="Q223" s="10" t="s">
        <v>55</v>
      </c>
      <c r="R223" s="6">
        <v>118</v>
      </c>
    </row>
    <row r="224" spans="1:18">
      <c r="A224" s="9" t="s">
        <v>56</v>
      </c>
      <c r="B224" s="9" t="s">
        <v>57</v>
      </c>
      <c r="C224" s="9" t="s">
        <v>59</v>
      </c>
      <c r="D224" s="9" t="s">
        <v>54</v>
      </c>
      <c r="E224" s="9" t="s">
        <v>130</v>
      </c>
      <c r="F224" s="9" t="s">
        <v>137</v>
      </c>
      <c r="G224" s="6">
        <v>214</v>
      </c>
      <c r="H224" s="6">
        <v>145</v>
      </c>
      <c r="I224" s="6">
        <v>94</v>
      </c>
      <c r="J224" s="6">
        <v>3</v>
      </c>
      <c r="K224" s="6">
        <v>48</v>
      </c>
      <c r="L224" s="6">
        <v>16</v>
      </c>
      <c r="M224" s="6">
        <v>3</v>
      </c>
      <c r="N224" s="6">
        <v>15</v>
      </c>
      <c r="O224" s="6">
        <v>35</v>
      </c>
      <c r="P224" s="10" t="s">
        <v>55</v>
      </c>
      <c r="Q224" s="10" t="s">
        <v>55</v>
      </c>
      <c r="R224" s="6">
        <v>161</v>
      </c>
    </row>
    <row r="225" spans="1:18">
      <c r="A225" s="9" t="s">
        <v>56</v>
      </c>
      <c r="B225" s="9" t="s">
        <v>57</v>
      </c>
      <c r="C225" s="9" t="s">
        <v>59</v>
      </c>
      <c r="D225" s="9" t="s">
        <v>54</v>
      </c>
      <c r="E225" s="9" t="s">
        <v>130</v>
      </c>
      <c r="F225" s="9" t="s">
        <v>138</v>
      </c>
      <c r="G225" s="6">
        <v>849</v>
      </c>
      <c r="H225" s="6">
        <v>597</v>
      </c>
      <c r="I225" s="6">
        <v>106</v>
      </c>
      <c r="J225" s="6">
        <v>6</v>
      </c>
      <c r="K225" s="6">
        <v>485</v>
      </c>
      <c r="L225" s="6">
        <v>28</v>
      </c>
      <c r="M225" s="6">
        <v>57</v>
      </c>
      <c r="N225" s="6">
        <v>71</v>
      </c>
      <c r="O225" s="6">
        <v>94</v>
      </c>
      <c r="P225" s="10" t="s">
        <v>55</v>
      </c>
      <c r="Q225" s="6">
        <v>2</v>
      </c>
      <c r="R225" s="6">
        <v>625</v>
      </c>
    </row>
    <row r="226" spans="1:18">
      <c r="A226" s="9" t="s">
        <v>56</v>
      </c>
      <c r="B226" s="9" t="s">
        <v>57</v>
      </c>
      <c r="C226" s="9" t="s">
        <v>59</v>
      </c>
      <c r="D226" s="9" t="s">
        <v>54</v>
      </c>
      <c r="E226" s="9" t="s">
        <v>130</v>
      </c>
      <c r="F226" s="9" t="s">
        <v>139</v>
      </c>
      <c r="G226" s="6">
        <v>584</v>
      </c>
      <c r="H226" s="6">
        <v>366</v>
      </c>
      <c r="I226" s="6">
        <v>129</v>
      </c>
      <c r="J226" s="6">
        <v>1</v>
      </c>
      <c r="K226" s="6">
        <v>236</v>
      </c>
      <c r="L226" s="6">
        <v>16</v>
      </c>
      <c r="M226" s="6">
        <v>28</v>
      </c>
      <c r="N226" s="6">
        <v>111</v>
      </c>
      <c r="O226" s="6">
        <v>61</v>
      </c>
      <c r="P226" s="10" t="s">
        <v>55</v>
      </c>
      <c r="Q226" s="6">
        <v>2</v>
      </c>
      <c r="R226" s="6">
        <v>382</v>
      </c>
    </row>
    <row r="227" spans="1:18">
      <c r="A227" s="9" t="s">
        <v>56</v>
      </c>
      <c r="B227" s="9" t="s">
        <v>57</v>
      </c>
      <c r="C227" s="9" t="s">
        <v>59</v>
      </c>
      <c r="D227" s="9" t="s">
        <v>54</v>
      </c>
      <c r="E227" s="9" t="s">
        <v>130</v>
      </c>
      <c r="F227" s="9" t="s">
        <v>140</v>
      </c>
      <c r="G227" s="6">
        <v>734</v>
      </c>
      <c r="H227" s="6">
        <v>653</v>
      </c>
      <c r="I227" s="6">
        <v>419</v>
      </c>
      <c r="J227" s="6">
        <v>7</v>
      </c>
      <c r="K227" s="6">
        <v>227</v>
      </c>
      <c r="L227" s="6">
        <v>4</v>
      </c>
      <c r="M227" s="6">
        <v>9</v>
      </c>
      <c r="N227" s="6">
        <v>60</v>
      </c>
      <c r="O227" s="6">
        <v>7</v>
      </c>
      <c r="P227" s="10" t="s">
        <v>55</v>
      </c>
      <c r="Q227" s="6">
        <v>1</v>
      </c>
      <c r="R227" s="6">
        <v>657</v>
      </c>
    </row>
    <row r="228" spans="1:18">
      <c r="A228" s="9" t="s">
        <v>56</v>
      </c>
      <c r="B228" s="9" t="s">
        <v>57</v>
      </c>
      <c r="C228" s="9" t="s">
        <v>59</v>
      </c>
      <c r="D228" s="9" t="s">
        <v>54</v>
      </c>
      <c r="E228" s="9" t="s">
        <v>130</v>
      </c>
      <c r="F228" s="9" t="s">
        <v>141</v>
      </c>
      <c r="G228" s="6">
        <v>3606</v>
      </c>
      <c r="H228" s="6">
        <v>3454</v>
      </c>
      <c r="I228" s="6">
        <v>2341</v>
      </c>
      <c r="J228" s="6">
        <v>56</v>
      </c>
      <c r="K228" s="6">
        <v>1057</v>
      </c>
      <c r="L228" s="6">
        <v>67</v>
      </c>
      <c r="M228" s="6">
        <v>7</v>
      </c>
      <c r="N228" s="6">
        <v>22</v>
      </c>
      <c r="O228" s="6">
        <v>43</v>
      </c>
      <c r="P228" s="10" t="s">
        <v>55</v>
      </c>
      <c r="Q228" s="6">
        <v>13</v>
      </c>
      <c r="R228" s="6">
        <v>3521</v>
      </c>
    </row>
    <row r="229" spans="1:18">
      <c r="A229" s="9" t="s">
        <v>56</v>
      </c>
      <c r="B229" s="9" t="s">
        <v>57</v>
      </c>
      <c r="C229" s="9" t="s">
        <v>59</v>
      </c>
      <c r="D229" s="9" t="s">
        <v>54</v>
      </c>
      <c r="E229" s="9" t="s">
        <v>130</v>
      </c>
      <c r="F229" s="9" t="s">
        <v>142</v>
      </c>
      <c r="G229" s="6">
        <v>87</v>
      </c>
      <c r="H229" s="6">
        <v>83</v>
      </c>
      <c r="I229" s="6">
        <v>65</v>
      </c>
      <c r="J229" s="6">
        <v>2</v>
      </c>
      <c r="K229" s="6">
        <v>16</v>
      </c>
      <c r="L229" s="10" t="s">
        <v>55</v>
      </c>
      <c r="M229" s="6">
        <v>3</v>
      </c>
      <c r="N229" s="10" t="s">
        <v>55</v>
      </c>
      <c r="O229" s="6">
        <v>1</v>
      </c>
      <c r="P229" s="10" t="s">
        <v>55</v>
      </c>
      <c r="Q229" s="10" t="s">
        <v>55</v>
      </c>
      <c r="R229" s="6">
        <v>83</v>
      </c>
    </row>
    <row r="230" spans="1:18">
      <c r="A230" s="9" t="s">
        <v>56</v>
      </c>
      <c r="B230" s="9" t="s">
        <v>57</v>
      </c>
      <c r="C230" s="9" t="s">
        <v>59</v>
      </c>
      <c r="D230" s="9" t="s">
        <v>54</v>
      </c>
      <c r="E230" s="9" t="s">
        <v>130</v>
      </c>
      <c r="F230" s="9" t="s">
        <v>143</v>
      </c>
      <c r="G230" s="6">
        <v>501</v>
      </c>
      <c r="H230" s="6">
        <v>402</v>
      </c>
      <c r="I230" s="6">
        <v>196</v>
      </c>
      <c r="J230" s="6">
        <v>12</v>
      </c>
      <c r="K230" s="6">
        <v>194</v>
      </c>
      <c r="L230" s="6">
        <v>22</v>
      </c>
      <c r="M230" s="6">
        <v>1</v>
      </c>
      <c r="N230" s="6">
        <v>51</v>
      </c>
      <c r="O230" s="6">
        <v>24</v>
      </c>
      <c r="P230" s="10" t="s">
        <v>55</v>
      </c>
      <c r="Q230" s="6">
        <v>1</v>
      </c>
      <c r="R230" s="6">
        <v>424</v>
      </c>
    </row>
    <row r="231" spans="1:18">
      <c r="A231" s="9" t="s">
        <v>56</v>
      </c>
      <c r="B231" s="9" t="s">
        <v>57</v>
      </c>
      <c r="C231" s="9" t="s">
        <v>59</v>
      </c>
      <c r="D231" s="9" t="s">
        <v>54</v>
      </c>
      <c r="E231" s="9" t="s">
        <v>130</v>
      </c>
      <c r="F231" s="9" t="s">
        <v>144</v>
      </c>
      <c r="G231" s="6">
        <v>321</v>
      </c>
      <c r="H231" s="6">
        <v>321</v>
      </c>
      <c r="I231" s="6">
        <v>203</v>
      </c>
      <c r="J231" s="6">
        <v>2</v>
      </c>
      <c r="K231" s="6">
        <v>116</v>
      </c>
      <c r="L231" s="10" t="s">
        <v>55</v>
      </c>
      <c r="M231" s="10" t="s">
        <v>55</v>
      </c>
      <c r="N231" s="10" t="s">
        <v>55</v>
      </c>
      <c r="O231" s="10" t="s">
        <v>55</v>
      </c>
      <c r="P231" s="10" t="s">
        <v>55</v>
      </c>
      <c r="Q231" s="10" t="s">
        <v>55</v>
      </c>
      <c r="R231" s="6">
        <v>321</v>
      </c>
    </row>
    <row r="232" spans="1:18">
      <c r="A232" s="9" t="s">
        <v>56</v>
      </c>
      <c r="B232" s="9" t="s">
        <v>57</v>
      </c>
      <c r="C232" s="9" t="s">
        <v>59</v>
      </c>
      <c r="D232" s="9" t="s">
        <v>54</v>
      </c>
      <c r="E232" s="9" t="s">
        <v>55</v>
      </c>
      <c r="F232" s="9" t="s">
        <v>145</v>
      </c>
      <c r="G232" s="6">
        <v>71</v>
      </c>
      <c r="H232" s="6">
        <v>41</v>
      </c>
      <c r="I232" s="6">
        <v>11</v>
      </c>
      <c r="J232" s="6">
        <v>14</v>
      </c>
      <c r="K232" s="6">
        <v>16</v>
      </c>
      <c r="L232" s="10" t="s">
        <v>55</v>
      </c>
      <c r="M232" s="6">
        <v>2</v>
      </c>
      <c r="N232" s="6">
        <v>3</v>
      </c>
      <c r="O232" s="6">
        <v>3</v>
      </c>
      <c r="P232" s="10" t="s">
        <v>55</v>
      </c>
      <c r="Q232" s="6">
        <v>22</v>
      </c>
      <c r="R232" s="6">
        <v>41</v>
      </c>
    </row>
    <row r="233" spans="1:18">
      <c r="A233" s="9" t="s">
        <v>56</v>
      </c>
      <c r="B233" s="9" t="s">
        <v>57</v>
      </c>
      <c r="C233" s="9" t="s">
        <v>59</v>
      </c>
      <c r="D233" s="9" t="s">
        <v>54</v>
      </c>
      <c r="E233" s="9" t="s">
        <v>55</v>
      </c>
      <c r="F233" s="9" t="s">
        <v>146</v>
      </c>
      <c r="G233" s="6">
        <v>369</v>
      </c>
      <c r="H233" s="6">
        <v>227</v>
      </c>
      <c r="I233" s="6">
        <v>46</v>
      </c>
      <c r="J233" s="6">
        <v>9</v>
      </c>
      <c r="K233" s="6">
        <v>172</v>
      </c>
      <c r="L233" s="6">
        <v>4</v>
      </c>
      <c r="M233" s="10" t="s">
        <v>55</v>
      </c>
      <c r="N233" s="6">
        <v>15</v>
      </c>
      <c r="O233" s="6">
        <v>123</v>
      </c>
      <c r="P233" s="10" t="s">
        <v>55</v>
      </c>
      <c r="Q233" s="10" t="s">
        <v>55</v>
      </c>
      <c r="R233" s="6">
        <v>231</v>
      </c>
    </row>
    <row r="234" spans="1:18">
      <c r="A234" s="9" t="s">
        <v>56</v>
      </c>
      <c r="B234" s="9" t="s">
        <v>57</v>
      </c>
      <c r="C234" s="9" t="s">
        <v>59</v>
      </c>
      <c r="D234" s="9" t="s">
        <v>54</v>
      </c>
      <c r="E234" s="9" t="s">
        <v>55</v>
      </c>
      <c r="F234" s="9" t="s">
        <v>147</v>
      </c>
      <c r="G234" s="6">
        <v>1320</v>
      </c>
      <c r="H234" s="6">
        <v>1105</v>
      </c>
      <c r="I234" s="6">
        <v>686</v>
      </c>
      <c r="J234" s="6">
        <v>47</v>
      </c>
      <c r="K234" s="6">
        <v>372</v>
      </c>
      <c r="L234" s="6">
        <v>101</v>
      </c>
      <c r="M234" s="6">
        <v>2</v>
      </c>
      <c r="N234" s="6">
        <v>32</v>
      </c>
      <c r="O234" s="6">
        <v>70</v>
      </c>
      <c r="P234" s="6">
        <v>8</v>
      </c>
      <c r="Q234" s="6">
        <v>2</v>
      </c>
      <c r="R234" s="6">
        <v>1206</v>
      </c>
    </row>
    <row r="235" spans="1:18">
      <c r="A235" s="9" t="s">
        <v>56</v>
      </c>
      <c r="B235" s="9" t="s">
        <v>57</v>
      </c>
      <c r="C235" s="9" t="s">
        <v>59</v>
      </c>
      <c r="D235" s="9" t="s">
        <v>54</v>
      </c>
      <c r="E235" s="9" t="s">
        <v>55</v>
      </c>
      <c r="F235" s="9" t="s">
        <v>148</v>
      </c>
      <c r="G235" s="6">
        <v>10098</v>
      </c>
      <c r="H235" s="6">
        <v>8776</v>
      </c>
      <c r="I235" s="6">
        <v>4669</v>
      </c>
      <c r="J235" s="6">
        <v>138</v>
      </c>
      <c r="K235" s="6">
        <v>3969</v>
      </c>
      <c r="L235" s="6">
        <v>330</v>
      </c>
      <c r="M235" s="6">
        <v>129</v>
      </c>
      <c r="N235" s="6">
        <v>444</v>
      </c>
      <c r="O235" s="6">
        <v>390</v>
      </c>
      <c r="P235" s="10" t="s">
        <v>55</v>
      </c>
      <c r="Q235" s="6">
        <v>29</v>
      </c>
      <c r="R235" s="6">
        <v>9106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8" orientation="portrait" r:id="rId1"/>
</worksheet>
</file>

<file path=xl/worksheets/sheet1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8893864-A5C8-4E29-9513-B9DAF31639FB}">
  <sheetPr>
    <pageSetUpPr fitToPage="1"/>
  </sheetPr>
  <dimension ref="A1:AD235"/>
  <sheetViews>
    <sheetView zoomScaleNormal="100" workbookViewId="0">
      <pane xSplit="6" ySplit="10" topLeftCell="G11" activePane="bottomRight" state="frozen"/>
      <selection pane="topRight" activeCell="X1" sqref="X1"/>
      <selection pane="bottomLeft" activeCell="A19" sqref="A19"/>
      <selection pane="bottomRight" activeCell="B8" sqref="B8"/>
    </sheetView>
  </sheetViews>
  <sheetFormatPr defaultColWidth="12.625" defaultRowHeight="12"/>
  <cols>
    <col min="1" max="1" width="2.5" style="11" customWidth="1"/>
    <col min="2" max="2" width="8.75" style="11" customWidth="1"/>
    <col min="3" max="3" width="11.25" style="11" customWidth="1"/>
    <col min="4" max="4" width="8.125" style="11" customWidth="1"/>
    <col min="5" max="5" width="11.25" style="11" customWidth="1"/>
    <col min="6" max="6" width="32.5" style="11" customWidth="1"/>
    <col min="7" max="16384" width="12.625" style="11"/>
  </cols>
  <sheetData>
    <row r="1" spans="1:30" s="1" customFormat="1">
      <c r="A1" s="1" t="s">
        <v>0</v>
      </c>
    </row>
    <row r="2" spans="1:30" s="1" customFormat="1">
      <c r="A2" s="1" t="s">
        <v>150</v>
      </c>
    </row>
    <row r="3" spans="1:30" s="1" customFormat="1"/>
    <row r="4" spans="1:30" s="1" customFormat="1" hidden="1"/>
    <row r="5" spans="1:30" s="1" customFormat="1"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  <c r="T5" s="3" t="s">
        <v>106</v>
      </c>
      <c r="U5" s="3" t="s">
        <v>106</v>
      </c>
      <c r="V5" s="3" t="s">
        <v>106</v>
      </c>
      <c r="W5" s="3" t="s">
        <v>106</v>
      </c>
      <c r="X5" s="3" t="s">
        <v>106</v>
      </c>
      <c r="Y5" s="3" t="s">
        <v>106</v>
      </c>
      <c r="Z5" s="3" t="s">
        <v>106</v>
      </c>
      <c r="AA5" s="3" t="s">
        <v>106</v>
      </c>
      <c r="AB5" s="3" t="s">
        <v>106</v>
      </c>
      <c r="AC5" s="3" t="s">
        <v>106</v>
      </c>
      <c r="AD5" s="3" t="s">
        <v>151</v>
      </c>
    </row>
    <row r="6" spans="1:30" s="1" customFormat="1">
      <c r="G6" s="3" t="s">
        <v>25</v>
      </c>
      <c r="H6" s="3" t="s">
        <v>25</v>
      </c>
      <c r="I6" s="3" t="s">
        <v>25</v>
      </c>
      <c r="J6" s="3" t="s">
        <v>25</v>
      </c>
      <c r="K6" s="3" t="s">
        <v>25</v>
      </c>
      <c r="L6" s="3" t="s">
        <v>25</v>
      </c>
      <c r="M6" s="3" t="s">
        <v>25</v>
      </c>
      <c r="N6" s="3" t="s">
        <v>25</v>
      </c>
      <c r="O6" s="3" t="s">
        <v>25</v>
      </c>
      <c r="P6" s="3" t="s">
        <v>25</v>
      </c>
      <c r="Q6" s="3" t="s">
        <v>25</v>
      </c>
      <c r="R6" s="3" t="s">
        <v>25</v>
      </c>
      <c r="S6" s="3" t="s">
        <v>25</v>
      </c>
      <c r="T6" s="3" t="s">
        <v>25</v>
      </c>
      <c r="U6" s="3" t="s">
        <v>25</v>
      </c>
      <c r="V6" s="3" t="s">
        <v>25</v>
      </c>
      <c r="W6" s="3" t="s">
        <v>25</v>
      </c>
      <c r="X6" s="3" t="s">
        <v>25</v>
      </c>
      <c r="Y6" s="3" t="s">
        <v>25</v>
      </c>
      <c r="Z6" s="3" t="s">
        <v>25</v>
      </c>
      <c r="AA6" s="3" t="s">
        <v>25</v>
      </c>
      <c r="AB6" s="3" t="s">
        <v>25</v>
      </c>
      <c r="AC6" s="3" t="s">
        <v>25</v>
      </c>
      <c r="AD6" s="3"/>
    </row>
    <row r="7" spans="1:30" s="1" customFormat="1"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  <c r="W7" s="3">
        <v>1</v>
      </c>
      <c r="X7" s="3">
        <v>1</v>
      </c>
      <c r="Y7" s="3">
        <v>1</v>
      </c>
      <c r="Z7" s="3">
        <v>1</v>
      </c>
      <c r="AA7" s="3">
        <v>1</v>
      </c>
      <c r="AB7" s="3">
        <v>1</v>
      </c>
      <c r="AC7" s="3">
        <v>1</v>
      </c>
      <c r="AD7" s="3"/>
    </row>
    <row r="8" spans="1:30" s="1" customFormat="1" ht="24">
      <c r="G8" s="3" t="s">
        <v>30</v>
      </c>
      <c r="H8" s="3" t="s">
        <v>31</v>
      </c>
      <c r="I8" s="3" t="s">
        <v>32</v>
      </c>
      <c r="J8" s="3" t="s">
        <v>33</v>
      </c>
      <c r="K8" s="3" t="s">
        <v>34</v>
      </c>
      <c r="L8" s="3" t="s">
        <v>35</v>
      </c>
      <c r="M8" s="3" t="s">
        <v>36</v>
      </c>
      <c r="N8" s="3" t="s">
        <v>37</v>
      </c>
      <c r="O8" s="3" t="s">
        <v>38</v>
      </c>
      <c r="P8" s="3" t="s">
        <v>39</v>
      </c>
      <c r="Q8" s="3" t="s">
        <v>40</v>
      </c>
      <c r="R8" s="3" t="s">
        <v>41</v>
      </c>
      <c r="S8" s="3" t="s">
        <v>42</v>
      </c>
      <c r="T8" s="3" t="s">
        <v>43</v>
      </c>
      <c r="U8" s="3" t="s">
        <v>44</v>
      </c>
      <c r="V8" s="3" t="s">
        <v>45</v>
      </c>
      <c r="W8" s="3" t="s">
        <v>46</v>
      </c>
      <c r="X8" s="3" t="s">
        <v>47</v>
      </c>
      <c r="Y8" s="3" t="s">
        <v>48</v>
      </c>
      <c r="Z8" s="3" t="s">
        <v>49</v>
      </c>
      <c r="AA8" s="3" t="s">
        <v>50</v>
      </c>
      <c r="AB8" s="3" t="s">
        <v>51</v>
      </c>
      <c r="AC8" s="3" t="s">
        <v>52</v>
      </c>
      <c r="AD8" s="3"/>
    </row>
    <row r="9" spans="1:30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  <c r="AC9" s="4" t="s">
        <v>19</v>
      </c>
      <c r="AD9" s="4" t="s">
        <v>152</v>
      </c>
    </row>
    <row r="10" spans="1:30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20</v>
      </c>
      <c r="F10" s="2" t="s">
        <v>121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</row>
    <row r="11" spans="1:30">
      <c r="A11" s="5" t="s">
        <v>27</v>
      </c>
      <c r="B11" s="5" t="s">
        <v>28</v>
      </c>
      <c r="C11" s="5" t="s">
        <v>29</v>
      </c>
      <c r="D11" s="5" t="s">
        <v>6</v>
      </c>
      <c r="E11" s="5" t="s">
        <v>55</v>
      </c>
      <c r="F11" s="5" t="s">
        <v>6</v>
      </c>
      <c r="G11" s="6">
        <v>57643225</v>
      </c>
      <c r="H11" s="6">
        <v>786795</v>
      </c>
      <c r="I11" s="6">
        <v>3489163</v>
      </c>
      <c r="J11" s="6">
        <v>4287963</v>
      </c>
      <c r="K11" s="6">
        <v>4577146</v>
      </c>
      <c r="L11" s="6">
        <v>5228646</v>
      </c>
      <c r="M11" s="6">
        <v>6146340</v>
      </c>
      <c r="N11" s="6">
        <v>7287886</v>
      </c>
      <c r="O11" s="6">
        <v>6434140</v>
      </c>
      <c r="P11" s="6">
        <v>5815244</v>
      </c>
      <c r="Q11" s="6">
        <v>4865428</v>
      </c>
      <c r="R11" s="6">
        <v>3814699</v>
      </c>
      <c r="S11" s="6">
        <v>2882904</v>
      </c>
      <c r="T11" s="6">
        <v>1246049</v>
      </c>
      <c r="U11" s="6">
        <v>530752</v>
      </c>
      <c r="V11" s="6">
        <v>195919</v>
      </c>
      <c r="W11" s="6">
        <v>48074</v>
      </c>
      <c r="X11" s="6">
        <v>6077</v>
      </c>
      <c r="Y11" s="6">
        <v>48918751</v>
      </c>
      <c r="Z11" s="6">
        <v>8724474</v>
      </c>
      <c r="AA11" s="6">
        <v>2026871</v>
      </c>
      <c r="AB11" s="6">
        <v>250070</v>
      </c>
      <c r="AC11" s="6">
        <v>51946655</v>
      </c>
      <c r="AD11" s="7">
        <v>48.006320000000002</v>
      </c>
    </row>
    <row r="12" spans="1:30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22</v>
      </c>
      <c r="F12" s="9" t="s">
        <v>123</v>
      </c>
      <c r="G12" s="6">
        <v>1830697</v>
      </c>
      <c r="H12" s="6">
        <v>5791</v>
      </c>
      <c r="I12" s="6">
        <v>35962</v>
      </c>
      <c r="J12" s="6">
        <v>47288</v>
      </c>
      <c r="K12" s="6">
        <v>63338</v>
      </c>
      <c r="L12" s="6">
        <v>84128</v>
      </c>
      <c r="M12" s="6">
        <v>95671</v>
      </c>
      <c r="N12" s="6">
        <v>101899</v>
      </c>
      <c r="O12" s="6">
        <v>96262</v>
      </c>
      <c r="P12" s="6">
        <v>120391</v>
      </c>
      <c r="Q12" s="6">
        <v>188137</v>
      </c>
      <c r="R12" s="6">
        <v>298201</v>
      </c>
      <c r="S12" s="6">
        <v>314520</v>
      </c>
      <c r="T12" s="6">
        <v>188190</v>
      </c>
      <c r="U12" s="6">
        <v>123132</v>
      </c>
      <c r="V12" s="6">
        <v>54010</v>
      </c>
      <c r="W12" s="6">
        <v>12509</v>
      </c>
      <c r="X12" s="6">
        <v>1268</v>
      </c>
      <c r="Y12" s="6">
        <v>838867</v>
      </c>
      <c r="Z12" s="6">
        <v>991830</v>
      </c>
      <c r="AA12" s="6">
        <v>379109</v>
      </c>
      <c r="AB12" s="6">
        <v>67787</v>
      </c>
      <c r="AC12" s="6">
        <v>1131277</v>
      </c>
      <c r="AD12" s="7">
        <v>62.119970000000002</v>
      </c>
    </row>
    <row r="13" spans="1:30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22</v>
      </c>
      <c r="F13" s="9" t="s">
        <v>124</v>
      </c>
      <c r="G13" s="6">
        <v>1769959</v>
      </c>
      <c r="H13" s="6">
        <v>5418</v>
      </c>
      <c r="I13" s="6">
        <v>33789</v>
      </c>
      <c r="J13" s="6">
        <v>44220</v>
      </c>
      <c r="K13" s="6">
        <v>59137</v>
      </c>
      <c r="L13" s="6">
        <v>78486</v>
      </c>
      <c r="M13" s="6">
        <v>89241</v>
      </c>
      <c r="N13" s="6">
        <v>95427</v>
      </c>
      <c r="O13" s="6">
        <v>90627</v>
      </c>
      <c r="P13" s="6">
        <v>113988</v>
      </c>
      <c r="Q13" s="6">
        <v>181422</v>
      </c>
      <c r="R13" s="6">
        <v>292208</v>
      </c>
      <c r="S13" s="6">
        <v>309930</v>
      </c>
      <c r="T13" s="6">
        <v>186355</v>
      </c>
      <c r="U13" s="6">
        <v>122293</v>
      </c>
      <c r="V13" s="6">
        <v>53715</v>
      </c>
      <c r="W13" s="6">
        <v>12442</v>
      </c>
      <c r="X13" s="6">
        <v>1261</v>
      </c>
      <c r="Y13" s="6">
        <v>791755</v>
      </c>
      <c r="Z13" s="6">
        <v>978204</v>
      </c>
      <c r="AA13" s="6">
        <v>376066</v>
      </c>
      <c r="AB13" s="6">
        <v>67418</v>
      </c>
      <c r="AC13" s="6">
        <v>1078545</v>
      </c>
      <c r="AD13" s="7">
        <v>62.481409999999997</v>
      </c>
    </row>
    <row r="14" spans="1:30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22</v>
      </c>
      <c r="F14" s="9" t="s">
        <v>125</v>
      </c>
      <c r="G14" s="6">
        <v>132065</v>
      </c>
      <c r="H14" s="6">
        <v>992</v>
      </c>
      <c r="I14" s="6">
        <v>4905</v>
      </c>
      <c r="J14" s="6">
        <v>5235</v>
      </c>
      <c r="K14" s="6">
        <v>6611</v>
      </c>
      <c r="L14" s="6">
        <v>8383</v>
      </c>
      <c r="M14" s="6">
        <v>9069</v>
      </c>
      <c r="N14" s="6">
        <v>10278</v>
      </c>
      <c r="O14" s="6">
        <v>11300</v>
      </c>
      <c r="P14" s="6">
        <v>13243</v>
      </c>
      <c r="Q14" s="6">
        <v>15246</v>
      </c>
      <c r="R14" s="6">
        <v>16921</v>
      </c>
      <c r="S14" s="6">
        <v>15173</v>
      </c>
      <c r="T14" s="6">
        <v>8095</v>
      </c>
      <c r="U14" s="6">
        <v>4625</v>
      </c>
      <c r="V14" s="6">
        <v>1731</v>
      </c>
      <c r="W14" s="6">
        <v>240</v>
      </c>
      <c r="X14" s="6">
        <v>18</v>
      </c>
      <c r="Y14" s="6">
        <v>85262</v>
      </c>
      <c r="Z14" s="6">
        <v>46803</v>
      </c>
      <c r="AA14" s="6">
        <v>14709</v>
      </c>
      <c r="AB14" s="6">
        <v>1989</v>
      </c>
      <c r="AC14" s="6">
        <v>101191</v>
      </c>
      <c r="AD14" s="7">
        <v>56.080019999999998</v>
      </c>
    </row>
    <row r="15" spans="1:30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26</v>
      </c>
      <c r="F15" s="9" t="s">
        <v>127</v>
      </c>
      <c r="G15" s="6">
        <v>18891</v>
      </c>
      <c r="H15" s="6">
        <v>85</v>
      </c>
      <c r="I15" s="6">
        <v>483</v>
      </c>
      <c r="J15" s="6">
        <v>907</v>
      </c>
      <c r="K15" s="6">
        <v>1141</v>
      </c>
      <c r="L15" s="6">
        <v>1440</v>
      </c>
      <c r="M15" s="6">
        <v>1796</v>
      </c>
      <c r="N15" s="6">
        <v>2507</v>
      </c>
      <c r="O15" s="6">
        <v>2427</v>
      </c>
      <c r="P15" s="6">
        <v>2604</v>
      </c>
      <c r="Q15" s="6">
        <v>2293</v>
      </c>
      <c r="R15" s="6">
        <v>1583</v>
      </c>
      <c r="S15" s="6">
        <v>1128</v>
      </c>
      <c r="T15" s="6">
        <v>331</v>
      </c>
      <c r="U15" s="6">
        <v>119</v>
      </c>
      <c r="V15" s="6">
        <v>39</v>
      </c>
      <c r="W15" s="6">
        <v>5</v>
      </c>
      <c r="X15" s="6">
        <v>3</v>
      </c>
      <c r="Y15" s="6">
        <v>15683</v>
      </c>
      <c r="Z15" s="6">
        <v>3208</v>
      </c>
      <c r="AA15" s="6">
        <v>497</v>
      </c>
      <c r="AB15" s="6">
        <v>47</v>
      </c>
      <c r="AC15" s="6">
        <v>17181</v>
      </c>
      <c r="AD15" s="7">
        <v>51.457389999999997</v>
      </c>
    </row>
    <row r="16" spans="1:30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26</v>
      </c>
      <c r="F16" s="9" t="s">
        <v>128</v>
      </c>
      <c r="G16" s="6">
        <v>4184052</v>
      </c>
      <c r="H16" s="6">
        <v>32006</v>
      </c>
      <c r="I16" s="6">
        <v>172875</v>
      </c>
      <c r="J16" s="6">
        <v>243245</v>
      </c>
      <c r="K16" s="6">
        <v>266835</v>
      </c>
      <c r="L16" s="6">
        <v>350424</v>
      </c>
      <c r="M16" s="6">
        <v>464951</v>
      </c>
      <c r="N16" s="6">
        <v>592536</v>
      </c>
      <c r="O16" s="6">
        <v>488904</v>
      </c>
      <c r="P16" s="6">
        <v>413944</v>
      </c>
      <c r="Q16" s="6">
        <v>403460</v>
      </c>
      <c r="R16" s="6">
        <v>374963</v>
      </c>
      <c r="S16" s="6">
        <v>259062</v>
      </c>
      <c r="T16" s="6">
        <v>86931</v>
      </c>
      <c r="U16" s="6">
        <v>25713</v>
      </c>
      <c r="V16" s="6">
        <v>6842</v>
      </c>
      <c r="W16" s="6">
        <v>1264</v>
      </c>
      <c r="X16" s="6">
        <v>97</v>
      </c>
      <c r="Y16" s="6">
        <v>3429180</v>
      </c>
      <c r="Z16" s="6">
        <v>754872</v>
      </c>
      <c r="AA16" s="6">
        <v>120847</v>
      </c>
      <c r="AB16" s="6">
        <v>8203</v>
      </c>
      <c r="AC16" s="6">
        <v>3772137</v>
      </c>
      <c r="AD16" s="7">
        <v>49.993760000000002</v>
      </c>
    </row>
    <row r="17" spans="1:30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26</v>
      </c>
      <c r="F17" s="9" t="s">
        <v>129</v>
      </c>
      <c r="G17" s="6">
        <v>9056536</v>
      </c>
      <c r="H17" s="6">
        <v>107460</v>
      </c>
      <c r="I17" s="6">
        <v>521027</v>
      </c>
      <c r="J17" s="6">
        <v>725525</v>
      </c>
      <c r="K17" s="6">
        <v>818817</v>
      </c>
      <c r="L17" s="6">
        <v>912234</v>
      </c>
      <c r="M17" s="6">
        <v>1062782</v>
      </c>
      <c r="N17" s="6">
        <v>1280384</v>
      </c>
      <c r="O17" s="6">
        <v>1131386</v>
      </c>
      <c r="P17" s="6">
        <v>963203</v>
      </c>
      <c r="Q17" s="6">
        <v>676963</v>
      </c>
      <c r="R17" s="6">
        <v>402139</v>
      </c>
      <c r="S17" s="6">
        <v>274345</v>
      </c>
      <c r="T17" s="6">
        <v>119009</v>
      </c>
      <c r="U17" s="6">
        <v>44612</v>
      </c>
      <c r="V17" s="6">
        <v>13583</v>
      </c>
      <c r="W17" s="6">
        <v>2720</v>
      </c>
      <c r="X17" s="6">
        <v>347</v>
      </c>
      <c r="Y17" s="6">
        <v>8199781</v>
      </c>
      <c r="Z17" s="6">
        <v>856755</v>
      </c>
      <c r="AA17" s="6">
        <v>180271</v>
      </c>
      <c r="AB17" s="6">
        <v>16650</v>
      </c>
      <c r="AC17" s="6">
        <v>8494460</v>
      </c>
      <c r="AD17" s="7">
        <v>46.244999999999997</v>
      </c>
    </row>
    <row r="18" spans="1:30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30</v>
      </c>
      <c r="F18" s="9" t="s">
        <v>131</v>
      </c>
      <c r="G18" s="6">
        <v>275595</v>
      </c>
      <c r="H18" s="6">
        <v>2028</v>
      </c>
      <c r="I18" s="6">
        <v>13125</v>
      </c>
      <c r="J18" s="6">
        <v>24120</v>
      </c>
      <c r="K18" s="6">
        <v>23923</v>
      </c>
      <c r="L18" s="6">
        <v>21625</v>
      </c>
      <c r="M18" s="6">
        <v>32627</v>
      </c>
      <c r="N18" s="6">
        <v>45646</v>
      </c>
      <c r="O18" s="6">
        <v>41433</v>
      </c>
      <c r="P18" s="6">
        <v>35372</v>
      </c>
      <c r="Q18" s="6">
        <v>22378</v>
      </c>
      <c r="R18" s="6">
        <v>8638</v>
      </c>
      <c r="S18" s="6">
        <v>3463</v>
      </c>
      <c r="T18" s="6">
        <v>897</v>
      </c>
      <c r="U18" s="6">
        <v>231</v>
      </c>
      <c r="V18" s="6">
        <v>66</v>
      </c>
      <c r="W18" s="6">
        <v>21</v>
      </c>
      <c r="X18" s="6">
        <v>2</v>
      </c>
      <c r="Y18" s="6">
        <v>262277</v>
      </c>
      <c r="Z18" s="6">
        <v>13318</v>
      </c>
      <c r="AA18" s="6">
        <v>1217</v>
      </c>
      <c r="AB18" s="6">
        <v>89</v>
      </c>
      <c r="AC18" s="6">
        <v>268887</v>
      </c>
      <c r="AD18" s="7">
        <v>45.993749999999999</v>
      </c>
    </row>
    <row r="19" spans="1:30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30</v>
      </c>
      <c r="F19" s="9" t="s">
        <v>132</v>
      </c>
      <c r="G19" s="6">
        <v>1955619</v>
      </c>
      <c r="H19" s="6">
        <v>3483</v>
      </c>
      <c r="I19" s="6">
        <v>141196</v>
      </c>
      <c r="J19" s="6">
        <v>259631</v>
      </c>
      <c r="K19" s="6">
        <v>234483</v>
      </c>
      <c r="L19" s="6">
        <v>250401</v>
      </c>
      <c r="M19" s="6">
        <v>275697</v>
      </c>
      <c r="N19" s="6">
        <v>261057</v>
      </c>
      <c r="O19" s="6">
        <v>218950</v>
      </c>
      <c r="P19" s="6">
        <v>171409</v>
      </c>
      <c r="Q19" s="6">
        <v>85425</v>
      </c>
      <c r="R19" s="6">
        <v>30619</v>
      </c>
      <c r="S19" s="6">
        <v>15767</v>
      </c>
      <c r="T19" s="6">
        <v>5171</v>
      </c>
      <c r="U19" s="6">
        <v>1628</v>
      </c>
      <c r="V19" s="6">
        <v>562</v>
      </c>
      <c r="W19" s="6">
        <v>132</v>
      </c>
      <c r="X19" s="6">
        <v>8</v>
      </c>
      <c r="Y19" s="6">
        <v>1901732</v>
      </c>
      <c r="Z19" s="6">
        <v>53887</v>
      </c>
      <c r="AA19" s="6">
        <v>7501</v>
      </c>
      <c r="AB19" s="6">
        <v>702</v>
      </c>
      <c r="AC19" s="6">
        <v>1928868</v>
      </c>
      <c r="AD19" s="7">
        <v>41.935490000000001</v>
      </c>
    </row>
    <row r="20" spans="1:30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30</v>
      </c>
      <c r="F20" s="9" t="s">
        <v>133</v>
      </c>
      <c r="G20" s="6">
        <v>3117623</v>
      </c>
      <c r="H20" s="6">
        <v>22826</v>
      </c>
      <c r="I20" s="6">
        <v>127582</v>
      </c>
      <c r="J20" s="6">
        <v>172641</v>
      </c>
      <c r="K20" s="6">
        <v>205045</v>
      </c>
      <c r="L20" s="6">
        <v>262846</v>
      </c>
      <c r="M20" s="6">
        <v>342580</v>
      </c>
      <c r="N20" s="6">
        <v>467694</v>
      </c>
      <c r="O20" s="6">
        <v>432642</v>
      </c>
      <c r="P20" s="6">
        <v>382750</v>
      </c>
      <c r="Q20" s="6">
        <v>308818</v>
      </c>
      <c r="R20" s="6">
        <v>209999</v>
      </c>
      <c r="S20" s="6">
        <v>136817</v>
      </c>
      <c r="T20" s="6">
        <v>36028</v>
      </c>
      <c r="U20" s="6">
        <v>7391</v>
      </c>
      <c r="V20" s="6">
        <v>1625</v>
      </c>
      <c r="W20" s="6">
        <v>313</v>
      </c>
      <c r="X20" s="6">
        <v>26</v>
      </c>
      <c r="Y20" s="6">
        <v>2725424</v>
      </c>
      <c r="Z20" s="6">
        <v>392199</v>
      </c>
      <c r="AA20" s="6">
        <v>45383</v>
      </c>
      <c r="AB20" s="6">
        <v>1964</v>
      </c>
      <c r="AC20" s="6">
        <v>2912597</v>
      </c>
      <c r="AD20" s="7">
        <v>49.068260000000002</v>
      </c>
    </row>
    <row r="21" spans="1:30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30</v>
      </c>
      <c r="F21" s="9" t="s">
        <v>134</v>
      </c>
      <c r="G21" s="6">
        <v>8805576</v>
      </c>
      <c r="H21" s="6">
        <v>203493</v>
      </c>
      <c r="I21" s="6">
        <v>625525</v>
      </c>
      <c r="J21" s="6">
        <v>617625</v>
      </c>
      <c r="K21" s="6">
        <v>673400</v>
      </c>
      <c r="L21" s="6">
        <v>788898</v>
      </c>
      <c r="M21" s="6">
        <v>927779</v>
      </c>
      <c r="N21" s="6">
        <v>1140324</v>
      </c>
      <c r="O21" s="6">
        <v>991756</v>
      </c>
      <c r="P21" s="6">
        <v>885107</v>
      </c>
      <c r="Q21" s="6">
        <v>742932</v>
      </c>
      <c r="R21" s="6">
        <v>549403</v>
      </c>
      <c r="S21" s="6">
        <v>384895</v>
      </c>
      <c r="T21" s="6">
        <v>168587</v>
      </c>
      <c r="U21" s="6">
        <v>72896</v>
      </c>
      <c r="V21" s="6">
        <v>26095</v>
      </c>
      <c r="W21" s="6">
        <v>6058</v>
      </c>
      <c r="X21" s="6">
        <v>803</v>
      </c>
      <c r="Y21" s="6">
        <v>7596839</v>
      </c>
      <c r="Z21" s="6">
        <v>1208737</v>
      </c>
      <c r="AA21" s="6">
        <v>274439</v>
      </c>
      <c r="AB21" s="6">
        <v>32956</v>
      </c>
      <c r="AC21" s="6">
        <v>7942749</v>
      </c>
      <c r="AD21" s="7">
        <v>47.239849999999997</v>
      </c>
    </row>
    <row r="22" spans="1:30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30</v>
      </c>
      <c r="F22" s="9" t="s">
        <v>135</v>
      </c>
      <c r="G22" s="6">
        <v>1355161</v>
      </c>
      <c r="H22" s="6">
        <v>2479</v>
      </c>
      <c r="I22" s="6">
        <v>69931</v>
      </c>
      <c r="J22" s="6">
        <v>135546</v>
      </c>
      <c r="K22" s="6">
        <v>124222</v>
      </c>
      <c r="L22" s="6">
        <v>134841</v>
      </c>
      <c r="M22" s="6">
        <v>137027</v>
      </c>
      <c r="N22" s="6">
        <v>188359</v>
      </c>
      <c r="O22" s="6">
        <v>198640</v>
      </c>
      <c r="P22" s="6">
        <v>174938</v>
      </c>
      <c r="Q22" s="6">
        <v>110113</v>
      </c>
      <c r="R22" s="6">
        <v>41636</v>
      </c>
      <c r="S22" s="6">
        <v>25686</v>
      </c>
      <c r="T22" s="6">
        <v>8773</v>
      </c>
      <c r="U22" s="6">
        <v>2222</v>
      </c>
      <c r="V22" s="6">
        <v>609</v>
      </c>
      <c r="W22" s="6">
        <v>124</v>
      </c>
      <c r="X22" s="6">
        <v>15</v>
      </c>
      <c r="Y22" s="6">
        <v>1276096</v>
      </c>
      <c r="Z22" s="6">
        <v>79065</v>
      </c>
      <c r="AA22" s="6">
        <v>11743</v>
      </c>
      <c r="AB22" s="6">
        <v>748</v>
      </c>
      <c r="AC22" s="6">
        <v>1315253</v>
      </c>
      <c r="AD22" s="7">
        <v>45.890120000000003</v>
      </c>
    </row>
    <row r="23" spans="1:30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30</v>
      </c>
      <c r="F23" s="9" t="s">
        <v>136</v>
      </c>
      <c r="G23" s="6">
        <v>1253905</v>
      </c>
      <c r="H23" s="6">
        <v>3461</v>
      </c>
      <c r="I23" s="6">
        <v>44743</v>
      </c>
      <c r="J23" s="6">
        <v>71037</v>
      </c>
      <c r="K23" s="6">
        <v>74928</v>
      </c>
      <c r="L23" s="6">
        <v>91587</v>
      </c>
      <c r="M23" s="6">
        <v>104066</v>
      </c>
      <c r="N23" s="6">
        <v>124202</v>
      </c>
      <c r="O23" s="6">
        <v>114331</v>
      </c>
      <c r="P23" s="6">
        <v>115205</v>
      </c>
      <c r="Q23" s="6">
        <v>123424</v>
      </c>
      <c r="R23" s="6">
        <v>139922</v>
      </c>
      <c r="S23" s="6">
        <v>127306</v>
      </c>
      <c r="T23" s="6">
        <v>62176</v>
      </c>
      <c r="U23" s="6">
        <v>32584</v>
      </c>
      <c r="V23" s="6">
        <v>17489</v>
      </c>
      <c r="W23" s="6">
        <v>6262</v>
      </c>
      <c r="X23" s="6">
        <v>1182</v>
      </c>
      <c r="Y23" s="6">
        <v>866984</v>
      </c>
      <c r="Z23" s="6">
        <v>386921</v>
      </c>
      <c r="AA23" s="6">
        <v>119693</v>
      </c>
      <c r="AB23" s="6">
        <v>24933</v>
      </c>
      <c r="AC23" s="6">
        <v>1003445</v>
      </c>
      <c r="AD23" s="7">
        <v>54.19162</v>
      </c>
    </row>
    <row r="24" spans="1:30">
      <c r="A24" s="9" t="s">
        <v>27</v>
      </c>
      <c r="B24" s="9" t="s">
        <v>28</v>
      </c>
      <c r="C24" s="9" t="s">
        <v>29</v>
      </c>
      <c r="D24" s="9" t="s">
        <v>6</v>
      </c>
      <c r="E24" s="9" t="s">
        <v>130</v>
      </c>
      <c r="F24" s="9" t="s">
        <v>137</v>
      </c>
      <c r="G24" s="6">
        <v>2103074</v>
      </c>
      <c r="H24" s="6">
        <v>5392</v>
      </c>
      <c r="I24" s="6">
        <v>80395</v>
      </c>
      <c r="J24" s="6">
        <v>171720</v>
      </c>
      <c r="K24" s="6">
        <v>188178</v>
      </c>
      <c r="L24" s="6">
        <v>213297</v>
      </c>
      <c r="M24" s="6">
        <v>248934</v>
      </c>
      <c r="N24" s="6">
        <v>278132</v>
      </c>
      <c r="O24" s="6">
        <v>230423</v>
      </c>
      <c r="P24" s="6">
        <v>205993</v>
      </c>
      <c r="Q24" s="6">
        <v>177733</v>
      </c>
      <c r="R24" s="6">
        <v>140540</v>
      </c>
      <c r="S24" s="6">
        <v>102180</v>
      </c>
      <c r="T24" s="6">
        <v>39106</v>
      </c>
      <c r="U24" s="6">
        <v>14064</v>
      </c>
      <c r="V24" s="6">
        <v>5353</v>
      </c>
      <c r="W24" s="6">
        <v>1488</v>
      </c>
      <c r="X24" s="6">
        <v>146</v>
      </c>
      <c r="Y24" s="6">
        <v>1800197</v>
      </c>
      <c r="Z24" s="6">
        <v>302877</v>
      </c>
      <c r="AA24" s="6">
        <v>60157</v>
      </c>
      <c r="AB24" s="6">
        <v>6987</v>
      </c>
      <c r="AC24" s="6">
        <v>1935345</v>
      </c>
      <c r="AD24" s="7">
        <v>48.152099999999997</v>
      </c>
    </row>
    <row r="25" spans="1:30">
      <c r="A25" s="9" t="s">
        <v>27</v>
      </c>
      <c r="B25" s="9" t="s">
        <v>28</v>
      </c>
      <c r="C25" s="9" t="s">
        <v>29</v>
      </c>
      <c r="D25" s="9" t="s">
        <v>6</v>
      </c>
      <c r="E25" s="9" t="s">
        <v>130</v>
      </c>
      <c r="F25" s="9" t="s">
        <v>138</v>
      </c>
      <c r="G25" s="6">
        <v>3095434</v>
      </c>
      <c r="H25" s="6">
        <v>217209</v>
      </c>
      <c r="I25" s="6">
        <v>406882</v>
      </c>
      <c r="J25" s="6">
        <v>174519</v>
      </c>
      <c r="K25" s="6">
        <v>182861</v>
      </c>
      <c r="L25" s="6">
        <v>231797</v>
      </c>
      <c r="M25" s="6">
        <v>285791</v>
      </c>
      <c r="N25" s="6">
        <v>330290</v>
      </c>
      <c r="O25" s="6">
        <v>271610</v>
      </c>
      <c r="P25" s="6">
        <v>238017</v>
      </c>
      <c r="Q25" s="6">
        <v>230498</v>
      </c>
      <c r="R25" s="6">
        <v>232608</v>
      </c>
      <c r="S25" s="6">
        <v>192188</v>
      </c>
      <c r="T25" s="6">
        <v>72020</v>
      </c>
      <c r="U25" s="6">
        <v>21929</v>
      </c>
      <c r="V25" s="6">
        <v>5878</v>
      </c>
      <c r="W25" s="6">
        <v>1201</v>
      </c>
      <c r="X25" s="6">
        <v>136</v>
      </c>
      <c r="Y25" s="6">
        <v>2569474</v>
      </c>
      <c r="Z25" s="6">
        <v>525960</v>
      </c>
      <c r="AA25" s="6">
        <v>101164</v>
      </c>
      <c r="AB25" s="6">
        <v>7215</v>
      </c>
      <c r="AC25" s="6">
        <v>2584873</v>
      </c>
      <c r="AD25" s="7">
        <v>45.283880000000003</v>
      </c>
    </row>
    <row r="26" spans="1:30">
      <c r="A26" s="9" t="s">
        <v>27</v>
      </c>
      <c r="B26" s="9" t="s">
        <v>28</v>
      </c>
      <c r="C26" s="9" t="s">
        <v>29</v>
      </c>
      <c r="D26" s="9" t="s">
        <v>6</v>
      </c>
      <c r="E26" s="9" t="s">
        <v>130</v>
      </c>
      <c r="F26" s="9" t="s">
        <v>139</v>
      </c>
      <c r="G26" s="6">
        <v>1979446</v>
      </c>
      <c r="H26" s="6">
        <v>25613</v>
      </c>
      <c r="I26" s="6">
        <v>167021</v>
      </c>
      <c r="J26" s="6">
        <v>149890</v>
      </c>
      <c r="K26" s="6">
        <v>157801</v>
      </c>
      <c r="L26" s="6">
        <v>184071</v>
      </c>
      <c r="M26" s="6">
        <v>192363</v>
      </c>
      <c r="N26" s="6">
        <v>201709</v>
      </c>
      <c r="O26" s="6">
        <v>185475</v>
      </c>
      <c r="P26" s="6">
        <v>168535</v>
      </c>
      <c r="Q26" s="6">
        <v>151377</v>
      </c>
      <c r="R26" s="6">
        <v>151044</v>
      </c>
      <c r="S26" s="6">
        <v>137607</v>
      </c>
      <c r="T26" s="6">
        <v>69413</v>
      </c>
      <c r="U26" s="6">
        <v>29063</v>
      </c>
      <c r="V26" s="6">
        <v>7361</v>
      </c>
      <c r="W26" s="6">
        <v>961</v>
      </c>
      <c r="X26" s="6">
        <v>142</v>
      </c>
      <c r="Y26" s="6">
        <v>1583855</v>
      </c>
      <c r="Z26" s="6">
        <v>395591</v>
      </c>
      <c r="AA26" s="6">
        <v>106940</v>
      </c>
      <c r="AB26" s="6">
        <v>8464</v>
      </c>
      <c r="AC26" s="6">
        <v>1709286</v>
      </c>
      <c r="AD26" s="7">
        <v>48.32414</v>
      </c>
    </row>
    <row r="27" spans="1:30">
      <c r="A27" s="9" t="s">
        <v>27</v>
      </c>
      <c r="B27" s="9" t="s">
        <v>28</v>
      </c>
      <c r="C27" s="9" t="s">
        <v>29</v>
      </c>
      <c r="D27" s="9" t="s">
        <v>6</v>
      </c>
      <c r="E27" s="9" t="s">
        <v>130</v>
      </c>
      <c r="F27" s="9" t="s">
        <v>140</v>
      </c>
      <c r="G27" s="6">
        <v>2829694</v>
      </c>
      <c r="H27" s="6">
        <v>39835</v>
      </c>
      <c r="I27" s="6">
        <v>202539</v>
      </c>
      <c r="J27" s="6">
        <v>233719</v>
      </c>
      <c r="K27" s="6">
        <v>238540</v>
      </c>
      <c r="L27" s="6">
        <v>249766</v>
      </c>
      <c r="M27" s="6">
        <v>285455</v>
      </c>
      <c r="N27" s="6">
        <v>339451</v>
      </c>
      <c r="O27" s="6">
        <v>331082</v>
      </c>
      <c r="P27" s="6">
        <v>360744</v>
      </c>
      <c r="Q27" s="6">
        <v>282592</v>
      </c>
      <c r="R27" s="6">
        <v>147739</v>
      </c>
      <c r="S27" s="6">
        <v>76895</v>
      </c>
      <c r="T27" s="6">
        <v>27493</v>
      </c>
      <c r="U27" s="6">
        <v>9316</v>
      </c>
      <c r="V27" s="6">
        <v>3527</v>
      </c>
      <c r="W27" s="6">
        <v>896</v>
      </c>
      <c r="X27" s="6">
        <v>105</v>
      </c>
      <c r="Y27" s="6">
        <v>2563723</v>
      </c>
      <c r="Z27" s="6">
        <v>265971</v>
      </c>
      <c r="AA27" s="6">
        <v>41337</v>
      </c>
      <c r="AB27" s="6">
        <v>4528</v>
      </c>
      <c r="AC27" s="6">
        <v>2671627</v>
      </c>
      <c r="AD27" s="7">
        <v>46.538290000000003</v>
      </c>
    </row>
    <row r="28" spans="1:30">
      <c r="A28" s="9" t="s">
        <v>27</v>
      </c>
      <c r="B28" s="9" t="s">
        <v>28</v>
      </c>
      <c r="C28" s="9" t="s">
        <v>29</v>
      </c>
      <c r="D28" s="9" t="s">
        <v>6</v>
      </c>
      <c r="E28" s="9" t="s">
        <v>130</v>
      </c>
      <c r="F28" s="9" t="s">
        <v>141</v>
      </c>
      <c r="G28" s="6">
        <v>7633170</v>
      </c>
      <c r="H28" s="6">
        <v>22520</v>
      </c>
      <c r="I28" s="6">
        <v>426528</v>
      </c>
      <c r="J28" s="6">
        <v>659903</v>
      </c>
      <c r="K28" s="6">
        <v>692112</v>
      </c>
      <c r="L28" s="6">
        <v>778073</v>
      </c>
      <c r="M28" s="6">
        <v>900173</v>
      </c>
      <c r="N28" s="6">
        <v>965626</v>
      </c>
      <c r="O28" s="6">
        <v>849886</v>
      </c>
      <c r="P28" s="6">
        <v>797568</v>
      </c>
      <c r="Q28" s="6">
        <v>664175</v>
      </c>
      <c r="R28" s="6">
        <v>469810</v>
      </c>
      <c r="S28" s="6">
        <v>290079</v>
      </c>
      <c r="T28" s="6">
        <v>85446</v>
      </c>
      <c r="U28" s="6">
        <v>22182</v>
      </c>
      <c r="V28" s="6">
        <v>6879</v>
      </c>
      <c r="W28" s="6">
        <v>2009</v>
      </c>
      <c r="X28" s="6">
        <v>201</v>
      </c>
      <c r="Y28" s="6">
        <v>6756564</v>
      </c>
      <c r="Z28" s="6">
        <v>876606</v>
      </c>
      <c r="AA28" s="6">
        <v>116717</v>
      </c>
      <c r="AB28" s="6">
        <v>9089</v>
      </c>
      <c r="AC28" s="6">
        <v>7203854</v>
      </c>
      <c r="AD28" s="7">
        <v>46.88447</v>
      </c>
    </row>
    <row r="29" spans="1:30">
      <c r="A29" s="9" t="s">
        <v>27</v>
      </c>
      <c r="B29" s="9" t="s">
        <v>28</v>
      </c>
      <c r="C29" s="9" t="s">
        <v>29</v>
      </c>
      <c r="D29" s="9" t="s">
        <v>6</v>
      </c>
      <c r="E29" s="9" t="s">
        <v>130</v>
      </c>
      <c r="F29" s="9" t="s">
        <v>142</v>
      </c>
      <c r="G29" s="6">
        <v>441618</v>
      </c>
      <c r="H29" s="6">
        <v>4475</v>
      </c>
      <c r="I29" s="6">
        <v>22877</v>
      </c>
      <c r="J29" s="6">
        <v>30832</v>
      </c>
      <c r="K29" s="6">
        <v>38265</v>
      </c>
      <c r="L29" s="6">
        <v>42168</v>
      </c>
      <c r="M29" s="6">
        <v>52464</v>
      </c>
      <c r="N29" s="6">
        <v>72361</v>
      </c>
      <c r="O29" s="6">
        <v>57989</v>
      </c>
      <c r="P29" s="6">
        <v>57469</v>
      </c>
      <c r="Q29" s="6">
        <v>41872</v>
      </c>
      <c r="R29" s="6">
        <v>13791</v>
      </c>
      <c r="S29" s="6">
        <v>5211</v>
      </c>
      <c r="T29" s="6">
        <v>1381</v>
      </c>
      <c r="U29" s="6">
        <v>349</v>
      </c>
      <c r="V29" s="6">
        <v>95</v>
      </c>
      <c r="W29" s="6">
        <v>17</v>
      </c>
      <c r="X29" s="6">
        <v>2</v>
      </c>
      <c r="Y29" s="6">
        <v>420772</v>
      </c>
      <c r="Z29" s="6">
        <v>20846</v>
      </c>
      <c r="AA29" s="6">
        <v>1844</v>
      </c>
      <c r="AB29" s="6">
        <v>114</v>
      </c>
      <c r="AC29" s="6">
        <v>430088</v>
      </c>
      <c r="AD29" s="7">
        <v>46.090690000000002</v>
      </c>
    </row>
    <row r="30" spans="1:30">
      <c r="A30" s="9" t="s">
        <v>27</v>
      </c>
      <c r="B30" s="9" t="s">
        <v>28</v>
      </c>
      <c r="C30" s="9" t="s">
        <v>29</v>
      </c>
      <c r="D30" s="9" t="s">
        <v>6</v>
      </c>
      <c r="E30" s="9" t="s">
        <v>130</v>
      </c>
      <c r="F30" s="9" t="s">
        <v>143</v>
      </c>
      <c r="G30" s="6">
        <v>3801218</v>
      </c>
      <c r="H30" s="6">
        <v>22580</v>
      </c>
      <c r="I30" s="6">
        <v>151371</v>
      </c>
      <c r="J30" s="6">
        <v>229675</v>
      </c>
      <c r="K30" s="6">
        <v>251305</v>
      </c>
      <c r="L30" s="6">
        <v>291353</v>
      </c>
      <c r="M30" s="6">
        <v>354906</v>
      </c>
      <c r="N30" s="6">
        <v>434904</v>
      </c>
      <c r="O30" s="6">
        <v>391255</v>
      </c>
      <c r="P30" s="6">
        <v>377837</v>
      </c>
      <c r="Q30" s="6">
        <v>392181</v>
      </c>
      <c r="R30" s="6">
        <v>391749</v>
      </c>
      <c r="S30" s="6">
        <v>331624</v>
      </c>
      <c r="T30" s="6">
        <v>133734</v>
      </c>
      <c r="U30" s="6">
        <v>36554</v>
      </c>
      <c r="V30" s="6">
        <v>8318</v>
      </c>
      <c r="W30" s="6">
        <v>1631</v>
      </c>
      <c r="X30" s="6">
        <v>241</v>
      </c>
      <c r="Y30" s="6">
        <v>2897367</v>
      </c>
      <c r="Z30" s="6">
        <v>903851</v>
      </c>
      <c r="AA30" s="6">
        <v>180478</v>
      </c>
      <c r="AB30" s="6">
        <v>10190</v>
      </c>
      <c r="AC30" s="6">
        <v>3266536</v>
      </c>
      <c r="AD30" s="7">
        <v>51.682169999999999</v>
      </c>
    </row>
    <row r="31" spans="1:30">
      <c r="A31" s="9" t="s">
        <v>27</v>
      </c>
      <c r="B31" s="9" t="s">
        <v>28</v>
      </c>
      <c r="C31" s="9" t="s">
        <v>29</v>
      </c>
      <c r="D31" s="9" t="s">
        <v>6</v>
      </c>
      <c r="E31" s="9" t="s">
        <v>130</v>
      </c>
      <c r="F31" s="9" t="s">
        <v>144</v>
      </c>
      <c r="G31" s="6">
        <v>2032199</v>
      </c>
      <c r="H31" s="6">
        <v>20679</v>
      </c>
      <c r="I31" s="6">
        <v>136459</v>
      </c>
      <c r="J31" s="6">
        <v>207316</v>
      </c>
      <c r="K31" s="6">
        <v>223996</v>
      </c>
      <c r="L31" s="6">
        <v>213777</v>
      </c>
      <c r="M31" s="6">
        <v>238883</v>
      </c>
      <c r="N31" s="6">
        <v>292009</v>
      </c>
      <c r="O31" s="6">
        <v>251322</v>
      </c>
      <c r="P31" s="6">
        <v>216862</v>
      </c>
      <c r="Q31" s="6">
        <v>139341</v>
      </c>
      <c r="R31" s="6">
        <v>59415</v>
      </c>
      <c r="S31" s="6">
        <v>23650</v>
      </c>
      <c r="T31" s="6">
        <v>6538</v>
      </c>
      <c r="U31" s="6">
        <v>1610</v>
      </c>
      <c r="V31" s="6">
        <v>291</v>
      </c>
      <c r="W31" s="6">
        <v>47</v>
      </c>
      <c r="X31" s="6">
        <v>4</v>
      </c>
      <c r="Y31" s="6">
        <v>1940644</v>
      </c>
      <c r="Z31" s="6">
        <v>91555</v>
      </c>
      <c r="AA31" s="6">
        <v>8490</v>
      </c>
      <c r="AB31" s="6">
        <v>342</v>
      </c>
      <c r="AC31" s="6">
        <v>1979380</v>
      </c>
      <c r="AD31" s="7">
        <v>43.903370000000002</v>
      </c>
    </row>
    <row r="32" spans="1:30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5</v>
      </c>
      <c r="F32" s="9" t="s">
        <v>145</v>
      </c>
      <c r="G32" s="6">
        <v>1741652</v>
      </c>
      <c r="H32" s="6">
        <v>44388</v>
      </c>
      <c r="I32" s="6">
        <v>137737</v>
      </c>
      <c r="J32" s="6">
        <v>127589</v>
      </c>
      <c r="K32" s="6">
        <v>111345</v>
      </c>
      <c r="L32" s="6">
        <v>117537</v>
      </c>
      <c r="M32" s="6">
        <v>133326</v>
      </c>
      <c r="N32" s="6">
        <v>158518</v>
      </c>
      <c r="O32" s="6">
        <v>137067</v>
      </c>
      <c r="P32" s="6">
        <v>114053</v>
      </c>
      <c r="Q32" s="6">
        <v>106470</v>
      </c>
      <c r="R32" s="6">
        <v>133979</v>
      </c>
      <c r="S32" s="6">
        <v>165308</v>
      </c>
      <c r="T32" s="6">
        <v>126730</v>
      </c>
      <c r="U32" s="6">
        <v>80532</v>
      </c>
      <c r="V32" s="6">
        <v>35566</v>
      </c>
      <c r="W32" s="6">
        <v>10176</v>
      </c>
      <c r="X32" s="6">
        <v>1331</v>
      </c>
      <c r="Y32" s="6">
        <v>1188030</v>
      </c>
      <c r="Z32" s="6">
        <v>553622</v>
      </c>
      <c r="AA32" s="6">
        <v>254335</v>
      </c>
      <c r="AB32" s="6">
        <v>47073</v>
      </c>
      <c r="AC32" s="6">
        <v>1277621</v>
      </c>
      <c r="AD32" s="7">
        <v>52.062199999999997</v>
      </c>
    </row>
    <row r="33" spans="1:30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5</v>
      </c>
      <c r="F33" s="9" t="s">
        <v>146</v>
      </c>
      <c r="G33" s="6">
        <v>1962762</v>
      </c>
      <c r="H33" s="6">
        <v>6783</v>
      </c>
      <c r="I33" s="6">
        <v>40867</v>
      </c>
      <c r="J33" s="6">
        <v>52523</v>
      </c>
      <c r="K33" s="6">
        <v>69949</v>
      </c>
      <c r="L33" s="6">
        <v>92511</v>
      </c>
      <c r="M33" s="6">
        <v>104740</v>
      </c>
      <c r="N33" s="6">
        <v>112177</v>
      </c>
      <c r="O33" s="6">
        <v>107562</v>
      </c>
      <c r="P33" s="6">
        <v>133634</v>
      </c>
      <c r="Q33" s="6">
        <v>203383</v>
      </c>
      <c r="R33" s="6">
        <v>315122</v>
      </c>
      <c r="S33" s="6">
        <v>329693</v>
      </c>
      <c r="T33" s="6">
        <v>196285</v>
      </c>
      <c r="U33" s="6">
        <v>127757</v>
      </c>
      <c r="V33" s="6">
        <v>55741</v>
      </c>
      <c r="W33" s="6">
        <v>12749</v>
      </c>
      <c r="X33" s="6">
        <v>1286</v>
      </c>
      <c r="Y33" s="6">
        <v>924129</v>
      </c>
      <c r="Z33" s="6">
        <v>1038633</v>
      </c>
      <c r="AA33" s="6">
        <v>393818</v>
      </c>
      <c r="AB33" s="6">
        <v>69776</v>
      </c>
      <c r="AC33" s="6">
        <v>1232468</v>
      </c>
      <c r="AD33" s="7">
        <v>61.713569999999997</v>
      </c>
    </row>
    <row r="34" spans="1:30">
      <c r="A34" s="9" t="s">
        <v>27</v>
      </c>
      <c r="B34" s="9" t="s">
        <v>28</v>
      </c>
      <c r="C34" s="9" t="s">
        <v>29</v>
      </c>
      <c r="D34" s="9" t="s">
        <v>6</v>
      </c>
      <c r="E34" s="9" t="s">
        <v>55</v>
      </c>
      <c r="F34" s="9" t="s">
        <v>147</v>
      </c>
      <c r="G34" s="6">
        <v>13259479</v>
      </c>
      <c r="H34" s="6">
        <v>139551</v>
      </c>
      <c r="I34" s="6">
        <v>694385</v>
      </c>
      <c r="J34" s="6">
        <v>969677</v>
      </c>
      <c r="K34" s="6">
        <v>1086793</v>
      </c>
      <c r="L34" s="6">
        <v>1264098</v>
      </c>
      <c r="M34" s="6">
        <v>1529529</v>
      </c>
      <c r="N34" s="6">
        <v>1875427</v>
      </c>
      <c r="O34" s="6">
        <v>1622717</v>
      </c>
      <c r="P34" s="6">
        <v>1379751</v>
      </c>
      <c r="Q34" s="6">
        <v>1082716</v>
      </c>
      <c r="R34" s="6">
        <v>778685</v>
      </c>
      <c r="S34" s="6">
        <v>534535</v>
      </c>
      <c r="T34" s="6">
        <v>206271</v>
      </c>
      <c r="U34" s="6">
        <v>70444</v>
      </c>
      <c r="V34" s="6">
        <v>20464</v>
      </c>
      <c r="W34" s="6">
        <v>3989</v>
      </c>
      <c r="X34" s="6">
        <v>447</v>
      </c>
      <c r="Y34" s="6">
        <v>11644644</v>
      </c>
      <c r="Z34" s="6">
        <v>1614835</v>
      </c>
      <c r="AA34" s="6">
        <v>301615</v>
      </c>
      <c r="AB34" s="6">
        <v>24900</v>
      </c>
      <c r="AC34" s="6">
        <v>12283778</v>
      </c>
      <c r="AD34" s="7">
        <v>47.43535</v>
      </c>
    </row>
    <row r="35" spans="1:30">
      <c r="A35" s="9" t="s">
        <v>27</v>
      </c>
      <c r="B35" s="9" t="s">
        <v>28</v>
      </c>
      <c r="C35" s="9" t="s">
        <v>29</v>
      </c>
      <c r="D35" s="9" t="s">
        <v>6</v>
      </c>
      <c r="E35" s="9" t="s">
        <v>55</v>
      </c>
      <c r="F35" s="9" t="s">
        <v>148</v>
      </c>
      <c r="G35" s="6">
        <v>40679332</v>
      </c>
      <c r="H35" s="6">
        <v>596073</v>
      </c>
      <c r="I35" s="6">
        <v>2616174</v>
      </c>
      <c r="J35" s="6">
        <v>3138174</v>
      </c>
      <c r="K35" s="6">
        <v>3309059</v>
      </c>
      <c r="L35" s="6">
        <v>3754500</v>
      </c>
      <c r="M35" s="6">
        <v>4378745</v>
      </c>
      <c r="N35" s="6">
        <v>5141764</v>
      </c>
      <c r="O35" s="6">
        <v>4566794</v>
      </c>
      <c r="P35" s="6">
        <v>4187806</v>
      </c>
      <c r="Q35" s="6">
        <v>3472859</v>
      </c>
      <c r="R35" s="6">
        <v>2586913</v>
      </c>
      <c r="S35" s="6">
        <v>1853368</v>
      </c>
      <c r="T35" s="6">
        <v>716763</v>
      </c>
      <c r="U35" s="6">
        <v>252019</v>
      </c>
      <c r="V35" s="6">
        <v>84148</v>
      </c>
      <c r="W35" s="6">
        <v>21160</v>
      </c>
      <c r="X35" s="6">
        <v>3013</v>
      </c>
      <c r="Y35" s="6">
        <v>35161948</v>
      </c>
      <c r="Z35" s="6">
        <v>5517384</v>
      </c>
      <c r="AA35" s="6">
        <v>1077103</v>
      </c>
      <c r="AB35" s="6">
        <v>108321</v>
      </c>
      <c r="AC35" s="6">
        <v>37152788</v>
      </c>
      <c r="AD35" s="7">
        <v>47.357399999999998</v>
      </c>
    </row>
    <row r="36" spans="1:30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55</v>
      </c>
      <c r="F36" s="9" t="s">
        <v>6</v>
      </c>
      <c r="G36" s="6">
        <v>31501307</v>
      </c>
      <c r="H36" s="6">
        <v>398900</v>
      </c>
      <c r="I36" s="6">
        <v>1749180</v>
      </c>
      <c r="J36" s="6">
        <v>2249992</v>
      </c>
      <c r="K36" s="6">
        <v>2522293</v>
      </c>
      <c r="L36" s="6">
        <v>2883380</v>
      </c>
      <c r="M36" s="6">
        <v>3335879</v>
      </c>
      <c r="N36" s="6">
        <v>3910236</v>
      </c>
      <c r="O36" s="6">
        <v>3442070</v>
      </c>
      <c r="P36" s="6">
        <v>3161054</v>
      </c>
      <c r="Q36" s="6">
        <v>2743770</v>
      </c>
      <c r="R36" s="6">
        <v>2212215</v>
      </c>
      <c r="S36" s="6">
        <v>1703070</v>
      </c>
      <c r="T36" s="6">
        <v>734225</v>
      </c>
      <c r="U36" s="6">
        <v>313955</v>
      </c>
      <c r="V36" s="6">
        <v>113199</v>
      </c>
      <c r="W36" s="6">
        <v>25168</v>
      </c>
      <c r="X36" s="6">
        <v>2721</v>
      </c>
      <c r="Y36" s="6">
        <v>26396754</v>
      </c>
      <c r="Z36" s="6">
        <v>5104553</v>
      </c>
      <c r="AA36" s="6">
        <v>1189268</v>
      </c>
      <c r="AB36" s="6">
        <v>141088</v>
      </c>
      <c r="AC36" s="6">
        <v>28210069</v>
      </c>
      <c r="AD36" s="7">
        <v>48.494459999999997</v>
      </c>
    </row>
    <row r="37" spans="1:30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122</v>
      </c>
      <c r="F37" s="9" t="s">
        <v>123</v>
      </c>
      <c r="G37" s="6">
        <v>1105962</v>
      </c>
      <c r="H37" s="6">
        <v>4071</v>
      </c>
      <c r="I37" s="6">
        <v>23580</v>
      </c>
      <c r="J37" s="6">
        <v>32286</v>
      </c>
      <c r="K37" s="6">
        <v>42193</v>
      </c>
      <c r="L37" s="6">
        <v>54099</v>
      </c>
      <c r="M37" s="6">
        <v>60145</v>
      </c>
      <c r="N37" s="6">
        <v>61178</v>
      </c>
      <c r="O37" s="6">
        <v>55795</v>
      </c>
      <c r="P37" s="6">
        <v>67594</v>
      </c>
      <c r="Q37" s="6">
        <v>105595</v>
      </c>
      <c r="R37" s="6">
        <v>176562</v>
      </c>
      <c r="S37" s="6">
        <v>194856</v>
      </c>
      <c r="T37" s="6">
        <v>112361</v>
      </c>
      <c r="U37" s="6">
        <v>74530</v>
      </c>
      <c r="V37" s="6">
        <v>33300</v>
      </c>
      <c r="W37" s="6">
        <v>7173</v>
      </c>
      <c r="X37" s="6">
        <v>644</v>
      </c>
      <c r="Y37" s="6">
        <v>506536</v>
      </c>
      <c r="Z37" s="6">
        <v>599426</v>
      </c>
      <c r="AA37" s="6">
        <v>228008</v>
      </c>
      <c r="AB37" s="6">
        <v>41117</v>
      </c>
      <c r="AC37" s="6">
        <v>679027</v>
      </c>
      <c r="AD37" s="7">
        <v>61.754370000000002</v>
      </c>
    </row>
    <row r="38" spans="1:30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122</v>
      </c>
      <c r="F38" s="9" t="s">
        <v>124</v>
      </c>
      <c r="G38" s="6">
        <v>1054606</v>
      </c>
      <c r="H38" s="6">
        <v>3738</v>
      </c>
      <c r="I38" s="6">
        <v>21710</v>
      </c>
      <c r="J38" s="6">
        <v>29684</v>
      </c>
      <c r="K38" s="6">
        <v>38622</v>
      </c>
      <c r="L38" s="6">
        <v>49303</v>
      </c>
      <c r="M38" s="6">
        <v>54812</v>
      </c>
      <c r="N38" s="6">
        <v>55890</v>
      </c>
      <c r="O38" s="6">
        <v>51167</v>
      </c>
      <c r="P38" s="6">
        <v>62139</v>
      </c>
      <c r="Q38" s="6">
        <v>99834</v>
      </c>
      <c r="R38" s="6">
        <v>171309</v>
      </c>
      <c r="S38" s="6">
        <v>190874</v>
      </c>
      <c r="T38" s="6">
        <v>110842</v>
      </c>
      <c r="U38" s="6">
        <v>73845</v>
      </c>
      <c r="V38" s="6">
        <v>33071</v>
      </c>
      <c r="W38" s="6">
        <v>7125</v>
      </c>
      <c r="X38" s="6">
        <v>641</v>
      </c>
      <c r="Y38" s="6">
        <v>466899</v>
      </c>
      <c r="Z38" s="6">
        <v>587707</v>
      </c>
      <c r="AA38" s="6">
        <v>225524</v>
      </c>
      <c r="AB38" s="6">
        <v>40837</v>
      </c>
      <c r="AC38" s="6">
        <v>634470</v>
      </c>
      <c r="AD38" s="7">
        <v>62.246989999999997</v>
      </c>
    </row>
    <row r="39" spans="1:30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122</v>
      </c>
      <c r="F39" s="9" t="s">
        <v>125</v>
      </c>
      <c r="G39" s="6">
        <v>99587</v>
      </c>
      <c r="H39" s="6">
        <v>904</v>
      </c>
      <c r="I39" s="6">
        <v>4427</v>
      </c>
      <c r="J39" s="6">
        <v>4431</v>
      </c>
      <c r="K39" s="6">
        <v>5270</v>
      </c>
      <c r="L39" s="6">
        <v>6674</v>
      </c>
      <c r="M39" s="6">
        <v>6940</v>
      </c>
      <c r="N39" s="6">
        <v>7657</v>
      </c>
      <c r="O39" s="6">
        <v>8340</v>
      </c>
      <c r="P39" s="6">
        <v>9694</v>
      </c>
      <c r="Q39" s="6">
        <v>11024</v>
      </c>
      <c r="R39" s="6">
        <v>12196</v>
      </c>
      <c r="S39" s="6">
        <v>11103</v>
      </c>
      <c r="T39" s="6">
        <v>5949</v>
      </c>
      <c r="U39" s="6">
        <v>3440</v>
      </c>
      <c r="V39" s="6">
        <v>1352</v>
      </c>
      <c r="W39" s="6">
        <v>175</v>
      </c>
      <c r="X39" s="6">
        <v>11</v>
      </c>
      <c r="Y39" s="6">
        <v>65361</v>
      </c>
      <c r="Z39" s="6">
        <v>34226</v>
      </c>
      <c r="AA39" s="6">
        <v>10927</v>
      </c>
      <c r="AB39" s="6">
        <v>1538</v>
      </c>
      <c r="AC39" s="6">
        <v>76653</v>
      </c>
      <c r="AD39" s="7">
        <v>55.316459999999999</v>
      </c>
    </row>
    <row r="40" spans="1:30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126</v>
      </c>
      <c r="F40" s="9" t="s">
        <v>127</v>
      </c>
      <c r="G40" s="6">
        <v>15796</v>
      </c>
      <c r="H40" s="6">
        <v>72</v>
      </c>
      <c r="I40" s="6">
        <v>402</v>
      </c>
      <c r="J40" s="6">
        <v>714</v>
      </c>
      <c r="K40" s="6">
        <v>962</v>
      </c>
      <c r="L40" s="6">
        <v>1173</v>
      </c>
      <c r="M40" s="6">
        <v>1480</v>
      </c>
      <c r="N40" s="6">
        <v>2019</v>
      </c>
      <c r="O40" s="6">
        <v>2031</v>
      </c>
      <c r="P40" s="6">
        <v>2244</v>
      </c>
      <c r="Q40" s="6">
        <v>1984</v>
      </c>
      <c r="R40" s="6">
        <v>1343</v>
      </c>
      <c r="S40" s="6">
        <v>990</v>
      </c>
      <c r="T40" s="6">
        <v>261</v>
      </c>
      <c r="U40" s="6">
        <v>89</v>
      </c>
      <c r="V40" s="6">
        <v>27</v>
      </c>
      <c r="W40" s="6">
        <v>3</v>
      </c>
      <c r="X40" s="6">
        <v>2</v>
      </c>
      <c r="Y40" s="6">
        <v>13081</v>
      </c>
      <c r="Z40" s="6">
        <v>2715</v>
      </c>
      <c r="AA40" s="6">
        <v>382</v>
      </c>
      <c r="AB40" s="6">
        <v>32</v>
      </c>
      <c r="AC40" s="6">
        <v>14352</v>
      </c>
      <c r="AD40" s="7">
        <v>51.663330000000002</v>
      </c>
    </row>
    <row r="41" spans="1:30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126</v>
      </c>
      <c r="F41" s="9" t="s">
        <v>128</v>
      </c>
      <c r="G41" s="6">
        <v>3447458</v>
      </c>
      <c r="H41" s="6">
        <v>29015</v>
      </c>
      <c r="I41" s="6">
        <v>145801</v>
      </c>
      <c r="J41" s="6">
        <v>199088</v>
      </c>
      <c r="K41" s="6">
        <v>216941</v>
      </c>
      <c r="L41" s="6">
        <v>282894</v>
      </c>
      <c r="M41" s="6">
        <v>376013</v>
      </c>
      <c r="N41" s="6">
        <v>480347</v>
      </c>
      <c r="O41" s="6">
        <v>399185</v>
      </c>
      <c r="P41" s="6">
        <v>342130</v>
      </c>
      <c r="Q41" s="6">
        <v>344511</v>
      </c>
      <c r="R41" s="6">
        <v>321968</v>
      </c>
      <c r="S41" s="6">
        <v>215070</v>
      </c>
      <c r="T41" s="6">
        <v>68970</v>
      </c>
      <c r="U41" s="6">
        <v>19598</v>
      </c>
      <c r="V41" s="6">
        <v>4977</v>
      </c>
      <c r="W41" s="6">
        <v>883</v>
      </c>
      <c r="X41" s="6">
        <v>67</v>
      </c>
      <c r="Y41" s="6">
        <v>2815925</v>
      </c>
      <c r="Z41" s="6">
        <v>631533</v>
      </c>
      <c r="AA41" s="6">
        <v>94495</v>
      </c>
      <c r="AB41" s="6">
        <v>5927</v>
      </c>
      <c r="AC41" s="6">
        <v>3108878</v>
      </c>
      <c r="AD41" s="7">
        <v>50.082650000000001</v>
      </c>
    </row>
    <row r="42" spans="1:30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126</v>
      </c>
      <c r="F42" s="9" t="s">
        <v>129</v>
      </c>
      <c r="G42" s="6">
        <v>6211896</v>
      </c>
      <c r="H42" s="6">
        <v>74356</v>
      </c>
      <c r="I42" s="6">
        <v>340448</v>
      </c>
      <c r="J42" s="6">
        <v>502782</v>
      </c>
      <c r="K42" s="6">
        <v>583637</v>
      </c>
      <c r="L42" s="6">
        <v>643825</v>
      </c>
      <c r="M42" s="6">
        <v>730773</v>
      </c>
      <c r="N42" s="6">
        <v>866937</v>
      </c>
      <c r="O42" s="6">
        <v>780208</v>
      </c>
      <c r="P42" s="6">
        <v>675333</v>
      </c>
      <c r="Q42" s="6">
        <v>463319</v>
      </c>
      <c r="R42" s="6">
        <v>257140</v>
      </c>
      <c r="S42" s="6">
        <v>174862</v>
      </c>
      <c r="T42" s="6">
        <v>78442</v>
      </c>
      <c r="U42" s="6">
        <v>29455</v>
      </c>
      <c r="V42" s="6">
        <v>8595</v>
      </c>
      <c r="W42" s="6">
        <v>1589</v>
      </c>
      <c r="X42" s="6">
        <v>195</v>
      </c>
      <c r="Y42" s="6">
        <v>5661618</v>
      </c>
      <c r="Z42" s="6">
        <v>550278</v>
      </c>
      <c r="AA42" s="6">
        <v>118276</v>
      </c>
      <c r="AB42" s="6">
        <v>10379</v>
      </c>
      <c r="AC42" s="6">
        <v>5844402</v>
      </c>
      <c r="AD42" s="7">
        <v>46.093269999999997</v>
      </c>
    </row>
    <row r="43" spans="1:30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130</v>
      </c>
      <c r="F43" s="9" t="s">
        <v>131</v>
      </c>
      <c r="G43" s="6">
        <v>229062</v>
      </c>
      <c r="H43" s="6">
        <v>1780</v>
      </c>
      <c r="I43" s="6">
        <v>10476</v>
      </c>
      <c r="J43" s="6">
        <v>19514</v>
      </c>
      <c r="K43" s="6">
        <v>19405</v>
      </c>
      <c r="L43" s="6">
        <v>17435</v>
      </c>
      <c r="M43" s="6">
        <v>26515</v>
      </c>
      <c r="N43" s="6">
        <v>36848</v>
      </c>
      <c r="O43" s="6">
        <v>34596</v>
      </c>
      <c r="P43" s="6">
        <v>30743</v>
      </c>
      <c r="Q43" s="6">
        <v>20052</v>
      </c>
      <c r="R43" s="6">
        <v>7723</v>
      </c>
      <c r="S43" s="6">
        <v>2998</v>
      </c>
      <c r="T43" s="6">
        <v>733</v>
      </c>
      <c r="U43" s="6">
        <v>179</v>
      </c>
      <c r="V43" s="6">
        <v>48</v>
      </c>
      <c r="W43" s="6">
        <v>15</v>
      </c>
      <c r="X43" s="6">
        <v>2</v>
      </c>
      <c r="Y43" s="6">
        <v>217364</v>
      </c>
      <c r="Z43" s="6">
        <v>11698</v>
      </c>
      <c r="AA43" s="6">
        <v>977</v>
      </c>
      <c r="AB43" s="6">
        <v>65</v>
      </c>
      <c r="AC43" s="6">
        <v>223307</v>
      </c>
      <c r="AD43" s="7">
        <v>46.355690000000003</v>
      </c>
    </row>
    <row r="44" spans="1:30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130</v>
      </c>
      <c r="F44" s="9" t="s">
        <v>132</v>
      </c>
      <c r="G44" s="6">
        <v>1381459</v>
      </c>
      <c r="H44" s="6">
        <v>2075</v>
      </c>
      <c r="I44" s="6">
        <v>83437</v>
      </c>
      <c r="J44" s="6">
        <v>160499</v>
      </c>
      <c r="K44" s="6">
        <v>152046</v>
      </c>
      <c r="L44" s="6">
        <v>174248</v>
      </c>
      <c r="M44" s="6">
        <v>200215</v>
      </c>
      <c r="N44" s="6">
        <v>190812</v>
      </c>
      <c r="O44" s="6">
        <v>166833</v>
      </c>
      <c r="P44" s="6">
        <v>138564</v>
      </c>
      <c r="Q44" s="6">
        <v>69970</v>
      </c>
      <c r="R44" s="6">
        <v>24574</v>
      </c>
      <c r="S44" s="6">
        <v>12405</v>
      </c>
      <c r="T44" s="6">
        <v>3990</v>
      </c>
      <c r="U44" s="6">
        <v>1269</v>
      </c>
      <c r="V44" s="6">
        <v>432</v>
      </c>
      <c r="W44" s="6">
        <v>87</v>
      </c>
      <c r="X44" s="6">
        <v>3</v>
      </c>
      <c r="Y44" s="6">
        <v>1338699</v>
      </c>
      <c r="Z44" s="6">
        <v>42760</v>
      </c>
      <c r="AA44" s="6">
        <v>5781</v>
      </c>
      <c r="AB44" s="6">
        <v>522</v>
      </c>
      <c r="AC44" s="6">
        <v>1361198</v>
      </c>
      <c r="AD44" s="7">
        <v>43.066000000000003</v>
      </c>
    </row>
    <row r="45" spans="1:30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130</v>
      </c>
      <c r="F45" s="9" t="s">
        <v>133</v>
      </c>
      <c r="G45" s="6">
        <v>2423004</v>
      </c>
      <c r="H45" s="6">
        <v>16444</v>
      </c>
      <c r="I45" s="6">
        <v>86327</v>
      </c>
      <c r="J45" s="6">
        <v>120886</v>
      </c>
      <c r="K45" s="6">
        <v>152447</v>
      </c>
      <c r="L45" s="6">
        <v>199252</v>
      </c>
      <c r="M45" s="6">
        <v>258420</v>
      </c>
      <c r="N45" s="6">
        <v>351007</v>
      </c>
      <c r="O45" s="6">
        <v>333116</v>
      </c>
      <c r="P45" s="6">
        <v>305744</v>
      </c>
      <c r="Q45" s="6">
        <v>257205</v>
      </c>
      <c r="R45" s="6">
        <v>181805</v>
      </c>
      <c r="S45" s="6">
        <v>121710</v>
      </c>
      <c r="T45" s="6">
        <v>31230</v>
      </c>
      <c r="U45" s="6">
        <v>5968</v>
      </c>
      <c r="V45" s="6">
        <v>1226</v>
      </c>
      <c r="W45" s="6">
        <v>203</v>
      </c>
      <c r="X45" s="6">
        <v>14</v>
      </c>
      <c r="Y45" s="6">
        <v>2080848</v>
      </c>
      <c r="Z45" s="6">
        <v>342156</v>
      </c>
      <c r="AA45" s="6">
        <v>38641</v>
      </c>
      <c r="AB45" s="6">
        <v>1443</v>
      </c>
      <c r="AC45" s="6">
        <v>2246209</v>
      </c>
      <c r="AD45" s="7">
        <v>49.89293</v>
      </c>
    </row>
    <row r="46" spans="1:30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130</v>
      </c>
      <c r="F46" s="9" t="s">
        <v>134</v>
      </c>
      <c r="G46" s="6">
        <v>4122732</v>
      </c>
      <c r="H46" s="6">
        <v>88157</v>
      </c>
      <c r="I46" s="6">
        <v>283456</v>
      </c>
      <c r="J46" s="6">
        <v>286901</v>
      </c>
      <c r="K46" s="6">
        <v>323295</v>
      </c>
      <c r="L46" s="6">
        <v>384945</v>
      </c>
      <c r="M46" s="6">
        <v>439058</v>
      </c>
      <c r="N46" s="6">
        <v>526108</v>
      </c>
      <c r="O46" s="6">
        <v>439251</v>
      </c>
      <c r="P46" s="6">
        <v>395568</v>
      </c>
      <c r="Q46" s="6">
        <v>340859</v>
      </c>
      <c r="R46" s="6">
        <v>256504</v>
      </c>
      <c r="S46" s="6">
        <v>203585</v>
      </c>
      <c r="T46" s="6">
        <v>95608</v>
      </c>
      <c r="U46" s="6">
        <v>42040</v>
      </c>
      <c r="V46" s="6">
        <v>14237</v>
      </c>
      <c r="W46" s="6">
        <v>2838</v>
      </c>
      <c r="X46" s="6">
        <v>322</v>
      </c>
      <c r="Y46" s="6">
        <v>3507598</v>
      </c>
      <c r="Z46" s="6">
        <v>615134</v>
      </c>
      <c r="AA46" s="6">
        <v>155045</v>
      </c>
      <c r="AB46" s="6">
        <v>17397</v>
      </c>
      <c r="AC46" s="6">
        <v>3675945</v>
      </c>
      <c r="AD46" s="7">
        <v>47.533430000000003</v>
      </c>
    </row>
    <row r="47" spans="1:30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130</v>
      </c>
      <c r="F47" s="9" t="s">
        <v>135</v>
      </c>
      <c r="G47" s="6">
        <v>583178</v>
      </c>
      <c r="H47" s="6">
        <v>360</v>
      </c>
      <c r="I47" s="6">
        <v>23595</v>
      </c>
      <c r="J47" s="6">
        <v>50788</v>
      </c>
      <c r="K47" s="6">
        <v>50164</v>
      </c>
      <c r="L47" s="6">
        <v>56558</v>
      </c>
      <c r="M47" s="6">
        <v>53677</v>
      </c>
      <c r="N47" s="6">
        <v>77355</v>
      </c>
      <c r="O47" s="6">
        <v>89998</v>
      </c>
      <c r="P47" s="6">
        <v>81013</v>
      </c>
      <c r="Q47" s="6">
        <v>60114</v>
      </c>
      <c r="R47" s="6">
        <v>22258</v>
      </c>
      <c r="S47" s="6">
        <v>11333</v>
      </c>
      <c r="T47" s="6">
        <v>4267</v>
      </c>
      <c r="U47" s="6">
        <v>1271</v>
      </c>
      <c r="V47" s="6">
        <v>352</v>
      </c>
      <c r="W47" s="6">
        <v>69</v>
      </c>
      <c r="X47" s="6">
        <v>6</v>
      </c>
      <c r="Y47" s="6">
        <v>543622</v>
      </c>
      <c r="Z47" s="6">
        <v>39556</v>
      </c>
      <c r="AA47" s="6">
        <v>5965</v>
      </c>
      <c r="AB47" s="6">
        <v>427</v>
      </c>
      <c r="AC47" s="6">
        <v>565520</v>
      </c>
      <c r="AD47" s="7">
        <v>47.297739999999997</v>
      </c>
    </row>
    <row r="48" spans="1:30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130</v>
      </c>
      <c r="F48" s="9" t="s">
        <v>136</v>
      </c>
      <c r="G48" s="6">
        <v>734443</v>
      </c>
      <c r="H48" s="6">
        <v>1724</v>
      </c>
      <c r="I48" s="6">
        <v>23646</v>
      </c>
      <c r="J48" s="6">
        <v>36383</v>
      </c>
      <c r="K48" s="6">
        <v>41403</v>
      </c>
      <c r="L48" s="6">
        <v>52609</v>
      </c>
      <c r="M48" s="6">
        <v>59049</v>
      </c>
      <c r="N48" s="6">
        <v>69412</v>
      </c>
      <c r="O48" s="6">
        <v>63467</v>
      </c>
      <c r="P48" s="6">
        <v>65255</v>
      </c>
      <c r="Q48" s="6">
        <v>75655</v>
      </c>
      <c r="R48" s="6">
        <v>93795</v>
      </c>
      <c r="S48" s="6">
        <v>83861</v>
      </c>
      <c r="T48" s="6">
        <v>38016</v>
      </c>
      <c r="U48" s="6">
        <v>18058</v>
      </c>
      <c r="V48" s="6">
        <v>8698</v>
      </c>
      <c r="W48" s="6">
        <v>2914</v>
      </c>
      <c r="X48" s="6">
        <v>498</v>
      </c>
      <c r="Y48" s="6">
        <v>488603</v>
      </c>
      <c r="Z48" s="6">
        <v>245840</v>
      </c>
      <c r="AA48" s="6">
        <v>68184</v>
      </c>
      <c r="AB48" s="6">
        <v>12110</v>
      </c>
      <c r="AC48" s="6">
        <v>580674</v>
      </c>
      <c r="AD48" s="7">
        <v>55.038080000000001</v>
      </c>
    </row>
    <row r="49" spans="1:30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130</v>
      </c>
      <c r="F49" s="9" t="s">
        <v>137</v>
      </c>
      <c r="G49" s="6">
        <v>1328211</v>
      </c>
      <c r="H49" s="6">
        <v>3053</v>
      </c>
      <c r="I49" s="6">
        <v>40127</v>
      </c>
      <c r="J49" s="6">
        <v>93996</v>
      </c>
      <c r="K49" s="6">
        <v>106966</v>
      </c>
      <c r="L49" s="6">
        <v>122888</v>
      </c>
      <c r="M49" s="6">
        <v>143087</v>
      </c>
      <c r="N49" s="6">
        <v>163692</v>
      </c>
      <c r="O49" s="6">
        <v>144729</v>
      </c>
      <c r="P49" s="6">
        <v>139190</v>
      </c>
      <c r="Q49" s="6">
        <v>130976</v>
      </c>
      <c r="R49" s="6">
        <v>109852</v>
      </c>
      <c r="S49" s="6">
        <v>81148</v>
      </c>
      <c r="T49" s="6">
        <v>31461</v>
      </c>
      <c r="U49" s="6">
        <v>11316</v>
      </c>
      <c r="V49" s="6">
        <v>4376</v>
      </c>
      <c r="W49" s="6">
        <v>1239</v>
      </c>
      <c r="X49" s="6">
        <v>115</v>
      </c>
      <c r="Y49" s="6">
        <v>1088704</v>
      </c>
      <c r="Z49" s="6">
        <v>239507</v>
      </c>
      <c r="AA49" s="6">
        <v>48507</v>
      </c>
      <c r="AB49" s="6">
        <v>5730</v>
      </c>
      <c r="AC49" s="6">
        <v>1195503</v>
      </c>
      <c r="AD49" s="7">
        <v>50.018210000000003</v>
      </c>
    </row>
    <row r="50" spans="1:30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130</v>
      </c>
      <c r="F50" s="9" t="s">
        <v>138</v>
      </c>
      <c r="G50" s="6">
        <v>1161705</v>
      </c>
      <c r="H50" s="6">
        <v>87182</v>
      </c>
      <c r="I50" s="6">
        <v>181463</v>
      </c>
      <c r="J50" s="6">
        <v>70719</v>
      </c>
      <c r="K50" s="6">
        <v>73837</v>
      </c>
      <c r="L50" s="6">
        <v>90087</v>
      </c>
      <c r="M50" s="6">
        <v>107523</v>
      </c>
      <c r="N50" s="6">
        <v>116090</v>
      </c>
      <c r="O50" s="6">
        <v>91934</v>
      </c>
      <c r="P50" s="6">
        <v>80090</v>
      </c>
      <c r="Q50" s="6">
        <v>78971</v>
      </c>
      <c r="R50" s="6">
        <v>79664</v>
      </c>
      <c r="S50" s="6">
        <v>65835</v>
      </c>
      <c r="T50" s="6">
        <v>26797</v>
      </c>
      <c r="U50" s="6">
        <v>8750</v>
      </c>
      <c r="V50" s="6">
        <v>2353</v>
      </c>
      <c r="W50" s="6">
        <v>374</v>
      </c>
      <c r="X50" s="6">
        <v>36</v>
      </c>
      <c r="Y50" s="6">
        <v>977896</v>
      </c>
      <c r="Z50" s="6">
        <v>183809</v>
      </c>
      <c r="AA50" s="6">
        <v>38310</v>
      </c>
      <c r="AB50" s="6">
        <v>2763</v>
      </c>
      <c r="AC50" s="6">
        <v>970378</v>
      </c>
      <c r="AD50" s="7">
        <v>43.85125</v>
      </c>
    </row>
    <row r="51" spans="1:30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130</v>
      </c>
      <c r="F51" s="9" t="s">
        <v>139</v>
      </c>
      <c r="G51" s="6">
        <v>781098</v>
      </c>
      <c r="H51" s="6">
        <v>10383</v>
      </c>
      <c r="I51" s="6">
        <v>63648</v>
      </c>
      <c r="J51" s="6">
        <v>53669</v>
      </c>
      <c r="K51" s="6">
        <v>59500</v>
      </c>
      <c r="L51" s="6">
        <v>74118</v>
      </c>
      <c r="M51" s="6">
        <v>77107</v>
      </c>
      <c r="N51" s="6">
        <v>78281</v>
      </c>
      <c r="O51" s="6">
        <v>69469</v>
      </c>
      <c r="P51" s="6">
        <v>60461</v>
      </c>
      <c r="Q51" s="6">
        <v>59197</v>
      </c>
      <c r="R51" s="6">
        <v>66380</v>
      </c>
      <c r="S51" s="6">
        <v>61003</v>
      </c>
      <c r="T51" s="6">
        <v>31153</v>
      </c>
      <c r="U51" s="6">
        <v>13191</v>
      </c>
      <c r="V51" s="6">
        <v>3131</v>
      </c>
      <c r="W51" s="6">
        <v>372</v>
      </c>
      <c r="X51" s="6">
        <v>35</v>
      </c>
      <c r="Y51" s="6">
        <v>605833</v>
      </c>
      <c r="Z51" s="6">
        <v>175265</v>
      </c>
      <c r="AA51" s="6">
        <v>47882</v>
      </c>
      <c r="AB51" s="6">
        <v>3538</v>
      </c>
      <c r="AC51" s="6">
        <v>661830</v>
      </c>
      <c r="AD51" s="7">
        <v>49.06053</v>
      </c>
    </row>
    <row r="52" spans="1:30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130</v>
      </c>
      <c r="F52" s="9" t="s">
        <v>140</v>
      </c>
      <c r="G52" s="6">
        <v>1168959</v>
      </c>
      <c r="H52" s="6">
        <v>20516</v>
      </c>
      <c r="I52" s="6">
        <v>87863</v>
      </c>
      <c r="J52" s="6">
        <v>93290</v>
      </c>
      <c r="K52" s="6">
        <v>102406</v>
      </c>
      <c r="L52" s="6">
        <v>99526</v>
      </c>
      <c r="M52" s="6">
        <v>102033</v>
      </c>
      <c r="N52" s="6">
        <v>111005</v>
      </c>
      <c r="O52" s="6">
        <v>114304</v>
      </c>
      <c r="P52" s="6">
        <v>152052</v>
      </c>
      <c r="Q52" s="6">
        <v>137472</v>
      </c>
      <c r="R52" s="6">
        <v>83769</v>
      </c>
      <c r="S52" s="6">
        <v>44079</v>
      </c>
      <c r="T52" s="6">
        <v>14471</v>
      </c>
      <c r="U52" s="6">
        <v>4297</v>
      </c>
      <c r="V52" s="6">
        <v>1472</v>
      </c>
      <c r="W52" s="6">
        <v>364</v>
      </c>
      <c r="X52" s="6">
        <v>40</v>
      </c>
      <c r="Y52" s="6">
        <v>1020467</v>
      </c>
      <c r="Z52" s="6">
        <v>148492</v>
      </c>
      <c r="AA52" s="6">
        <v>20644</v>
      </c>
      <c r="AB52" s="6">
        <v>1876</v>
      </c>
      <c r="AC52" s="6">
        <v>1083720</v>
      </c>
      <c r="AD52" s="7">
        <v>47.394210000000001</v>
      </c>
    </row>
    <row r="53" spans="1:30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130</v>
      </c>
      <c r="F53" s="9" t="s">
        <v>141</v>
      </c>
      <c r="G53" s="6">
        <v>1860056</v>
      </c>
      <c r="H53" s="6">
        <v>5918</v>
      </c>
      <c r="I53" s="6">
        <v>85132</v>
      </c>
      <c r="J53" s="6">
        <v>166441</v>
      </c>
      <c r="K53" s="6">
        <v>203021</v>
      </c>
      <c r="L53" s="6">
        <v>207987</v>
      </c>
      <c r="M53" s="6">
        <v>215538</v>
      </c>
      <c r="N53" s="6">
        <v>203120</v>
      </c>
      <c r="O53" s="6">
        <v>155865</v>
      </c>
      <c r="P53" s="6">
        <v>152796</v>
      </c>
      <c r="Q53" s="6">
        <v>160598</v>
      </c>
      <c r="R53" s="6">
        <v>146273</v>
      </c>
      <c r="S53" s="6">
        <v>104973</v>
      </c>
      <c r="T53" s="6">
        <v>35057</v>
      </c>
      <c r="U53" s="6">
        <v>11719</v>
      </c>
      <c r="V53" s="6">
        <v>4231</v>
      </c>
      <c r="W53" s="6">
        <v>1261</v>
      </c>
      <c r="X53" s="6">
        <v>126</v>
      </c>
      <c r="Y53" s="6">
        <v>1556416</v>
      </c>
      <c r="Z53" s="6">
        <v>303640</v>
      </c>
      <c r="AA53" s="6">
        <v>52394</v>
      </c>
      <c r="AB53" s="6">
        <v>5618</v>
      </c>
      <c r="AC53" s="6">
        <v>1696771</v>
      </c>
      <c r="AD53" s="7">
        <v>47.559950000000001</v>
      </c>
    </row>
    <row r="54" spans="1:30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130</v>
      </c>
      <c r="F54" s="9" t="s">
        <v>142</v>
      </c>
      <c r="G54" s="6">
        <v>258336</v>
      </c>
      <c r="H54" s="6">
        <v>1369</v>
      </c>
      <c r="I54" s="6">
        <v>9762</v>
      </c>
      <c r="J54" s="6">
        <v>16652</v>
      </c>
      <c r="K54" s="6">
        <v>22492</v>
      </c>
      <c r="L54" s="6">
        <v>26416</v>
      </c>
      <c r="M54" s="6">
        <v>33186</v>
      </c>
      <c r="N54" s="6">
        <v>43343</v>
      </c>
      <c r="O54" s="6">
        <v>32685</v>
      </c>
      <c r="P54" s="6">
        <v>33953</v>
      </c>
      <c r="Q54" s="6">
        <v>25433</v>
      </c>
      <c r="R54" s="6">
        <v>8688</v>
      </c>
      <c r="S54" s="6">
        <v>3254</v>
      </c>
      <c r="T54" s="6">
        <v>818</v>
      </c>
      <c r="U54" s="6">
        <v>213</v>
      </c>
      <c r="V54" s="6">
        <v>62</v>
      </c>
      <c r="W54" s="6">
        <v>8</v>
      </c>
      <c r="X54" s="6">
        <v>2</v>
      </c>
      <c r="Y54" s="6">
        <v>245291</v>
      </c>
      <c r="Z54" s="6">
        <v>13045</v>
      </c>
      <c r="AA54" s="6">
        <v>1103</v>
      </c>
      <c r="AB54" s="6">
        <v>72</v>
      </c>
      <c r="AC54" s="6">
        <v>252610</v>
      </c>
      <c r="AD54" s="7">
        <v>46.682389999999998</v>
      </c>
    </row>
    <row r="55" spans="1:30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130</v>
      </c>
      <c r="F55" s="9" t="s">
        <v>143</v>
      </c>
      <c r="G55" s="6">
        <v>2270141</v>
      </c>
      <c r="H55" s="6">
        <v>14107</v>
      </c>
      <c r="I55" s="6">
        <v>87541</v>
      </c>
      <c r="J55" s="6">
        <v>128770</v>
      </c>
      <c r="K55" s="6">
        <v>146809</v>
      </c>
      <c r="L55" s="6">
        <v>174003</v>
      </c>
      <c r="M55" s="6">
        <v>209065</v>
      </c>
      <c r="N55" s="6">
        <v>247200</v>
      </c>
      <c r="O55" s="6">
        <v>217096</v>
      </c>
      <c r="P55" s="6">
        <v>216705</v>
      </c>
      <c r="Q55" s="6">
        <v>249524</v>
      </c>
      <c r="R55" s="6">
        <v>252538</v>
      </c>
      <c r="S55" s="6">
        <v>210230</v>
      </c>
      <c r="T55" s="6">
        <v>85778</v>
      </c>
      <c r="U55" s="6">
        <v>24349</v>
      </c>
      <c r="V55" s="6">
        <v>5322</v>
      </c>
      <c r="W55" s="6">
        <v>975</v>
      </c>
      <c r="X55" s="6">
        <v>129</v>
      </c>
      <c r="Y55" s="6">
        <v>1690820</v>
      </c>
      <c r="Z55" s="6">
        <v>579321</v>
      </c>
      <c r="AA55" s="6">
        <v>116553</v>
      </c>
      <c r="AB55" s="6">
        <v>6426</v>
      </c>
      <c r="AC55" s="6">
        <v>1929251</v>
      </c>
      <c r="AD55" s="7">
        <v>52.252960000000002</v>
      </c>
    </row>
    <row r="56" spans="1:30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130</v>
      </c>
      <c r="F56" s="9" t="s">
        <v>144</v>
      </c>
      <c r="G56" s="6">
        <v>1413985</v>
      </c>
      <c r="H56" s="6">
        <v>15721</v>
      </c>
      <c r="I56" s="6">
        <v>94960</v>
      </c>
      <c r="J56" s="6">
        <v>141716</v>
      </c>
      <c r="K56" s="6">
        <v>160789</v>
      </c>
      <c r="L56" s="6">
        <v>153315</v>
      </c>
      <c r="M56" s="6">
        <v>166296</v>
      </c>
      <c r="N56" s="6">
        <v>195340</v>
      </c>
      <c r="O56" s="6">
        <v>171061</v>
      </c>
      <c r="P56" s="6">
        <v>152750</v>
      </c>
      <c r="Q56" s="6">
        <v>97498</v>
      </c>
      <c r="R56" s="6">
        <v>41849</v>
      </c>
      <c r="S56" s="6">
        <v>16713</v>
      </c>
      <c r="T56" s="6">
        <v>4561</v>
      </c>
      <c r="U56" s="6">
        <v>1162</v>
      </c>
      <c r="V56" s="6">
        <v>220</v>
      </c>
      <c r="W56" s="6">
        <v>32</v>
      </c>
      <c r="X56" s="6">
        <v>2</v>
      </c>
      <c r="Y56" s="6">
        <v>1349446</v>
      </c>
      <c r="Z56" s="6">
        <v>64539</v>
      </c>
      <c r="AA56" s="6">
        <v>5977</v>
      </c>
      <c r="AB56" s="6">
        <v>254</v>
      </c>
      <c r="AC56" s="6">
        <v>1375574</v>
      </c>
      <c r="AD56" s="7">
        <v>43.845930000000003</v>
      </c>
    </row>
    <row r="57" spans="1:30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55</v>
      </c>
      <c r="F57" s="9" t="s">
        <v>145</v>
      </c>
      <c r="G57" s="6">
        <v>904239</v>
      </c>
      <c r="H57" s="6">
        <v>21693</v>
      </c>
      <c r="I57" s="6">
        <v>73089</v>
      </c>
      <c r="J57" s="6">
        <v>70467</v>
      </c>
      <c r="K57" s="6">
        <v>58710</v>
      </c>
      <c r="L57" s="6">
        <v>61328</v>
      </c>
      <c r="M57" s="6">
        <v>69759</v>
      </c>
      <c r="N57" s="6">
        <v>82485</v>
      </c>
      <c r="O57" s="6">
        <v>72107</v>
      </c>
      <c r="P57" s="6">
        <v>59175</v>
      </c>
      <c r="Q57" s="6">
        <v>53813</v>
      </c>
      <c r="R57" s="6">
        <v>67334</v>
      </c>
      <c r="S57" s="6">
        <v>83062</v>
      </c>
      <c r="T57" s="6">
        <v>64302</v>
      </c>
      <c r="U57" s="6">
        <v>43061</v>
      </c>
      <c r="V57" s="6">
        <v>18788</v>
      </c>
      <c r="W57" s="6">
        <v>4594</v>
      </c>
      <c r="X57" s="6">
        <v>472</v>
      </c>
      <c r="Y57" s="6">
        <v>622626</v>
      </c>
      <c r="Z57" s="6">
        <v>281613</v>
      </c>
      <c r="AA57" s="6">
        <v>131217</v>
      </c>
      <c r="AB57" s="6">
        <v>23854</v>
      </c>
      <c r="AC57" s="6">
        <v>668267</v>
      </c>
      <c r="AD57" s="7">
        <v>51.770180000000003</v>
      </c>
    </row>
    <row r="58" spans="1:30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55</v>
      </c>
      <c r="F58" s="9" t="s">
        <v>146</v>
      </c>
      <c r="G58" s="6">
        <v>1205549</v>
      </c>
      <c r="H58" s="6">
        <v>4975</v>
      </c>
      <c r="I58" s="6">
        <v>28007</v>
      </c>
      <c r="J58" s="6">
        <v>36717</v>
      </c>
      <c r="K58" s="6">
        <v>47463</v>
      </c>
      <c r="L58" s="6">
        <v>60773</v>
      </c>
      <c r="M58" s="6">
        <v>67085</v>
      </c>
      <c r="N58" s="6">
        <v>68835</v>
      </c>
      <c r="O58" s="6">
        <v>64135</v>
      </c>
      <c r="P58" s="6">
        <v>77288</v>
      </c>
      <c r="Q58" s="6">
        <v>116619</v>
      </c>
      <c r="R58" s="6">
        <v>188758</v>
      </c>
      <c r="S58" s="6">
        <v>205959</v>
      </c>
      <c r="T58" s="6">
        <v>118310</v>
      </c>
      <c r="U58" s="6">
        <v>77970</v>
      </c>
      <c r="V58" s="6">
        <v>34652</v>
      </c>
      <c r="W58" s="6">
        <v>7348</v>
      </c>
      <c r="X58" s="6">
        <v>655</v>
      </c>
      <c r="Y58" s="6">
        <v>571897</v>
      </c>
      <c r="Z58" s="6">
        <v>633652</v>
      </c>
      <c r="AA58" s="6">
        <v>238935</v>
      </c>
      <c r="AB58" s="6">
        <v>42655</v>
      </c>
      <c r="AC58" s="6">
        <v>755680</v>
      </c>
      <c r="AD58" s="7">
        <v>61.222560000000001</v>
      </c>
    </row>
    <row r="59" spans="1:30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55</v>
      </c>
      <c r="F59" s="9" t="s">
        <v>147</v>
      </c>
      <c r="G59" s="6">
        <v>9675150</v>
      </c>
      <c r="H59" s="6">
        <v>103443</v>
      </c>
      <c r="I59" s="6">
        <v>486651</v>
      </c>
      <c r="J59" s="6">
        <v>702584</v>
      </c>
      <c r="K59" s="6">
        <v>801540</v>
      </c>
      <c r="L59" s="6">
        <v>927892</v>
      </c>
      <c r="M59" s="6">
        <v>1108266</v>
      </c>
      <c r="N59" s="6">
        <v>1349303</v>
      </c>
      <c r="O59" s="6">
        <v>1181424</v>
      </c>
      <c r="P59" s="6">
        <v>1019707</v>
      </c>
      <c r="Q59" s="6">
        <v>809814</v>
      </c>
      <c r="R59" s="6">
        <v>580451</v>
      </c>
      <c r="S59" s="6">
        <v>390922</v>
      </c>
      <c r="T59" s="6">
        <v>147673</v>
      </c>
      <c r="U59" s="6">
        <v>49142</v>
      </c>
      <c r="V59" s="6">
        <v>13599</v>
      </c>
      <c r="W59" s="6">
        <v>2475</v>
      </c>
      <c r="X59" s="6">
        <v>264</v>
      </c>
      <c r="Y59" s="6">
        <v>8490624</v>
      </c>
      <c r="Z59" s="6">
        <v>1184526</v>
      </c>
      <c r="AA59" s="6">
        <v>213153</v>
      </c>
      <c r="AB59" s="6">
        <v>16338</v>
      </c>
      <c r="AC59" s="6">
        <v>8967632</v>
      </c>
      <c r="AD59" s="7">
        <v>47.523859999999999</v>
      </c>
    </row>
    <row r="60" spans="1:30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55</v>
      </c>
      <c r="F60" s="9" t="s">
        <v>148</v>
      </c>
      <c r="G60" s="6">
        <v>19716369</v>
      </c>
      <c r="H60" s="6">
        <v>268789</v>
      </c>
      <c r="I60" s="6">
        <v>1161433</v>
      </c>
      <c r="J60" s="6">
        <v>1440224</v>
      </c>
      <c r="K60" s="6">
        <v>1614580</v>
      </c>
      <c r="L60" s="6">
        <v>1833387</v>
      </c>
      <c r="M60" s="6">
        <v>2090769</v>
      </c>
      <c r="N60" s="6">
        <v>2409613</v>
      </c>
      <c r="O60" s="6">
        <v>2124404</v>
      </c>
      <c r="P60" s="6">
        <v>2004884</v>
      </c>
      <c r="Q60" s="6">
        <v>1763524</v>
      </c>
      <c r="R60" s="6">
        <v>1375672</v>
      </c>
      <c r="S60" s="6">
        <v>1023127</v>
      </c>
      <c r="T60" s="6">
        <v>403940</v>
      </c>
      <c r="U60" s="6">
        <v>143782</v>
      </c>
      <c r="V60" s="6">
        <v>46160</v>
      </c>
      <c r="W60" s="6">
        <v>10751</v>
      </c>
      <c r="X60" s="6">
        <v>1330</v>
      </c>
      <c r="Y60" s="6">
        <v>16711607</v>
      </c>
      <c r="Z60" s="6">
        <v>3004762</v>
      </c>
      <c r="AA60" s="6">
        <v>605963</v>
      </c>
      <c r="AB60" s="6">
        <v>58241</v>
      </c>
      <c r="AC60" s="6">
        <v>17818490</v>
      </c>
      <c r="AD60" s="7">
        <v>48.042259999999999</v>
      </c>
    </row>
    <row r="61" spans="1:30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55</v>
      </c>
      <c r="F61" s="9" t="s">
        <v>6</v>
      </c>
      <c r="G61" s="6">
        <v>26141918</v>
      </c>
      <c r="H61" s="6">
        <v>387895</v>
      </c>
      <c r="I61" s="6">
        <v>1739983</v>
      </c>
      <c r="J61" s="6">
        <v>2037971</v>
      </c>
      <c r="K61" s="6">
        <v>2054853</v>
      </c>
      <c r="L61" s="6">
        <v>2345266</v>
      </c>
      <c r="M61" s="6">
        <v>2810461</v>
      </c>
      <c r="N61" s="6">
        <v>3377650</v>
      </c>
      <c r="O61" s="6">
        <v>2992070</v>
      </c>
      <c r="P61" s="6">
        <v>2654190</v>
      </c>
      <c r="Q61" s="6">
        <v>2121658</v>
      </c>
      <c r="R61" s="6">
        <v>1602484</v>
      </c>
      <c r="S61" s="6">
        <v>1179834</v>
      </c>
      <c r="T61" s="6">
        <v>511824</v>
      </c>
      <c r="U61" s="6">
        <v>216797</v>
      </c>
      <c r="V61" s="6">
        <v>82720</v>
      </c>
      <c r="W61" s="6">
        <v>22906</v>
      </c>
      <c r="X61" s="6">
        <v>3356</v>
      </c>
      <c r="Y61" s="6">
        <v>22521997</v>
      </c>
      <c r="Z61" s="6">
        <v>3619921</v>
      </c>
      <c r="AA61" s="6">
        <v>837603</v>
      </c>
      <c r="AB61" s="6">
        <v>108982</v>
      </c>
      <c r="AC61" s="6">
        <v>23736586</v>
      </c>
      <c r="AD61" s="7">
        <v>47.418100000000003</v>
      </c>
    </row>
    <row r="62" spans="1:30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122</v>
      </c>
      <c r="F62" s="9" t="s">
        <v>123</v>
      </c>
      <c r="G62" s="6">
        <v>724735</v>
      </c>
      <c r="H62" s="6">
        <v>1720</v>
      </c>
      <c r="I62" s="6">
        <v>12382</v>
      </c>
      <c r="J62" s="6">
        <v>15002</v>
      </c>
      <c r="K62" s="6">
        <v>21145</v>
      </c>
      <c r="L62" s="6">
        <v>30029</v>
      </c>
      <c r="M62" s="6">
        <v>35526</v>
      </c>
      <c r="N62" s="6">
        <v>40721</v>
      </c>
      <c r="O62" s="6">
        <v>40467</v>
      </c>
      <c r="P62" s="6">
        <v>52797</v>
      </c>
      <c r="Q62" s="6">
        <v>82542</v>
      </c>
      <c r="R62" s="6">
        <v>121639</v>
      </c>
      <c r="S62" s="6">
        <v>119664</v>
      </c>
      <c r="T62" s="6">
        <v>75829</v>
      </c>
      <c r="U62" s="6">
        <v>48602</v>
      </c>
      <c r="V62" s="6">
        <v>20710</v>
      </c>
      <c r="W62" s="6">
        <v>5336</v>
      </c>
      <c r="X62" s="6">
        <v>624</v>
      </c>
      <c r="Y62" s="6">
        <v>332331</v>
      </c>
      <c r="Z62" s="6">
        <v>392404</v>
      </c>
      <c r="AA62" s="6">
        <v>151101</v>
      </c>
      <c r="AB62" s="6">
        <v>26670</v>
      </c>
      <c r="AC62" s="6">
        <v>452250</v>
      </c>
      <c r="AD62" s="7">
        <v>62.677869999999999</v>
      </c>
    </row>
    <row r="63" spans="1:30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122</v>
      </c>
      <c r="F63" s="9" t="s">
        <v>124</v>
      </c>
      <c r="G63" s="6">
        <v>715353</v>
      </c>
      <c r="H63" s="6">
        <v>1680</v>
      </c>
      <c r="I63" s="6">
        <v>12079</v>
      </c>
      <c r="J63" s="6">
        <v>14536</v>
      </c>
      <c r="K63" s="6">
        <v>20515</v>
      </c>
      <c r="L63" s="6">
        <v>29183</v>
      </c>
      <c r="M63" s="6">
        <v>34429</v>
      </c>
      <c r="N63" s="6">
        <v>39537</v>
      </c>
      <c r="O63" s="6">
        <v>39460</v>
      </c>
      <c r="P63" s="6">
        <v>51849</v>
      </c>
      <c r="Q63" s="6">
        <v>81588</v>
      </c>
      <c r="R63" s="6">
        <v>120899</v>
      </c>
      <c r="S63" s="6">
        <v>119056</v>
      </c>
      <c r="T63" s="6">
        <v>75513</v>
      </c>
      <c r="U63" s="6">
        <v>48448</v>
      </c>
      <c r="V63" s="6">
        <v>20644</v>
      </c>
      <c r="W63" s="6">
        <v>5317</v>
      </c>
      <c r="X63" s="6">
        <v>620</v>
      </c>
      <c r="Y63" s="6">
        <v>324856</v>
      </c>
      <c r="Z63" s="6">
        <v>390497</v>
      </c>
      <c r="AA63" s="6">
        <v>150542</v>
      </c>
      <c r="AB63" s="6">
        <v>26581</v>
      </c>
      <c r="AC63" s="6">
        <v>444075</v>
      </c>
      <c r="AD63" s="7">
        <v>62.826999999999998</v>
      </c>
    </row>
    <row r="64" spans="1:30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122</v>
      </c>
      <c r="F64" s="9" t="s">
        <v>125</v>
      </c>
      <c r="G64" s="6">
        <v>32478</v>
      </c>
      <c r="H64" s="6">
        <v>88</v>
      </c>
      <c r="I64" s="6">
        <v>478</v>
      </c>
      <c r="J64" s="6">
        <v>804</v>
      </c>
      <c r="K64" s="6">
        <v>1341</v>
      </c>
      <c r="L64" s="6">
        <v>1709</v>
      </c>
      <c r="M64" s="6">
        <v>2129</v>
      </c>
      <c r="N64" s="6">
        <v>2621</v>
      </c>
      <c r="O64" s="6">
        <v>2960</v>
      </c>
      <c r="P64" s="6">
        <v>3549</v>
      </c>
      <c r="Q64" s="6">
        <v>4222</v>
      </c>
      <c r="R64" s="6">
        <v>4725</v>
      </c>
      <c r="S64" s="6">
        <v>4070</v>
      </c>
      <c r="T64" s="6">
        <v>2146</v>
      </c>
      <c r="U64" s="6">
        <v>1185</v>
      </c>
      <c r="V64" s="6">
        <v>379</v>
      </c>
      <c r="W64" s="6">
        <v>65</v>
      </c>
      <c r="X64" s="6">
        <v>7</v>
      </c>
      <c r="Y64" s="6">
        <v>19901</v>
      </c>
      <c r="Z64" s="6">
        <v>12577</v>
      </c>
      <c r="AA64" s="6">
        <v>3782</v>
      </c>
      <c r="AB64" s="6">
        <v>451</v>
      </c>
      <c r="AC64" s="6">
        <v>24538</v>
      </c>
      <c r="AD64" s="7">
        <v>58.421300000000002</v>
      </c>
    </row>
    <row r="65" spans="1:30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126</v>
      </c>
      <c r="F65" s="9" t="s">
        <v>127</v>
      </c>
      <c r="G65" s="6">
        <v>3095</v>
      </c>
      <c r="H65" s="6">
        <v>13</v>
      </c>
      <c r="I65" s="6">
        <v>81</v>
      </c>
      <c r="J65" s="6">
        <v>193</v>
      </c>
      <c r="K65" s="6">
        <v>179</v>
      </c>
      <c r="L65" s="6">
        <v>267</v>
      </c>
      <c r="M65" s="6">
        <v>316</v>
      </c>
      <c r="N65" s="6">
        <v>488</v>
      </c>
      <c r="O65" s="6">
        <v>396</v>
      </c>
      <c r="P65" s="6">
        <v>360</v>
      </c>
      <c r="Q65" s="6">
        <v>309</v>
      </c>
      <c r="R65" s="6">
        <v>240</v>
      </c>
      <c r="S65" s="6">
        <v>138</v>
      </c>
      <c r="T65" s="6">
        <v>70</v>
      </c>
      <c r="U65" s="6">
        <v>30</v>
      </c>
      <c r="V65" s="6">
        <v>12</v>
      </c>
      <c r="W65" s="6">
        <v>2</v>
      </c>
      <c r="X65" s="6">
        <v>1</v>
      </c>
      <c r="Y65" s="6">
        <v>2602</v>
      </c>
      <c r="Z65" s="6">
        <v>493</v>
      </c>
      <c r="AA65" s="6">
        <v>115</v>
      </c>
      <c r="AB65" s="6">
        <v>15</v>
      </c>
      <c r="AC65" s="6">
        <v>2829</v>
      </c>
      <c r="AD65" s="7">
        <v>50.406300000000002</v>
      </c>
    </row>
    <row r="66" spans="1:30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126</v>
      </c>
      <c r="F66" s="9" t="s">
        <v>128</v>
      </c>
      <c r="G66" s="6">
        <v>736594</v>
      </c>
      <c r="H66" s="6">
        <v>2991</v>
      </c>
      <c r="I66" s="6">
        <v>27074</v>
      </c>
      <c r="J66" s="6">
        <v>44157</v>
      </c>
      <c r="K66" s="6">
        <v>49894</v>
      </c>
      <c r="L66" s="6">
        <v>67530</v>
      </c>
      <c r="M66" s="6">
        <v>88938</v>
      </c>
      <c r="N66" s="6">
        <v>112189</v>
      </c>
      <c r="O66" s="6">
        <v>89719</v>
      </c>
      <c r="P66" s="6">
        <v>71814</v>
      </c>
      <c r="Q66" s="6">
        <v>58949</v>
      </c>
      <c r="R66" s="6">
        <v>52995</v>
      </c>
      <c r="S66" s="6">
        <v>43992</v>
      </c>
      <c r="T66" s="6">
        <v>17961</v>
      </c>
      <c r="U66" s="6">
        <v>6115</v>
      </c>
      <c r="V66" s="6">
        <v>1865</v>
      </c>
      <c r="W66" s="6">
        <v>381</v>
      </c>
      <c r="X66" s="6">
        <v>30</v>
      </c>
      <c r="Y66" s="6">
        <v>613255</v>
      </c>
      <c r="Z66" s="6">
        <v>123339</v>
      </c>
      <c r="AA66" s="6">
        <v>26352</v>
      </c>
      <c r="AB66" s="6">
        <v>2276</v>
      </c>
      <c r="AC66" s="6">
        <v>663259</v>
      </c>
      <c r="AD66" s="7">
        <v>49.577730000000003</v>
      </c>
    </row>
    <row r="67" spans="1:30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126</v>
      </c>
      <c r="F67" s="9" t="s">
        <v>129</v>
      </c>
      <c r="G67" s="6">
        <v>2844640</v>
      </c>
      <c r="H67" s="6">
        <v>33104</v>
      </c>
      <c r="I67" s="6">
        <v>180579</v>
      </c>
      <c r="J67" s="6">
        <v>222743</v>
      </c>
      <c r="K67" s="6">
        <v>235180</v>
      </c>
      <c r="L67" s="6">
        <v>268409</v>
      </c>
      <c r="M67" s="6">
        <v>332009</v>
      </c>
      <c r="N67" s="6">
        <v>413447</v>
      </c>
      <c r="O67" s="6">
        <v>351178</v>
      </c>
      <c r="P67" s="6">
        <v>287870</v>
      </c>
      <c r="Q67" s="6">
        <v>213644</v>
      </c>
      <c r="R67" s="6">
        <v>144999</v>
      </c>
      <c r="S67" s="6">
        <v>99483</v>
      </c>
      <c r="T67" s="6">
        <v>40567</v>
      </c>
      <c r="U67" s="6">
        <v>15157</v>
      </c>
      <c r="V67" s="6">
        <v>4988</v>
      </c>
      <c r="W67" s="6">
        <v>1131</v>
      </c>
      <c r="X67" s="6">
        <v>152</v>
      </c>
      <c r="Y67" s="6">
        <v>2538163</v>
      </c>
      <c r="Z67" s="6">
        <v>306477</v>
      </c>
      <c r="AA67" s="6">
        <v>61995</v>
      </c>
      <c r="AB67" s="6">
        <v>6271</v>
      </c>
      <c r="AC67" s="6">
        <v>2650058</v>
      </c>
      <c r="AD67" s="7">
        <v>46.576320000000003</v>
      </c>
    </row>
    <row r="68" spans="1:30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130</v>
      </c>
      <c r="F68" s="9" t="s">
        <v>131</v>
      </c>
      <c r="G68" s="6">
        <v>46533</v>
      </c>
      <c r="H68" s="6">
        <v>248</v>
      </c>
      <c r="I68" s="6">
        <v>2649</v>
      </c>
      <c r="J68" s="6">
        <v>4606</v>
      </c>
      <c r="K68" s="6">
        <v>4518</v>
      </c>
      <c r="L68" s="6">
        <v>4190</v>
      </c>
      <c r="M68" s="6">
        <v>6112</v>
      </c>
      <c r="N68" s="6">
        <v>8798</v>
      </c>
      <c r="O68" s="6">
        <v>6837</v>
      </c>
      <c r="P68" s="6">
        <v>4629</v>
      </c>
      <c r="Q68" s="6">
        <v>2326</v>
      </c>
      <c r="R68" s="6">
        <v>915</v>
      </c>
      <c r="S68" s="6">
        <v>465</v>
      </c>
      <c r="T68" s="6">
        <v>164</v>
      </c>
      <c r="U68" s="6">
        <v>52</v>
      </c>
      <c r="V68" s="6">
        <v>18</v>
      </c>
      <c r="W68" s="6">
        <v>6</v>
      </c>
      <c r="X68" s="10" t="s">
        <v>55</v>
      </c>
      <c r="Y68" s="6">
        <v>44913</v>
      </c>
      <c r="Z68" s="6">
        <v>1620</v>
      </c>
      <c r="AA68" s="6">
        <v>240</v>
      </c>
      <c r="AB68" s="6">
        <v>24</v>
      </c>
      <c r="AC68" s="6">
        <v>45580</v>
      </c>
      <c r="AD68" s="7">
        <v>44.212029999999999</v>
      </c>
    </row>
    <row r="69" spans="1:30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130</v>
      </c>
      <c r="F69" s="9" t="s">
        <v>132</v>
      </c>
      <c r="G69" s="6">
        <v>574160</v>
      </c>
      <c r="H69" s="6">
        <v>1408</v>
      </c>
      <c r="I69" s="6">
        <v>57759</v>
      </c>
      <c r="J69" s="6">
        <v>99132</v>
      </c>
      <c r="K69" s="6">
        <v>82437</v>
      </c>
      <c r="L69" s="6">
        <v>76153</v>
      </c>
      <c r="M69" s="6">
        <v>75482</v>
      </c>
      <c r="N69" s="6">
        <v>70245</v>
      </c>
      <c r="O69" s="6">
        <v>52117</v>
      </c>
      <c r="P69" s="6">
        <v>32845</v>
      </c>
      <c r="Q69" s="6">
        <v>15455</v>
      </c>
      <c r="R69" s="6">
        <v>6045</v>
      </c>
      <c r="S69" s="6">
        <v>3362</v>
      </c>
      <c r="T69" s="6">
        <v>1181</v>
      </c>
      <c r="U69" s="6">
        <v>359</v>
      </c>
      <c r="V69" s="6">
        <v>130</v>
      </c>
      <c r="W69" s="6">
        <v>45</v>
      </c>
      <c r="X69" s="6">
        <v>5</v>
      </c>
      <c r="Y69" s="6">
        <v>563033</v>
      </c>
      <c r="Z69" s="6">
        <v>11127</v>
      </c>
      <c r="AA69" s="6">
        <v>1720</v>
      </c>
      <c r="AB69" s="6">
        <v>180</v>
      </c>
      <c r="AC69" s="6">
        <v>567670</v>
      </c>
      <c r="AD69" s="7">
        <v>39.215429999999998</v>
      </c>
    </row>
    <row r="70" spans="1:30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130</v>
      </c>
      <c r="F70" s="9" t="s">
        <v>133</v>
      </c>
      <c r="G70" s="6">
        <v>694619</v>
      </c>
      <c r="H70" s="6">
        <v>6382</v>
      </c>
      <c r="I70" s="6">
        <v>41255</v>
      </c>
      <c r="J70" s="6">
        <v>51755</v>
      </c>
      <c r="K70" s="6">
        <v>52598</v>
      </c>
      <c r="L70" s="6">
        <v>63594</v>
      </c>
      <c r="M70" s="6">
        <v>84160</v>
      </c>
      <c r="N70" s="6">
        <v>116687</v>
      </c>
      <c r="O70" s="6">
        <v>99526</v>
      </c>
      <c r="P70" s="6">
        <v>77006</v>
      </c>
      <c r="Q70" s="6">
        <v>51613</v>
      </c>
      <c r="R70" s="6">
        <v>28194</v>
      </c>
      <c r="S70" s="6">
        <v>15107</v>
      </c>
      <c r="T70" s="6">
        <v>4798</v>
      </c>
      <c r="U70" s="6">
        <v>1423</v>
      </c>
      <c r="V70" s="6">
        <v>399</v>
      </c>
      <c r="W70" s="6">
        <v>110</v>
      </c>
      <c r="X70" s="6">
        <v>12</v>
      </c>
      <c r="Y70" s="6">
        <v>644576</v>
      </c>
      <c r="Z70" s="6">
        <v>50043</v>
      </c>
      <c r="AA70" s="6">
        <v>6742</v>
      </c>
      <c r="AB70" s="6">
        <v>521</v>
      </c>
      <c r="AC70" s="6">
        <v>666388</v>
      </c>
      <c r="AD70" s="7">
        <v>46.19164</v>
      </c>
    </row>
    <row r="71" spans="1:30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130</v>
      </c>
      <c r="F71" s="9" t="s">
        <v>134</v>
      </c>
      <c r="G71" s="6">
        <v>4682844</v>
      </c>
      <c r="H71" s="6">
        <v>115336</v>
      </c>
      <c r="I71" s="6">
        <v>342069</v>
      </c>
      <c r="J71" s="6">
        <v>330724</v>
      </c>
      <c r="K71" s="6">
        <v>350105</v>
      </c>
      <c r="L71" s="6">
        <v>403953</v>
      </c>
      <c r="M71" s="6">
        <v>488721</v>
      </c>
      <c r="N71" s="6">
        <v>614216</v>
      </c>
      <c r="O71" s="6">
        <v>552505</v>
      </c>
      <c r="P71" s="6">
        <v>489539</v>
      </c>
      <c r="Q71" s="6">
        <v>402073</v>
      </c>
      <c r="R71" s="6">
        <v>292899</v>
      </c>
      <c r="S71" s="6">
        <v>181310</v>
      </c>
      <c r="T71" s="6">
        <v>72979</v>
      </c>
      <c r="U71" s="6">
        <v>30856</v>
      </c>
      <c r="V71" s="6">
        <v>11858</v>
      </c>
      <c r="W71" s="6">
        <v>3220</v>
      </c>
      <c r="X71" s="6">
        <v>481</v>
      </c>
      <c r="Y71" s="6">
        <v>4089241</v>
      </c>
      <c r="Z71" s="6">
        <v>593603</v>
      </c>
      <c r="AA71" s="6">
        <v>119394</v>
      </c>
      <c r="AB71" s="6">
        <v>15559</v>
      </c>
      <c r="AC71" s="6">
        <v>4266804</v>
      </c>
      <c r="AD71" s="7">
        <v>46.981380000000001</v>
      </c>
    </row>
    <row r="72" spans="1:30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130</v>
      </c>
      <c r="F72" s="9" t="s">
        <v>135</v>
      </c>
      <c r="G72" s="6">
        <v>771983</v>
      </c>
      <c r="H72" s="6">
        <v>2119</v>
      </c>
      <c r="I72" s="6">
        <v>46336</v>
      </c>
      <c r="J72" s="6">
        <v>84758</v>
      </c>
      <c r="K72" s="6">
        <v>74058</v>
      </c>
      <c r="L72" s="6">
        <v>78283</v>
      </c>
      <c r="M72" s="6">
        <v>83350</v>
      </c>
      <c r="N72" s="6">
        <v>111004</v>
      </c>
      <c r="O72" s="6">
        <v>108642</v>
      </c>
      <c r="P72" s="6">
        <v>93925</v>
      </c>
      <c r="Q72" s="6">
        <v>49999</v>
      </c>
      <c r="R72" s="6">
        <v>19378</v>
      </c>
      <c r="S72" s="6">
        <v>14353</v>
      </c>
      <c r="T72" s="6">
        <v>4506</v>
      </c>
      <c r="U72" s="6">
        <v>951</v>
      </c>
      <c r="V72" s="6">
        <v>257</v>
      </c>
      <c r="W72" s="6">
        <v>55</v>
      </c>
      <c r="X72" s="6">
        <v>9</v>
      </c>
      <c r="Y72" s="6">
        <v>732474</v>
      </c>
      <c r="Z72" s="6">
        <v>39509</v>
      </c>
      <c r="AA72" s="6">
        <v>5778</v>
      </c>
      <c r="AB72" s="6">
        <v>321</v>
      </c>
      <c r="AC72" s="6">
        <v>749733</v>
      </c>
      <c r="AD72" s="7">
        <v>44.82676</v>
      </c>
    </row>
    <row r="73" spans="1:30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130</v>
      </c>
      <c r="F73" s="9" t="s">
        <v>136</v>
      </c>
      <c r="G73" s="6">
        <v>519462</v>
      </c>
      <c r="H73" s="6">
        <v>1737</v>
      </c>
      <c r="I73" s="6">
        <v>21097</v>
      </c>
      <c r="J73" s="6">
        <v>34654</v>
      </c>
      <c r="K73" s="6">
        <v>33525</v>
      </c>
      <c r="L73" s="6">
        <v>38978</v>
      </c>
      <c r="M73" s="6">
        <v>45017</v>
      </c>
      <c r="N73" s="6">
        <v>54790</v>
      </c>
      <c r="O73" s="6">
        <v>50864</v>
      </c>
      <c r="P73" s="6">
        <v>49950</v>
      </c>
      <c r="Q73" s="6">
        <v>47769</v>
      </c>
      <c r="R73" s="6">
        <v>46127</v>
      </c>
      <c r="S73" s="6">
        <v>43445</v>
      </c>
      <c r="T73" s="6">
        <v>24160</v>
      </c>
      <c r="U73" s="6">
        <v>14526</v>
      </c>
      <c r="V73" s="6">
        <v>8791</v>
      </c>
      <c r="W73" s="6">
        <v>3348</v>
      </c>
      <c r="X73" s="6">
        <v>684</v>
      </c>
      <c r="Y73" s="6">
        <v>378381</v>
      </c>
      <c r="Z73" s="6">
        <v>141081</v>
      </c>
      <c r="AA73" s="6">
        <v>51509</v>
      </c>
      <c r="AB73" s="6">
        <v>12823</v>
      </c>
      <c r="AC73" s="6">
        <v>422771</v>
      </c>
      <c r="AD73" s="7">
        <v>52.994840000000003</v>
      </c>
    </row>
    <row r="74" spans="1:30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130</v>
      </c>
      <c r="F74" s="9" t="s">
        <v>137</v>
      </c>
      <c r="G74" s="6">
        <v>774863</v>
      </c>
      <c r="H74" s="6">
        <v>2339</v>
      </c>
      <c r="I74" s="6">
        <v>40268</v>
      </c>
      <c r="J74" s="6">
        <v>77724</v>
      </c>
      <c r="K74" s="6">
        <v>81212</v>
      </c>
      <c r="L74" s="6">
        <v>90409</v>
      </c>
      <c r="M74" s="6">
        <v>105847</v>
      </c>
      <c r="N74" s="6">
        <v>114440</v>
      </c>
      <c r="O74" s="6">
        <v>85694</v>
      </c>
      <c r="P74" s="6">
        <v>66803</v>
      </c>
      <c r="Q74" s="6">
        <v>46757</v>
      </c>
      <c r="R74" s="6">
        <v>30688</v>
      </c>
      <c r="S74" s="6">
        <v>21032</v>
      </c>
      <c r="T74" s="6">
        <v>7645</v>
      </c>
      <c r="U74" s="6">
        <v>2748</v>
      </c>
      <c r="V74" s="6">
        <v>977</v>
      </c>
      <c r="W74" s="6">
        <v>249</v>
      </c>
      <c r="X74" s="6">
        <v>31</v>
      </c>
      <c r="Y74" s="6">
        <v>711493</v>
      </c>
      <c r="Z74" s="6">
        <v>63370</v>
      </c>
      <c r="AA74" s="6">
        <v>11650</v>
      </c>
      <c r="AB74" s="6">
        <v>1257</v>
      </c>
      <c r="AC74" s="6">
        <v>739842</v>
      </c>
      <c r="AD74" s="7">
        <v>44.953360000000004</v>
      </c>
    </row>
    <row r="75" spans="1:30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130</v>
      </c>
      <c r="F75" s="9" t="s">
        <v>138</v>
      </c>
      <c r="G75" s="6">
        <v>1933729</v>
      </c>
      <c r="H75" s="6">
        <v>130027</v>
      </c>
      <c r="I75" s="6">
        <v>225419</v>
      </c>
      <c r="J75" s="6">
        <v>103800</v>
      </c>
      <c r="K75" s="6">
        <v>109024</v>
      </c>
      <c r="L75" s="6">
        <v>141710</v>
      </c>
      <c r="M75" s="6">
        <v>178268</v>
      </c>
      <c r="N75" s="6">
        <v>214200</v>
      </c>
      <c r="O75" s="6">
        <v>179676</v>
      </c>
      <c r="P75" s="6">
        <v>157927</v>
      </c>
      <c r="Q75" s="6">
        <v>151527</v>
      </c>
      <c r="R75" s="6">
        <v>152944</v>
      </c>
      <c r="S75" s="6">
        <v>126353</v>
      </c>
      <c r="T75" s="6">
        <v>45223</v>
      </c>
      <c r="U75" s="6">
        <v>13179</v>
      </c>
      <c r="V75" s="6">
        <v>3525</v>
      </c>
      <c r="W75" s="6">
        <v>827</v>
      </c>
      <c r="X75" s="6">
        <v>100</v>
      </c>
      <c r="Y75" s="6">
        <v>1591578</v>
      </c>
      <c r="Z75" s="6">
        <v>342151</v>
      </c>
      <c r="AA75" s="6">
        <v>62854</v>
      </c>
      <c r="AB75" s="6">
        <v>4452</v>
      </c>
      <c r="AC75" s="6">
        <v>1614495</v>
      </c>
      <c r="AD75" s="7">
        <v>46.144550000000002</v>
      </c>
    </row>
    <row r="76" spans="1:30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130</v>
      </c>
      <c r="F76" s="9" t="s">
        <v>139</v>
      </c>
      <c r="G76" s="6">
        <v>1198348</v>
      </c>
      <c r="H76" s="6">
        <v>15230</v>
      </c>
      <c r="I76" s="6">
        <v>103373</v>
      </c>
      <c r="J76" s="6">
        <v>96221</v>
      </c>
      <c r="K76" s="6">
        <v>98301</v>
      </c>
      <c r="L76" s="6">
        <v>109953</v>
      </c>
      <c r="M76" s="6">
        <v>115256</v>
      </c>
      <c r="N76" s="6">
        <v>123428</v>
      </c>
      <c r="O76" s="6">
        <v>116006</v>
      </c>
      <c r="P76" s="6">
        <v>108074</v>
      </c>
      <c r="Q76" s="6">
        <v>92180</v>
      </c>
      <c r="R76" s="6">
        <v>84664</v>
      </c>
      <c r="S76" s="6">
        <v>76604</v>
      </c>
      <c r="T76" s="6">
        <v>38260</v>
      </c>
      <c r="U76" s="6">
        <v>15872</v>
      </c>
      <c r="V76" s="6">
        <v>4230</v>
      </c>
      <c r="W76" s="6">
        <v>589</v>
      </c>
      <c r="X76" s="6">
        <v>107</v>
      </c>
      <c r="Y76" s="6">
        <v>978022</v>
      </c>
      <c r="Z76" s="6">
        <v>220326</v>
      </c>
      <c r="AA76" s="6">
        <v>59058</v>
      </c>
      <c r="AB76" s="6">
        <v>4926</v>
      </c>
      <c r="AC76" s="6">
        <v>1047456</v>
      </c>
      <c r="AD76" s="7">
        <v>47.844160000000002</v>
      </c>
    </row>
    <row r="77" spans="1:30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130</v>
      </c>
      <c r="F77" s="9" t="s">
        <v>140</v>
      </c>
      <c r="G77" s="6">
        <v>1660735</v>
      </c>
      <c r="H77" s="6">
        <v>19319</v>
      </c>
      <c r="I77" s="6">
        <v>114676</v>
      </c>
      <c r="J77" s="6">
        <v>140429</v>
      </c>
      <c r="K77" s="6">
        <v>136134</v>
      </c>
      <c r="L77" s="6">
        <v>150240</v>
      </c>
      <c r="M77" s="6">
        <v>183422</v>
      </c>
      <c r="N77" s="6">
        <v>228446</v>
      </c>
      <c r="O77" s="6">
        <v>216778</v>
      </c>
      <c r="P77" s="6">
        <v>208692</v>
      </c>
      <c r="Q77" s="6">
        <v>145120</v>
      </c>
      <c r="R77" s="6">
        <v>63970</v>
      </c>
      <c r="S77" s="6">
        <v>32816</v>
      </c>
      <c r="T77" s="6">
        <v>13022</v>
      </c>
      <c r="U77" s="6">
        <v>5019</v>
      </c>
      <c r="V77" s="6">
        <v>2055</v>
      </c>
      <c r="W77" s="6">
        <v>532</v>
      </c>
      <c r="X77" s="6">
        <v>65</v>
      </c>
      <c r="Y77" s="6">
        <v>1543256</v>
      </c>
      <c r="Z77" s="6">
        <v>117479</v>
      </c>
      <c r="AA77" s="6">
        <v>20693</v>
      </c>
      <c r="AB77" s="6">
        <v>2652</v>
      </c>
      <c r="AC77" s="6">
        <v>1587907</v>
      </c>
      <c r="AD77" s="7">
        <v>45.935809999999996</v>
      </c>
    </row>
    <row r="78" spans="1:30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130</v>
      </c>
      <c r="F78" s="9" t="s">
        <v>141</v>
      </c>
      <c r="G78" s="6">
        <v>5773114</v>
      </c>
      <c r="H78" s="6">
        <v>16602</v>
      </c>
      <c r="I78" s="6">
        <v>341396</v>
      </c>
      <c r="J78" s="6">
        <v>493462</v>
      </c>
      <c r="K78" s="6">
        <v>489091</v>
      </c>
      <c r="L78" s="6">
        <v>570086</v>
      </c>
      <c r="M78" s="6">
        <v>684635</v>
      </c>
      <c r="N78" s="6">
        <v>762506</v>
      </c>
      <c r="O78" s="6">
        <v>694021</v>
      </c>
      <c r="P78" s="6">
        <v>644772</v>
      </c>
      <c r="Q78" s="6">
        <v>503577</v>
      </c>
      <c r="R78" s="6">
        <v>323537</v>
      </c>
      <c r="S78" s="6">
        <v>185106</v>
      </c>
      <c r="T78" s="6">
        <v>50389</v>
      </c>
      <c r="U78" s="6">
        <v>10463</v>
      </c>
      <c r="V78" s="6">
        <v>2648</v>
      </c>
      <c r="W78" s="6">
        <v>748</v>
      </c>
      <c r="X78" s="6">
        <v>75</v>
      </c>
      <c r="Y78" s="6">
        <v>5200148</v>
      </c>
      <c r="Z78" s="6">
        <v>572966</v>
      </c>
      <c r="AA78" s="6">
        <v>64323</v>
      </c>
      <c r="AB78" s="6">
        <v>3471</v>
      </c>
      <c r="AC78" s="6">
        <v>5507083</v>
      </c>
      <c r="AD78" s="7">
        <v>46.666829999999997</v>
      </c>
    </row>
    <row r="79" spans="1:30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130</v>
      </c>
      <c r="F79" s="9" t="s">
        <v>142</v>
      </c>
      <c r="G79" s="6">
        <v>183282</v>
      </c>
      <c r="H79" s="6">
        <v>3106</v>
      </c>
      <c r="I79" s="6">
        <v>13115</v>
      </c>
      <c r="J79" s="6">
        <v>14180</v>
      </c>
      <c r="K79" s="6">
        <v>15773</v>
      </c>
      <c r="L79" s="6">
        <v>15752</v>
      </c>
      <c r="M79" s="6">
        <v>19278</v>
      </c>
      <c r="N79" s="6">
        <v>29018</v>
      </c>
      <c r="O79" s="6">
        <v>25304</v>
      </c>
      <c r="P79" s="6">
        <v>23516</v>
      </c>
      <c r="Q79" s="6">
        <v>16439</v>
      </c>
      <c r="R79" s="6">
        <v>5103</v>
      </c>
      <c r="S79" s="6">
        <v>1957</v>
      </c>
      <c r="T79" s="6">
        <v>563</v>
      </c>
      <c r="U79" s="6">
        <v>136</v>
      </c>
      <c r="V79" s="6">
        <v>33</v>
      </c>
      <c r="W79" s="6">
        <v>9</v>
      </c>
      <c r="X79" s="10" t="s">
        <v>55</v>
      </c>
      <c r="Y79" s="6">
        <v>175481</v>
      </c>
      <c r="Z79" s="6">
        <v>7801</v>
      </c>
      <c r="AA79" s="6">
        <v>741</v>
      </c>
      <c r="AB79" s="6">
        <v>42</v>
      </c>
      <c r="AC79" s="6">
        <v>177478</v>
      </c>
      <c r="AD79" s="7">
        <v>45.256680000000003</v>
      </c>
    </row>
    <row r="80" spans="1:30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130</v>
      </c>
      <c r="F80" s="9" t="s">
        <v>143</v>
      </c>
      <c r="G80" s="6">
        <v>1531077</v>
      </c>
      <c r="H80" s="6">
        <v>8473</v>
      </c>
      <c r="I80" s="6">
        <v>63830</v>
      </c>
      <c r="J80" s="6">
        <v>100905</v>
      </c>
      <c r="K80" s="6">
        <v>104496</v>
      </c>
      <c r="L80" s="6">
        <v>117350</v>
      </c>
      <c r="M80" s="6">
        <v>145841</v>
      </c>
      <c r="N80" s="6">
        <v>187704</v>
      </c>
      <c r="O80" s="6">
        <v>174159</v>
      </c>
      <c r="P80" s="6">
        <v>161132</v>
      </c>
      <c r="Q80" s="6">
        <v>142657</v>
      </c>
      <c r="R80" s="6">
        <v>139211</v>
      </c>
      <c r="S80" s="6">
        <v>121394</v>
      </c>
      <c r="T80" s="6">
        <v>47956</v>
      </c>
      <c r="U80" s="6">
        <v>12205</v>
      </c>
      <c r="V80" s="6">
        <v>2996</v>
      </c>
      <c r="W80" s="6">
        <v>656</v>
      </c>
      <c r="X80" s="6">
        <v>112</v>
      </c>
      <c r="Y80" s="6">
        <v>1206547</v>
      </c>
      <c r="Z80" s="6">
        <v>324530</v>
      </c>
      <c r="AA80" s="6">
        <v>63925</v>
      </c>
      <c r="AB80" s="6">
        <v>3764</v>
      </c>
      <c r="AC80" s="6">
        <v>1337285</v>
      </c>
      <c r="AD80" s="7">
        <v>50.835850000000001</v>
      </c>
    </row>
    <row r="81" spans="1:30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130</v>
      </c>
      <c r="F81" s="9" t="s">
        <v>144</v>
      </c>
      <c r="G81" s="6">
        <v>618214</v>
      </c>
      <c r="H81" s="6">
        <v>4958</v>
      </c>
      <c r="I81" s="6">
        <v>41499</v>
      </c>
      <c r="J81" s="6">
        <v>65600</v>
      </c>
      <c r="K81" s="6">
        <v>63207</v>
      </c>
      <c r="L81" s="6">
        <v>60462</v>
      </c>
      <c r="M81" s="6">
        <v>72587</v>
      </c>
      <c r="N81" s="6">
        <v>96669</v>
      </c>
      <c r="O81" s="6">
        <v>80261</v>
      </c>
      <c r="P81" s="6">
        <v>64112</v>
      </c>
      <c r="Q81" s="6">
        <v>41843</v>
      </c>
      <c r="R81" s="6">
        <v>17566</v>
      </c>
      <c r="S81" s="6">
        <v>6937</v>
      </c>
      <c r="T81" s="6">
        <v>1977</v>
      </c>
      <c r="U81" s="6">
        <v>448</v>
      </c>
      <c r="V81" s="6">
        <v>71</v>
      </c>
      <c r="W81" s="6">
        <v>15</v>
      </c>
      <c r="X81" s="6">
        <v>2</v>
      </c>
      <c r="Y81" s="6">
        <v>591198</v>
      </c>
      <c r="Z81" s="6">
        <v>27016</v>
      </c>
      <c r="AA81" s="6">
        <v>2513</v>
      </c>
      <c r="AB81" s="6">
        <v>88</v>
      </c>
      <c r="AC81" s="6">
        <v>603806</v>
      </c>
      <c r="AD81" s="7">
        <v>44.034739999999999</v>
      </c>
    </row>
    <row r="82" spans="1:30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55</v>
      </c>
      <c r="F82" s="9" t="s">
        <v>145</v>
      </c>
      <c r="G82" s="6">
        <v>837413</v>
      </c>
      <c r="H82" s="6">
        <v>22695</v>
      </c>
      <c r="I82" s="6">
        <v>64648</v>
      </c>
      <c r="J82" s="6">
        <v>57122</v>
      </c>
      <c r="K82" s="6">
        <v>52635</v>
      </c>
      <c r="L82" s="6">
        <v>56209</v>
      </c>
      <c r="M82" s="6">
        <v>63567</v>
      </c>
      <c r="N82" s="6">
        <v>76033</v>
      </c>
      <c r="O82" s="6">
        <v>64960</v>
      </c>
      <c r="P82" s="6">
        <v>54878</v>
      </c>
      <c r="Q82" s="6">
        <v>52657</v>
      </c>
      <c r="R82" s="6">
        <v>66645</v>
      </c>
      <c r="S82" s="6">
        <v>82246</v>
      </c>
      <c r="T82" s="6">
        <v>62428</v>
      </c>
      <c r="U82" s="6">
        <v>37471</v>
      </c>
      <c r="V82" s="6">
        <v>16778</v>
      </c>
      <c r="W82" s="6">
        <v>5582</v>
      </c>
      <c r="X82" s="6">
        <v>859</v>
      </c>
      <c r="Y82" s="6">
        <v>565404</v>
      </c>
      <c r="Z82" s="6">
        <v>272009</v>
      </c>
      <c r="AA82" s="6">
        <v>123118</v>
      </c>
      <c r="AB82" s="6">
        <v>23219</v>
      </c>
      <c r="AC82" s="6">
        <v>609354</v>
      </c>
      <c r="AD82" s="7">
        <v>52.377510000000001</v>
      </c>
    </row>
    <row r="83" spans="1:30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55</v>
      </c>
      <c r="F83" s="9" t="s">
        <v>146</v>
      </c>
      <c r="G83" s="6">
        <v>757213</v>
      </c>
      <c r="H83" s="6">
        <v>1808</v>
      </c>
      <c r="I83" s="6">
        <v>12860</v>
      </c>
      <c r="J83" s="6">
        <v>15806</v>
      </c>
      <c r="K83" s="6">
        <v>22486</v>
      </c>
      <c r="L83" s="6">
        <v>31738</v>
      </c>
      <c r="M83" s="6">
        <v>37655</v>
      </c>
      <c r="N83" s="6">
        <v>43342</v>
      </c>
      <c r="O83" s="6">
        <v>43427</v>
      </c>
      <c r="P83" s="6">
        <v>56346</v>
      </c>
      <c r="Q83" s="6">
        <v>86764</v>
      </c>
      <c r="R83" s="6">
        <v>126364</v>
      </c>
      <c r="S83" s="6">
        <v>123734</v>
      </c>
      <c r="T83" s="6">
        <v>77975</v>
      </c>
      <c r="U83" s="6">
        <v>49787</v>
      </c>
      <c r="V83" s="6">
        <v>21089</v>
      </c>
      <c r="W83" s="6">
        <v>5401</v>
      </c>
      <c r="X83" s="6">
        <v>631</v>
      </c>
      <c r="Y83" s="6">
        <v>352232</v>
      </c>
      <c r="Z83" s="6">
        <v>404981</v>
      </c>
      <c r="AA83" s="6">
        <v>154883</v>
      </c>
      <c r="AB83" s="6">
        <v>27121</v>
      </c>
      <c r="AC83" s="6">
        <v>476788</v>
      </c>
      <c r="AD83" s="7">
        <v>62.4953</v>
      </c>
    </row>
    <row r="84" spans="1:30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55</v>
      </c>
      <c r="F84" s="9" t="s">
        <v>147</v>
      </c>
      <c r="G84" s="6">
        <v>3584329</v>
      </c>
      <c r="H84" s="6">
        <v>36108</v>
      </c>
      <c r="I84" s="6">
        <v>207734</v>
      </c>
      <c r="J84" s="6">
        <v>267093</v>
      </c>
      <c r="K84" s="6">
        <v>285253</v>
      </c>
      <c r="L84" s="6">
        <v>336206</v>
      </c>
      <c r="M84" s="6">
        <v>421263</v>
      </c>
      <c r="N84" s="6">
        <v>526124</v>
      </c>
      <c r="O84" s="6">
        <v>441293</v>
      </c>
      <c r="P84" s="6">
        <v>360044</v>
      </c>
      <c r="Q84" s="6">
        <v>272902</v>
      </c>
      <c r="R84" s="6">
        <v>198234</v>
      </c>
      <c r="S84" s="6">
        <v>143613</v>
      </c>
      <c r="T84" s="6">
        <v>58598</v>
      </c>
      <c r="U84" s="6">
        <v>21302</v>
      </c>
      <c r="V84" s="6">
        <v>6865</v>
      </c>
      <c r="W84" s="6">
        <v>1514</v>
      </c>
      <c r="X84" s="6">
        <v>183</v>
      </c>
      <c r="Y84" s="6">
        <v>3154020</v>
      </c>
      <c r="Z84" s="6">
        <v>430309</v>
      </c>
      <c r="AA84" s="6">
        <v>88462</v>
      </c>
      <c r="AB84" s="6">
        <v>8562</v>
      </c>
      <c r="AC84" s="6">
        <v>3316146</v>
      </c>
      <c r="AD84" s="7">
        <v>47.196429999999999</v>
      </c>
    </row>
    <row r="85" spans="1:30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55</v>
      </c>
      <c r="F85" s="9" t="s">
        <v>148</v>
      </c>
      <c r="G85" s="6">
        <v>20962963</v>
      </c>
      <c r="H85" s="6">
        <v>327284</v>
      </c>
      <c r="I85" s="6">
        <v>1454741</v>
      </c>
      <c r="J85" s="6">
        <v>1697950</v>
      </c>
      <c r="K85" s="6">
        <v>1694479</v>
      </c>
      <c r="L85" s="6">
        <v>1921113</v>
      </c>
      <c r="M85" s="6">
        <v>2287976</v>
      </c>
      <c r="N85" s="6">
        <v>2732151</v>
      </c>
      <c r="O85" s="6">
        <v>2442390</v>
      </c>
      <c r="P85" s="6">
        <v>2182922</v>
      </c>
      <c r="Q85" s="6">
        <v>1709335</v>
      </c>
      <c r="R85" s="6">
        <v>1211241</v>
      </c>
      <c r="S85" s="6">
        <v>830241</v>
      </c>
      <c r="T85" s="6">
        <v>312823</v>
      </c>
      <c r="U85" s="6">
        <v>108237</v>
      </c>
      <c r="V85" s="6">
        <v>37988</v>
      </c>
      <c r="W85" s="6">
        <v>10409</v>
      </c>
      <c r="X85" s="6">
        <v>1683</v>
      </c>
      <c r="Y85" s="6">
        <v>18450341</v>
      </c>
      <c r="Z85" s="6">
        <v>2512622</v>
      </c>
      <c r="AA85" s="6">
        <v>471140</v>
      </c>
      <c r="AB85" s="6">
        <v>50080</v>
      </c>
      <c r="AC85" s="6">
        <v>19334298</v>
      </c>
      <c r="AD85" s="7">
        <v>46.713279999999997</v>
      </c>
    </row>
    <row r="86" spans="1:30">
      <c r="A86" s="9" t="s">
        <v>27</v>
      </c>
      <c r="B86" s="9" t="s">
        <v>57</v>
      </c>
      <c r="C86" s="9" t="s">
        <v>58</v>
      </c>
      <c r="D86" s="9" t="s">
        <v>6</v>
      </c>
      <c r="E86" s="9" t="s">
        <v>55</v>
      </c>
      <c r="F86" s="9" t="s">
        <v>6</v>
      </c>
      <c r="G86" s="6">
        <v>819259</v>
      </c>
      <c r="H86" s="6">
        <v>10157</v>
      </c>
      <c r="I86" s="6">
        <v>44791</v>
      </c>
      <c r="J86" s="6">
        <v>55866</v>
      </c>
      <c r="K86" s="6">
        <v>64940</v>
      </c>
      <c r="L86" s="6">
        <v>77411</v>
      </c>
      <c r="M86" s="6">
        <v>86839</v>
      </c>
      <c r="N86" s="6">
        <v>92113</v>
      </c>
      <c r="O86" s="6">
        <v>82601</v>
      </c>
      <c r="P86" s="6">
        <v>84716</v>
      </c>
      <c r="Q86" s="6">
        <v>80459</v>
      </c>
      <c r="R86" s="6">
        <v>64742</v>
      </c>
      <c r="S86" s="6">
        <v>43822</v>
      </c>
      <c r="T86" s="6">
        <v>17825</v>
      </c>
      <c r="U86" s="6">
        <v>8888</v>
      </c>
      <c r="V86" s="6">
        <v>3289</v>
      </c>
      <c r="W86" s="6">
        <v>715</v>
      </c>
      <c r="X86" s="6">
        <v>85</v>
      </c>
      <c r="Y86" s="6">
        <v>679893</v>
      </c>
      <c r="Z86" s="6">
        <v>139366</v>
      </c>
      <c r="AA86" s="6">
        <v>30802</v>
      </c>
      <c r="AB86" s="6">
        <v>4089</v>
      </c>
      <c r="AC86" s="6">
        <v>734478</v>
      </c>
      <c r="AD86" s="7">
        <v>48.895679999999999</v>
      </c>
    </row>
    <row r="87" spans="1:30">
      <c r="A87" s="9" t="s">
        <v>27</v>
      </c>
      <c r="B87" s="9" t="s">
        <v>57</v>
      </c>
      <c r="C87" s="9" t="s">
        <v>58</v>
      </c>
      <c r="D87" s="9" t="s">
        <v>6</v>
      </c>
      <c r="E87" s="9" t="s">
        <v>122</v>
      </c>
      <c r="F87" s="9" t="s">
        <v>123</v>
      </c>
      <c r="G87" s="6">
        <v>67973</v>
      </c>
      <c r="H87" s="6">
        <v>222</v>
      </c>
      <c r="I87" s="6">
        <v>1990</v>
      </c>
      <c r="J87" s="6">
        <v>2429</v>
      </c>
      <c r="K87" s="6">
        <v>2970</v>
      </c>
      <c r="L87" s="6">
        <v>3461</v>
      </c>
      <c r="M87" s="6">
        <v>3677</v>
      </c>
      <c r="N87" s="6">
        <v>3642</v>
      </c>
      <c r="O87" s="6">
        <v>3890</v>
      </c>
      <c r="P87" s="6">
        <v>5271</v>
      </c>
      <c r="Q87" s="6">
        <v>7482</v>
      </c>
      <c r="R87" s="6">
        <v>10324</v>
      </c>
      <c r="S87" s="6">
        <v>10384</v>
      </c>
      <c r="T87" s="6">
        <v>6153</v>
      </c>
      <c r="U87" s="6">
        <v>4169</v>
      </c>
      <c r="V87" s="6">
        <v>1604</v>
      </c>
      <c r="W87" s="6">
        <v>286</v>
      </c>
      <c r="X87" s="6">
        <v>19</v>
      </c>
      <c r="Y87" s="6">
        <v>35034</v>
      </c>
      <c r="Z87" s="6">
        <v>32939</v>
      </c>
      <c r="AA87" s="6">
        <v>12231</v>
      </c>
      <c r="AB87" s="6">
        <v>1909</v>
      </c>
      <c r="AC87" s="6">
        <v>45136</v>
      </c>
      <c r="AD87" s="7">
        <v>60.087530000000001</v>
      </c>
    </row>
    <row r="88" spans="1:30">
      <c r="A88" s="9" t="s">
        <v>27</v>
      </c>
      <c r="B88" s="9" t="s">
        <v>57</v>
      </c>
      <c r="C88" s="9" t="s">
        <v>58</v>
      </c>
      <c r="D88" s="9" t="s">
        <v>6</v>
      </c>
      <c r="E88" s="9" t="s">
        <v>122</v>
      </c>
      <c r="F88" s="9" t="s">
        <v>124</v>
      </c>
      <c r="G88" s="6">
        <v>65575</v>
      </c>
      <c r="H88" s="6">
        <v>199</v>
      </c>
      <c r="I88" s="6">
        <v>1884</v>
      </c>
      <c r="J88" s="6">
        <v>2321</v>
      </c>
      <c r="K88" s="6">
        <v>2789</v>
      </c>
      <c r="L88" s="6">
        <v>3267</v>
      </c>
      <c r="M88" s="6">
        <v>3418</v>
      </c>
      <c r="N88" s="6">
        <v>3410</v>
      </c>
      <c r="O88" s="6">
        <v>3680</v>
      </c>
      <c r="P88" s="6">
        <v>4963</v>
      </c>
      <c r="Q88" s="6">
        <v>7180</v>
      </c>
      <c r="R88" s="6">
        <v>10111</v>
      </c>
      <c r="S88" s="6">
        <v>10228</v>
      </c>
      <c r="T88" s="6">
        <v>6082</v>
      </c>
      <c r="U88" s="6">
        <v>4145</v>
      </c>
      <c r="V88" s="6">
        <v>1595</v>
      </c>
      <c r="W88" s="6">
        <v>284</v>
      </c>
      <c r="X88" s="6">
        <v>19</v>
      </c>
      <c r="Y88" s="6">
        <v>33111</v>
      </c>
      <c r="Z88" s="6">
        <v>32464</v>
      </c>
      <c r="AA88" s="6">
        <v>12125</v>
      </c>
      <c r="AB88" s="6">
        <v>1898</v>
      </c>
      <c r="AC88" s="6">
        <v>43023</v>
      </c>
      <c r="AD88" s="7">
        <v>60.414879999999997</v>
      </c>
    </row>
    <row r="89" spans="1:30">
      <c r="A89" s="9" t="s">
        <v>27</v>
      </c>
      <c r="B89" s="9" t="s">
        <v>57</v>
      </c>
      <c r="C89" s="9" t="s">
        <v>58</v>
      </c>
      <c r="D89" s="9" t="s">
        <v>6</v>
      </c>
      <c r="E89" s="9" t="s">
        <v>122</v>
      </c>
      <c r="F89" s="9" t="s">
        <v>125</v>
      </c>
      <c r="G89" s="6">
        <v>3795</v>
      </c>
      <c r="H89" s="6">
        <v>11</v>
      </c>
      <c r="I89" s="6">
        <v>70</v>
      </c>
      <c r="J89" s="6">
        <v>115</v>
      </c>
      <c r="K89" s="6">
        <v>171</v>
      </c>
      <c r="L89" s="6">
        <v>225</v>
      </c>
      <c r="M89" s="6">
        <v>271</v>
      </c>
      <c r="N89" s="6">
        <v>275</v>
      </c>
      <c r="O89" s="6">
        <v>336</v>
      </c>
      <c r="P89" s="6">
        <v>391</v>
      </c>
      <c r="Q89" s="6">
        <v>517</v>
      </c>
      <c r="R89" s="6">
        <v>561</v>
      </c>
      <c r="S89" s="6">
        <v>470</v>
      </c>
      <c r="T89" s="6">
        <v>217</v>
      </c>
      <c r="U89" s="6">
        <v>124</v>
      </c>
      <c r="V89" s="6">
        <v>36</v>
      </c>
      <c r="W89" s="6">
        <v>5</v>
      </c>
      <c r="X89" s="10" t="s">
        <v>55</v>
      </c>
      <c r="Y89" s="6">
        <v>2382</v>
      </c>
      <c r="Z89" s="6">
        <v>1413</v>
      </c>
      <c r="AA89" s="6">
        <v>382</v>
      </c>
      <c r="AB89" s="6">
        <v>41</v>
      </c>
      <c r="AC89" s="6">
        <v>2932</v>
      </c>
      <c r="AD89" s="7">
        <v>57.55744</v>
      </c>
    </row>
    <row r="90" spans="1:30">
      <c r="A90" s="9" t="s">
        <v>27</v>
      </c>
      <c r="B90" s="9" t="s">
        <v>57</v>
      </c>
      <c r="C90" s="9" t="s">
        <v>58</v>
      </c>
      <c r="D90" s="9" t="s">
        <v>6</v>
      </c>
      <c r="E90" s="9" t="s">
        <v>126</v>
      </c>
      <c r="F90" s="9" t="s">
        <v>127</v>
      </c>
      <c r="G90" s="6">
        <v>330</v>
      </c>
      <c r="H90" s="6">
        <v>2</v>
      </c>
      <c r="I90" s="6">
        <v>5</v>
      </c>
      <c r="J90" s="6">
        <v>7</v>
      </c>
      <c r="K90" s="6">
        <v>11</v>
      </c>
      <c r="L90" s="6">
        <v>22</v>
      </c>
      <c r="M90" s="6">
        <v>23</v>
      </c>
      <c r="N90" s="6">
        <v>33</v>
      </c>
      <c r="O90" s="6">
        <v>37</v>
      </c>
      <c r="P90" s="6">
        <v>63</v>
      </c>
      <c r="Q90" s="6">
        <v>51</v>
      </c>
      <c r="R90" s="6">
        <v>41</v>
      </c>
      <c r="S90" s="6">
        <v>24</v>
      </c>
      <c r="T90" s="6">
        <v>7</v>
      </c>
      <c r="U90" s="6">
        <v>4</v>
      </c>
      <c r="V90" s="10" t="s">
        <v>55</v>
      </c>
      <c r="W90" s="10" t="s">
        <v>55</v>
      </c>
      <c r="X90" s="10" t="s">
        <v>55</v>
      </c>
      <c r="Y90" s="6">
        <v>254</v>
      </c>
      <c r="Z90" s="6">
        <v>76</v>
      </c>
      <c r="AA90" s="6">
        <v>11</v>
      </c>
      <c r="AB90" s="10" t="s">
        <v>55</v>
      </c>
      <c r="AC90" s="6">
        <v>293</v>
      </c>
      <c r="AD90" s="7">
        <v>55.133330000000001</v>
      </c>
    </row>
    <row r="91" spans="1:30">
      <c r="A91" s="9" t="s">
        <v>27</v>
      </c>
      <c r="B91" s="9" t="s">
        <v>57</v>
      </c>
      <c r="C91" s="9" t="s">
        <v>58</v>
      </c>
      <c r="D91" s="9" t="s">
        <v>6</v>
      </c>
      <c r="E91" s="9" t="s">
        <v>126</v>
      </c>
      <c r="F91" s="9" t="s">
        <v>128</v>
      </c>
      <c r="G91" s="6">
        <v>66649</v>
      </c>
      <c r="H91" s="6">
        <v>556</v>
      </c>
      <c r="I91" s="6">
        <v>2870</v>
      </c>
      <c r="J91" s="6">
        <v>4008</v>
      </c>
      <c r="K91" s="6">
        <v>4458</v>
      </c>
      <c r="L91" s="6">
        <v>6072</v>
      </c>
      <c r="M91" s="6">
        <v>7639</v>
      </c>
      <c r="N91" s="6">
        <v>7462</v>
      </c>
      <c r="O91" s="6">
        <v>5909</v>
      </c>
      <c r="P91" s="6">
        <v>6386</v>
      </c>
      <c r="Q91" s="6">
        <v>7839</v>
      </c>
      <c r="R91" s="6">
        <v>7594</v>
      </c>
      <c r="S91" s="6">
        <v>4326</v>
      </c>
      <c r="T91" s="6">
        <v>1056</v>
      </c>
      <c r="U91" s="6">
        <v>336</v>
      </c>
      <c r="V91" s="6">
        <v>116</v>
      </c>
      <c r="W91" s="6">
        <v>20</v>
      </c>
      <c r="X91" s="6">
        <v>2</v>
      </c>
      <c r="Y91" s="6">
        <v>53199</v>
      </c>
      <c r="Z91" s="6">
        <v>13450</v>
      </c>
      <c r="AA91" s="6">
        <v>1530</v>
      </c>
      <c r="AB91" s="6">
        <v>138</v>
      </c>
      <c r="AC91" s="6">
        <v>60237</v>
      </c>
      <c r="AD91" s="7">
        <v>50.283819999999999</v>
      </c>
    </row>
    <row r="92" spans="1:30">
      <c r="A92" s="9" t="s">
        <v>27</v>
      </c>
      <c r="B92" s="9" t="s">
        <v>57</v>
      </c>
      <c r="C92" s="9" t="s">
        <v>58</v>
      </c>
      <c r="D92" s="9" t="s">
        <v>6</v>
      </c>
      <c r="E92" s="9" t="s">
        <v>126</v>
      </c>
      <c r="F92" s="9" t="s">
        <v>129</v>
      </c>
      <c r="G92" s="6">
        <v>102986</v>
      </c>
      <c r="H92" s="6">
        <v>1400</v>
      </c>
      <c r="I92" s="6">
        <v>6480</v>
      </c>
      <c r="J92" s="6">
        <v>8380</v>
      </c>
      <c r="K92" s="6">
        <v>10287</v>
      </c>
      <c r="L92" s="6">
        <v>11453</v>
      </c>
      <c r="M92" s="6">
        <v>12525</v>
      </c>
      <c r="N92" s="6">
        <v>13686</v>
      </c>
      <c r="O92" s="6">
        <v>11485</v>
      </c>
      <c r="P92" s="6">
        <v>11085</v>
      </c>
      <c r="Q92" s="6">
        <v>8189</v>
      </c>
      <c r="R92" s="6">
        <v>4527</v>
      </c>
      <c r="S92" s="6">
        <v>2287</v>
      </c>
      <c r="T92" s="6">
        <v>774</v>
      </c>
      <c r="U92" s="6">
        <v>311</v>
      </c>
      <c r="V92" s="6">
        <v>96</v>
      </c>
      <c r="W92" s="6">
        <v>21</v>
      </c>
      <c r="X92" s="10" t="s">
        <v>55</v>
      </c>
      <c r="Y92" s="6">
        <v>94970</v>
      </c>
      <c r="Z92" s="6">
        <v>8016</v>
      </c>
      <c r="AA92" s="6">
        <v>1202</v>
      </c>
      <c r="AB92" s="6">
        <v>117</v>
      </c>
      <c r="AC92" s="6">
        <v>98097</v>
      </c>
      <c r="AD92" s="7">
        <v>45.309640000000002</v>
      </c>
    </row>
    <row r="93" spans="1:30">
      <c r="A93" s="9" t="s">
        <v>27</v>
      </c>
      <c r="B93" s="9" t="s">
        <v>57</v>
      </c>
      <c r="C93" s="9" t="s">
        <v>58</v>
      </c>
      <c r="D93" s="9" t="s">
        <v>6</v>
      </c>
      <c r="E93" s="9" t="s">
        <v>130</v>
      </c>
      <c r="F93" s="9" t="s">
        <v>131</v>
      </c>
      <c r="G93" s="6">
        <v>3232</v>
      </c>
      <c r="H93" s="6">
        <v>37</v>
      </c>
      <c r="I93" s="6">
        <v>154</v>
      </c>
      <c r="J93" s="6">
        <v>262</v>
      </c>
      <c r="K93" s="6">
        <v>232</v>
      </c>
      <c r="L93" s="6">
        <v>229</v>
      </c>
      <c r="M93" s="6">
        <v>391</v>
      </c>
      <c r="N93" s="6">
        <v>496</v>
      </c>
      <c r="O93" s="6">
        <v>480</v>
      </c>
      <c r="P93" s="6">
        <v>476</v>
      </c>
      <c r="Q93" s="6">
        <v>301</v>
      </c>
      <c r="R93" s="6">
        <v>108</v>
      </c>
      <c r="S93" s="6">
        <v>48</v>
      </c>
      <c r="T93" s="6">
        <v>13</v>
      </c>
      <c r="U93" s="6">
        <v>3</v>
      </c>
      <c r="V93" s="6">
        <v>2</v>
      </c>
      <c r="W93" s="10" t="s">
        <v>55</v>
      </c>
      <c r="X93" s="10" t="s">
        <v>55</v>
      </c>
      <c r="Y93" s="6">
        <v>3058</v>
      </c>
      <c r="Z93" s="6">
        <v>174</v>
      </c>
      <c r="AA93" s="6">
        <v>18</v>
      </c>
      <c r="AB93" s="6">
        <v>2</v>
      </c>
      <c r="AC93" s="6">
        <v>3129</v>
      </c>
      <c r="AD93" s="7">
        <v>46.78651</v>
      </c>
    </row>
    <row r="94" spans="1:30">
      <c r="A94" s="9" t="s">
        <v>27</v>
      </c>
      <c r="B94" s="9" t="s">
        <v>57</v>
      </c>
      <c r="C94" s="9" t="s">
        <v>58</v>
      </c>
      <c r="D94" s="9" t="s">
        <v>6</v>
      </c>
      <c r="E94" s="9" t="s">
        <v>130</v>
      </c>
      <c r="F94" s="9" t="s">
        <v>132</v>
      </c>
      <c r="G94" s="6">
        <v>9908</v>
      </c>
      <c r="H94" s="6">
        <v>40</v>
      </c>
      <c r="I94" s="6">
        <v>708</v>
      </c>
      <c r="J94" s="6">
        <v>1093</v>
      </c>
      <c r="K94" s="6">
        <v>1043</v>
      </c>
      <c r="L94" s="6">
        <v>1197</v>
      </c>
      <c r="M94" s="6">
        <v>1302</v>
      </c>
      <c r="N94" s="6">
        <v>1280</v>
      </c>
      <c r="O94" s="6">
        <v>1169</v>
      </c>
      <c r="P94" s="6">
        <v>1047</v>
      </c>
      <c r="Q94" s="6">
        <v>671</v>
      </c>
      <c r="R94" s="6">
        <v>220</v>
      </c>
      <c r="S94" s="6">
        <v>88</v>
      </c>
      <c r="T94" s="6">
        <v>28</v>
      </c>
      <c r="U94" s="6">
        <v>14</v>
      </c>
      <c r="V94" s="6">
        <v>6</v>
      </c>
      <c r="W94" s="6">
        <v>2</v>
      </c>
      <c r="X94" s="10" t="s">
        <v>55</v>
      </c>
      <c r="Y94" s="6">
        <v>9550</v>
      </c>
      <c r="Z94" s="6">
        <v>358</v>
      </c>
      <c r="AA94" s="6">
        <v>50</v>
      </c>
      <c r="AB94" s="6">
        <v>8</v>
      </c>
      <c r="AC94" s="6">
        <v>9730</v>
      </c>
      <c r="AD94" s="7">
        <v>43.468310000000002</v>
      </c>
    </row>
    <row r="95" spans="1:30">
      <c r="A95" s="9" t="s">
        <v>27</v>
      </c>
      <c r="B95" s="9" t="s">
        <v>57</v>
      </c>
      <c r="C95" s="9" t="s">
        <v>58</v>
      </c>
      <c r="D95" s="9" t="s">
        <v>6</v>
      </c>
      <c r="E95" s="9" t="s">
        <v>130</v>
      </c>
      <c r="F95" s="9" t="s">
        <v>133</v>
      </c>
      <c r="G95" s="6">
        <v>31966</v>
      </c>
      <c r="H95" s="6">
        <v>216</v>
      </c>
      <c r="I95" s="6">
        <v>1042</v>
      </c>
      <c r="J95" s="6">
        <v>1502</v>
      </c>
      <c r="K95" s="6">
        <v>2145</v>
      </c>
      <c r="L95" s="6">
        <v>2841</v>
      </c>
      <c r="M95" s="6">
        <v>3459</v>
      </c>
      <c r="N95" s="6">
        <v>3929</v>
      </c>
      <c r="O95" s="6">
        <v>3911</v>
      </c>
      <c r="P95" s="6">
        <v>4339</v>
      </c>
      <c r="Q95" s="6">
        <v>3919</v>
      </c>
      <c r="R95" s="6">
        <v>2636</v>
      </c>
      <c r="S95" s="6">
        <v>1552</v>
      </c>
      <c r="T95" s="6">
        <v>386</v>
      </c>
      <c r="U95" s="6">
        <v>72</v>
      </c>
      <c r="V95" s="6">
        <v>13</v>
      </c>
      <c r="W95" s="6">
        <v>4</v>
      </c>
      <c r="X95" s="10" t="s">
        <v>55</v>
      </c>
      <c r="Y95" s="6">
        <v>27303</v>
      </c>
      <c r="Z95" s="6">
        <v>4663</v>
      </c>
      <c r="AA95" s="6">
        <v>475</v>
      </c>
      <c r="AB95" s="6">
        <v>17</v>
      </c>
      <c r="AC95" s="6">
        <v>29723</v>
      </c>
      <c r="AD95" s="7">
        <v>50.240600000000001</v>
      </c>
    </row>
    <row r="96" spans="1:30">
      <c r="A96" s="9" t="s">
        <v>27</v>
      </c>
      <c r="B96" s="9" t="s">
        <v>57</v>
      </c>
      <c r="C96" s="9" t="s">
        <v>58</v>
      </c>
      <c r="D96" s="9" t="s">
        <v>6</v>
      </c>
      <c r="E96" s="9" t="s">
        <v>130</v>
      </c>
      <c r="F96" s="9" t="s">
        <v>134</v>
      </c>
      <c r="G96" s="6">
        <v>120546</v>
      </c>
      <c r="H96" s="6">
        <v>2364</v>
      </c>
      <c r="I96" s="6">
        <v>7575</v>
      </c>
      <c r="J96" s="6">
        <v>7971</v>
      </c>
      <c r="K96" s="6">
        <v>9510</v>
      </c>
      <c r="L96" s="6">
        <v>11558</v>
      </c>
      <c r="M96" s="6">
        <v>12557</v>
      </c>
      <c r="N96" s="6">
        <v>13756</v>
      </c>
      <c r="O96" s="6">
        <v>12319</v>
      </c>
      <c r="P96" s="6">
        <v>12442</v>
      </c>
      <c r="Q96" s="6">
        <v>12221</v>
      </c>
      <c r="R96" s="6">
        <v>8945</v>
      </c>
      <c r="S96" s="6">
        <v>5624</v>
      </c>
      <c r="T96" s="6">
        <v>2244</v>
      </c>
      <c r="U96" s="6">
        <v>1010</v>
      </c>
      <c r="V96" s="6">
        <v>344</v>
      </c>
      <c r="W96" s="6">
        <v>89</v>
      </c>
      <c r="X96" s="6">
        <v>17</v>
      </c>
      <c r="Y96" s="6">
        <v>102273</v>
      </c>
      <c r="Z96" s="6">
        <v>18273</v>
      </c>
      <c r="AA96" s="6">
        <v>3704</v>
      </c>
      <c r="AB96" s="6">
        <v>450</v>
      </c>
      <c r="AC96" s="6">
        <v>108854</v>
      </c>
      <c r="AD96" s="7">
        <v>48.060789999999997</v>
      </c>
    </row>
    <row r="97" spans="1:30">
      <c r="A97" s="9" t="s">
        <v>27</v>
      </c>
      <c r="B97" s="9" t="s">
        <v>57</v>
      </c>
      <c r="C97" s="9" t="s">
        <v>58</v>
      </c>
      <c r="D97" s="9" t="s">
        <v>6</v>
      </c>
      <c r="E97" s="9" t="s">
        <v>130</v>
      </c>
      <c r="F97" s="9" t="s">
        <v>135</v>
      </c>
      <c r="G97" s="6">
        <v>15288</v>
      </c>
      <c r="H97" s="6">
        <v>47</v>
      </c>
      <c r="I97" s="6">
        <v>731</v>
      </c>
      <c r="J97" s="6">
        <v>1353</v>
      </c>
      <c r="K97" s="6">
        <v>1270</v>
      </c>
      <c r="L97" s="6">
        <v>1513</v>
      </c>
      <c r="M97" s="6">
        <v>1541</v>
      </c>
      <c r="N97" s="6">
        <v>2213</v>
      </c>
      <c r="O97" s="6">
        <v>2172</v>
      </c>
      <c r="P97" s="6">
        <v>1893</v>
      </c>
      <c r="Q97" s="6">
        <v>1343</v>
      </c>
      <c r="R97" s="6">
        <v>670</v>
      </c>
      <c r="S97" s="6">
        <v>404</v>
      </c>
      <c r="T97" s="6">
        <v>101</v>
      </c>
      <c r="U97" s="6">
        <v>29</v>
      </c>
      <c r="V97" s="6">
        <v>7</v>
      </c>
      <c r="W97" s="6">
        <v>1</v>
      </c>
      <c r="X97" s="10" t="s">
        <v>55</v>
      </c>
      <c r="Y97" s="6">
        <v>14076</v>
      </c>
      <c r="Z97" s="6">
        <v>1212</v>
      </c>
      <c r="AA97" s="6">
        <v>138</v>
      </c>
      <c r="AB97" s="6">
        <v>8</v>
      </c>
      <c r="AC97" s="6">
        <v>14699</v>
      </c>
      <c r="AD97" s="7">
        <v>46.797029999999999</v>
      </c>
    </row>
    <row r="98" spans="1:30">
      <c r="A98" s="9" t="s">
        <v>27</v>
      </c>
      <c r="B98" s="9" t="s">
        <v>57</v>
      </c>
      <c r="C98" s="9" t="s">
        <v>58</v>
      </c>
      <c r="D98" s="9" t="s">
        <v>6</v>
      </c>
      <c r="E98" s="9" t="s">
        <v>130</v>
      </c>
      <c r="F98" s="9" t="s">
        <v>136</v>
      </c>
      <c r="G98" s="6">
        <v>12585</v>
      </c>
      <c r="H98" s="6">
        <v>61</v>
      </c>
      <c r="I98" s="6">
        <v>434</v>
      </c>
      <c r="J98" s="6">
        <v>705</v>
      </c>
      <c r="K98" s="6">
        <v>812</v>
      </c>
      <c r="L98" s="6">
        <v>991</v>
      </c>
      <c r="M98" s="6">
        <v>1199</v>
      </c>
      <c r="N98" s="6">
        <v>1213</v>
      </c>
      <c r="O98" s="6">
        <v>927</v>
      </c>
      <c r="P98" s="6">
        <v>1125</v>
      </c>
      <c r="Q98" s="6">
        <v>1339</v>
      </c>
      <c r="R98" s="6">
        <v>1564</v>
      </c>
      <c r="S98" s="6">
        <v>1158</v>
      </c>
      <c r="T98" s="6">
        <v>567</v>
      </c>
      <c r="U98" s="6">
        <v>292</v>
      </c>
      <c r="V98" s="6">
        <v>133</v>
      </c>
      <c r="W98" s="6">
        <v>57</v>
      </c>
      <c r="X98" s="6">
        <v>8</v>
      </c>
      <c r="Y98" s="6">
        <v>8806</v>
      </c>
      <c r="Z98" s="6">
        <v>3779</v>
      </c>
      <c r="AA98" s="6">
        <v>1057</v>
      </c>
      <c r="AB98" s="6">
        <v>198</v>
      </c>
      <c r="AC98" s="6">
        <v>10309</v>
      </c>
      <c r="AD98" s="7">
        <v>53.577550000000002</v>
      </c>
    </row>
    <row r="99" spans="1:30">
      <c r="A99" s="9" t="s">
        <v>27</v>
      </c>
      <c r="B99" s="9" t="s">
        <v>57</v>
      </c>
      <c r="C99" s="9" t="s">
        <v>58</v>
      </c>
      <c r="D99" s="9" t="s">
        <v>6</v>
      </c>
      <c r="E99" s="9" t="s">
        <v>130</v>
      </c>
      <c r="F99" s="9" t="s">
        <v>137</v>
      </c>
      <c r="G99" s="6">
        <v>20488</v>
      </c>
      <c r="H99" s="6">
        <v>86</v>
      </c>
      <c r="I99" s="6">
        <v>694</v>
      </c>
      <c r="J99" s="6">
        <v>1217</v>
      </c>
      <c r="K99" s="6">
        <v>1513</v>
      </c>
      <c r="L99" s="6">
        <v>2027</v>
      </c>
      <c r="M99" s="6">
        <v>2466</v>
      </c>
      <c r="N99" s="6">
        <v>2655</v>
      </c>
      <c r="O99" s="6">
        <v>2016</v>
      </c>
      <c r="P99" s="6">
        <v>1964</v>
      </c>
      <c r="Q99" s="6">
        <v>2184</v>
      </c>
      <c r="R99" s="6">
        <v>1902</v>
      </c>
      <c r="S99" s="6">
        <v>1193</v>
      </c>
      <c r="T99" s="6">
        <v>387</v>
      </c>
      <c r="U99" s="6">
        <v>127</v>
      </c>
      <c r="V99" s="6">
        <v>40</v>
      </c>
      <c r="W99" s="6">
        <v>15</v>
      </c>
      <c r="X99" s="6">
        <v>2</v>
      </c>
      <c r="Y99" s="6">
        <v>16822</v>
      </c>
      <c r="Z99" s="6">
        <v>3666</v>
      </c>
      <c r="AA99" s="6">
        <v>571</v>
      </c>
      <c r="AB99" s="6">
        <v>57</v>
      </c>
      <c r="AC99" s="6">
        <v>18638</v>
      </c>
      <c r="AD99" s="7">
        <v>49.910440000000001</v>
      </c>
    </row>
    <row r="100" spans="1:30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130</v>
      </c>
      <c r="F100" s="9" t="s">
        <v>138</v>
      </c>
      <c r="G100" s="6">
        <v>42226</v>
      </c>
      <c r="H100" s="6">
        <v>2596</v>
      </c>
      <c r="I100" s="6">
        <v>4821</v>
      </c>
      <c r="J100" s="6">
        <v>2237</v>
      </c>
      <c r="K100" s="6">
        <v>2654</v>
      </c>
      <c r="L100" s="6">
        <v>3364</v>
      </c>
      <c r="M100" s="6">
        <v>3741</v>
      </c>
      <c r="N100" s="6">
        <v>3923</v>
      </c>
      <c r="O100" s="6">
        <v>3484</v>
      </c>
      <c r="P100" s="6">
        <v>3508</v>
      </c>
      <c r="Q100" s="6">
        <v>3888</v>
      </c>
      <c r="R100" s="6">
        <v>3883</v>
      </c>
      <c r="S100" s="6">
        <v>2869</v>
      </c>
      <c r="T100" s="6">
        <v>910</v>
      </c>
      <c r="U100" s="6">
        <v>270</v>
      </c>
      <c r="V100" s="6">
        <v>66</v>
      </c>
      <c r="W100" s="6">
        <v>12</v>
      </c>
      <c r="X100" s="10" t="s">
        <v>55</v>
      </c>
      <c r="Y100" s="6">
        <v>34216</v>
      </c>
      <c r="Z100" s="6">
        <v>8010</v>
      </c>
      <c r="AA100" s="6">
        <v>1258</v>
      </c>
      <c r="AB100" s="6">
        <v>78</v>
      </c>
      <c r="AC100" s="6">
        <v>35503</v>
      </c>
      <c r="AD100" s="7">
        <v>46.666840000000001</v>
      </c>
    </row>
    <row r="101" spans="1:30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130</v>
      </c>
      <c r="F101" s="9" t="s">
        <v>139</v>
      </c>
      <c r="G101" s="6">
        <v>28641</v>
      </c>
      <c r="H101" s="6">
        <v>291</v>
      </c>
      <c r="I101" s="6">
        <v>1817</v>
      </c>
      <c r="J101" s="6">
        <v>2002</v>
      </c>
      <c r="K101" s="6">
        <v>2214</v>
      </c>
      <c r="L101" s="6">
        <v>2786</v>
      </c>
      <c r="M101" s="6">
        <v>2956</v>
      </c>
      <c r="N101" s="6">
        <v>2748</v>
      </c>
      <c r="O101" s="6">
        <v>2632</v>
      </c>
      <c r="P101" s="6">
        <v>2717</v>
      </c>
      <c r="Q101" s="6">
        <v>2550</v>
      </c>
      <c r="R101" s="6">
        <v>2469</v>
      </c>
      <c r="S101" s="6">
        <v>1951</v>
      </c>
      <c r="T101" s="6">
        <v>945</v>
      </c>
      <c r="U101" s="6">
        <v>444</v>
      </c>
      <c r="V101" s="6">
        <v>104</v>
      </c>
      <c r="W101" s="6">
        <v>14</v>
      </c>
      <c r="X101" s="6">
        <v>1</v>
      </c>
      <c r="Y101" s="6">
        <v>22713</v>
      </c>
      <c r="Z101" s="6">
        <v>5928</v>
      </c>
      <c r="AA101" s="6">
        <v>1508</v>
      </c>
      <c r="AB101" s="6">
        <v>119</v>
      </c>
      <c r="AC101" s="6">
        <v>24891</v>
      </c>
      <c r="AD101" s="7">
        <v>49.422559999999997</v>
      </c>
    </row>
    <row r="102" spans="1:30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130</v>
      </c>
      <c r="F102" s="9" t="s">
        <v>140</v>
      </c>
      <c r="G102" s="6">
        <v>39550</v>
      </c>
      <c r="H102" s="6">
        <v>435</v>
      </c>
      <c r="I102" s="6">
        <v>2271</v>
      </c>
      <c r="J102" s="6">
        <v>3035</v>
      </c>
      <c r="K102" s="6">
        <v>2999</v>
      </c>
      <c r="L102" s="6">
        <v>3487</v>
      </c>
      <c r="M102" s="6">
        <v>4282</v>
      </c>
      <c r="N102" s="6">
        <v>5177</v>
      </c>
      <c r="O102" s="6">
        <v>5136</v>
      </c>
      <c r="P102" s="6">
        <v>5552</v>
      </c>
      <c r="Q102" s="6">
        <v>3750</v>
      </c>
      <c r="R102" s="6">
        <v>2007</v>
      </c>
      <c r="S102" s="6">
        <v>943</v>
      </c>
      <c r="T102" s="6">
        <v>317</v>
      </c>
      <c r="U102" s="6">
        <v>107</v>
      </c>
      <c r="V102" s="6">
        <v>38</v>
      </c>
      <c r="W102" s="6">
        <v>14</v>
      </c>
      <c r="X102" s="10" t="s">
        <v>55</v>
      </c>
      <c r="Y102" s="6">
        <v>36124</v>
      </c>
      <c r="Z102" s="6">
        <v>3426</v>
      </c>
      <c r="AA102" s="6">
        <v>476</v>
      </c>
      <c r="AB102" s="6">
        <v>52</v>
      </c>
      <c r="AC102" s="6">
        <v>37696</v>
      </c>
      <c r="AD102" s="7">
        <v>47.119669999999999</v>
      </c>
    </row>
    <row r="103" spans="1:30">
      <c r="A103" s="9" t="s">
        <v>27</v>
      </c>
      <c r="B103" s="9" t="s">
        <v>57</v>
      </c>
      <c r="C103" s="9" t="s">
        <v>58</v>
      </c>
      <c r="D103" s="9" t="s">
        <v>6</v>
      </c>
      <c r="E103" s="9" t="s">
        <v>130</v>
      </c>
      <c r="F103" s="9" t="s">
        <v>141</v>
      </c>
      <c r="G103" s="6">
        <v>141943</v>
      </c>
      <c r="H103" s="6">
        <v>458</v>
      </c>
      <c r="I103" s="6">
        <v>7263</v>
      </c>
      <c r="J103" s="6">
        <v>11915</v>
      </c>
      <c r="K103" s="6">
        <v>13803</v>
      </c>
      <c r="L103" s="6">
        <v>16137</v>
      </c>
      <c r="M103" s="6">
        <v>17062</v>
      </c>
      <c r="N103" s="6">
        <v>16606</v>
      </c>
      <c r="O103" s="6">
        <v>14854</v>
      </c>
      <c r="P103" s="6">
        <v>15102</v>
      </c>
      <c r="Q103" s="6">
        <v>13556</v>
      </c>
      <c r="R103" s="6">
        <v>9018</v>
      </c>
      <c r="S103" s="6">
        <v>4525</v>
      </c>
      <c r="T103" s="6">
        <v>1138</v>
      </c>
      <c r="U103" s="6">
        <v>324</v>
      </c>
      <c r="V103" s="6">
        <v>133</v>
      </c>
      <c r="W103" s="6">
        <v>40</v>
      </c>
      <c r="X103" s="6">
        <v>9</v>
      </c>
      <c r="Y103" s="6">
        <v>126756</v>
      </c>
      <c r="Z103" s="6">
        <v>15187</v>
      </c>
      <c r="AA103" s="6">
        <v>1644</v>
      </c>
      <c r="AB103" s="6">
        <v>182</v>
      </c>
      <c r="AC103" s="6">
        <v>135316</v>
      </c>
      <c r="AD103" s="7">
        <v>46.70796</v>
      </c>
    </row>
    <row r="104" spans="1:30">
      <c r="A104" s="9" t="s">
        <v>27</v>
      </c>
      <c r="B104" s="9" t="s">
        <v>57</v>
      </c>
      <c r="C104" s="9" t="s">
        <v>58</v>
      </c>
      <c r="D104" s="9" t="s">
        <v>6</v>
      </c>
      <c r="E104" s="9" t="s">
        <v>130</v>
      </c>
      <c r="F104" s="9" t="s">
        <v>142</v>
      </c>
      <c r="G104" s="6">
        <v>10095</v>
      </c>
      <c r="H104" s="6">
        <v>101</v>
      </c>
      <c r="I104" s="6">
        <v>437</v>
      </c>
      <c r="J104" s="6">
        <v>664</v>
      </c>
      <c r="K104" s="6">
        <v>911</v>
      </c>
      <c r="L104" s="6">
        <v>1114</v>
      </c>
      <c r="M104" s="6">
        <v>1236</v>
      </c>
      <c r="N104" s="6">
        <v>1497</v>
      </c>
      <c r="O104" s="6">
        <v>1283</v>
      </c>
      <c r="P104" s="6">
        <v>1311</v>
      </c>
      <c r="Q104" s="6">
        <v>950</v>
      </c>
      <c r="R104" s="6">
        <v>399</v>
      </c>
      <c r="S104" s="6">
        <v>137</v>
      </c>
      <c r="T104" s="6">
        <v>49</v>
      </c>
      <c r="U104" s="6">
        <v>4</v>
      </c>
      <c r="V104" s="6">
        <v>2</v>
      </c>
      <c r="W104" s="10" t="s">
        <v>55</v>
      </c>
      <c r="X104" s="10" t="s">
        <v>55</v>
      </c>
      <c r="Y104" s="6">
        <v>9504</v>
      </c>
      <c r="Z104" s="6">
        <v>591</v>
      </c>
      <c r="AA104" s="6">
        <v>55</v>
      </c>
      <c r="AB104" s="6">
        <v>2</v>
      </c>
      <c r="AC104" s="6">
        <v>9802</v>
      </c>
      <c r="AD104" s="7">
        <v>46.389650000000003</v>
      </c>
    </row>
    <row r="105" spans="1:30">
      <c r="A105" s="9" t="s">
        <v>27</v>
      </c>
      <c r="B105" s="9" t="s">
        <v>57</v>
      </c>
      <c r="C105" s="9" t="s">
        <v>58</v>
      </c>
      <c r="D105" s="9" t="s">
        <v>6</v>
      </c>
      <c r="E105" s="9" t="s">
        <v>130</v>
      </c>
      <c r="F105" s="9" t="s">
        <v>143</v>
      </c>
      <c r="G105" s="6">
        <v>47687</v>
      </c>
      <c r="H105" s="6">
        <v>347</v>
      </c>
      <c r="I105" s="6">
        <v>1841</v>
      </c>
      <c r="J105" s="6">
        <v>2615</v>
      </c>
      <c r="K105" s="6">
        <v>3201</v>
      </c>
      <c r="L105" s="6">
        <v>4082</v>
      </c>
      <c r="M105" s="6">
        <v>4731</v>
      </c>
      <c r="N105" s="6">
        <v>5040</v>
      </c>
      <c r="O105" s="6">
        <v>4592</v>
      </c>
      <c r="P105" s="6">
        <v>4907</v>
      </c>
      <c r="Q105" s="6">
        <v>5638</v>
      </c>
      <c r="R105" s="6">
        <v>5275</v>
      </c>
      <c r="S105" s="6">
        <v>3632</v>
      </c>
      <c r="T105" s="6">
        <v>1270</v>
      </c>
      <c r="U105" s="6">
        <v>405</v>
      </c>
      <c r="V105" s="6">
        <v>95</v>
      </c>
      <c r="W105" s="6">
        <v>14</v>
      </c>
      <c r="X105" s="6">
        <v>2</v>
      </c>
      <c r="Y105" s="6">
        <v>36994</v>
      </c>
      <c r="Z105" s="6">
        <v>10693</v>
      </c>
      <c r="AA105" s="6">
        <v>1786</v>
      </c>
      <c r="AB105" s="6">
        <v>111</v>
      </c>
      <c r="AC105" s="6">
        <v>41922</v>
      </c>
      <c r="AD105" s="7">
        <v>51.442439999999998</v>
      </c>
    </row>
    <row r="106" spans="1:30">
      <c r="A106" s="9" t="s">
        <v>27</v>
      </c>
      <c r="B106" s="9" t="s">
        <v>57</v>
      </c>
      <c r="C106" s="9" t="s">
        <v>58</v>
      </c>
      <c r="D106" s="9" t="s">
        <v>6</v>
      </c>
      <c r="E106" s="9" t="s">
        <v>130</v>
      </c>
      <c r="F106" s="9" t="s">
        <v>144</v>
      </c>
      <c r="G106" s="6">
        <v>36696</v>
      </c>
      <c r="H106" s="6">
        <v>457</v>
      </c>
      <c r="I106" s="6">
        <v>2522</v>
      </c>
      <c r="J106" s="6">
        <v>3445</v>
      </c>
      <c r="K106" s="6">
        <v>3758</v>
      </c>
      <c r="L106" s="6">
        <v>3711</v>
      </c>
      <c r="M106" s="6">
        <v>4475</v>
      </c>
      <c r="N106" s="6">
        <v>5223</v>
      </c>
      <c r="O106" s="6">
        <v>4798</v>
      </c>
      <c r="P106" s="6">
        <v>3994</v>
      </c>
      <c r="Q106" s="6">
        <v>2701</v>
      </c>
      <c r="R106" s="6">
        <v>1042</v>
      </c>
      <c r="S106" s="6">
        <v>446</v>
      </c>
      <c r="T106" s="6">
        <v>91</v>
      </c>
      <c r="U106" s="6">
        <v>29</v>
      </c>
      <c r="V106" s="6">
        <v>4</v>
      </c>
      <c r="W106" s="10" t="s">
        <v>55</v>
      </c>
      <c r="X106" s="10" t="s">
        <v>55</v>
      </c>
      <c r="Y106" s="6">
        <v>35084</v>
      </c>
      <c r="Z106" s="6">
        <v>1612</v>
      </c>
      <c r="AA106" s="6">
        <v>124</v>
      </c>
      <c r="AB106" s="6">
        <v>4</v>
      </c>
      <c r="AC106" s="6">
        <v>35669</v>
      </c>
      <c r="AD106" s="7">
        <v>44.207000000000001</v>
      </c>
    </row>
    <row r="107" spans="1:30">
      <c r="A107" s="9" t="s">
        <v>27</v>
      </c>
      <c r="B107" s="9" t="s">
        <v>57</v>
      </c>
      <c r="C107" s="9" t="s">
        <v>58</v>
      </c>
      <c r="D107" s="9" t="s">
        <v>6</v>
      </c>
      <c r="E107" s="9" t="s">
        <v>55</v>
      </c>
      <c r="F107" s="9" t="s">
        <v>145</v>
      </c>
      <c r="G107" s="6">
        <v>16675</v>
      </c>
      <c r="H107" s="6">
        <v>430</v>
      </c>
      <c r="I107" s="6">
        <v>1066</v>
      </c>
      <c r="J107" s="6">
        <v>911</v>
      </c>
      <c r="K107" s="6">
        <v>978</v>
      </c>
      <c r="L107" s="6">
        <v>1141</v>
      </c>
      <c r="M107" s="6">
        <v>1306</v>
      </c>
      <c r="N107" s="6">
        <v>1259</v>
      </c>
      <c r="O107" s="6">
        <v>1171</v>
      </c>
      <c r="P107" s="6">
        <v>1143</v>
      </c>
      <c r="Q107" s="6">
        <v>1370</v>
      </c>
      <c r="R107" s="6">
        <v>1557</v>
      </c>
      <c r="S107" s="6">
        <v>1761</v>
      </c>
      <c r="T107" s="6">
        <v>1172</v>
      </c>
      <c r="U107" s="6">
        <v>814</v>
      </c>
      <c r="V107" s="6">
        <v>450</v>
      </c>
      <c r="W107" s="6">
        <v>121</v>
      </c>
      <c r="X107" s="6">
        <v>25</v>
      </c>
      <c r="Y107" s="6">
        <v>10775</v>
      </c>
      <c r="Z107" s="6">
        <v>5900</v>
      </c>
      <c r="AA107" s="6">
        <v>2582</v>
      </c>
      <c r="AB107" s="6">
        <v>596</v>
      </c>
      <c r="AC107" s="6">
        <v>11902</v>
      </c>
      <c r="AD107" s="7">
        <v>54.139220000000002</v>
      </c>
    </row>
    <row r="108" spans="1:30">
      <c r="A108" s="9" t="s">
        <v>27</v>
      </c>
      <c r="B108" s="9" t="s">
        <v>57</v>
      </c>
      <c r="C108" s="9" t="s">
        <v>58</v>
      </c>
      <c r="D108" s="9" t="s">
        <v>6</v>
      </c>
      <c r="E108" s="9" t="s">
        <v>55</v>
      </c>
      <c r="F108" s="9" t="s">
        <v>146</v>
      </c>
      <c r="G108" s="6">
        <v>71768</v>
      </c>
      <c r="H108" s="6">
        <v>233</v>
      </c>
      <c r="I108" s="6">
        <v>2060</v>
      </c>
      <c r="J108" s="6">
        <v>2544</v>
      </c>
      <c r="K108" s="6">
        <v>3141</v>
      </c>
      <c r="L108" s="6">
        <v>3686</v>
      </c>
      <c r="M108" s="6">
        <v>3948</v>
      </c>
      <c r="N108" s="6">
        <v>3917</v>
      </c>
      <c r="O108" s="6">
        <v>4226</v>
      </c>
      <c r="P108" s="6">
        <v>5662</v>
      </c>
      <c r="Q108" s="6">
        <v>7999</v>
      </c>
      <c r="R108" s="6">
        <v>10885</v>
      </c>
      <c r="S108" s="6">
        <v>10854</v>
      </c>
      <c r="T108" s="6">
        <v>6370</v>
      </c>
      <c r="U108" s="6">
        <v>4293</v>
      </c>
      <c r="V108" s="6">
        <v>1640</v>
      </c>
      <c r="W108" s="6">
        <v>291</v>
      </c>
      <c r="X108" s="6">
        <v>19</v>
      </c>
      <c r="Y108" s="6">
        <v>37416</v>
      </c>
      <c r="Z108" s="6">
        <v>34352</v>
      </c>
      <c r="AA108" s="6">
        <v>12613</v>
      </c>
      <c r="AB108" s="6">
        <v>1950</v>
      </c>
      <c r="AC108" s="6">
        <v>48068</v>
      </c>
      <c r="AD108" s="7">
        <v>59.953740000000003</v>
      </c>
    </row>
    <row r="109" spans="1:30">
      <c r="A109" s="9" t="s">
        <v>27</v>
      </c>
      <c r="B109" s="9" t="s">
        <v>57</v>
      </c>
      <c r="C109" s="9" t="s">
        <v>58</v>
      </c>
      <c r="D109" s="9" t="s">
        <v>6</v>
      </c>
      <c r="E109" s="9" t="s">
        <v>55</v>
      </c>
      <c r="F109" s="9" t="s">
        <v>147</v>
      </c>
      <c r="G109" s="6">
        <v>169965</v>
      </c>
      <c r="H109" s="6">
        <v>1958</v>
      </c>
      <c r="I109" s="6">
        <v>9355</v>
      </c>
      <c r="J109" s="6">
        <v>12395</v>
      </c>
      <c r="K109" s="6">
        <v>14756</v>
      </c>
      <c r="L109" s="6">
        <v>17547</v>
      </c>
      <c r="M109" s="6">
        <v>20187</v>
      </c>
      <c r="N109" s="6">
        <v>21181</v>
      </c>
      <c r="O109" s="6">
        <v>17431</v>
      </c>
      <c r="P109" s="6">
        <v>17534</v>
      </c>
      <c r="Q109" s="6">
        <v>16079</v>
      </c>
      <c r="R109" s="6">
        <v>12162</v>
      </c>
      <c r="S109" s="6">
        <v>6637</v>
      </c>
      <c r="T109" s="6">
        <v>1837</v>
      </c>
      <c r="U109" s="6">
        <v>651</v>
      </c>
      <c r="V109" s="6">
        <v>212</v>
      </c>
      <c r="W109" s="6">
        <v>41</v>
      </c>
      <c r="X109" s="6">
        <v>2</v>
      </c>
      <c r="Y109" s="6">
        <v>148423</v>
      </c>
      <c r="Z109" s="6">
        <v>21542</v>
      </c>
      <c r="AA109" s="6">
        <v>2743</v>
      </c>
      <c r="AB109" s="6">
        <v>255</v>
      </c>
      <c r="AC109" s="6">
        <v>158627</v>
      </c>
      <c r="AD109" s="7">
        <v>47.279260000000001</v>
      </c>
    </row>
    <row r="110" spans="1:30">
      <c r="A110" s="9" t="s">
        <v>27</v>
      </c>
      <c r="B110" s="9" t="s">
        <v>57</v>
      </c>
      <c r="C110" s="9" t="s">
        <v>58</v>
      </c>
      <c r="D110" s="9" t="s">
        <v>6</v>
      </c>
      <c r="E110" s="9" t="s">
        <v>55</v>
      </c>
      <c r="F110" s="9" t="s">
        <v>148</v>
      </c>
      <c r="G110" s="6">
        <v>560851</v>
      </c>
      <c r="H110" s="6">
        <v>7536</v>
      </c>
      <c r="I110" s="6">
        <v>32310</v>
      </c>
      <c r="J110" s="6">
        <v>40016</v>
      </c>
      <c r="K110" s="6">
        <v>46065</v>
      </c>
      <c r="L110" s="6">
        <v>55037</v>
      </c>
      <c r="M110" s="6">
        <v>61398</v>
      </c>
      <c r="N110" s="6">
        <v>65756</v>
      </c>
      <c r="O110" s="6">
        <v>59773</v>
      </c>
      <c r="P110" s="6">
        <v>60377</v>
      </c>
      <c r="Q110" s="6">
        <v>55011</v>
      </c>
      <c r="R110" s="6">
        <v>40138</v>
      </c>
      <c r="S110" s="6">
        <v>24570</v>
      </c>
      <c r="T110" s="6">
        <v>8446</v>
      </c>
      <c r="U110" s="6">
        <v>3130</v>
      </c>
      <c r="V110" s="6">
        <v>987</v>
      </c>
      <c r="W110" s="6">
        <v>262</v>
      </c>
      <c r="X110" s="6">
        <v>39</v>
      </c>
      <c r="Y110" s="6">
        <v>483279</v>
      </c>
      <c r="Z110" s="6">
        <v>77572</v>
      </c>
      <c r="AA110" s="6">
        <v>12864</v>
      </c>
      <c r="AB110" s="6">
        <v>1288</v>
      </c>
      <c r="AC110" s="6">
        <v>515881</v>
      </c>
      <c r="AD110" s="7">
        <v>47.814610000000002</v>
      </c>
    </row>
    <row r="111" spans="1:30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55</v>
      </c>
      <c r="F111" s="9" t="s">
        <v>6</v>
      </c>
      <c r="G111" s="6">
        <v>429368</v>
      </c>
      <c r="H111" s="6">
        <v>5087</v>
      </c>
      <c r="I111" s="6">
        <v>22154</v>
      </c>
      <c r="J111" s="6">
        <v>28296</v>
      </c>
      <c r="K111" s="6">
        <v>33937</v>
      </c>
      <c r="L111" s="6">
        <v>40450</v>
      </c>
      <c r="M111" s="6">
        <v>45072</v>
      </c>
      <c r="N111" s="6">
        <v>47257</v>
      </c>
      <c r="O111" s="6">
        <v>41369</v>
      </c>
      <c r="P111" s="6">
        <v>43471</v>
      </c>
      <c r="Q111" s="6">
        <v>43358</v>
      </c>
      <c r="R111" s="6">
        <v>36158</v>
      </c>
      <c r="S111" s="6">
        <v>25179</v>
      </c>
      <c r="T111" s="6">
        <v>10053</v>
      </c>
      <c r="U111" s="6">
        <v>5156</v>
      </c>
      <c r="V111" s="6">
        <v>1928</v>
      </c>
      <c r="W111" s="6">
        <v>410</v>
      </c>
      <c r="X111" s="6">
        <v>33</v>
      </c>
      <c r="Y111" s="6">
        <v>350451</v>
      </c>
      <c r="Z111" s="6">
        <v>78917</v>
      </c>
      <c r="AA111" s="6">
        <v>17580</v>
      </c>
      <c r="AB111" s="6">
        <v>2371</v>
      </c>
      <c r="AC111" s="6">
        <v>381522</v>
      </c>
      <c r="AD111" s="7">
        <v>49.388120000000001</v>
      </c>
    </row>
    <row r="112" spans="1:30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122</v>
      </c>
      <c r="F112" s="9" t="s">
        <v>123</v>
      </c>
      <c r="G112" s="6">
        <v>39654</v>
      </c>
      <c r="H112" s="6">
        <v>132</v>
      </c>
      <c r="I112" s="6">
        <v>1149</v>
      </c>
      <c r="J112" s="6">
        <v>1407</v>
      </c>
      <c r="K112" s="6">
        <v>1750</v>
      </c>
      <c r="L112" s="6">
        <v>2088</v>
      </c>
      <c r="M112" s="6">
        <v>2227</v>
      </c>
      <c r="N112" s="6">
        <v>2131</v>
      </c>
      <c r="O112" s="6">
        <v>2215</v>
      </c>
      <c r="P112" s="6">
        <v>3027</v>
      </c>
      <c r="Q112" s="6">
        <v>4231</v>
      </c>
      <c r="R112" s="6">
        <v>5883</v>
      </c>
      <c r="S112" s="6">
        <v>6180</v>
      </c>
      <c r="T112" s="6">
        <v>3529</v>
      </c>
      <c r="U112" s="6">
        <v>2484</v>
      </c>
      <c r="V112" s="6">
        <v>1025</v>
      </c>
      <c r="W112" s="6">
        <v>189</v>
      </c>
      <c r="X112" s="6">
        <v>7</v>
      </c>
      <c r="Y112" s="6">
        <v>20357</v>
      </c>
      <c r="Z112" s="6">
        <v>19297</v>
      </c>
      <c r="AA112" s="6">
        <v>7234</v>
      </c>
      <c r="AB112" s="6">
        <v>1221</v>
      </c>
      <c r="AC112" s="6">
        <v>26108</v>
      </c>
      <c r="AD112" s="7">
        <v>60.107379999999999</v>
      </c>
    </row>
    <row r="113" spans="1:30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122</v>
      </c>
      <c r="F113" s="9" t="s">
        <v>124</v>
      </c>
      <c r="G113" s="6">
        <v>37649</v>
      </c>
      <c r="H113" s="6">
        <v>111</v>
      </c>
      <c r="I113" s="6">
        <v>1063</v>
      </c>
      <c r="J113" s="6">
        <v>1312</v>
      </c>
      <c r="K113" s="6">
        <v>1593</v>
      </c>
      <c r="L113" s="6">
        <v>1930</v>
      </c>
      <c r="M113" s="6">
        <v>2020</v>
      </c>
      <c r="N113" s="6">
        <v>1952</v>
      </c>
      <c r="O113" s="6">
        <v>2039</v>
      </c>
      <c r="P113" s="6">
        <v>2765</v>
      </c>
      <c r="Q113" s="6">
        <v>3970</v>
      </c>
      <c r="R113" s="6">
        <v>5699</v>
      </c>
      <c r="S113" s="6">
        <v>6051</v>
      </c>
      <c r="T113" s="6">
        <v>3468</v>
      </c>
      <c r="U113" s="6">
        <v>2463</v>
      </c>
      <c r="V113" s="6">
        <v>1019</v>
      </c>
      <c r="W113" s="6">
        <v>187</v>
      </c>
      <c r="X113" s="6">
        <v>7</v>
      </c>
      <c r="Y113" s="6">
        <v>18755</v>
      </c>
      <c r="Z113" s="6">
        <v>18894</v>
      </c>
      <c r="AA113" s="6">
        <v>7144</v>
      </c>
      <c r="AB113" s="6">
        <v>1213</v>
      </c>
      <c r="AC113" s="6">
        <v>24343</v>
      </c>
      <c r="AD113" s="7">
        <v>60.579210000000003</v>
      </c>
    </row>
    <row r="114" spans="1:30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122</v>
      </c>
      <c r="F114" s="9" t="s">
        <v>125</v>
      </c>
      <c r="G114" s="6">
        <v>2775</v>
      </c>
      <c r="H114" s="6">
        <v>8</v>
      </c>
      <c r="I114" s="6">
        <v>65</v>
      </c>
      <c r="J114" s="6">
        <v>95</v>
      </c>
      <c r="K114" s="6">
        <v>128</v>
      </c>
      <c r="L114" s="6">
        <v>176</v>
      </c>
      <c r="M114" s="6">
        <v>207</v>
      </c>
      <c r="N114" s="6">
        <v>209</v>
      </c>
      <c r="O114" s="6">
        <v>244</v>
      </c>
      <c r="P114" s="6">
        <v>276</v>
      </c>
      <c r="Q114" s="6">
        <v>364</v>
      </c>
      <c r="R114" s="6">
        <v>388</v>
      </c>
      <c r="S114" s="6">
        <v>318</v>
      </c>
      <c r="T114" s="6">
        <v>161</v>
      </c>
      <c r="U114" s="6">
        <v>103</v>
      </c>
      <c r="V114" s="6">
        <v>30</v>
      </c>
      <c r="W114" s="6">
        <v>3</v>
      </c>
      <c r="X114" s="10" t="s">
        <v>55</v>
      </c>
      <c r="Y114" s="6">
        <v>1772</v>
      </c>
      <c r="Z114" s="6">
        <v>1003</v>
      </c>
      <c r="AA114" s="6">
        <v>297</v>
      </c>
      <c r="AB114" s="6">
        <v>33</v>
      </c>
      <c r="AC114" s="6">
        <v>2152</v>
      </c>
      <c r="AD114" s="7">
        <v>56.994050000000001</v>
      </c>
    </row>
    <row r="115" spans="1:30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126</v>
      </c>
      <c r="F115" s="9" t="s">
        <v>127</v>
      </c>
      <c r="G115" s="6">
        <v>274</v>
      </c>
      <c r="H115" s="6">
        <v>1</v>
      </c>
      <c r="I115" s="6">
        <v>3</v>
      </c>
      <c r="J115" s="6">
        <v>5</v>
      </c>
      <c r="K115" s="6">
        <v>9</v>
      </c>
      <c r="L115" s="6">
        <v>16</v>
      </c>
      <c r="M115" s="6">
        <v>18</v>
      </c>
      <c r="N115" s="6">
        <v>26</v>
      </c>
      <c r="O115" s="6">
        <v>30</v>
      </c>
      <c r="P115" s="6">
        <v>57</v>
      </c>
      <c r="Q115" s="6">
        <v>46</v>
      </c>
      <c r="R115" s="6">
        <v>31</v>
      </c>
      <c r="S115" s="6">
        <v>22</v>
      </c>
      <c r="T115" s="6">
        <v>6</v>
      </c>
      <c r="U115" s="6">
        <v>4</v>
      </c>
      <c r="V115" s="10" t="s">
        <v>55</v>
      </c>
      <c r="W115" s="10" t="s">
        <v>55</v>
      </c>
      <c r="X115" s="10" t="s">
        <v>55</v>
      </c>
      <c r="Y115" s="6">
        <v>211</v>
      </c>
      <c r="Z115" s="6">
        <v>63</v>
      </c>
      <c r="AA115" s="6">
        <v>10</v>
      </c>
      <c r="AB115" s="10" t="s">
        <v>55</v>
      </c>
      <c r="AC115" s="6">
        <v>241</v>
      </c>
      <c r="AD115" s="7">
        <v>55.916060000000002</v>
      </c>
    </row>
    <row r="116" spans="1:30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126</v>
      </c>
      <c r="F116" s="9" t="s">
        <v>128</v>
      </c>
      <c r="G116" s="6">
        <v>54961</v>
      </c>
      <c r="H116" s="6">
        <v>502</v>
      </c>
      <c r="I116" s="6">
        <v>2481</v>
      </c>
      <c r="J116" s="6">
        <v>3390</v>
      </c>
      <c r="K116" s="6">
        <v>3607</v>
      </c>
      <c r="L116" s="6">
        <v>4900</v>
      </c>
      <c r="M116" s="6">
        <v>6133</v>
      </c>
      <c r="N116" s="6">
        <v>5994</v>
      </c>
      <c r="O116" s="6">
        <v>4736</v>
      </c>
      <c r="P116" s="6">
        <v>5284</v>
      </c>
      <c r="Q116" s="6">
        <v>6697</v>
      </c>
      <c r="R116" s="6">
        <v>6437</v>
      </c>
      <c r="S116" s="6">
        <v>3633</v>
      </c>
      <c r="T116" s="6">
        <v>812</v>
      </c>
      <c r="U116" s="6">
        <v>256</v>
      </c>
      <c r="V116" s="6">
        <v>84</v>
      </c>
      <c r="W116" s="6">
        <v>15</v>
      </c>
      <c r="X116" s="10" t="s">
        <v>55</v>
      </c>
      <c r="Y116" s="6">
        <v>43724</v>
      </c>
      <c r="Z116" s="6">
        <v>11237</v>
      </c>
      <c r="AA116" s="6">
        <v>1167</v>
      </c>
      <c r="AB116" s="6">
        <v>99</v>
      </c>
      <c r="AC116" s="6">
        <v>49659</v>
      </c>
      <c r="AD116" s="7">
        <v>50.318579999999997</v>
      </c>
    </row>
    <row r="117" spans="1:30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126</v>
      </c>
      <c r="F117" s="9" t="s">
        <v>129</v>
      </c>
      <c r="G117" s="6">
        <v>67626</v>
      </c>
      <c r="H117" s="6">
        <v>909</v>
      </c>
      <c r="I117" s="6">
        <v>3963</v>
      </c>
      <c r="J117" s="6">
        <v>5604</v>
      </c>
      <c r="K117" s="6">
        <v>6989</v>
      </c>
      <c r="L117" s="6">
        <v>7807</v>
      </c>
      <c r="M117" s="6">
        <v>8420</v>
      </c>
      <c r="N117" s="6">
        <v>9198</v>
      </c>
      <c r="O117" s="6">
        <v>7614</v>
      </c>
      <c r="P117" s="6">
        <v>7333</v>
      </c>
      <c r="Q117" s="6">
        <v>5179</v>
      </c>
      <c r="R117" s="6">
        <v>2604</v>
      </c>
      <c r="S117" s="6">
        <v>1326</v>
      </c>
      <c r="T117" s="6">
        <v>438</v>
      </c>
      <c r="U117" s="6">
        <v>176</v>
      </c>
      <c r="V117" s="6">
        <v>55</v>
      </c>
      <c r="W117" s="6">
        <v>11</v>
      </c>
      <c r="X117" s="10" t="s">
        <v>55</v>
      </c>
      <c r="Y117" s="6">
        <v>63016</v>
      </c>
      <c r="Z117" s="6">
        <v>4610</v>
      </c>
      <c r="AA117" s="6">
        <v>680</v>
      </c>
      <c r="AB117" s="6">
        <v>66</v>
      </c>
      <c r="AC117" s="6">
        <v>64711</v>
      </c>
      <c r="AD117" s="7">
        <v>45.03002</v>
      </c>
    </row>
    <row r="118" spans="1:30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130</v>
      </c>
      <c r="F118" s="9" t="s">
        <v>131</v>
      </c>
      <c r="G118" s="6">
        <v>2704</v>
      </c>
      <c r="H118" s="6">
        <v>31</v>
      </c>
      <c r="I118" s="6">
        <v>121</v>
      </c>
      <c r="J118" s="6">
        <v>215</v>
      </c>
      <c r="K118" s="6">
        <v>184</v>
      </c>
      <c r="L118" s="6">
        <v>188</v>
      </c>
      <c r="M118" s="6">
        <v>317</v>
      </c>
      <c r="N118" s="6">
        <v>418</v>
      </c>
      <c r="O118" s="6">
        <v>404</v>
      </c>
      <c r="P118" s="6">
        <v>413</v>
      </c>
      <c r="Q118" s="6">
        <v>266</v>
      </c>
      <c r="R118" s="6">
        <v>95</v>
      </c>
      <c r="S118" s="6">
        <v>40</v>
      </c>
      <c r="T118" s="6">
        <v>9</v>
      </c>
      <c r="U118" s="6">
        <v>3</v>
      </c>
      <c r="V118" s="10" t="s">
        <v>55</v>
      </c>
      <c r="W118" s="10" t="s">
        <v>55</v>
      </c>
      <c r="X118" s="10" t="s">
        <v>55</v>
      </c>
      <c r="Y118" s="6">
        <v>2557</v>
      </c>
      <c r="Z118" s="6">
        <v>147</v>
      </c>
      <c r="AA118" s="6">
        <v>12</v>
      </c>
      <c r="AB118" s="10" t="s">
        <v>55</v>
      </c>
      <c r="AC118" s="6">
        <v>2621</v>
      </c>
      <c r="AD118" s="7">
        <v>47.105029999999999</v>
      </c>
    </row>
    <row r="119" spans="1:30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130</v>
      </c>
      <c r="F119" s="9" t="s">
        <v>132</v>
      </c>
      <c r="G119" s="6">
        <v>6699</v>
      </c>
      <c r="H119" s="6">
        <v>29</v>
      </c>
      <c r="I119" s="6">
        <v>412</v>
      </c>
      <c r="J119" s="6">
        <v>648</v>
      </c>
      <c r="K119" s="6">
        <v>620</v>
      </c>
      <c r="L119" s="6">
        <v>785</v>
      </c>
      <c r="M119" s="6">
        <v>852</v>
      </c>
      <c r="N119" s="6">
        <v>864</v>
      </c>
      <c r="O119" s="6">
        <v>821</v>
      </c>
      <c r="P119" s="6">
        <v>843</v>
      </c>
      <c r="Q119" s="6">
        <v>556</v>
      </c>
      <c r="R119" s="6">
        <v>172</v>
      </c>
      <c r="S119" s="6">
        <v>62</v>
      </c>
      <c r="T119" s="6">
        <v>19</v>
      </c>
      <c r="U119" s="6">
        <v>9</v>
      </c>
      <c r="V119" s="6">
        <v>6</v>
      </c>
      <c r="W119" s="6">
        <v>1</v>
      </c>
      <c r="X119" s="10" t="s">
        <v>55</v>
      </c>
      <c r="Y119" s="6">
        <v>6430</v>
      </c>
      <c r="Z119" s="6">
        <v>269</v>
      </c>
      <c r="AA119" s="6">
        <v>35</v>
      </c>
      <c r="AB119" s="6">
        <v>7</v>
      </c>
      <c r="AC119" s="6">
        <v>6573</v>
      </c>
      <c r="AD119" s="7">
        <v>44.782130000000002</v>
      </c>
    </row>
    <row r="120" spans="1:30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130</v>
      </c>
      <c r="F120" s="9" t="s">
        <v>133</v>
      </c>
      <c r="G120" s="6">
        <v>26628</v>
      </c>
      <c r="H120" s="6">
        <v>162</v>
      </c>
      <c r="I120" s="6">
        <v>787</v>
      </c>
      <c r="J120" s="6">
        <v>1189</v>
      </c>
      <c r="K120" s="6">
        <v>1729</v>
      </c>
      <c r="L120" s="6">
        <v>2348</v>
      </c>
      <c r="M120" s="6">
        <v>2815</v>
      </c>
      <c r="N120" s="6">
        <v>3183</v>
      </c>
      <c r="O120" s="6">
        <v>3216</v>
      </c>
      <c r="P120" s="6">
        <v>3654</v>
      </c>
      <c r="Q120" s="6">
        <v>3424</v>
      </c>
      <c r="R120" s="6">
        <v>2335</v>
      </c>
      <c r="S120" s="6">
        <v>1391</v>
      </c>
      <c r="T120" s="6">
        <v>330</v>
      </c>
      <c r="U120" s="6">
        <v>54</v>
      </c>
      <c r="V120" s="6">
        <v>9</v>
      </c>
      <c r="W120" s="6">
        <v>2</v>
      </c>
      <c r="X120" s="10" t="s">
        <v>55</v>
      </c>
      <c r="Y120" s="6">
        <v>22507</v>
      </c>
      <c r="Z120" s="6">
        <v>4121</v>
      </c>
      <c r="AA120" s="6">
        <v>395</v>
      </c>
      <c r="AB120" s="6">
        <v>11</v>
      </c>
      <c r="AC120" s="6">
        <v>24680</v>
      </c>
      <c r="AD120" s="7">
        <v>50.727469999999997</v>
      </c>
    </row>
    <row r="121" spans="1:30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130</v>
      </c>
      <c r="F121" s="9" t="s">
        <v>134</v>
      </c>
      <c r="G121" s="6">
        <v>55963</v>
      </c>
      <c r="H121" s="6">
        <v>947</v>
      </c>
      <c r="I121" s="6">
        <v>3541</v>
      </c>
      <c r="J121" s="6">
        <v>3842</v>
      </c>
      <c r="K121" s="6">
        <v>4571</v>
      </c>
      <c r="L121" s="6">
        <v>5679</v>
      </c>
      <c r="M121" s="6">
        <v>5983</v>
      </c>
      <c r="N121" s="6">
        <v>6312</v>
      </c>
      <c r="O121" s="6">
        <v>5280</v>
      </c>
      <c r="P121" s="6">
        <v>5344</v>
      </c>
      <c r="Q121" s="6">
        <v>5523</v>
      </c>
      <c r="R121" s="6">
        <v>4184</v>
      </c>
      <c r="S121" s="6">
        <v>2814</v>
      </c>
      <c r="T121" s="6">
        <v>1198</v>
      </c>
      <c r="U121" s="6">
        <v>541</v>
      </c>
      <c r="V121" s="6">
        <v>161</v>
      </c>
      <c r="W121" s="6">
        <v>38</v>
      </c>
      <c r="X121" s="6">
        <v>5</v>
      </c>
      <c r="Y121" s="6">
        <v>47022</v>
      </c>
      <c r="Z121" s="6">
        <v>8941</v>
      </c>
      <c r="AA121" s="6">
        <v>1943</v>
      </c>
      <c r="AB121" s="6">
        <v>204</v>
      </c>
      <c r="AC121" s="6">
        <v>50259</v>
      </c>
      <c r="AD121" s="7">
        <v>48.033940000000001</v>
      </c>
    </row>
    <row r="122" spans="1:30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130</v>
      </c>
      <c r="F122" s="9" t="s">
        <v>135</v>
      </c>
      <c r="G122" s="6">
        <v>6387</v>
      </c>
      <c r="H122" s="6">
        <v>5</v>
      </c>
      <c r="I122" s="6">
        <v>263</v>
      </c>
      <c r="J122" s="6">
        <v>494</v>
      </c>
      <c r="K122" s="6">
        <v>501</v>
      </c>
      <c r="L122" s="6">
        <v>597</v>
      </c>
      <c r="M122" s="6">
        <v>577</v>
      </c>
      <c r="N122" s="6">
        <v>852</v>
      </c>
      <c r="O122" s="6">
        <v>941</v>
      </c>
      <c r="P122" s="6">
        <v>828</v>
      </c>
      <c r="Q122" s="6">
        <v>714</v>
      </c>
      <c r="R122" s="6">
        <v>341</v>
      </c>
      <c r="S122" s="6">
        <v>203</v>
      </c>
      <c r="T122" s="6">
        <v>51</v>
      </c>
      <c r="U122" s="6">
        <v>15</v>
      </c>
      <c r="V122" s="6">
        <v>4</v>
      </c>
      <c r="W122" s="6">
        <v>1</v>
      </c>
      <c r="X122" s="10" t="s">
        <v>55</v>
      </c>
      <c r="Y122" s="6">
        <v>5772</v>
      </c>
      <c r="Z122" s="6">
        <v>615</v>
      </c>
      <c r="AA122" s="6">
        <v>71</v>
      </c>
      <c r="AB122" s="6">
        <v>5</v>
      </c>
      <c r="AC122" s="6">
        <v>6108</v>
      </c>
      <c r="AD122" s="7">
        <v>48.275790000000001</v>
      </c>
    </row>
    <row r="123" spans="1:30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130</v>
      </c>
      <c r="F123" s="9" t="s">
        <v>136</v>
      </c>
      <c r="G123" s="6">
        <v>7110</v>
      </c>
      <c r="H123" s="6">
        <v>26</v>
      </c>
      <c r="I123" s="6">
        <v>229</v>
      </c>
      <c r="J123" s="6">
        <v>389</v>
      </c>
      <c r="K123" s="6">
        <v>445</v>
      </c>
      <c r="L123" s="6">
        <v>589</v>
      </c>
      <c r="M123" s="6">
        <v>657</v>
      </c>
      <c r="N123" s="6">
        <v>646</v>
      </c>
      <c r="O123" s="6">
        <v>459</v>
      </c>
      <c r="P123" s="6">
        <v>604</v>
      </c>
      <c r="Q123" s="6">
        <v>778</v>
      </c>
      <c r="R123" s="6">
        <v>985</v>
      </c>
      <c r="S123" s="6">
        <v>722</v>
      </c>
      <c r="T123" s="6">
        <v>323</v>
      </c>
      <c r="U123" s="6">
        <v>160</v>
      </c>
      <c r="V123" s="6">
        <v>68</v>
      </c>
      <c r="W123" s="6">
        <v>25</v>
      </c>
      <c r="X123" s="6">
        <v>5</v>
      </c>
      <c r="Y123" s="6">
        <v>4822</v>
      </c>
      <c r="Z123" s="6">
        <v>2288</v>
      </c>
      <c r="AA123" s="6">
        <v>581</v>
      </c>
      <c r="AB123" s="6">
        <v>98</v>
      </c>
      <c r="AC123" s="6">
        <v>5781</v>
      </c>
      <c r="AD123" s="7">
        <v>54.098590000000002</v>
      </c>
    </row>
    <row r="124" spans="1:30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130</v>
      </c>
      <c r="F124" s="9" t="s">
        <v>137</v>
      </c>
      <c r="G124" s="6">
        <v>12551</v>
      </c>
      <c r="H124" s="6">
        <v>50</v>
      </c>
      <c r="I124" s="6">
        <v>335</v>
      </c>
      <c r="J124" s="6">
        <v>610</v>
      </c>
      <c r="K124" s="6">
        <v>811</v>
      </c>
      <c r="L124" s="6">
        <v>1060</v>
      </c>
      <c r="M124" s="6">
        <v>1335</v>
      </c>
      <c r="N124" s="6">
        <v>1511</v>
      </c>
      <c r="O124" s="6">
        <v>1169</v>
      </c>
      <c r="P124" s="6">
        <v>1251</v>
      </c>
      <c r="Q124" s="6">
        <v>1555</v>
      </c>
      <c r="R124" s="6">
        <v>1471</v>
      </c>
      <c r="S124" s="6">
        <v>941</v>
      </c>
      <c r="T124" s="6">
        <v>299</v>
      </c>
      <c r="U124" s="6">
        <v>106</v>
      </c>
      <c r="V124" s="6">
        <v>32</v>
      </c>
      <c r="W124" s="6">
        <v>13</v>
      </c>
      <c r="X124" s="6">
        <v>2</v>
      </c>
      <c r="Y124" s="6">
        <v>9687</v>
      </c>
      <c r="Z124" s="6">
        <v>2864</v>
      </c>
      <c r="AA124" s="6">
        <v>452</v>
      </c>
      <c r="AB124" s="6">
        <v>47</v>
      </c>
      <c r="AC124" s="6">
        <v>11108</v>
      </c>
      <c r="AD124" s="7">
        <v>52.114690000000003</v>
      </c>
    </row>
    <row r="125" spans="1:30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130</v>
      </c>
      <c r="F125" s="9" t="s">
        <v>138</v>
      </c>
      <c r="G125" s="6">
        <v>15477</v>
      </c>
      <c r="H125" s="6">
        <v>1052</v>
      </c>
      <c r="I125" s="6">
        <v>2234</v>
      </c>
      <c r="J125" s="6">
        <v>913</v>
      </c>
      <c r="K125" s="6">
        <v>1009</v>
      </c>
      <c r="L125" s="6">
        <v>1297</v>
      </c>
      <c r="M125" s="6">
        <v>1413</v>
      </c>
      <c r="N125" s="6">
        <v>1405</v>
      </c>
      <c r="O125" s="6">
        <v>1159</v>
      </c>
      <c r="P125" s="6">
        <v>1120</v>
      </c>
      <c r="Q125" s="6">
        <v>1222</v>
      </c>
      <c r="R125" s="6">
        <v>1241</v>
      </c>
      <c r="S125" s="6">
        <v>940</v>
      </c>
      <c r="T125" s="6">
        <v>337</v>
      </c>
      <c r="U125" s="6">
        <v>107</v>
      </c>
      <c r="V125" s="6">
        <v>24</v>
      </c>
      <c r="W125" s="6">
        <v>4</v>
      </c>
      <c r="X125" s="10" t="s">
        <v>55</v>
      </c>
      <c r="Y125" s="6">
        <v>12824</v>
      </c>
      <c r="Z125" s="6">
        <v>2653</v>
      </c>
      <c r="AA125" s="6">
        <v>472</v>
      </c>
      <c r="AB125" s="6">
        <v>28</v>
      </c>
      <c r="AC125" s="6">
        <v>13013</v>
      </c>
      <c r="AD125" s="7">
        <v>44.759610000000002</v>
      </c>
    </row>
    <row r="126" spans="1:30">
      <c r="A126" s="9" t="s">
        <v>27</v>
      </c>
      <c r="B126" s="9" t="s">
        <v>57</v>
      </c>
      <c r="C126" s="9" t="s">
        <v>58</v>
      </c>
      <c r="D126" s="9" t="s">
        <v>53</v>
      </c>
      <c r="E126" s="9" t="s">
        <v>130</v>
      </c>
      <c r="F126" s="9" t="s">
        <v>139</v>
      </c>
      <c r="G126" s="6">
        <v>11428</v>
      </c>
      <c r="H126" s="6">
        <v>137</v>
      </c>
      <c r="I126" s="6">
        <v>734</v>
      </c>
      <c r="J126" s="6">
        <v>719</v>
      </c>
      <c r="K126" s="6">
        <v>851</v>
      </c>
      <c r="L126" s="6">
        <v>1179</v>
      </c>
      <c r="M126" s="6">
        <v>1252</v>
      </c>
      <c r="N126" s="6">
        <v>1134</v>
      </c>
      <c r="O126" s="6">
        <v>1034</v>
      </c>
      <c r="P126" s="6">
        <v>1020</v>
      </c>
      <c r="Q126" s="6">
        <v>983</v>
      </c>
      <c r="R126" s="6">
        <v>960</v>
      </c>
      <c r="S126" s="6">
        <v>774</v>
      </c>
      <c r="T126" s="6">
        <v>400</v>
      </c>
      <c r="U126" s="6">
        <v>201</v>
      </c>
      <c r="V126" s="6">
        <v>44</v>
      </c>
      <c r="W126" s="6">
        <v>6</v>
      </c>
      <c r="X126" s="10" t="s">
        <v>55</v>
      </c>
      <c r="Y126" s="6">
        <v>9043</v>
      </c>
      <c r="Z126" s="6">
        <v>2385</v>
      </c>
      <c r="AA126" s="6">
        <v>651</v>
      </c>
      <c r="AB126" s="6">
        <v>50</v>
      </c>
      <c r="AC126" s="6">
        <v>9866</v>
      </c>
      <c r="AD126" s="7">
        <v>49.432009999999998</v>
      </c>
    </row>
    <row r="127" spans="1:30">
      <c r="A127" s="9" t="s">
        <v>27</v>
      </c>
      <c r="B127" s="9" t="s">
        <v>57</v>
      </c>
      <c r="C127" s="9" t="s">
        <v>58</v>
      </c>
      <c r="D127" s="9" t="s">
        <v>53</v>
      </c>
      <c r="E127" s="9" t="s">
        <v>130</v>
      </c>
      <c r="F127" s="9" t="s">
        <v>140</v>
      </c>
      <c r="G127" s="6">
        <v>16490</v>
      </c>
      <c r="H127" s="6">
        <v>215</v>
      </c>
      <c r="I127" s="6">
        <v>895</v>
      </c>
      <c r="J127" s="6">
        <v>1069</v>
      </c>
      <c r="K127" s="6">
        <v>1234</v>
      </c>
      <c r="L127" s="6">
        <v>1351</v>
      </c>
      <c r="M127" s="6">
        <v>1510</v>
      </c>
      <c r="N127" s="6">
        <v>1833</v>
      </c>
      <c r="O127" s="6">
        <v>1997</v>
      </c>
      <c r="P127" s="6">
        <v>2493</v>
      </c>
      <c r="Q127" s="6">
        <v>1902</v>
      </c>
      <c r="R127" s="6">
        <v>1184</v>
      </c>
      <c r="S127" s="6">
        <v>564</v>
      </c>
      <c r="T127" s="6">
        <v>172</v>
      </c>
      <c r="U127" s="6">
        <v>48</v>
      </c>
      <c r="V127" s="6">
        <v>19</v>
      </c>
      <c r="W127" s="6">
        <v>4</v>
      </c>
      <c r="X127" s="10" t="s">
        <v>55</v>
      </c>
      <c r="Y127" s="6">
        <v>14499</v>
      </c>
      <c r="Z127" s="6">
        <v>1991</v>
      </c>
      <c r="AA127" s="6">
        <v>243</v>
      </c>
      <c r="AB127" s="6">
        <v>23</v>
      </c>
      <c r="AC127" s="6">
        <v>15468</v>
      </c>
      <c r="AD127" s="7">
        <v>48.67259</v>
      </c>
    </row>
    <row r="128" spans="1:30">
      <c r="A128" s="9" t="s">
        <v>27</v>
      </c>
      <c r="B128" s="9" t="s">
        <v>57</v>
      </c>
      <c r="C128" s="9" t="s">
        <v>58</v>
      </c>
      <c r="D128" s="9" t="s">
        <v>53</v>
      </c>
      <c r="E128" s="9" t="s">
        <v>130</v>
      </c>
      <c r="F128" s="9" t="s">
        <v>141</v>
      </c>
      <c r="G128" s="6">
        <v>34315</v>
      </c>
      <c r="H128" s="6">
        <v>119</v>
      </c>
      <c r="I128" s="6">
        <v>1436</v>
      </c>
      <c r="J128" s="6">
        <v>3029</v>
      </c>
      <c r="K128" s="6">
        <v>3909</v>
      </c>
      <c r="L128" s="6">
        <v>4086</v>
      </c>
      <c r="M128" s="6">
        <v>4148</v>
      </c>
      <c r="N128" s="6">
        <v>3776</v>
      </c>
      <c r="O128" s="6">
        <v>2797</v>
      </c>
      <c r="P128" s="6">
        <v>2857</v>
      </c>
      <c r="Q128" s="6">
        <v>3053</v>
      </c>
      <c r="R128" s="6">
        <v>2687</v>
      </c>
      <c r="S128" s="6">
        <v>1610</v>
      </c>
      <c r="T128" s="6">
        <v>508</v>
      </c>
      <c r="U128" s="6">
        <v>180</v>
      </c>
      <c r="V128" s="6">
        <v>87</v>
      </c>
      <c r="W128" s="6">
        <v>29</v>
      </c>
      <c r="X128" s="6">
        <v>4</v>
      </c>
      <c r="Y128" s="6">
        <v>29210</v>
      </c>
      <c r="Z128" s="6">
        <v>5105</v>
      </c>
      <c r="AA128" s="6">
        <v>808</v>
      </c>
      <c r="AB128" s="6">
        <v>120</v>
      </c>
      <c r="AC128" s="6">
        <v>31778</v>
      </c>
      <c r="AD128" s="7">
        <v>47.169179999999997</v>
      </c>
    </row>
    <row r="129" spans="1:30">
      <c r="A129" s="9" t="s">
        <v>27</v>
      </c>
      <c r="B129" s="9" t="s">
        <v>57</v>
      </c>
      <c r="C129" s="9" t="s">
        <v>58</v>
      </c>
      <c r="D129" s="9" t="s">
        <v>53</v>
      </c>
      <c r="E129" s="9" t="s">
        <v>130</v>
      </c>
      <c r="F129" s="9" t="s">
        <v>142</v>
      </c>
      <c r="G129" s="6">
        <v>6158</v>
      </c>
      <c r="H129" s="6">
        <v>31</v>
      </c>
      <c r="I129" s="6">
        <v>201</v>
      </c>
      <c r="J129" s="6">
        <v>383</v>
      </c>
      <c r="K129" s="6">
        <v>564</v>
      </c>
      <c r="L129" s="6">
        <v>732</v>
      </c>
      <c r="M129" s="6">
        <v>815</v>
      </c>
      <c r="N129" s="6">
        <v>860</v>
      </c>
      <c r="O129" s="6">
        <v>758</v>
      </c>
      <c r="P129" s="6">
        <v>861</v>
      </c>
      <c r="Q129" s="6">
        <v>596</v>
      </c>
      <c r="R129" s="6">
        <v>252</v>
      </c>
      <c r="S129" s="6">
        <v>76</v>
      </c>
      <c r="T129" s="6">
        <v>25</v>
      </c>
      <c r="U129" s="6">
        <v>3</v>
      </c>
      <c r="V129" s="6">
        <v>1</v>
      </c>
      <c r="W129" s="10" t="s">
        <v>55</v>
      </c>
      <c r="X129" s="10" t="s">
        <v>55</v>
      </c>
      <c r="Y129" s="6">
        <v>5801</v>
      </c>
      <c r="Z129" s="6">
        <v>357</v>
      </c>
      <c r="AA129" s="6">
        <v>29</v>
      </c>
      <c r="AB129" s="6">
        <v>1</v>
      </c>
      <c r="AC129" s="6">
        <v>6022</v>
      </c>
      <c r="AD129" s="7">
        <v>46.813409999999998</v>
      </c>
    </row>
    <row r="130" spans="1:30">
      <c r="A130" s="9" t="s">
        <v>27</v>
      </c>
      <c r="B130" s="9" t="s">
        <v>57</v>
      </c>
      <c r="C130" s="9" t="s">
        <v>58</v>
      </c>
      <c r="D130" s="9" t="s">
        <v>53</v>
      </c>
      <c r="E130" s="9" t="s">
        <v>130</v>
      </c>
      <c r="F130" s="9" t="s">
        <v>143</v>
      </c>
      <c r="G130" s="6">
        <v>27952</v>
      </c>
      <c r="H130" s="6">
        <v>194</v>
      </c>
      <c r="I130" s="6">
        <v>1011</v>
      </c>
      <c r="J130" s="6">
        <v>1438</v>
      </c>
      <c r="K130" s="6">
        <v>1841</v>
      </c>
      <c r="L130" s="6">
        <v>2427</v>
      </c>
      <c r="M130" s="6">
        <v>2709</v>
      </c>
      <c r="N130" s="6">
        <v>2737</v>
      </c>
      <c r="O130" s="6">
        <v>2425</v>
      </c>
      <c r="P130" s="6">
        <v>2795</v>
      </c>
      <c r="Q130" s="6">
        <v>3617</v>
      </c>
      <c r="R130" s="6">
        <v>3330</v>
      </c>
      <c r="S130" s="6">
        <v>2318</v>
      </c>
      <c r="T130" s="6">
        <v>776</v>
      </c>
      <c r="U130" s="6">
        <v>270</v>
      </c>
      <c r="V130" s="6">
        <v>57</v>
      </c>
      <c r="W130" s="6">
        <v>6</v>
      </c>
      <c r="X130" s="6">
        <v>1</v>
      </c>
      <c r="Y130" s="6">
        <v>21194</v>
      </c>
      <c r="Z130" s="6">
        <v>6758</v>
      </c>
      <c r="AA130" s="6">
        <v>1110</v>
      </c>
      <c r="AB130" s="6">
        <v>64</v>
      </c>
      <c r="AC130" s="6">
        <v>24330</v>
      </c>
      <c r="AD130" s="7">
        <v>52.103610000000003</v>
      </c>
    </row>
    <row r="131" spans="1:30">
      <c r="A131" s="9" t="s">
        <v>27</v>
      </c>
      <c r="B131" s="9" t="s">
        <v>57</v>
      </c>
      <c r="C131" s="9" t="s">
        <v>58</v>
      </c>
      <c r="D131" s="9" t="s">
        <v>53</v>
      </c>
      <c r="E131" s="9" t="s">
        <v>130</v>
      </c>
      <c r="F131" s="9" t="s">
        <v>144</v>
      </c>
      <c r="G131" s="6">
        <v>25521</v>
      </c>
      <c r="H131" s="6">
        <v>304</v>
      </c>
      <c r="I131" s="6">
        <v>1745</v>
      </c>
      <c r="J131" s="6">
        <v>2366</v>
      </c>
      <c r="K131" s="6">
        <v>2688</v>
      </c>
      <c r="L131" s="6">
        <v>2548</v>
      </c>
      <c r="M131" s="6">
        <v>2981</v>
      </c>
      <c r="N131" s="6">
        <v>3488</v>
      </c>
      <c r="O131" s="6">
        <v>3427</v>
      </c>
      <c r="P131" s="6">
        <v>2811</v>
      </c>
      <c r="Q131" s="6">
        <v>1956</v>
      </c>
      <c r="R131" s="6">
        <v>774</v>
      </c>
      <c r="S131" s="6">
        <v>340</v>
      </c>
      <c r="T131" s="6">
        <v>70</v>
      </c>
      <c r="U131" s="6">
        <v>21</v>
      </c>
      <c r="V131" s="6">
        <v>2</v>
      </c>
      <c r="W131" s="10" t="s">
        <v>55</v>
      </c>
      <c r="X131" s="10" t="s">
        <v>55</v>
      </c>
      <c r="Y131" s="6">
        <v>24314</v>
      </c>
      <c r="Z131" s="6">
        <v>1207</v>
      </c>
      <c r="AA131" s="6">
        <v>93</v>
      </c>
      <c r="AB131" s="6">
        <v>2</v>
      </c>
      <c r="AC131" s="6">
        <v>24784</v>
      </c>
      <c r="AD131" s="7">
        <v>44.394599999999997</v>
      </c>
    </row>
    <row r="132" spans="1:30">
      <c r="A132" s="9" t="s">
        <v>27</v>
      </c>
      <c r="B132" s="9" t="s">
        <v>57</v>
      </c>
      <c r="C132" s="9" t="s">
        <v>58</v>
      </c>
      <c r="D132" s="9" t="s">
        <v>53</v>
      </c>
      <c r="E132" s="9" t="s">
        <v>55</v>
      </c>
      <c r="F132" s="9" t="s">
        <v>145</v>
      </c>
      <c r="G132" s="6">
        <v>8695</v>
      </c>
      <c r="H132" s="6">
        <v>233</v>
      </c>
      <c r="I132" s="6">
        <v>549</v>
      </c>
      <c r="J132" s="6">
        <v>491</v>
      </c>
      <c r="K132" s="6">
        <v>497</v>
      </c>
      <c r="L132" s="6">
        <v>597</v>
      </c>
      <c r="M132" s="6">
        <v>703</v>
      </c>
      <c r="N132" s="6">
        <v>680</v>
      </c>
      <c r="O132" s="6">
        <v>643</v>
      </c>
      <c r="P132" s="6">
        <v>600</v>
      </c>
      <c r="Q132" s="6">
        <v>696</v>
      </c>
      <c r="R132" s="6">
        <v>804</v>
      </c>
      <c r="S132" s="6">
        <v>905</v>
      </c>
      <c r="T132" s="6">
        <v>590</v>
      </c>
      <c r="U132" s="6">
        <v>415</v>
      </c>
      <c r="V132" s="6">
        <v>220</v>
      </c>
      <c r="W132" s="6">
        <v>63</v>
      </c>
      <c r="X132" s="6">
        <v>9</v>
      </c>
      <c r="Y132" s="6">
        <v>5689</v>
      </c>
      <c r="Z132" s="6">
        <v>3006</v>
      </c>
      <c r="AA132" s="6">
        <v>1297</v>
      </c>
      <c r="AB132" s="6">
        <v>292</v>
      </c>
      <c r="AC132" s="6">
        <v>6260</v>
      </c>
      <c r="AD132" s="7">
        <v>53.831110000000002</v>
      </c>
    </row>
    <row r="133" spans="1:30">
      <c r="A133" s="9" t="s">
        <v>27</v>
      </c>
      <c r="B133" s="9" t="s">
        <v>57</v>
      </c>
      <c r="C133" s="9" t="s">
        <v>58</v>
      </c>
      <c r="D133" s="9" t="s">
        <v>53</v>
      </c>
      <c r="E133" s="9" t="s">
        <v>55</v>
      </c>
      <c r="F133" s="9" t="s">
        <v>146</v>
      </c>
      <c r="G133" s="6">
        <v>42429</v>
      </c>
      <c r="H133" s="6">
        <v>140</v>
      </c>
      <c r="I133" s="6">
        <v>1214</v>
      </c>
      <c r="J133" s="6">
        <v>1502</v>
      </c>
      <c r="K133" s="6">
        <v>1878</v>
      </c>
      <c r="L133" s="6">
        <v>2264</v>
      </c>
      <c r="M133" s="6">
        <v>2434</v>
      </c>
      <c r="N133" s="6">
        <v>2340</v>
      </c>
      <c r="O133" s="6">
        <v>2459</v>
      </c>
      <c r="P133" s="6">
        <v>3303</v>
      </c>
      <c r="Q133" s="6">
        <v>4595</v>
      </c>
      <c r="R133" s="6">
        <v>6271</v>
      </c>
      <c r="S133" s="6">
        <v>6498</v>
      </c>
      <c r="T133" s="6">
        <v>3690</v>
      </c>
      <c r="U133" s="6">
        <v>2587</v>
      </c>
      <c r="V133" s="6">
        <v>1055</v>
      </c>
      <c r="W133" s="6">
        <v>192</v>
      </c>
      <c r="X133" s="6">
        <v>7</v>
      </c>
      <c r="Y133" s="6">
        <v>22129</v>
      </c>
      <c r="Z133" s="6">
        <v>20300</v>
      </c>
      <c r="AA133" s="6">
        <v>7531</v>
      </c>
      <c r="AB133" s="6">
        <v>1254</v>
      </c>
      <c r="AC133" s="6">
        <v>28260</v>
      </c>
      <c r="AD133" s="7">
        <v>59.903759999999998</v>
      </c>
    </row>
    <row r="134" spans="1:30">
      <c r="A134" s="9" t="s">
        <v>27</v>
      </c>
      <c r="B134" s="9" t="s">
        <v>57</v>
      </c>
      <c r="C134" s="9" t="s">
        <v>58</v>
      </c>
      <c r="D134" s="9" t="s">
        <v>53</v>
      </c>
      <c r="E134" s="9" t="s">
        <v>55</v>
      </c>
      <c r="F134" s="9" t="s">
        <v>147</v>
      </c>
      <c r="G134" s="6">
        <v>122861</v>
      </c>
      <c r="H134" s="6">
        <v>1412</v>
      </c>
      <c r="I134" s="6">
        <v>6447</v>
      </c>
      <c r="J134" s="6">
        <v>8999</v>
      </c>
      <c r="K134" s="6">
        <v>10605</v>
      </c>
      <c r="L134" s="6">
        <v>12723</v>
      </c>
      <c r="M134" s="6">
        <v>14571</v>
      </c>
      <c r="N134" s="6">
        <v>15218</v>
      </c>
      <c r="O134" s="6">
        <v>12380</v>
      </c>
      <c r="P134" s="6">
        <v>12674</v>
      </c>
      <c r="Q134" s="6">
        <v>11922</v>
      </c>
      <c r="R134" s="6">
        <v>9072</v>
      </c>
      <c r="S134" s="6">
        <v>4981</v>
      </c>
      <c r="T134" s="6">
        <v>1256</v>
      </c>
      <c r="U134" s="6">
        <v>436</v>
      </c>
      <c r="V134" s="6">
        <v>139</v>
      </c>
      <c r="W134" s="6">
        <v>26</v>
      </c>
      <c r="X134" s="10" t="s">
        <v>55</v>
      </c>
      <c r="Y134" s="6">
        <v>106951</v>
      </c>
      <c r="Z134" s="6">
        <v>15910</v>
      </c>
      <c r="AA134" s="6">
        <v>1857</v>
      </c>
      <c r="AB134" s="6">
        <v>165</v>
      </c>
      <c r="AC134" s="6">
        <v>114611</v>
      </c>
      <c r="AD134" s="7">
        <v>47.420099999999998</v>
      </c>
    </row>
    <row r="135" spans="1:30">
      <c r="A135" s="9" t="s">
        <v>27</v>
      </c>
      <c r="B135" s="9" t="s">
        <v>57</v>
      </c>
      <c r="C135" s="9" t="s">
        <v>58</v>
      </c>
      <c r="D135" s="9" t="s">
        <v>53</v>
      </c>
      <c r="E135" s="9" t="s">
        <v>55</v>
      </c>
      <c r="F135" s="9" t="s">
        <v>148</v>
      </c>
      <c r="G135" s="6">
        <v>255383</v>
      </c>
      <c r="H135" s="6">
        <v>3302</v>
      </c>
      <c r="I135" s="6">
        <v>13944</v>
      </c>
      <c r="J135" s="6">
        <v>17304</v>
      </c>
      <c r="K135" s="6">
        <v>20957</v>
      </c>
      <c r="L135" s="6">
        <v>24866</v>
      </c>
      <c r="M135" s="6">
        <v>27364</v>
      </c>
      <c r="N135" s="6">
        <v>29019</v>
      </c>
      <c r="O135" s="6">
        <v>25887</v>
      </c>
      <c r="P135" s="6">
        <v>26894</v>
      </c>
      <c r="Q135" s="6">
        <v>26145</v>
      </c>
      <c r="R135" s="6">
        <v>20011</v>
      </c>
      <c r="S135" s="6">
        <v>12795</v>
      </c>
      <c r="T135" s="6">
        <v>4517</v>
      </c>
      <c r="U135" s="6">
        <v>1718</v>
      </c>
      <c r="V135" s="6">
        <v>514</v>
      </c>
      <c r="W135" s="6">
        <v>129</v>
      </c>
      <c r="X135" s="6">
        <v>17</v>
      </c>
      <c r="Y135" s="6">
        <v>215682</v>
      </c>
      <c r="Z135" s="6">
        <v>39701</v>
      </c>
      <c r="AA135" s="6">
        <v>6895</v>
      </c>
      <c r="AB135" s="6">
        <v>660</v>
      </c>
      <c r="AC135" s="6">
        <v>232391</v>
      </c>
      <c r="AD135" s="7">
        <v>48.436579999999999</v>
      </c>
    </row>
    <row r="136" spans="1:30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55</v>
      </c>
      <c r="F136" s="9" t="s">
        <v>6</v>
      </c>
      <c r="G136" s="6">
        <v>389891</v>
      </c>
      <c r="H136" s="6">
        <v>5070</v>
      </c>
      <c r="I136" s="6">
        <v>22637</v>
      </c>
      <c r="J136" s="6">
        <v>27570</v>
      </c>
      <c r="K136" s="6">
        <v>31003</v>
      </c>
      <c r="L136" s="6">
        <v>36961</v>
      </c>
      <c r="M136" s="6">
        <v>41767</v>
      </c>
      <c r="N136" s="6">
        <v>44856</v>
      </c>
      <c r="O136" s="6">
        <v>41232</v>
      </c>
      <c r="P136" s="6">
        <v>41245</v>
      </c>
      <c r="Q136" s="6">
        <v>37101</v>
      </c>
      <c r="R136" s="6">
        <v>28584</v>
      </c>
      <c r="S136" s="6">
        <v>18643</v>
      </c>
      <c r="T136" s="6">
        <v>7772</v>
      </c>
      <c r="U136" s="6">
        <v>3732</v>
      </c>
      <c r="V136" s="6">
        <v>1361</v>
      </c>
      <c r="W136" s="6">
        <v>305</v>
      </c>
      <c r="X136" s="6">
        <v>52</v>
      </c>
      <c r="Y136" s="6">
        <v>329442</v>
      </c>
      <c r="Z136" s="6">
        <v>60449</v>
      </c>
      <c r="AA136" s="6">
        <v>13222</v>
      </c>
      <c r="AB136" s="6">
        <v>1718</v>
      </c>
      <c r="AC136" s="6">
        <v>352956</v>
      </c>
      <c r="AD136" s="7">
        <v>48.353380000000001</v>
      </c>
    </row>
    <row r="137" spans="1:30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122</v>
      </c>
      <c r="F137" s="9" t="s">
        <v>123</v>
      </c>
      <c r="G137" s="6">
        <v>28319</v>
      </c>
      <c r="H137" s="6">
        <v>90</v>
      </c>
      <c r="I137" s="6">
        <v>841</v>
      </c>
      <c r="J137" s="6">
        <v>1022</v>
      </c>
      <c r="K137" s="6">
        <v>1220</v>
      </c>
      <c r="L137" s="6">
        <v>1373</v>
      </c>
      <c r="M137" s="6">
        <v>1450</v>
      </c>
      <c r="N137" s="6">
        <v>1511</v>
      </c>
      <c r="O137" s="6">
        <v>1675</v>
      </c>
      <c r="P137" s="6">
        <v>2244</v>
      </c>
      <c r="Q137" s="6">
        <v>3251</v>
      </c>
      <c r="R137" s="6">
        <v>4441</v>
      </c>
      <c r="S137" s="6">
        <v>4204</v>
      </c>
      <c r="T137" s="6">
        <v>2624</v>
      </c>
      <c r="U137" s="6">
        <v>1685</v>
      </c>
      <c r="V137" s="6">
        <v>579</v>
      </c>
      <c r="W137" s="6">
        <v>97</v>
      </c>
      <c r="X137" s="6">
        <v>12</v>
      </c>
      <c r="Y137" s="6">
        <v>14677</v>
      </c>
      <c r="Z137" s="6">
        <v>13642</v>
      </c>
      <c r="AA137" s="6">
        <v>4997</v>
      </c>
      <c r="AB137" s="6">
        <v>688</v>
      </c>
      <c r="AC137" s="6">
        <v>19028</v>
      </c>
      <c r="AD137" s="7">
        <v>60.059730000000002</v>
      </c>
    </row>
    <row r="138" spans="1:30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122</v>
      </c>
      <c r="F138" s="9" t="s">
        <v>124</v>
      </c>
      <c r="G138" s="6">
        <v>27926</v>
      </c>
      <c r="H138" s="6">
        <v>88</v>
      </c>
      <c r="I138" s="6">
        <v>821</v>
      </c>
      <c r="J138" s="6">
        <v>1009</v>
      </c>
      <c r="K138" s="6">
        <v>1196</v>
      </c>
      <c r="L138" s="6">
        <v>1337</v>
      </c>
      <c r="M138" s="6">
        <v>1398</v>
      </c>
      <c r="N138" s="6">
        <v>1458</v>
      </c>
      <c r="O138" s="6">
        <v>1641</v>
      </c>
      <c r="P138" s="6">
        <v>2198</v>
      </c>
      <c r="Q138" s="6">
        <v>3210</v>
      </c>
      <c r="R138" s="6">
        <v>4412</v>
      </c>
      <c r="S138" s="6">
        <v>4177</v>
      </c>
      <c r="T138" s="6">
        <v>2614</v>
      </c>
      <c r="U138" s="6">
        <v>1682</v>
      </c>
      <c r="V138" s="6">
        <v>576</v>
      </c>
      <c r="W138" s="6">
        <v>97</v>
      </c>
      <c r="X138" s="6">
        <v>12</v>
      </c>
      <c r="Y138" s="6">
        <v>14356</v>
      </c>
      <c r="Z138" s="6">
        <v>13570</v>
      </c>
      <c r="AA138" s="6">
        <v>4981</v>
      </c>
      <c r="AB138" s="6">
        <v>685</v>
      </c>
      <c r="AC138" s="6">
        <v>18680</v>
      </c>
      <c r="AD138" s="7">
        <v>60.193330000000003</v>
      </c>
    </row>
    <row r="139" spans="1:30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122</v>
      </c>
      <c r="F139" s="9" t="s">
        <v>125</v>
      </c>
      <c r="G139" s="6">
        <v>1020</v>
      </c>
      <c r="H139" s="6">
        <v>3</v>
      </c>
      <c r="I139" s="6">
        <v>5</v>
      </c>
      <c r="J139" s="6">
        <v>20</v>
      </c>
      <c r="K139" s="6">
        <v>43</v>
      </c>
      <c r="L139" s="6">
        <v>49</v>
      </c>
      <c r="M139" s="6">
        <v>64</v>
      </c>
      <c r="N139" s="6">
        <v>66</v>
      </c>
      <c r="O139" s="6">
        <v>92</v>
      </c>
      <c r="P139" s="6">
        <v>115</v>
      </c>
      <c r="Q139" s="6">
        <v>153</v>
      </c>
      <c r="R139" s="6">
        <v>173</v>
      </c>
      <c r="S139" s="6">
        <v>152</v>
      </c>
      <c r="T139" s="6">
        <v>56</v>
      </c>
      <c r="U139" s="6">
        <v>21</v>
      </c>
      <c r="V139" s="6">
        <v>6</v>
      </c>
      <c r="W139" s="6">
        <v>2</v>
      </c>
      <c r="X139" s="10" t="s">
        <v>55</v>
      </c>
      <c r="Y139" s="6">
        <v>610</v>
      </c>
      <c r="Z139" s="6">
        <v>410</v>
      </c>
      <c r="AA139" s="6">
        <v>85</v>
      </c>
      <c r="AB139" s="6">
        <v>8</v>
      </c>
      <c r="AC139" s="6">
        <v>780</v>
      </c>
      <c r="AD139" s="7">
        <v>59.090200000000003</v>
      </c>
    </row>
    <row r="140" spans="1:30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126</v>
      </c>
      <c r="F140" s="9" t="s">
        <v>127</v>
      </c>
      <c r="G140" s="6">
        <v>56</v>
      </c>
      <c r="H140" s="6">
        <v>1</v>
      </c>
      <c r="I140" s="6">
        <v>2</v>
      </c>
      <c r="J140" s="6">
        <v>2</v>
      </c>
      <c r="K140" s="6">
        <v>2</v>
      </c>
      <c r="L140" s="6">
        <v>6</v>
      </c>
      <c r="M140" s="6">
        <v>5</v>
      </c>
      <c r="N140" s="6">
        <v>7</v>
      </c>
      <c r="O140" s="6">
        <v>7</v>
      </c>
      <c r="P140" s="6">
        <v>6</v>
      </c>
      <c r="Q140" s="6">
        <v>5</v>
      </c>
      <c r="R140" s="6">
        <v>10</v>
      </c>
      <c r="S140" s="6">
        <v>2</v>
      </c>
      <c r="T140" s="6">
        <v>1</v>
      </c>
      <c r="U140" s="10" t="s">
        <v>55</v>
      </c>
      <c r="V140" s="10" t="s">
        <v>55</v>
      </c>
      <c r="W140" s="10" t="s">
        <v>55</v>
      </c>
      <c r="X140" s="10" t="s">
        <v>55</v>
      </c>
      <c r="Y140" s="6">
        <v>43</v>
      </c>
      <c r="Z140" s="6">
        <v>13</v>
      </c>
      <c r="AA140" s="6">
        <v>1</v>
      </c>
      <c r="AB140" s="10" t="s">
        <v>55</v>
      </c>
      <c r="AC140" s="6">
        <v>52</v>
      </c>
      <c r="AD140" s="7">
        <v>51.303570000000001</v>
      </c>
    </row>
    <row r="141" spans="1:30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126</v>
      </c>
      <c r="F141" s="9" t="s">
        <v>128</v>
      </c>
      <c r="G141" s="6">
        <v>11688</v>
      </c>
      <c r="H141" s="6">
        <v>54</v>
      </c>
      <c r="I141" s="6">
        <v>389</v>
      </c>
      <c r="J141" s="6">
        <v>618</v>
      </c>
      <c r="K141" s="6">
        <v>851</v>
      </c>
      <c r="L141" s="6">
        <v>1172</v>
      </c>
      <c r="M141" s="6">
        <v>1506</v>
      </c>
      <c r="N141" s="6">
        <v>1468</v>
      </c>
      <c r="O141" s="6">
        <v>1173</v>
      </c>
      <c r="P141" s="6">
        <v>1102</v>
      </c>
      <c r="Q141" s="6">
        <v>1142</v>
      </c>
      <c r="R141" s="6">
        <v>1157</v>
      </c>
      <c r="S141" s="6">
        <v>693</v>
      </c>
      <c r="T141" s="6">
        <v>244</v>
      </c>
      <c r="U141" s="6">
        <v>80</v>
      </c>
      <c r="V141" s="6">
        <v>32</v>
      </c>
      <c r="W141" s="6">
        <v>5</v>
      </c>
      <c r="X141" s="6">
        <v>2</v>
      </c>
      <c r="Y141" s="6">
        <v>9475</v>
      </c>
      <c r="Z141" s="6">
        <v>2213</v>
      </c>
      <c r="AA141" s="6">
        <v>363</v>
      </c>
      <c r="AB141" s="6">
        <v>39</v>
      </c>
      <c r="AC141" s="6">
        <v>10578</v>
      </c>
      <c r="AD141" s="7">
        <v>50.120379999999997</v>
      </c>
    </row>
    <row r="142" spans="1:30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126</v>
      </c>
      <c r="F142" s="9" t="s">
        <v>129</v>
      </c>
      <c r="G142" s="6">
        <v>35360</v>
      </c>
      <c r="H142" s="6">
        <v>491</v>
      </c>
      <c r="I142" s="6">
        <v>2517</v>
      </c>
      <c r="J142" s="6">
        <v>2776</v>
      </c>
      <c r="K142" s="6">
        <v>3298</v>
      </c>
      <c r="L142" s="6">
        <v>3646</v>
      </c>
      <c r="M142" s="6">
        <v>4105</v>
      </c>
      <c r="N142" s="6">
        <v>4488</v>
      </c>
      <c r="O142" s="6">
        <v>3871</v>
      </c>
      <c r="P142" s="6">
        <v>3752</v>
      </c>
      <c r="Q142" s="6">
        <v>3010</v>
      </c>
      <c r="R142" s="6">
        <v>1923</v>
      </c>
      <c r="S142" s="6">
        <v>961</v>
      </c>
      <c r="T142" s="6">
        <v>336</v>
      </c>
      <c r="U142" s="6">
        <v>135</v>
      </c>
      <c r="V142" s="6">
        <v>41</v>
      </c>
      <c r="W142" s="6">
        <v>10</v>
      </c>
      <c r="X142" s="10" t="s">
        <v>55</v>
      </c>
      <c r="Y142" s="6">
        <v>31954</v>
      </c>
      <c r="Z142" s="6">
        <v>3406</v>
      </c>
      <c r="AA142" s="6">
        <v>522</v>
      </c>
      <c r="AB142" s="6">
        <v>51</v>
      </c>
      <c r="AC142" s="6">
        <v>33386</v>
      </c>
      <c r="AD142" s="7">
        <v>45.844430000000003</v>
      </c>
    </row>
    <row r="143" spans="1:30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130</v>
      </c>
      <c r="F143" s="9" t="s">
        <v>131</v>
      </c>
      <c r="G143" s="6">
        <v>528</v>
      </c>
      <c r="H143" s="6">
        <v>6</v>
      </c>
      <c r="I143" s="6">
        <v>33</v>
      </c>
      <c r="J143" s="6">
        <v>47</v>
      </c>
      <c r="K143" s="6">
        <v>48</v>
      </c>
      <c r="L143" s="6">
        <v>41</v>
      </c>
      <c r="M143" s="6">
        <v>74</v>
      </c>
      <c r="N143" s="6">
        <v>78</v>
      </c>
      <c r="O143" s="6">
        <v>76</v>
      </c>
      <c r="P143" s="6">
        <v>63</v>
      </c>
      <c r="Q143" s="6">
        <v>35</v>
      </c>
      <c r="R143" s="6">
        <v>13</v>
      </c>
      <c r="S143" s="6">
        <v>8</v>
      </c>
      <c r="T143" s="6">
        <v>4</v>
      </c>
      <c r="U143" s="10" t="s">
        <v>55</v>
      </c>
      <c r="V143" s="6">
        <v>2</v>
      </c>
      <c r="W143" s="10" t="s">
        <v>55</v>
      </c>
      <c r="X143" s="10" t="s">
        <v>55</v>
      </c>
      <c r="Y143" s="6">
        <v>501</v>
      </c>
      <c r="Z143" s="6">
        <v>27</v>
      </c>
      <c r="AA143" s="6">
        <v>6</v>
      </c>
      <c r="AB143" s="6">
        <v>2</v>
      </c>
      <c r="AC143" s="6">
        <v>508</v>
      </c>
      <c r="AD143" s="7">
        <v>45.155299999999997</v>
      </c>
    </row>
    <row r="144" spans="1:30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130</v>
      </c>
      <c r="F144" s="9" t="s">
        <v>132</v>
      </c>
      <c r="G144" s="6">
        <v>3209</v>
      </c>
      <c r="H144" s="6">
        <v>11</v>
      </c>
      <c r="I144" s="6">
        <v>296</v>
      </c>
      <c r="J144" s="6">
        <v>445</v>
      </c>
      <c r="K144" s="6">
        <v>423</v>
      </c>
      <c r="L144" s="6">
        <v>412</v>
      </c>
      <c r="M144" s="6">
        <v>450</v>
      </c>
      <c r="N144" s="6">
        <v>416</v>
      </c>
      <c r="O144" s="6">
        <v>348</v>
      </c>
      <c r="P144" s="6">
        <v>204</v>
      </c>
      <c r="Q144" s="6">
        <v>115</v>
      </c>
      <c r="R144" s="6">
        <v>48</v>
      </c>
      <c r="S144" s="6">
        <v>26</v>
      </c>
      <c r="T144" s="6">
        <v>9</v>
      </c>
      <c r="U144" s="6">
        <v>5</v>
      </c>
      <c r="V144" s="10" t="s">
        <v>55</v>
      </c>
      <c r="W144" s="6">
        <v>1</v>
      </c>
      <c r="X144" s="10" t="s">
        <v>55</v>
      </c>
      <c r="Y144" s="6">
        <v>3120</v>
      </c>
      <c r="Z144" s="6">
        <v>89</v>
      </c>
      <c r="AA144" s="6">
        <v>15</v>
      </c>
      <c r="AB144" s="6">
        <v>1</v>
      </c>
      <c r="AC144" s="6">
        <v>3157</v>
      </c>
      <c r="AD144" s="7">
        <v>40.725619999999999</v>
      </c>
    </row>
    <row r="145" spans="1:30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130</v>
      </c>
      <c r="F145" s="9" t="s">
        <v>133</v>
      </c>
      <c r="G145" s="6">
        <v>5338</v>
      </c>
      <c r="H145" s="6">
        <v>54</v>
      </c>
      <c r="I145" s="6">
        <v>255</v>
      </c>
      <c r="J145" s="6">
        <v>313</v>
      </c>
      <c r="K145" s="6">
        <v>416</v>
      </c>
      <c r="L145" s="6">
        <v>493</v>
      </c>
      <c r="M145" s="6">
        <v>644</v>
      </c>
      <c r="N145" s="6">
        <v>746</v>
      </c>
      <c r="O145" s="6">
        <v>695</v>
      </c>
      <c r="P145" s="6">
        <v>685</v>
      </c>
      <c r="Q145" s="6">
        <v>495</v>
      </c>
      <c r="R145" s="6">
        <v>301</v>
      </c>
      <c r="S145" s="6">
        <v>161</v>
      </c>
      <c r="T145" s="6">
        <v>56</v>
      </c>
      <c r="U145" s="6">
        <v>18</v>
      </c>
      <c r="V145" s="6">
        <v>4</v>
      </c>
      <c r="W145" s="6">
        <v>2</v>
      </c>
      <c r="X145" s="10" t="s">
        <v>55</v>
      </c>
      <c r="Y145" s="6">
        <v>4796</v>
      </c>
      <c r="Z145" s="6">
        <v>542</v>
      </c>
      <c r="AA145" s="6">
        <v>80</v>
      </c>
      <c r="AB145" s="6">
        <v>6</v>
      </c>
      <c r="AC145" s="6">
        <v>5043</v>
      </c>
      <c r="AD145" s="7">
        <v>47.811909999999997</v>
      </c>
    </row>
    <row r="146" spans="1:30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130</v>
      </c>
      <c r="F146" s="9" t="s">
        <v>134</v>
      </c>
      <c r="G146" s="6">
        <v>64583</v>
      </c>
      <c r="H146" s="6">
        <v>1417</v>
      </c>
      <c r="I146" s="6">
        <v>4034</v>
      </c>
      <c r="J146" s="6">
        <v>4129</v>
      </c>
      <c r="K146" s="6">
        <v>4939</v>
      </c>
      <c r="L146" s="6">
        <v>5879</v>
      </c>
      <c r="M146" s="6">
        <v>6574</v>
      </c>
      <c r="N146" s="6">
        <v>7444</v>
      </c>
      <c r="O146" s="6">
        <v>7039</v>
      </c>
      <c r="P146" s="6">
        <v>7098</v>
      </c>
      <c r="Q146" s="6">
        <v>6698</v>
      </c>
      <c r="R146" s="6">
        <v>4761</v>
      </c>
      <c r="S146" s="6">
        <v>2810</v>
      </c>
      <c r="T146" s="6">
        <v>1046</v>
      </c>
      <c r="U146" s="6">
        <v>469</v>
      </c>
      <c r="V146" s="6">
        <v>183</v>
      </c>
      <c r="W146" s="6">
        <v>51</v>
      </c>
      <c r="X146" s="6">
        <v>12</v>
      </c>
      <c r="Y146" s="6">
        <v>55251</v>
      </c>
      <c r="Z146" s="6">
        <v>9332</v>
      </c>
      <c r="AA146" s="6">
        <v>1761</v>
      </c>
      <c r="AB146" s="6">
        <v>246</v>
      </c>
      <c r="AC146" s="6">
        <v>58595</v>
      </c>
      <c r="AD146" s="7">
        <v>48.084049999999998</v>
      </c>
    </row>
    <row r="147" spans="1:30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130</v>
      </c>
      <c r="F147" s="9" t="s">
        <v>135</v>
      </c>
      <c r="G147" s="6">
        <v>8901</v>
      </c>
      <c r="H147" s="6">
        <v>42</v>
      </c>
      <c r="I147" s="6">
        <v>468</v>
      </c>
      <c r="J147" s="6">
        <v>859</v>
      </c>
      <c r="K147" s="6">
        <v>769</v>
      </c>
      <c r="L147" s="6">
        <v>916</v>
      </c>
      <c r="M147" s="6">
        <v>964</v>
      </c>
      <c r="N147" s="6">
        <v>1361</v>
      </c>
      <c r="O147" s="6">
        <v>1231</v>
      </c>
      <c r="P147" s="6">
        <v>1065</v>
      </c>
      <c r="Q147" s="6">
        <v>629</v>
      </c>
      <c r="R147" s="6">
        <v>329</v>
      </c>
      <c r="S147" s="6">
        <v>201</v>
      </c>
      <c r="T147" s="6">
        <v>50</v>
      </c>
      <c r="U147" s="6">
        <v>14</v>
      </c>
      <c r="V147" s="6">
        <v>3</v>
      </c>
      <c r="W147" s="10" t="s">
        <v>55</v>
      </c>
      <c r="X147" s="10" t="s">
        <v>55</v>
      </c>
      <c r="Y147" s="6">
        <v>8304</v>
      </c>
      <c r="Z147" s="6">
        <v>597</v>
      </c>
      <c r="AA147" s="6">
        <v>67</v>
      </c>
      <c r="AB147" s="6">
        <v>3</v>
      </c>
      <c r="AC147" s="6">
        <v>8591</v>
      </c>
      <c r="AD147" s="7">
        <v>45.735930000000003</v>
      </c>
    </row>
    <row r="148" spans="1:30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130</v>
      </c>
      <c r="F148" s="9" t="s">
        <v>136</v>
      </c>
      <c r="G148" s="6">
        <v>5475</v>
      </c>
      <c r="H148" s="6">
        <v>35</v>
      </c>
      <c r="I148" s="6">
        <v>205</v>
      </c>
      <c r="J148" s="6">
        <v>316</v>
      </c>
      <c r="K148" s="6">
        <v>367</v>
      </c>
      <c r="L148" s="6">
        <v>402</v>
      </c>
      <c r="M148" s="6">
        <v>542</v>
      </c>
      <c r="N148" s="6">
        <v>567</v>
      </c>
      <c r="O148" s="6">
        <v>468</v>
      </c>
      <c r="P148" s="6">
        <v>521</v>
      </c>
      <c r="Q148" s="6">
        <v>561</v>
      </c>
      <c r="R148" s="6">
        <v>579</v>
      </c>
      <c r="S148" s="6">
        <v>436</v>
      </c>
      <c r="T148" s="6">
        <v>244</v>
      </c>
      <c r="U148" s="6">
        <v>132</v>
      </c>
      <c r="V148" s="6">
        <v>65</v>
      </c>
      <c r="W148" s="6">
        <v>32</v>
      </c>
      <c r="X148" s="6">
        <v>3</v>
      </c>
      <c r="Y148" s="6">
        <v>3984</v>
      </c>
      <c r="Z148" s="6">
        <v>1491</v>
      </c>
      <c r="AA148" s="6">
        <v>476</v>
      </c>
      <c r="AB148" s="6">
        <v>100</v>
      </c>
      <c r="AC148" s="6">
        <v>4528</v>
      </c>
      <c r="AD148" s="7">
        <v>52.900910000000003</v>
      </c>
    </row>
    <row r="149" spans="1:30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130</v>
      </c>
      <c r="F149" s="9" t="s">
        <v>137</v>
      </c>
      <c r="G149" s="6">
        <v>7937</v>
      </c>
      <c r="H149" s="6">
        <v>36</v>
      </c>
      <c r="I149" s="6">
        <v>359</v>
      </c>
      <c r="J149" s="6">
        <v>607</v>
      </c>
      <c r="K149" s="6">
        <v>702</v>
      </c>
      <c r="L149" s="6">
        <v>967</v>
      </c>
      <c r="M149" s="6">
        <v>1131</v>
      </c>
      <c r="N149" s="6">
        <v>1144</v>
      </c>
      <c r="O149" s="6">
        <v>847</v>
      </c>
      <c r="P149" s="6">
        <v>713</v>
      </c>
      <c r="Q149" s="6">
        <v>629</v>
      </c>
      <c r="R149" s="6">
        <v>431</v>
      </c>
      <c r="S149" s="6">
        <v>252</v>
      </c>
      <c r="T149" s="6">
        <v>88</v>
      </c>
      <c r="U149" s="6">
        <v>21</v>
      </c>
      <c r="V149" s="6">
        <v>8</v>
      </c>
      <c r="W149" s="6">
        <v>2</v>
      </c>
      <c r="X149" s="10" t="s">
        <v>55</v>
      </c>
      <c r="Y149" s="6">
        <v>7135</v>
      </c>
      <c r="Z149" s="6">
        <v>802</v>
      </c>
      <c r="AA149" s="6">
        <v>119</v>
      </c>
      <c r="AB149" s="6">
        <v>10</v>
      </c>
      <c r="AC149" s="6">
        <v>7530</v>
      </c>
      <c r="AD149" s="7">
        <v>46.424779999999998</v>
      </c>
    </row>
    <row r="150" spans="1:30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130</v>
      </c>
      <c r="F150" s="9" t="s">
        <v>138</v>
      </c>
      <c r="G150" s="6">
        <v>26749</v>
      </c>
      <c r="H150" s="6">
        <v>1544</v>
      </c>
      <c r="I150" s="6">
        <v>2587</v>
      </c>
      <c r="J150" s="6">
        <v>1324</v>
      </c>
      <c r="K150" s="6">
        <v>1645</v>
      </c>
      <c r="L150" s="6">
        <v>2067</v>
      </c>
      <c r="M150" s="6">
        <v>2328</v>
      </c>
      <c r="N150" s="6">
        <v>2518</v>
      </c>
      <c r="O150" s="6">
        <v>2325</v>
      </c>
      <c r="P150" s="6">
        <v>2388</v>
      </c>
      <c r="Q150" s="6">
        <v>2666</v>
      </c>
      <c r="R150" s="6">
        <v>2642</v>
      </c>
      <c r="S150" s="6">
        <v>1929</v>
      </c>
      <c r="T150" s="6">
        <v>573</v>
      </c>
      <c r="U150" s="6">
        <v>163</v>
      </c>
      <c r="V150" s="6">
        <v>42</v>
      </c>
      <c r="W150" s="6">
        <v>8</v>
      </c>
      <c r="X150" s="10" t="s">
        <v>55</v>
      </c>
      <c r="Y150" s="6">
        <v>21392</v>
      </c>
      <c r="Z150" s="6">
        <v>5357</v>
      </c>
      <c r="AA150" s="6">
        <v>786</v>
      </c>
      <c r="AB150" s="6">
        <v>50</v>
      </c>
      <c r="AC150" s="6">
        <v>22490</v>
      </c>
      <c r="AD150" s="7">
        <v>47.77037</v>
      </c>
    </row>
    <row r="151" spans="1:30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130</v>
      </c>
      <c r="F151" s="9" t="s">
        <v>139</v>
      </c>
      <c r="G151" s="6">
        <v>17213</v>
      </c>
      <c r="H151" s="6">
        <v>154</v>
      </c>
      <c r="I151" s="6">
        <v>1083</v>
      </c>
      <c r="J151" s="6">
        <v>1283</v>
      </c>
      <c r="K151" s="6">
        <v>1363</v>
      </c>
      <c r="L151" s="6">
        <v>1607</v>
      </c>
      <c r="M151" s="6">
        <v>1704</v>
      </c>
      <c r="N151" s="6">
        <v>1614</v>
      </c>
      <c r="O151" s="6">
        <v>1598</v>
      </c>
      <c r="P151" s="6">
        <v>1697</v>
      </c>
      <c r="Q151" s="6">
        <v>1567</v>
      </c>
      <c r="R151" s="6">
        <v>1509</v>
      </c>
      <c r="S151" s="6">
        <v>1177</v>
      </c>
      <c r="T151" s="6">
        <v>545</v>
      </c>
      <c r="U151" s="6">
        <v>243</v>
      </c>
      <c r="V151" s="6">
        <v>60</v>
      </c>
      <c r="W151" s="6">
        <v>8</v>
      </c>
      <c r="X151" s="6">
        <v>1</v>
      </c>
      <c r="Y151" s="6">
        <v>13670</v>
      </c>
      <c r="Z151" s="6">
        <v>3543</v>
      </c>
      <c r="AA151" s="6">
        <v>857</v>
      </c>
      <c r="AB151" s="6">
        <v>69</v>
      </c>
      <c r="AC151" s="6">
        <v>15025</v>
      </c>
      <c r="AD151" s="7">
        <v>49.41628</v>
      </c>
    </row>
    <row r="152" spans="1:30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130</v>
      </c>
      <c r="F152" s="9" t="s">
        <v>140</v>
      </c>
      <c r="G152" s="6">
        <v>23060</v>
      </c>
      <c r="H152" s="6">
        <v>220</v>
      </c>
      <c r="I152" s="6">
        <v>1376</v>
      </c>
      <c r="J152" s="6">
        <v>1966</v>
      </c>
      <c r="K152" s="6">
        <v>1765</v>
      </c>
      <c r="L152" s="6">
        <v>2136</v>
      </c>
      <c r="M152" s="6">
        <v>2772</v>
      </c>
      <c r="N152" s="6">
        <v>3344</v>
      </c>
      <c r="O152" s="6">
        <v>3139</v>
      </c>
      <c r="P152" s="6">
        <v>3059</v>
      </c>
      <c r="Q152" s="6">
        <v>1848</v>
      </c>
      <c r="R152" s="6">
        <v>823</v>
      </c>
      <c r="S152" s="6">
        <v>379</v>
      </c>
      <c r="T152" s="6">
        <v>145</v>
      </c>
      <c r="U152" s="6">
        <v>59</v>
      </c>
      <c r="V152" s="6">
        <v>19</v>
      </c>
      <c r="W152" s="6">
        <v>10</v>
      </c>
      <c r="X152" s="10" t="s">
        <v>55</v>
      </c>
      <c r="Y152" s="6">
        <v>21625</v>
      </c>
      <c r="Z152" s="6">
        <v>1435</v>
      </c>
      <c r="AA152" s="6">
        <v>233</v>
      </c>
      <c r="AB152" s="6">
        <v>29</v>
      </c>
      <c r="AC152" s="6">
        <v>22228</v>
      </c>
      <c r="AD152" s="7">
        <v>46.009189999999997</v>
      </c>
    </row>
    <row r="153" spans="1:30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130</v>
      </c>
      <c r="F153" s="9" t="s">
        <v>141</v>
      </c>
      <c r="G153" s="6">
        <v>107628</v>
      </c>
      <c r="H153" s="6">
        <v>339</v>
      </c>
      <c r="I153" s="6">
        <v>5827</v>
      </c>
      <c r="J153" s="6">
        <v>8886</v>
      </c>
      <c r="K153" s="6">
        <v>9894</v>
      </c>
      <c r="L153" s="6">
        <v>12051</v>
      </c>
      <c r="M153" s="6">
        <v>12914</v>
      </c>
      <c r="N153" s="6">
        <v>12830</v>
      </c>
      <c r="O153" s="6">
        <v>12057</v>
      </c>
      <c r="P153" s="6">
        <v>12245</v>
      </c>
      <c r="Q153" s="6">
        <v>10503</v>
      </c>
      <c r="R153" s="6">
        <v>6331</v>
      </c>
      <c r="S153" s="6">
        <v>2915</v>
      </c>
      <c r="T153" s="6">
        <v>630</v>
      </c>
      <c r="U153" s="6">
        <v>144</v>
      </c>
      <c r="V153" s="6">
        <v>46</v>
      </c>
      <c r="W153" s="6">
        <v>11</v>
      </c>
      <c r="X153" s="6">
        <v>5</v>
      </c>
      <c r="Y153" s="6">
        <v>97546</v>
      </c>
      <c r="Z153" s="6">
        <v>10082</v>
      </c>
      <c r="AA153" s="6">
        <v>836</v>
      </c>
      <c r="AB153" s="6">
        <v>62</v>
      </c>
      <c r="AC153" s="6">
        <v>103538</v>
      </c>
      <c r="AD153" s="7">
        <v>46.56091</v>
      </c>
    </row>
    <row r="154" spans="1:30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130</v>
      </c>
      <c r="F154" s="9" t="s">
        <v>142</v>
      </c>
      <c r="G154" s="6">
        <v>3937</v>
      </c>
      <c r="H154" s="6">
        <v>70</v>
      </c>
      <c r="I154" s="6">
        <v>236</v>
      </c>
      <c r="J154" s="6">
        <v>281</v>
      </c>
      <c r="K154" s="6">
        <v>347</v>
      </c>
      <c r="L154" s="6">
        <v>382</v>
      </c>
      <c r="M154" s="6">
        <v>421</v>
      </c>
      <c r="N154" s="6">
        <v>637</v>
      </c>
      <c r="O154" s="6">
        <v>525</v>
      </c>
      <c r="P154" s="6">
        <v>450</v>
      </c>
      <c r="Q154" s="6">
        <v>354</v>
      </c>
      <c r="R154" s="6">
        <v>147</v>
      </c>
      <c r="S154" s="6">
        <v>61</v>
      </c>
      <c r="T154" s="6">
        <v>24</v>
      </c>
      <c r="U154" s="6">
        <v>1</v>
      </c>
      <c r="V154" s="6">
        <v>1</v>
      </c>
      <c r="W154" s="10" t="s">
        <v>55</v>
      </c>
      <c r="X154" s="10" t="s">
        <v>55</v>
      </c>
      <c r="Y154" s="6">
        <v>3703</v>
      </c>
      <c r="Z154" s="6">
        <v>234</v>
      </c>
      <c r="AA154" s="6">
        <v>26</v>
      </c>
      <c r="AB154" s="6">
        <v>1</v>
      </c>
      <c r="AC154" s="6">
        <v>3780</v>
      </c>
      <c r="AD154" s="7">
        <v>45.726819999999996</v>
      </c>
    </row>
    <row r="155" spans="1:30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130</v>
      </c>
      <c r="F155" s="9" t="s">
        <v>143</v>
      </c>
      <c r="G155" s="6">
        <v>19735</v>
      </c>
      <c r="H155" s="6">
        <v>153</v>
      </c>
      <c r="I155" s="6">
        <v>830</v>
      </c>
      <c r="J155" s="6">
        <v>1177</v>
      </c>
      <c r="K155" s="6">
        <v>1360</v>
      </c>
      <c r="L155" s="6">
        <v>1655</v>
      </c>
      <c r="M155" s="6">
        <v>2022</v>
      </c>
      <c r="N155" s="6">
        <v>2303</v>
      </c>
      <c r="O155" s="6">
        <v>2167</v>
      </c>
      <c r="P155" s="6">
        <v>2112</v>
      </c>
      <c r="Q155" s="6">
        <v>2021</v>
      </c>
      <c r="R155" s="6">
        <v>1945</v>
      </c>
      <c r="S155" s="6">
        <v>1314</v>
      </c>
      <c r="T155" s="6">
        <v>494</v>
      </c>
      <c r="U155" s="6">
        <v>135</v>
      </c>
      <c r="V155" s="6">
        <v>38</v>
      </c>
      <c r="W155" s="6">
        <v>8</v>
      </c>
      <c r="X155" s="6">
        <v>1</v>
      </c>
      <c r="Y155" s="6">
        <v>15800</v>
      </c>
      <c r="Z155" s="6">
        <v>3935</v>
      </c>
      <c r="AA155" s="6">
        <v>676</v>
      </c>
      <c r="AB155" s="6">
        <v>47</v>
      </c>
      <c r="AC155" s="6">
        <v>17592</v>
      </c>
      <c r="AD155" s="7">
        <v>50.505980000000001</v>
      </c>
    </row>
    <row r="156" spans="1:30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130</v>
      </c>
      <c r="F156" s="9" t="s">
        <v>144</v>
      </c>
      <c r="G156" s="6">
        <v>11175</v>
      </c>
      <c r="H156" s="6">
        <v>153</v>
      </c>
      <c r="I156" s="6">
        <v>777</v>
      </c>
      <c r="J156" s="6">
        <v>1079</v>
      </c>
      <c r="K156" s="6">
        <v>1070</v>
      </c>
      <c r="L156" s="6">
        <v>1163</v>
      </c>
      <c r="M156" s="6">
        <v>1494</v>
      </c>
      <c r="N156" s="6">
        <v>1735</v>
      </c>
      <c r="O156" s="6">
        <v>1371</v>
      </c>
      <c r="P156" s="6">
        <v>1183</v>
      </c>
      <c r="Q156" s="6">
        <v>745</v>
      </c>
      <c r="R156" s="6">
        <v>268</v>
      </c>
      <c r="S156" s="6">
        <v>106</v>
      </c>
      <c r="T156" s="6">
        <v>21</v>
      </c>
      <c r="U156" s="6">
        <v>8</v>
      </c>
      <c r="V156" s="6">
        <v>2</v>
      </c>
      <c r="W156" s="10" t="s">
        <v>55</v>
      </c>
      <c r="X156" s="10" t="s">
        <v>55</v>
      </c>
      <c r="Y156" s="6">
        <v>10770</v>
      </c>
      <c r="Z156" s="6">
        <v>405</v>
      </c>
      <c r="AA156" s="6">
        <v>31</v>
      </c>
      <c r="AB156" s="6">
        <v>2</v>
      </c>
      <c r="AC156" s="6">
        <v>10885</v>
      </c>
      <c r="AD156" s="7">
        <v>43.778570000000002</v>
      </c>
    </row>
    <row r="157" spans="1:30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55</v>
      </c>
      <c r="F157" s="9" t="s">
        <v>145</v>
      </c>
      <c r="G157" s="6">
        <v>7980</v>
      </c>
      <c r="H157" s="6">
        <v>197</v>
      </c>
      <c r="I157" s="6">
        <v>517</v>
      </c>
      <c r="J157" s="6">
        <v>420</v>
      </c>
      <c r="K157" s="6">
        <v>481</v>
      </c>
      <c r="L157" s="6">
        <v>544</v>
      </c>
      <c r="M157" s="6">
        <v>603</v>
      </c>
      <c r="N157" s="6">
        <v>579</v>
      </c>
      <c r="O157" s="6">
        <v>528</v>
      </c>
      <c r="P157" s="6">
        <v>543</v>
      </c>
      <c r="Q157" s="6">
        <v>674</v>
      </c>
      <c r="R157" s="6">
        <v>753</v>
      </c>
      <c r="S157" s="6">
        <v>856</v>
      </c>
      <c r="T157" s="6">
        <v>582</v>
      </c>
      <c r="U157" s="6">
        <v>399</v>
      </c>
      <c r="V157" s="6">
        <v>230</v>
      </c>
      <c r="W157" s="6">
        <v>58</v>
      </c>
      <c r="X157" s="6">
        <v>16</v>
      </c>
      <c r="Y157" s="6">
        <v>5086</v>
      </c>
      <c r="Z157" s="6">
        <v>2894</v>
      </c>
      <c r="AA157" s="6">
        <v>1285</v>
      </c>
      <c r="AB157" s="6">
        <v>304</v>
      </c>
      <c r="AC157" s="6">
        <v>5642</v>
      </c>
      <c r="AD157" s="7">
        <v>54.474939999999997</v>
      </c>
    </row>
    <row r="158" spans="1:30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55</v>
      </c>
      <c r="F158" s="9" t="s">
        <v>146</v>
      </c>
      <c r="G158" s="6">
        <v>29339</v>
      </c>
      <c r="H158" s="6">
        <v>93</v>
      </c>
      <c r="I158" s="6">
        <v>846</v>
      </c>
      <c r="J158" s="6">
        <v>1042</v>
      </c>
      <c r="K158" s="6">
        <v>1263</v>
      </c>
      <c r="L158" s="6">
        <v>1422</v>
      </c>
      <c r="M158" s="6">
        <v>1514</v>
      </c>
      <c r="N158" s="6">
        <v>1577</v>
      </c>
      <c r="O158" s="6">
        <v>1767</v>
      </c>
      <c r="P158" s="6">
        <v>2359</v>
      </c>
      <c r="Q158" s="6">
        <v>3404</v>
      </c>
      <c r="R158" s="6">
        <v>4614</v>
      </c>
      <c r="S158" s="6">
        <v>4356</v>
      </c>
      <c r="T158" s="6">
        <v>2680</v>
      </c>
      <c r="U158" s="6">
        <v>1706</v>
      </c>
      <c r="V158" s="6">
        <v>585</v>
      </c>
      <c r="W158" s="6">
        <v>99</v>
      </c>
      <c r="X158" s="6">
        <v>12</v>
      </c>
      <c r="Y158" s="6">
        <v>15287</v>
      </c>
      <c r="Z158" s="6">
        <v>14052</v>
      </c>
      <c r="AA158" s="6">
        <v>5082</v>
      </c>
      <c r="AB158" s="6">
        <v>696</v>
      </c>
      <c r="AC158" s="6">
        <v>19808</v>
      </c>
      <c r="AD158" s="7">
        <v>60.026020000000003</v>
      </c>
    </row>
    <row r="159" spans="1:30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55</v>
      </c>
      <c r="F159" s="9" t="s">
        <v>147</v>
      </c>
      <c r="G159" s="6">
        <v>47104</v>
      </c>
      <c r="H159" s="6">
        <v>546</v>
      </c>
      <c r="I159" s="6">
        <v>2908</v>
      </c>
      <c r="J159" s="6">
        <v>3396</v>
      </c>
      <c r="K159" s="6">
        <v>4151</v>
      </c>
      <c r="L159" s="6">
        <v>4824</v>
      </c>
      <c r="M159" s="6">
        <v>5616</v>
      </c>
      <c r="N159" s="6">
        <v>5963</v>
      </c>
      <c r="O159" s="6">
        <v>5051</v>
      </c>
      <c r="P159" s="6">
        <v>4860</v>
      </c>
      <c r="Q159" s="6">
        <v>4157</v>
      </c>
      <c r="R159" s="6">
        <v>3090</v>
      </c>
      <c r="S159" s="6">
        <v>1656</v>
      </c>
      <c r="T159" s="6">
        <v>581</v>
      </c>
      <c r="U159" s="6">
        <v>215</v>
      </c>
      <c r="V159" s="6">
        <v>73</v>
      </c>
      <c r="W159" s="6">
        <v>15</v>
      </c>
      <c r="X159" s="6">
        <v>2</v>
      </c>
      <c r="Y159" s="6">
        <v>41472</v>
      </c>
      <c r="Z159" s="6">
        <v>5632</v>
      </c>
      <c r="AA159" s="6">
        <v>886</v>
      </c>
      <c r="AB159" s="6">
        <v>90</v>
      </c>
      <c r="AC159" s="6">
        <v>44016</v>
      </c>
      <c r="AD159" s="7">
        <v>46.911920000000002</v>
      </c>
    </row>
    <row r="160" spans="1:30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55</v>
      </c>
      <c r="F160" s="9" t="s">
        <v>148</v>
      </c>
      <c r="G160" s="6">
        <v>305468</v>
      </c>
      <c r="H160" s="6">
        <v>4234</v>
      </c>
      <c r="I160" s="6">
        <v>18366</v>
      </c>
      <c r="J160" s="6">
        <v>22712</v>
      </c>
      <c r="K160" s="6">
        <v>25108</v>
      </c>
      <c r="L160" s="6">
        <v>30171</v>
      </c>
      <c r="M160" s="6">
        <v>34034</v>
      </c>
      <c r="N160" s="6">
        <v>36737</v>
      </c>
      <c r="O160" s="6">
        <v>33886</v>
      </c>
      <c r="P160" s="6">
        <v>33483</v>
      </c>
      <c r="Q160" s="6">
        <v>28866</v>
      </c>
      <c r="R160" s="6">
        <v>20127</v>
      </c>
      <c r="S160" s="6">
        <v>11775</v>
      </c>
      <c r="T160" s="6">
        <v>3929</v>
      </c>
      <c r="U160" s="6">
        <v>1412</v>
      </c>
      <c r="V160" s="6">
        <v>473</v>
      </c>
      <c r="W160" s="6">
        <v>133</v>
      </c>
      <c r="X160" s="6">
        <v>22</v>
      </c>
      <c r="Y160" s="6">
        <v>267597</v>
      </c>
      <c r="Z160" s="6">
        <v>37871</v>
      </c>
      <c r="AA160" s="6">
        <v>5969</v>
      </c>
      <c r="AB160" s="6">
        <v>628</v>
      </c>
      <c r="AC160" s="6">
        <v>283490</v>
      </c>
      <c r="AD160" s="7">
        <v>47.294620000000002</v>
      </c>
    </row>
    <row r="161" spans="1:30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55</v>
      </c>
      <c r="F161" s="9" t="s">
        <v>6</v>
      </c>
      <c r="G161" s="6">
        <v>56898</v>
      </c>
      <c r="H161" s="6">
        <v>603</v>
      </c>
      <c r="I161" s="6">
        <v>3023</v>
      </c>
      <c r="J161" s="6">
        <v>3827</v>
      </c>
      <c r="K161" s="6">
        <v>4356</v>
      </c>
      <c r="L161" s="6">
        <v>5187</v>
      </c>
      <c r="M161" s="6">
        <v>5690</v>
      </c>
      <c r="N161" s="6">
        <v>6262</v>
      </c>
      <c r="O161" s="6">
        <v>5948</v>
      </c>
      <c r="P161" s="6">
        <v>6207</v>
      </c>
      <c r="Q161" s="6">
        <v>5816</v>
      </c>
      <c r="R161" s="6">
        <v>4706</v>
      </c>
      <c r="S161" s="6">
        <v>3195</v>
      </c>
      <c r="T161" s="6">
        <v>1241</v>
      </c>
      <c r="U161" s="6">
        <v>602</v>
      </c>
      <c r="V161" s="6">
        <v>190</v>
      </c>
      <c r="W161" s="6">
        <v>44</v>
      </c>
      <c r="X161" s="6">
        <v>1</v>
      </c>
      <c r="Y161" s="6">
        <v>46919</v>
      </c>
      <c r="Z161" s="6">
        <v>9979</v>
      </c>
      <c r="AA161" s="6">
        <v>2078</v>
      </c>
      <c r="AB161" s="6">
        <v>235</v>
      </c>
      <c r="AC161" s="6">
        <v>51022</v>
      </c>
      <c r="AD161" s="7">
        <v>49.339660000000002</v>
      </c>
    </row>
    <row r="162" spans="1:30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122</v>
      </c>
      <c r="F162" s="9" t="s">
        <v>123</v>
      </c>
      <c r="G162" s="6">
        <v>7620</v>
      </c>
      <c r="H162" s="6">
        <v>38</v>
      </c>
      <c r="I162" s="6">
        <v>496</v>
      </c>
      <c r="J162" s="6">
        <v>578</v>
      </c>
      <c r="K162" s="6">
        <v>504</v>
      </c>
      <c r="L162" s="6">
        <v>447</v>
      </c>
      <c r="M162" s="6">
        <v>427</v>
      </c>
      <c r="N162" s="6">
        <v>432</v>
      </c>
      <c r="O162" s="6">
        <v>481</v>
      </c>
      <c r="P162" s="6">
        <v>632</v>
      </c>
      <c r="Q162" s="6">
        <v>891</v>
      </c>
      <c r="R162" s="6">
        <v>1057</v>
      </c>
      <c r="S162" s="6">
        <v>841</v>
      </c>
      <c r="T162" s="6">
        <v>435</v>
      </c>
      <c r="U162" s="6">
        <v>257</v>
      </c>
      <c r="V162" s="6">
        <v>87</v>
      </c>
      <c r="W162" s="6">
        <v>17</v>
      </c>
      <c r="X162" s="10" t="s">
        <v>55</v>
      </c>
      <c r="Y162" s="6">
        <v>4926</v>
      </c>
      <c r="Z162" s="6">
        <v>2694</v>
      </c>
      <c r="AA162" s="6">
        <v>796</v>
      </c>
      <c r="AB162" s="6">
        <v>104</v>
      </c>
      <c r="AC162" s="6">
        <v>5945</v>
      </c>
      <c r="AD162" s="7">
        <v>54.211150000000004</v>
      </c>
    </row>
    <row r="163" spans="1:30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122</v>
      </c>
      <c r="F163" s="9" t="s">
        <v>124</v>
      </c>
      <c r="G163" s="6">
        <v>7470</v>
      </c>
      <c r="H163" s="6">
        <v>37</v>
      </c>
      <c r="I163" s="6">
        <v>493</v>
      </c>
      <c r="J163" s="6">
        <v>573</v>
      </c>
      <c r="K163" s="6">
        <v>497</v>
      </c>
      <c r="L163" s="6">
        <v>440</v>
      </c>
      <c r="M163" s="6">
        <v>412</v>
      </c>
      <c r="N163" s="6">
        <v>418</v>
      </c>
      <c r="O163" s="6">
        <v>476</v>
      </c>
      <c r="P163" s="6">
        <v>615</v>
      </c>
      <c r="Q163" s="6">
        <v>864</v>
      </c>
      <c r="R163" s="6">
        <v>1032</v>
      </c>
      <c r="S163" s="6">
        <v>827</v>
      </c>
      <c r="T163" s="6">
        <v>429</v>
      </c>
      <c r="U163" s="6">
        <v>254</v>
      </c>
      <c r="V163" s="6">
        <v>86</v>
      </c>
      <c r="W163" s="6">
        <v>17</v>
      </c>
      <c r="X163" s="10" t="s">
        <v>55</v>
      </c>
      <c r="Y163" s="6">
        <v>4825</v>
      </c>
      <c r="Z163" s="6">
        <v>2645</v>
      </c>
      <c r="AA163" s="6">
        <v>786</v>
      </c>
      <c r="AB163" s="6">
        <v>103</v>
      </c>
      <c r="AC163" s="6">
        <v>5820</v>
      </c>
      <c r="AD163" s="7">
        <v>54.17015</v>
      </c>
    </row>
    <row r="164" spans="1:30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122</v>
      </c>
      <c r="F164" s="9" t="s">
        <v>125</v>
      </c>
      <c r="G164" s="6">
        <v>133</v>
      </c>
      <c r="H164" s="10" t="s">
        <v>55</v>
      </c>
      <c r="I164" s="10" t="s">
        <v>55</v>
      </c>
      <c r="J164" s="6">
        <v>1</v>
      </c>
      <c r="K164" s="6">
        <v>3</v>
      </c>
      <c r="L164" s="6">
        <v>7</v>
      </c>
      <c r="M164" s="6">
        <v>7</v>
      </c>
      <c r="N164" s="6">
        <v>3</v>
      </c>
      <c r="O164" s="6">
        <v>8</v>
      </c>
      <c r="P164" s="6">
        <v>13</v>
      </c>
      <c r="Q164" s="6">
        <v>17</v>
      </c>
      <c r="R164" s="6">
        <v>20</v>
      </c>
      <c r="S164" s="6">
        <v>26</v>
      </c>
      <c r="T164" s="6">
        <v>13</v>
      </c>
      <c r="U164" s="6">
        <v>11</v>
      </c>
      <c r="V164" s="6">
        <v>4</v>
      </c>
      <c r="W164" s="10" t="s">
        <v>55</v>
      </c>
      <c r="X164" s="10" t="s">
        <v>55</v>
      </c>
      <c r="Y164" s="6">
        <v>59</v>
      </c>
      <c r="Z164" s="6">
        <v>74</v>
      </c>
      <c r="AA164" s="6">
        <v>28</v>
      </c>
      <c r="AB164" s="6">
        <v>4</v>
      </c>
      <c r="AC164" s="6">
        <v>79</v>
      </c>
      <c r="AD164" s="7">
        <v>64.462410000000006</v>
      </c>
    </row>
    <row r="165" spans="1:30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126</v>
      </c>
      <c r="F165" s="9" t="s">
        <v>127</v>
      </c>
      <c r="G165" s="6">
        <v>34</v>
      </c>
      <c r="H165" s="10" t="s">
        <v>55</v>
      </c>
      <c r="I165" s="10" t="s">
        <v>55</v>
      </c>
      <c r="J165" s="6">
        <v>1</v>
      </c>
      <c r="K165" s="10" t="s">
        <v>55</v>
      </c>
      <c r="L165" s="6">
        <v>3</v>
      </c>
      <c r="M165" s="6">
        <v>3</v>
      </c>
      <c r="N165" s="6">
        <v>2</v>
      </c>
      <c r="O165" s="6">
        <v>4</v>
      </c>
      <c r="P165" s="6">
        <v>5</v>
      </c>
      <c r="Q165" s="6">
        <v>2</v>
      </c>
      <c r="R165" s="6">
        <v>9</v>
      </c>
      <c r="S165" s="6">
        <v>2</v>
      </c>
      <c r="T165" s="6">
        <v>2</v>
      </c>
      <c r="U165" s="6">
        <v>1</v>
      </c>
      <c r="V165" s="10" t="s">
        <v>55</v>
      </c>
      <c r="W165" s="10" t="s">
        <v>55</v>
      </c>
      <c r="X165" s="10" t="s">
        <v>55</v>
      </c>
      <c r="Y165" s="6">
        <v>20</v>
      </c>
      <c r="Z165" s="6">
        <v>14</v>
      </c>
      <c r="AA165" s="6">
        <v>3</v>
      </c>
      <c r="AB165" s="10" t="s">
        <v>55</v>
      </c>
      <c r="AC165" s="6">
        <v>29</v>
      </c>
      <c r="AD165" s="7">
        <v>57.676470000000002</v>
      </c>
    </row>
    <row r="166" spans="1:30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126</v>
      </c>
      <c r="F166" s="9" t="s">
        <v>128</v>
      </c>
      <c r="G166" s="6">
        <v>4619</v>
      </c>
      <c r="H166" s="6">
        <v>41</v>
      </c>
      <c r="I166" s="6">
        <v>167</v>
      </c>
      <c r="J166" s="6">
        <v>255</v>
      </c>
      <c r="K166" s="6">
        <v>286</v>
      </c>
      <c r="L166" s="6">
        <v>391</v>
      </c>
      <c r="M166" s="6">
        <v>469</v>
      </c>
      <c r="N166" s="6">
        <v>439</v>
      </c>
      <c r="O166" s="6">
        <v>488</v>
      </c>
      <c r="P166" s="6">
        <v>479</v>
      </c>
      <c r="Q166" s="6">
        <v>570</v>
      </c>
      <c r="R166" s="6">
        <v>562</v>
      </c>
      <c r="S166" s="6">
        <v>343</v>
      </c>
      <c r="T166" s="6">
        <v>79</v>
      </c>
      <c r="U166" s="6">
        <v>35</v>
      </c>
      <c r="V166" s="6">
        <v>11</v>
      </c>
      <c r="W166" s="6">
        <v>4</v>
      </c>
      <c r="X166" s="10" t="s">
        <v>55</v>
      </c>
      <c r="Y166" s="6">
        <v>3585</v>
      </c>
      <c r="Z166" s="6">
        <v>1034</v>
      </c>
      <c r="AA166" s="6">
        <v>129</v>
      </c>
      <c r="AB166" s="6">
        <v>15</v>
      </c>
      <c r="AC166" s="6">
        <v>4106</v>
      </c>
      <c r="AD166" s="7">
        <v>51.568849999999998</v>
      </c>
    </row>
    <row r="167" spans="1:30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126</v>
      </c>
      <c r="F167" s="9" t="s">
        <v>129</v>
      </c>
      <c r="G167" s="6">
        <v>7593</v>
      </c>
      <c r="H167" s="6">
        <v>152</v>
      </c>
      <c r="I167" s="6">
        <v>559</v>
      </c>
      <c r="J167" s="6">
        <v>568</v>
      </c>
      <c r="K167" s="6">
        <v>623</v>
      </c>
      <c r="L167" s="6">
        <v>777</v>
      </c>
      <c r="M167" s="6">
        <v>827</v>
      </c>
      <c r="N167" s="6">
        <v>1086</v>
      </c>
      <c r="O167" s="6">
        <v>869</v>
      </c>
      <c r="P167" s="6">
        <v>927</v>
      </c>
      <c r="Q167" s="6">
        <v>588</v>
      </c>
      <c r="R167" s="6">
        <v>353</v>
      </c>
      <c r="S167" s="6">
        <v>168</v>
      </c>
      <c r="T167" s="6">
        <v>55</v>
      </c>
      <c r="U167" s="6">
        <v>29</v>
      </c>
      <c r="V167" s="6">
        <v>11</v>
      </c>
      <c r="W167" s="6">
        <v>1</v>
      </c>
      <c r="X167" s="10" t="s">
        <v>55</v>
      </c>
      <c r="Y167" s="6">
        <v>6976</v>
      </c>
      <c r="Z167" s="6">
        <v>617</v>
      </c>
      <c r="AA167" s="6">
        <v>96</v>
      </c>
      <c r="AB167" s="6">
        <v>12</v>
      </c>
      <c r="AC167" s="6">
        <v>7177</v>
      </c>
      <c r="AD167" s="7">
        <v>45.606810000000003</v>
      </c>
    </row>
    <row r="168" spans="1:30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130</v>
      </c>
      <c r="F168" s="9" t="s">
        <v>131</v>
      </c>
      <c r="G168" s="6">
        <v>192</v>
      </c>
      <c r="H168" s="6">
        <v>1</v>
      </c>
      <c r="I168" s="6">
        <v>8</v>
      </c>
      <c r="J168" s="6">
        <v>14</v>
      </c>
      <c r="K168" s="6">
        <v>11</v>
      </c>
      <c r="L168" s="6">
        <v>7</v>
      </c>
      <c r="M168" s="6">
        <v>27</v>
      </c>
      <c r="N168" s="6">
        <v>31</v>
      </c>
      <c r="O168" s="6">
        <v>34</v>
      </c>
      <c r="P168" s="6">
        <v>30</v>
      </c>
      <c r="Q168" s="6">
        <v>18</v>
      </c>
      <c r="R168" s="6">
        <v>4</v>
      </c>
      <c r="S168" s="6">
        <v>4</v>
      </c>
      <c r="T168" s="6">
        <v>3</v>
      </c>
      <c r="U168" s="10" t="s">
        <v>55</v>
      </c>
      <c r="V168" s="10" t="s">
        <v>55</v>
      </c>
      <c r="W168" s="10" t="s">
        <v>55</v>
      </c>
      <c r="X168" s="10" t="s">
        <v>55</v>
      </c>
      <c r="Y168" s="6">
        <v>181</v>
      </c>
      <c r="Z168" s="6">
        <v>11</v>
      </c>
      <c r="AA168" s="6">
        <v>3</v>
      </c>
      <c r="AB168" s="10" t="s">
        <v>55</v>
      </c>
      <c r="AC168" s="6">
        <v>184</v>
      </c>
      <c r="AD168" s="7">
        <v>48.083329999999997</v>
      </c>
    </row>
    <row r="169" spans="1:30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130</v>
      </c>
      <c r="F169" s="9" t="s">
        <v>132</v>
      </c>
      <c r="G169" s="6">
        <v>222</v>
      </c>
      <c r="H169" s="6">
        <v>1</v>
      </c>
      <c r="I169" s="6">
        <v>15</v>
      </c>
      <c r="J169" s="6">
        <v>26</v>
      </c>
      <c r="K169" s="6">
        <v>27</v>
      </c>
      <c r="L169" s="6">
        <v>29</v>
      </c>
      <c r="M169" s="6">
        <v>25</v>
      </c>
      <c r="N169" s="6">
        <v>29</v>
      </c>
      <c r="O169" s="6">
        <v>21</v>
      </c>
      <c r="P169" s="6">
        <v>14</v>
      </c>
      <c r="Q169" s="6">
        <v>26</v>
      </c>
      <c r="R169" s="6">
        <v>5</v>
      </c>
      <c r="S169" s="6">
        <v>4</v>
      </c>
      <c r="T169" s="10" t="s">
        <v>55</v>
      </c>
      <c r="U169" s="10" t="s">
        <v>55</v>
      </c>
      <c r="V169" s="10" t="s">
        <v>55</v>
      </c>
      <c r="W169" s="10" t="s">
        <v>55</v>
      </c>
      <c r="X169" s="10" t="s">
        <v>55</v>
      </c>
      <c r="Y169" s="6">
        <v>213</v>
      </c>
      <c r="Z169" s="6">
        <v>9</v>
      </c>
      <c r="AA169" s="10" t="s">
        <v>55</v>
      </c>
      <c r="AB169" s="10" t="s">
        <v>55</v>
      </c>
      <c r="AC169" s="6">
        <v>217</v>
      </c>
      <c r="AD169" s="7">
        <v>43.450449999999996</v>
      </c>
    </row>
    <row r="170" spans="1:30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130</v>
      </c>
      <c r="F170" s="9" t="s">
        <v>133</v>
      </c>
      <c r="G170" s="6">
        <v>2928</v>
      </c>
      <c r="H170" s="6">
        <v>16</v>
      </c>
      <c r="I170" s="6">
        <v>98</v>
      </c>
      <c r="J170" s="6">
        <v>139</v>
      </c>
      <c r="K170" s="6">
        <v>202</v>
      </c>
      <c r="L170" s="6">
        <v>280</v>
      </c>
      <c r="M170" s="6">
        <v>324</v>
      </c>
      <c r="N170" s="6">
        <v>335</v>
      </c>
      <c r="O170" s="6">
        <v>422</v>
      </c>
      <c r="P170" s="6">
        <v>421</v>
      </c>
      <c r="Q170" s="6">
        <v>330</v>
      </c>
      <c r="R170" s="6">
        <v>216</v>
      </c>
      <c r="S170" s="6">
        <v>118</v>
      </c>
      <c r="T170" s="6">
        <v>24</v>
      </c>
      <c r="U170" s="6">
        <v>3</v>
      </c>
      <c r="V170" s="10" t="s">
        <v>55</v>
      </c>
      <c r="W170" s="10" t="s">
        <v>55</v>
      </c>
      <c r="X170" s="10" t="s">
        <v>55</v>
      </c>
      <c r="Y170" s="6">
        <v>2567</v>
      </c>
      <c r="Z170" s="6">
        <v>361</v>
      </c>
      <c r="AA170" s="6">
        <v>27</v>
      </c>
      <c r="AB170" s="10" t="s">
        <v>55</v>
      </c>
      <c r="AC170" s="6">
        <v>2767</v>
      </c>
      <c r="AD170" s="7">
        <v>49.616799999999998</v>
      </c>
    </row>
    <row r="171" spans="1:30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130</v>
      </c>
      <c r="F171" s="9" t="s">
        <v>134</v>
      </c>
      <c r="G171" s="6">
        <v>8945</v>
      </c>
      <c r="H171" s="6">
        <v>145</v>
      </c>
      <c r="I171" s="6">
        <v>441</v>
      </c>
      <c r="J171" s="6">
        <v>513</v>
      </c>
      <c r="K171" s="6">
        <v>682</v>
      </c>
      <c r="L171" s="6">
        <v>850</v>
      </c>
      <c r="M171" s="6">
        <v>886</v>
      </c>
      <c r="N171" s="6">
        <v>991</v>
      </c>
      <c r="O171" s="6">
        <v>915</v>
      </c>
      <c r="P171" s="6">
        <v>955</v>
      </c>
      <c r="Q171" s="6">
        <v>986</v>
      </c>
      <c r="R171" s="6">
        <v>741</v>
      </c>
      <c r="S171" s="6">
        <v>496</v>
      </c>
      <c r="T171" s="6">
        <v>197</v>
      </c>
      <c r="U171" s="6">
        <v>104</v>
      </c>
      <c r="V171" s="6">
        <v>33</v>
      </c>
      <c r="W171" s="6">
        <v>9</v>
      </c>
      <c r="X171" s="6">
        <v>1</v>
      </c>
      <c r="Y171" s="6">
        <v>7364</v>
      </c>
      <c r="Z171" s="6">
        <v>1581</v>
      </c>
      <c r="AA171" s="6">
        <v>344</v>
      </c>
      <c r="AB171" s="6">
        <v>43</v>
      </c>
      <c r="AC171" s="6">
        <v>7960</v>
      </c>
      <c r="AD171" s="7">
        <v>49.564059999999998</v>
      </c>
    </row>
    <row r="172" spans="1:30">
      <c r="A172" s="9" t="s">
        <v>56</v>
      </c>
      <c r="B172" s="9" t="s">
        <v>57</v>
      </c>
      <c r="C172" s="9" t="s">
        <v>59</v>
      </c>
      <c r="D172" s="9" t="s">
        <v>6</v>
      </c>
      <c r="E172" s="9" t="s">
        <v>130</v>
      </c>
      <c r="F172" s="9" t="s">
        <v>135</v>
      </c>
      <c r="G172" s="6">
        <v>828</v>
      </c>
      <c r="H172" s="6">
        <v>1</v>
      </c>
      <c r="I172" s="6">
        <v>41</v>
      </c>
      <c r="J172" s="6">
        <v>68</v>
      </c>
      <c r="K172" s="6">
        <v>66</v>
      </c>
      <c r="L172" s="6">
        <v>70</v>
      </c>
      <c r="M172" s="6">
        <v>95</v>
      </c>
      <c r="N172" s="6">
        <v>114</v>
      </c>
      <c r="O172" s="6">
        <v>115</v>
      </c>
      <c r="P172" s="6">
        <v>93</v>
      </c>
      <c r="Q172" s="6">
        <v>80</v>
      </c>
      <c r="R172" s="6">
        <v>49</v>
      </c>
      <c r="S172" s="6">
        <v>23</v>
      </c>
      <c r="T172" s="6">
        <v>6</v>
      </c>
      <c r="U172" s="6">
        <v>7</v>
      </c>
      <c r="V172" s="10" t="s">
        <v>55</v>
      </c>
      <c r="W172" s="10" t="s">
        <v>55</v>
      </c>
      <c r="X172" s="10" t="s">
        <v>55</v>
      </c>
      <c r="Y172" s="6">
        <v>743</v>
      </c>
      <c r="Z172" s="6">
        <v>85</v>
      </c>
      <c r="AA172" s="6">
        <v>13</v>
      </c>
      <c r="AB172" s="10" t="s">
        <v>55</v>
      </c>
      <c r="AC172" s="6">
        <v>791</v>
      </c>
      <c r="AD172" s="7">
        <v>47.666670000000003</v>
      </c>
    </row>
    <row r="173" spans="1:30">
      <c r="A173" s="9" t="s">
        <v>56</v>
      </c>
      <c r="B173" s="9" t="s">
        <v>57</v>
      </c>
      <c r="C173" s="9" t="s">
        <v>59</v>
      </c>
      <c r="D173" s="9" t="s">
        <v>6</v>
      </c>
      <c r="E173" s="9" t="s">
        <v>130</v>
      </c>
      <c r="F173" s="9" t="s">
        <v>136</v>
      </c>
      <c r="G173" s="6">
        <v>575</v>
      </c>
      <c r="H173" s="6">
        <v>2</v>
      </c>
      <c r="I173" s="6">
        <v>25</v>
      </c>
      <c r="J173" s="6">
        <v>43</v>
      </c>
      <c r="K173" s="6">
        <v>49</v>
      </c>
      <c r="L173" s="6">
        <v>45</v>
      </c>
      <c r="M173" s="6">
        <v>44</v>
      </c>
      <c r="N173" s="6">
        <v>58</v>
      </c>
      <c r="O173" s="6">
        <v>45</v>
      </c>
      <c r="P173" s="6">
        <v>52</v>
      </c>
      <c r="Q173" s="6">
        <v>53</v>
      </c>
      <c r="R173" s="6">
        <v>54</v>
      </c>
      <c r="S173" s="6">
        <v>54</v>
      </c>
      <c r="T173" s="6">
        <v>23</v>
      </c>
      <c r="U173" s="6">
        <v>20</v>
      </c>
      <c r="V173" s="6">
        <v>5</v>
      </c>
      <c r="W173" s="6">
        <v>3</v>
      </c>
      <c r="X173" s="10" t="s">
        <v>55</v>
      </c>
      <c r="Y173" s="6">
        <v>416</v>
      </c>
      <c r="Z173" s="6">
        <v>159</v>
      </c>
      <c r="AA173" s="6">
        <v>51</v>
      </c>
      <c r="AB173" s="6">
        <v>8</v>
      </c>
      <c r="AC173" s="6">
        <v>468</v>
      </c>
      <c r="AD173" s="7">
        <v>52.324350000000003</v>
      </c>
    </row>
    <row r="174" spans="1:30">
      <c r="A174" s="9" t="s">
        <v>56</v>
      </c>
      <c r="B174" s="9" t="s">
        <v>57</v>
      </c>
      <c r="C174" s="9" t="s">
        <v>59</v>
      </c>
      <c r="D174" s="9" t="s">
        <v>6</v>
      </c>
      <c r="E174" s="9" t="s">
        <v>130</v>
      </c>
      <c r="F174" s="9" t="s">
        <v>137</v>
      </c>
      <c r="G174" s="6">
        <v>1007</v>
      </c>
      <c r="H174" s="6">
        <v>4</v>
      </c>
      <c r="I174" s="6">
        <v>31</v>
      </c>
      <c r="J174" s="6">
        <v>48</v>
      </c>
      <c r="K174" s="6">
        <v>73</v>
      </c>
      <c r="L174" s="6">
        <v>87</v>
      </c>
      <c r="M174" s="6">
        <v>112</v>
      </c>
      <c r="N174" s="6">
        <v>133</v>
      </c>
      <c r="O174" s="6">
        <v>101</v>
      </c>
      <c r="P174" s="6">
        <v>111</v>
      </c>
      <c r="Q174" s="6">
        <v>113</v>
      </c>
      <c r="R174" s="6">
        <v>81</v>
      </c>
      <c r="S174" s="6">
        <v>69</v>
      </c>
      <c r="T174" s="6">
        <v>31</v>
      </c>
      <c r="U174" s="6">
        <v>13</v>
      </c>
      <c r="V174" s="10" t="s">
        <v>55</v>
      </c>
      <c r="W174" s="10" t="s">
        <v>55</v>
      </c>
      <c r="X174" s="10" t="s">
        <v>55</v>
      </c>
      <c r="Y174" s="6">
        <v>813</v>
      </c>
      <c r="Z174" s="6">
        <v>194</v>
      </c>
      <c r="AA174" s="6">
        <v>44</v>
      </c>
      <c r="AB174" s="10" t="s">
        <v>55</v>
      </c>
      <c r="AC174" s="6">
        <v>890</v>
      </c>
      <c r="AD174" s="7">
        <v>51.15343</v>
      </c>
    </row>
    <row r="175" spans="1:30">
      <c r="A175" s="9" t="s">
        <v>56</v>
      </c>
      <c r="B175" s="9" t="s">
        <v>57</v>
      </c>
      <c r="C175" s="9" t="s">
        <v>59</v>
      </c>
      <c r="D175" s="9" t="s">
        <v>6</v>
      </c>
      <c r="E175" s="9" t="s">
        <v>130</v>
      </c>
      <c r="F175" s="9" t="s">
        <v>138</v>
      </c>
      <c r="G175" s="6">
        <v>2244</v>
      </c>
      <c r="H175" s="6">
        <v>93</v>
      </c>
      <c r="I175" s="6">
        <v>148</v>
      </c>
      <c r="J175" s="6">
        <v>96</v>
      </c>
      <c r="K175" s="6">
        <v>146</v>
      </c>
      <c r="L175" s="6">
        <v>183</v>
      </c>
      <c r="M175" s="6">
        <v>203</v>
      </c>
      <c r="N175" s="6">
        <v>210</v>
      </c>
      <c r="O175" s="6">
        <v>218</v>
      </c>
      <c r="P175" s="6">
        <v>227</v>
      </c>
      <c r="Q175" s="6">
        <v>229</v>
      </c>
      <c r="R175" s="6">
        <v>216</v>
      </c>
      <c r="S175" s="6">
        <v>187</v>
      </c>
      <c r="T175" s="6">
        <v>63</v>
      </c>
      <c r="U175" s="6">
        <v>19</v>
      </c>
      <c r="V175" s="6">
        <v>4</v>
      </c>
      <c r="W175" s="6">
        <v>2</v>
      </c>
      <c r="X175" s="10" t="s">
        <v>55</v>
      </c>
      <c r="Y175" s="6">
        <v>1753</v>
      </c>
      <c r="Z175" s="6">
        <v>491</v>
      </c>
      <c r="AA175" s="6">
        <v>88</v>
      </c>
      <c r="AB175" s="6">
        <v>6</v>
      </c>
      <c r="AC175" s="6">
        <v>1876</v>
      </c>
      <c r="AD175" s="7">
        <v>49.791440000000001</v>
      </c>
    </row>
    <row r="176" spans="1:30">
      <c r="A176" s="9" t="s">
        <v>56</v>
      </c>
      <c r="B176" s="9" t="s">
        <v>57</v>
      </c>
      <c r="C176" s="9" t="s">
        <v>59</v>
      </c>
      <c r="D176" s="9" t="s">
        <v>6</v>
      </c>
      <c r="E176" s="9" t="s">
        <v>130</v>
      </c>
      <c r="F176" s="9" t="s">
        <v>139</v>
      </c>
      <c r="G176" s="6">
        <v>1865</v>
      </c>
      <c r="H176" s="6">
        <v>14</v>
      </c>
      <c r="I176" s="6">
        <v>67</v>
      </c>
      <c r="J176" s="6">
        <v>106</v>
      </c>
      <c r="K176" s="6">
        <v>147</v>
      </c>
      <c r="L176" s="6">
        <v>177</v>
      </c>
      <c r="M176" s="6">
        <v>212</v>
      </c>
      <c r="N176" s="6">
        <v>162</v>
      </c>
      <c r="O176" s="6">
        <v>176</v>
      </c>
      <c r="P176" s="6">
        <v>181</v>
      </c>
      <c r="Q176" s="6">
        <v>186</v>
      </c>
      <c r="R176" s="6">
        <v>172</v>
      </c>
      <c r="S176" s="6">
        <v>137</v>
      </c>
      <c r="T176" s="6">
        <v>76</v>
      </c>
      <c r="U176" s="6">
        <v>38</v>
      </c>
      <c r="V176" s="6">
        <v>13</v>
      </c>
      <c r="W176" s="6">
        <v>1</v>
      </c>
      <c r="X176" s="10" t="s">
        <v>55</v>
      </c>
      <c r="Y176" s="6">
        <v>1428</v>
      </c>
      <c r="Z176" s="6">
        <v>437</v>
      </c>
      <c r="AA176" s="6">
        <v>128</v>
      </c>
      <c r="AB176" s="6">
        <v>14</v>
      </c>
      <c r="AC176" s="6">
        <v>1586</v>
      </c>
      <c r="AD176" s="7">
        <v>51.397590000000001</v>
      </c>
    </row>
    <row r="177" spans="1:30">
      <c r="A177" s="9" t="s">
        <v>56</v>
      </c>
      <c r="B177" s="9" t="s">
        <v>57</v>
      </c>
      <c r="C177" s="9" t="s">
        <v>59</v>
      </c>
      <c r="D177" s="9" t="s">
        <v>6</v>
      </c>
      <c r="E177" s="9" t="s">
        <v>130</v>
      </c>
      <c r="F177" s="9" t="s">
        <v>140</v>
      </c>
      <c r="G177" s="6">
        <v>2264</v>
      </c>
      <c r="H177" s="6">
        <v>18</v>
      </c>
      <c r="I177" s="6">
        <v>98</v>
      </c>
      <c r="J177" s="6">
        <v>157</v>
      </c>
      <c r="K177" s="6">
        <v>160</v>
      </c>
      <c r="L177" s="6">
        <v>193</v>
      </c>
      <c r="M177" s="6">
        <v>235</v>
      </c>
      <c r="N177" s="6">
        <v>311</v>
      </c>
      <c r="O177" s="6">
        <v>319</v>
      </c>
      <c r="P177" s="6">
        <v>345</v>
      </c>
      <c r="Q177" s="6">
        <v>249</v>
      </c>
      <c r="R177" s="6">
        <v>92</v>
      </c>
      <c r="S177" s="6">
        <v>56</v>
      </c>
      <c r="T177" s="6">
        <v>19</v>
      </c>
      <c r="U177" s="6">
        <v>6</v>
      </c>
      <c r="V177" s="6">
        <v>5</v>
      </c>
      <c r="W177" s="6">
        <v>1</v>
      </c>
      <c r="X177" s="10" t="s">
        <v>55</v>
      </c>
      <c r="Y177" s="6">
        <v>2085</v>
      </c>
      <c r="Z177" s="6">
        <v>179</v>
      </c>
      <c r="AA177" s="6">
        <v>31</v>
      </c>
      <c r="AB177" s="6">
        <v>6</v>
      </c>
      <c r="AC177" s="6">
        <v>2159</v>
      </c>
      <c r="AD177" s="7">
        <v>48.1038</v>
      </c>
    </row>
    <row r="178" spans="1:30">
      <c r="A178" s="9" t="s">
        <v>56</v>
      </c>
      <c r="B178" s="9" t="s">
        <v>57</v>
      </c>
      <c r="C178" s="9" t="s">
        <v>59</v>
      </c>
      <c r="D178" s="9" t="s">
        <v>6</v>
      </c>
      <c r="E178" s="9" t="s">
        <v>130</v>
      </c>
      <c r="F178" s="9" t="s">
        <v>141</v>
      </c>
      <c r="G178" s="6">
        <v>10053</v>
      </c>
      <c r="H178" s="6">
        <v>34</v>
      </c>
      <c r="I178" s="6">
        <v>547</v>
      </c>
      <c r="J178" s="6">
        <v>809</v>
      </c>
      <c r="K178" s="6">
        <v>959</v>
      </c>
      <c r="L178" s="6">
        <v>1129</v>
      </c>
      <c r="M178" s="6">
        <v>1184</v>
      </c>
      <c r="N178" s="6">
        <v>1170</v>
      </c>
      <c r="O178" s="6">
        <v>1123</v>
      </c>
      <c r="P178" s="6">
        <v>1079</v>
      </c>
      <c r="Q178" s="6">
        <v>880</v>
      </c>
      <c r="R178" s="6">
        <v>653</v>
      </c>
      <c r="S178" s="6">
        <v>341</v>
      </c>
      <c r="T178" s="6">
        <v>107</v>
      </c>
      <c r="U178" s="6">
        <v>23</v>
      </c>
      <c r="V178" s="6">
        <v>12</v>
      </c>
      <c r="W178" s="6">
        <v>3</v>
      </c>
      <c r="X178" s="10" t="s">
        <v>55</v>
      </c>
      <c r="Y178" s="6">
        <v>8914</v>
      </c>
      <c r="Z178" s="6">
        <v>1139</v>
      </c>
      <c r="AA178" s="6">
        <v>145</v>
      </c>
      <c r="AB178" s="6">
        <v>15</v>
      </c>
      <c r="AC178" s="6">
        <v>9533</v>
      </c>
      <c r="AD178" s="7">
        <v>46.833530000000003</v>
      </c>
    </row>
    <row r="179" spans="1:30">
      <c r="A179" s="9" t="s">
        <v>56</v>
      </c>
      <c r="B179" s="9" t="s">
        <v>57</v>
      </c>
      <c r="C179" s="9" t="s">
        <v>59</v>
      </c>
      <c r="D179" s="9" t="s">
        <v>6</v>
      </c>
      <c r="E179" s="9" t="s">
        <v>130</v>
      </c>
      <c r="F179" s="9" t="s">
        <v>142</v>
      </c>
      <c r="G179" s="6">
        <v>570</v>
      </c>
      <c r="H179" s="6">
        <v>8</v>
      </c>
      <c r="I179" s="6">
        <v>32</v>
      </c>
      <c r="J179" s="6">
        <v>40</v>
      </c>
      <c r="K179" s="6">
        <v>50</v>
      </c>
      <c r="L179" s="6">
        <v>56</v>
      </c>
      <c r="M179" s="6">
        <v>75</v>
      </c>
      <c r="N179" s="6">
        <v>100</v>
      </c>
      <c r="O179" s="6">
        <v>76</v>
      </c>
      <c r="P179" s="6">
        <v>70</v>
      </c>
      <c r="Q179" s="6">
        <v>46</v>
      </c>
      <c r="R179" s="6">
        <v>8</v>
      </c>
      <c r="S179" s="6">
        <v>5</v>
      </c>
      <c r="T179" s="6">
        <v>3</v>
      </c>
      <c r="U179" s="6">
        <v>1</v>
      </c>
      <c r="V179" s="10" t="s">
        <v>55</v>
      </c>
      <c r="W179" s="10" t="s">
        <v>55</v>
      </c>
      <c r="X179" s="10" t="s">
        <v>55</v>
      </c>
      <c r="Y179" s="6">
        <v>553</v>
      </c>
      <c r="Z179" s="6">
        <v>17</v>
      </c>
      <c r="AA179" s="6">
        <v>4</v>
      </c>
      <c r="AB179" s="10" t="s">
        <v>55</v>
      </c>
      <c r="AC179" s="6">
        <v>553</v>
      </c>
      <c r="AD179" s="7">
        <v>45.124560000000002</v>
      </c>
    </row>
    <row r="180" spans="1:30">
      <c r="A180" s="9" t="s">
        <v>56</v>
      </c>
      <c r="B180" s="9" t="s">
        <v>57</v>
      </c>
      <c r="C180" s="9" t="s">
        <v>59</v>
      </c>
      <c r="D180" s="9" t="s">
        <v>6</v>
      </c>
      <c r="E180" s="9" t="s">
        <v>130</v>
      </c>
      <c r="F180" s="9" t="s">
        <v>143</v>
      </c>
      <c r="G180" s="6">
        <v>2852</v>
      </c>
      <c r="H180" s="6">
        <v>15</v>
      </c>
      <c r="I180" s="6">
        <v>106</v>
      </c>
      <c r="J180" s="6">
        <v>144</v>
      </c>
      <c r="K180" s="6">
        <v>167</v>
      </c>
      <c r="L180" s="6">
        <v>246</v>
      </c>
      <c r="M180" s="6">
        <v>263</v>
      </c>
      <c r="N180" s="6">
        <v>295</v>
      </c>
      <c r="O180" s="6">
        <v>261</v>
      </c>
      <c r="P180" s="6">
        <v>288</v>
      </c>
      <c r="Q180" s="6">
        <v>349</v>
      </c>
      <c r="R180" s="6">
        <v>324</v>
      </c>
      <c r="S180" s="6">
        <v>275</v>
      </c>
      <c r="T180" s="6">
        <v>89</v>
      </c>
      <c r="U180" s="6">
        <v>25</v>
      </c>
      <c r="V180" s="6">
        <v>4</v>
      </c>
      <c r="W180" s="6">
        <v>1</v>
      </c>
      <c r="X180" s="10" t="s">
        <v>55</v>
      </c>
      <c r="Y180" s="6">
        <v>2134</v>
      </c>
      <c r="Z180" s="6">
        <v>718</v>
      </c>
      <c r="AA180" s="6">
        <v>119</v>
      </c>
      <c r="AB180" s="6">
        <v>5</v>
      </c>
      <c r="AC180" s="6">
        <v>2443</v>
      </c>
      <c r="AD180" s="7">
        <v>52.495440000000002</v>
      </c>
    </row>
    <row r="181" spans="1:30">
      <c r="A181" s="9" t="s">
        <v>56</v>
      </c>
      <c r="B181" s="9" t="s">
        <v>57</v>
      </c>
      <c r="C181" s="9" t="s">
        <v>59</v>
      </c>
      <c r="D181" s="9" t="s">
        <v>6</v>
      </c>
      <c r="E181" s="9" t="s">
        <v>130</v>
      </c>
      <c r="F181" s="9" t="s">
        <v>144</v>
      </c>
      <c r="G181" s="6">
        <v>1911</v>
      </c>
      <c r="H181" s="6">
        <v>9</v>
      </c>
      <c r="I181" s="6">
        <v>111</v>
      </c>
      <c r="J181" s="6">
        <v>176</v>
      </c>
      <c r="K181" s="6">
        <v>167</v>
      </c>
      <c r="L181" s="6">
        <v>166</v>
      </c>
      <c r="M181" s="6">
        <v>239</v>
      </c>
      <c r="N181" s="6">
        <v>319</v>
      </c>
      <c r="O181" s="6">
        <v>249</v>
      </c>
      <c r="P181" s="6">
        <v>242</v>
      </c>
      <c r="Q181" s="6">
        <v>160</v>
      </c>
      <c r="R181" s="6">
        <v>53</v>
      </c>
      <c r="S181" s="6">
        <v>15</v>
      </c>
      <c r="T181" s="6">
        <v>4</v>
      </c>
      <c r="U181" s="6">
        <v>1</v>
      </c>
      <c r="V181" s="10" t="s">
        <v>55</v>
      </c>
      <c r="W181" s="10" t="s">
        <v>55</v>
      </c>
      <c r="X181" s="10" t="s">
        <v>55</v>
      </c>
      <c r="Y181" s="6">
        <v>1838</v>
      </c>
      <c r="Z181" s="6">
        <v>73</v>
      </c>
      <c r="AA181" s="6">
        <v>5</v>
      </c>
      <c r="AB181" s="10" t="s">
        <v>55</v>
      </c>
      <c r="AC181" s="6">
        <v>1882</v>
      </c>
      <c r="AD181" s="7">
        <v>45.280740000000002</v>
      </c>
    </row>
    <row r="182" spans="1:30">
      <c r="A182" s="9" t="s">
        <v>56</v>
      </c>
      <c r="B182" s="9" t="s">
        <v>57</v>
      </c>
      <c r="C182" s="9" t="s">
        <v>59</v>
      </c>
      <c r="D182" s="9" t="s">
        <v>6</v>
      </c>
      <c r="E182" s="9" t="s">
        <v>55</v>
      </c>
      <c r="F182" s="9" t="s">
        <v>145</v>
      </c>
      <c r="G182" s="6">
        <v>443</v>
      </c>
      <c r="H182" s="6">
        <v>11</v>
      </c>
      <c r="I182" s="6">
        <v>33</v>
      </c>
      <c r="J182" s="6">
        <v>45</v>
      </c>
      <c r="K182" s="6">
        <v>34</v>
      </c>
      <c r="L182" s="6">
        <v>44</v>
      </c>
      <c r="M182" s="6">
        <v>33</v>
      </c>
      <c r="N182" s="6">
        <v>42</v>
      </c>
      <c r="O182" s="6">
        <v>23</v>
      </c>
      <c r="P182" s="6">
        <v>43</v>
      </c>
      <c r="Q182" s="6">
        <v>43</v>
      </c>
      <c r="R182" s="6">
        <v>37</v>
      </c>
      <c r="S182" s="6">
        <v>31</v>
      </c>
      <c r="T182" s="6">
        <v>12</v>
      </c>
      <c r="U182" s="6">
        <v>9</v>
      </c>
      <c r="V182" s="6">
        <v>1</v>
      </c>
      <c r="W182" s="6">
        <v>2</v>
      </c>
      <c r="X182" s="10" t="s">
        <v>55</v>
      </c>
      <c r="Y182" s="6">
        <v>351</v>
      </c>
      <c r="Z182" s="6">
        <v>92</v>
      </c>
      <c r="AA182" s="6">
        <v>24</v>
      </c>
      <c r="AB182" s="6">
        <v>3</v>
      </c>
      <c r="AC182" s="6">
        <v>377</v>
      </c>
      <c r="AD182" s="7">
        <v>48.217829999999999</v>
      </c>
    </row>
    <row r="183" spans="1:30">
      <c r="A183" s="9" t="s">
        <v>56</v>
      </c>
      <c r="B183" s="9" t="s">
        <v>57</v>
      </c>
      <c r="C183" s="9" t="s">
        <v>59</v>
      </c>
      <c r="D183" s="9" t="s">
        <v>6</v>
      </c>
      <c r="E183" s="9" t="s">
        <v>55</v>
      </c>
      <c r="F183" s="9" t="s">
        <v>146</v>
      </c>
      <c r="G183" s="6">
        <v>7753</v>
      </c>
      <c r="H183" s="6">
        <v>38</v>
      </c>
      <c r="I183" s="6">
        <v>496</v>
      </c>
      <c r="J183" s="6">
        <v>579</v>
      </c>
      <c r="K183" s="6">
        <v>507</v>
      </c>
      <c r="L183" s="6">
        <v>454</v>
      </c>
      <c r="M183" s="6">
        <v>434</v>
      </c>
      <c r="N183" s="6">
        <v>435</v>
      </c>
      <c r="O183" s="6">
        <v>489</v>
      </c>
      <c r="P183" s="6">
        <v>645</v>
      </c>
      <c r="Q183" s="6">
        <v>908</v>
      </c>
      <c r="R183" s="6">
        <v>1077</v>
      </c>
      <c r="S183" s="6">
        <v>867</v>
      </c>
      <c r="T183" s="6">
        <v>448</v>
      </c>
      <c r="U183" s="6">
        <v>268</v>
      </c>
      <c r="V183" s="6">
        <v>91</v>
      </c>
      <c r="W183" s="6">
        <v>17</v>
      </c>
      <c r="X183" s="10" t="s">
        <v>55</v>
      </c>
      <c r="Y183" s="6">
        <v>4985</v>
      </c>
      <c r="Z183" s="6">
        <v>2768</v>
      </c>
      <c r="AA183" s="6">
        <v>824</v>
      </c>
      <c r="AB183" s="6">
        <v>108</v>
      </c>
      <c r="AC183" s="6">
        <v>6024</v>
      </c>
      <c r="AD183" s="7">
        <v>54.387009999999997</v>
      </c>
    </row>
    <row r="184" spans="1:30">
      <c r="A184" s="9" t="s">
        <v>56</v>
      </c>
      <c r="B184" s="9" t="s">
        <v>57</v>
      </c>
      <c r="C184" s="9" t="s">
        <v>59</v>
      </c>
      <c r="D184" s="9" t="s">
        <v>6</v>
      </c>
      <c r="E184" s="9" t="s">
        <v>55</v>
      </c>
      <c r="F184" s="9" t="s">
        <v>147</v>
      </c>
      <c r="G184" s="6">
        <v>12246</v>
      </c>
      <c r="H184" s="6">
        <v>193</v>
      </c>
      <c r="I184" s="6">
        <v>726</v>
      </c>
      <c r="J184" s="6">
        <v>824</v>
      </c>
      <c r="K184" s="6">
        <v>909</v>
      </c>
      <c r="L184" s="6">
        <v>1171</v>
      </c>
      <c r="M184" s="6">
        <v>1299</v>
      </c>
      <c r="N184" s="6">
        <v>1527</v>
      </c>
      <c r="O184" s="6">
        <v>1361</v>
      </c>
      <c r="P184" s="6">
        <v>1411</v>
      </c>
      <c r="Q184" s="6">
        <v>1160</v>
      </c>
      <c r="R184" s="6">
        <v>924</v>
      </c>
      <c r="S184" s="6">
        <v>513</v>
      </c>
      <c r="T184" s="6">
        <v>136</v>
      </c>
      <c r="U184" s="6">
        <v>65</v>
      </c>
      <c r="V184" s="6">
        <v>22</v>
      </c>
      <c r="W184" s="6">
        <v>5</v>
      </c>
      <c r="X184" s="10" t="s">
        <v>55</v>
      </c>
      <c r="Y184" s="6">
        <v>10581</v>
      </c>
      <c r="Z184" s="6">
        <v>1665</v>
      </c>
      <c r="AA184" s="6">
        <v>228</v>
      </c>
      <c r="AB184" s="6">
        <v>27</v>
      </c>
      <c r="AC184" s="6">
        <v>11312</v>
      </c>
      <c r="AD184" s="7">
        <v>47.889110000000002</v>
      </c>
    </row>
    <row r="185" spans="1:30">
      <c r="A185" s="9" t="s">
        <v>56</v>
      </c>
      <c r="B185" s="9" t="s">
        <v>57</v>
      </c>
      <c r="C185" s="9" t="s">
        <v>59</v>
      </c>
      <c r="D185" s="9" t="s">
        <v>6</v>
      </c>
      <c r="E185" s="9" t="s">
        <v>55</v>
      </c>
      <c r="F185" s="9" t="s">
        <v>148</v>
      </c>
      <c r="G185" s="6">
        <v>36456</v>
      </c>
      <c r="H185" s="6">
        <v>361</v>
      </c>
      <c r="I185" s="6">
        <v>1768</v>
      </c>
      <c r="J185" s="6">
        <v>2379</v>
      </c>
      <c r="K185" s="6">
        <v>2906</v>
      </c>
      <c r="L185" s="6">
        <v>3518</v>
      </c>
      <c r="M185" s="6">
        <v>3924</v>
      </c>
      <c r="N185" s="6">
        <v>4258</v>
      </c>
      <c r="O185" s="6">
        <v>4075</v>
      </c>
      <c r="P185" s="6">
        <v>4108</v>
      </c>
      <c r="Q185" s="6">
        <v>3705</v>
      </c>
      <c r="R185" s="6">
        <v>2668</v>
      </c>
      <c r="S185" s="6">
        <v>1784</v>
      </c>
      <c r="T185" s="6">
        <v>645</v>
      </c>
      <c r="U185" s="6">
        <v>260</v>
      </c>
      <c r="V185" s="6">
        <v>76</v>
      </c>
      <c r="W185" s="6">
        <v>20</v>
      </c>
      <c r="X185" s="6">
        <v>1</v>
      </c>
      <c r="Y185" s="6">
        <v>31002</v>
      </c>
      <c r="Z185" s="6">
        <v>5454</v>
      </c>
      <c r="AA185" s="6">
        <v>1002</v>
      </c>
      <c r="AB185" s="6">
        <v>97</v>
      </c>
      <c r="AC185" s="6">
        <v>33309</v>
      </c>
      <c r="AD185" s="7">
        <v>48.767139999999998</v>
      </c>
    </row>
    <row r="186" spans="1:30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55</v>
      </c>
      <c r="F186" s="9" t="s">
        <v>6</v>
      </c>
      <c r="G186" s="6">
        <v>29154</v>
      </c>
      <c r="H186" s="6">
        <v>331</v>
      </c>
      <c r="I186" s="6">
        <v>1391</v>
      </c>
      <c r="J186" s="6">
        <v>1834</v>
      </c>
      <c r="K186" s="6">
        <v>2166</v>
      </c>
      <c r="L186" s="6">
        <v>2600</v>
      </c>
      <c r="M186" s="6">
        <v>2896</v>
      </c>
      <c r="N186" s="6">
        <v>3181</v>
      </c>
      <c r="O186" s="6">
        <v>2994</v>
      </c>
      <c r="P186" s="6">
        <v>3185</v>
      </c>
      <c r="Q186" s="6">
        <v>3107</v>
      </c>
      <c r="R186" s="6">
        <v>2521</v>
      </c>
      <c r="S186" s="6">
        <v>1789</v>
      </c>
      <c r="T186" s="6">
        <v>689</v>
      </c>
      <c r="U186" s="6">
        <v>347</v>
      </c>
      <c r="V186" s="6">
        <v>100</v>
      </c>
      <c r="W186" s="6">
        <v>23</v>
      </c>
      <c r="X186" s="10" t="s">
        <v>55</v>
      </c>
      <c r="Y186" s="6">
        <v>23685</v>
      </c>
      <c r="Z186" s="6">
        <v>5469</v>
      </c>
      <c r="AA186" s="6">
        <v>1159</v>
      </c>
      <c r="AB186" s="6">
        <v>123</v>
      </c>
      <c r="AC186" s="6">
        <v>25875</v>
      </c>
      <c r="AD186" s="7">
        <v>49.966450000000002</v>
      </c>
    </row>
    <row r="187" spans="1:30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122</v>
      </c>
      <c r="F187" s="9" t="s">
        <v>123</v>
      </c>
      <c r="G187" s="6">
        <v>3658</v>
      </c>
      <c r="H187" s="6">
        <v>16</v>
      </c>
      <c r="I187" s="6">
        <v>134</v>
      </c>
      <c r="J187" s="6">
        <v>159</v>
      </c>
      <c r="K187" s="6">
        <v>184</v>
      </c>
      <c r="L187" s="6">
        <v>211</v>
      </c>
      <c r="M187" s="6">
        <v>218</v>
      </c>
      <c r="N187" s="6">
        <v>224</v>
      </c>
      <c r="O187" s="6">
        <v>249</v>
      </c>
      <c r="P187" s="6">
        <v>321</v>
      </c>
      <c r="Q187" s="6">
        <v>442</v>
      </c>
      <c r="R187" s="6">
        <v>556</v>
      </c>
      <c r="S187" s="6">
        <v>496</v>
      </c>
      <c r="T187" s="6">
        <v>240</v>
      </c>
      <c r="U187" s="6">
        <v>148</v>
      </c>
      <c r="V187" s="6">
        <v>50</v>
      </c>
      <c r="W187" s="6">
        <v>10</v>
      </c>
      <c r="X187" s="10" t="s">
        <v>55</v>
      </c>
      <c r="Y187" s="6">
        <v>2158</v>
      </c>
      <c r="Z187" s="6">
        <v>1500</v>
      </c>
      <c r="AA187" s="6">
        <v>448</v>
      </c>
      <c r="AB187" s="6">
        <v>60</v>
      </c>
      <c r="AC187" s="6">
        <v>2698</v>
      </c>
      <c r="AD187" s="7">
        <v>57.453530000000001</v>
      </c>
    </row>
    <row r="188" spans="1:30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122</v>
      </c>
      <c r="F188" s="9" t="s">
        <v>124</v>
      </c>
      <c r="G188" s="6">
        <v>3538</v>
      </c>
      <c r="H188" s="6">
        <v>16</v>
      </c>
      <c r="I188" s="6">
        <v>131</v>
      </c>
      <c r="J188" s="6">
        <v>155</v>
      </c>
      <c r="K188" s="6">
        <v>180</v>
      </c>
      <c r="L188" s="6">
        <v>206</v>
      </c>
      <c r="M188" s="6">
        <v>207</v>
      </c>
      <c r="N188" s="6">
        <v>213</v>
      </c>
      <c r="O188" s="6">
        <v>245</v>
      </c>
      <c r="P188" s="6">
        <v>308</v>
      </c>
      <c r="Q188" s="6">
        <v>419</v>
      </c>
      <c r="R188" s="6">
        <v>533</v>
      </c>
      <c r="S188" s="6">
        <v>485</v>
      </c>
      <c r="T188" s="6">
        <v>236</v>
      </c>
      <c r="U188" s="6">
        <v>145</v>
      </c>
      <c r="V188" s="6">
        <v>49</v>
      </c>
      <c r="W188" s="6">
        <v>10</v>
      </c>
      <c r="X188" s="10" t="s">
        <v>55</v>
      </c>
      <c r="Y188" s="6">
        <v>2080</v>
      </c>
      <c r="Z188" s="6">
        <v>1458</v>
      </c>
      <c r="AA188" s="6">
        <v>440</v>
      </c>
      <c r="AB188" s="6">
        <v>59</v>
      </c>
      <c r="AC188" s="6">
        <v>2597</v>
      </c>
      <c r="AD188" s="7">
        <v>57.460709999999999</v>
      </c>
    </row>
    <row r="189" spans="1:30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122</v>
      </c>
      <c r="F189" s="9" t="s">
        <v>125</v>
      </c>
      <c r="G189" s="6">
        <v>92</v>
      </c>
      <c r="H189" s="10" t="s">
        <v>55</v>
      </c>
      <c r="I189" s="10" t="s">
        <v>55</v>
      </c>
      <c r="J189" s="6">
        <v>1</v>
      </c>
      <c r="K189" s="6">
        <v>2</v>
      </c>
      <c r="L189" s="6">
        <v>7</v>
      </c>
      <c r="M189" s="6">
        <v>5</v>
      </c>
      <c r="N189" s="6">
        <v>1</v>
      </c>
      <c r="O189" s="6">
        <v>6</v>
      </c>
      <c r="P189" s="6">
        <v>9</v>
      </c>
      <c r="Q189" s="6">
        <v>11</v>
      </c>
      <c r="R189" s="6">
        <v>11</v>
      </c>
      <c r="S189" s="6">
        <v>16</v>
      </c>
      <c r="T189" s="6">
        <v>9</v>
      </c>
      <c r="U189" s="6">
        <v>10</v>
      </c>
      <c r="V189" s="6">
        <v>4</v>
      </c>
      <c r="W189" s="10" t="s">
        <v>55</v>
      </c>
      <c r="X189" s="10" t="s">
        <v>55</v>
      </c>
      <c r="Y189" s="6">
        <v>42</v>
      </c>
      <c r="Z189" s="6">
        <v>50</v>
      </c>
      <c r="AA189" s="6">
        <v>23</v>
      </c>
      <c r="AB189" s="6">
        <v>4</v>
      </c>
      <c r="AC189" s="6">
        <v>53</v>
      </c>
      <c r="AD189" s="7">
        <v>64.434780000000003</v>
      </c>
    </row>
    <row r="190" spans="1:30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126</v>
      </c>
      <c r="F190" s="9" t="s">
        <v>127</v>
      </c>
      <c r="G190" s="6">
        <v>29</v>
      </c>
      <c r="H190" s="10" t="s">
        <v>55</v>
      </c>
      <c r="I190" s="10" t="s">
        <v>55</v>
      </c>
      <c r="J190" s="6">
        <v>1</v>
      </c>
      <c r="K190" s="10" t="s">
        <v>55</v>
      </c>
      <c r="L190" s="6">
        <v>1</v>
      </c>
      <c r="M190" s="6">
        <v>3</v>
      </c>
      <c r="N190" s="6">
        <v>1</v>
      </c>
      <c r="O190" s="6">
        <v>3</v>
      </c>
      <c r="P190" s="6">
        <v>5</v>
      </c>
      <c r="Q190" s="6">
        <v>2</v>
      </c>
      <c r="R190" s="6">
        <v>8</v>
      </c>
      <c r="S190" s="6">
        <v>2</v>
      </c>
      <c r="T190" s="6">
        <v>2</v>
      </c>
      <c r="U190" s="6">
        <v>1</v>
      </c>
      <c r="V190" s="10" t="s">
        <v>55</v>
      </c>
      <c r="W190" s="10" t="s">
        <v>55</v>
      </c>
      <c r="X190" s="10" t="s">
        <v>55</v>
      </c>
      <c r="Y190" s="6">
        <v>16</v>
      </c>
      <c r="Z190" s="6">
        <v>13</v>
      </c>
      <c r="AA190" s="6">
        <v>3</v>
      </c>
      <c r="AB190" s="10" t="s">
        <v>55</v>
      </c>
      <c r="AC190" s="6">
        <v>24</v>
      </c>
      <c r="AD190" s="7">
        <v>59.258620000000001</v>
      </c>
    </row>
    <row r="191" spans="1:30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126</v>
      </c>
      <c r="F191" s="9" t="s">
        <v>128</v>
      </c>
      <c r="G191" s="6">
        <v>3827</v>
      </c>
      <c r="H191" s="6">
        <v>39</v>
      </c>
      <c r="I191" s="6">
        <v>147</v>
      </c>
      <c r="J191" s="6">
        <v>219</v>
      </c>
      <c r="K191" s="6">
        <v>243</v>
      </c>
      <c r="L191" s="6">
        <v>320</v>
      </c>
      <c r="M191" s="6">
        <v>378</v>
      </c>
      <c r="N191" s="6">
        <v>345</v>
      </c>
      <c r="O191" s="6">
        <v>394</v>
      </c>
      <c r="P191" s="6">
        <v>388</v>
      </c>
      <c r="Q191" s="6">
        <v>490</v>
      </c>
      <c r="R191" s="6">
        <v>483</v>
      </c>
      <c r="S191" s="6">
        <v>288</v>
      </c>
      <c r="T191" s="6">
        <v>56</v>
      </c>
      <c r="U191" s="6">
        <v>27</v>
      </c>
      <c r="V191" s="6">
        <v>9</v>
      </c>
      <c r="W191" s="6">
        <v>1</v>
      </c>
      <c r="X191" s="10" t="s">
        <v>55</v>
      </c>
      <c r="Y191" s="6">
        <v>2963</v>
      </c>
      <c r="Z191" s="6">
        <v>864</v>
      </c>
      <c r="AA191" s="6">
        <v>93</v>
      </c>
      <c r="AB191" s="6">
        <v>10</v>
      </c>
      <c r="AC191" s="6">
        <v>3407</v>
      </c>
      <c r="AD191" s="7">
        <v>51.452179999999998</v>
      </c>
    </row>
    <row r="192" spans="1:30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126</v>
      </c>
      <c r="F192" s="9" t="s">
        <v>129</v>
      </c>
      <c r="G192" s="6">
        <v>5349</v>
      </c>
      <c r="H192" s="6">
        <v>110</v>
      </c>
      <c r="I192" s="6">
        <v>378</v>
      </c>
      <c r="J192" s="6">
        <v>419</v>
      </c>
      <c r="K192" s="6">
        <v>462</v>
      </c>
      <c r="L192" s="6">
        <v>529</v>
      </c>
      <c r="M192" s="6">
        <v>580</v>
      </c>
      <c r="N192" s="6">
        <v>781</v>
      </c>
      <c r="O192" s="6">
        <v>632</v>
      </c>
      <c r="P192" s="6">
        <v>669</v>
      </c>
      <c r="Q192" s="6">
        <v>424</v>
      </c>
      <c r="R192" s="6">
        <v>209</v>
      </c>
      <c r="S192" s="6">
        <v>100</v>
      </c>
      <c r="T192" s="6">
        <v>31</v>
      </c>
      <c r="U192" s="6">
        <v>19</v>
      </c>
      <c r="V192" s="6">
        <v>5</v>
      </c>
      <c r="W192" s="6">
        <v>1</v>
      </c>
      <c r="X192" s="10" t="s">
        <v>55</v>
      </c>
      <c r="Y192" s="6">
        <v>4984</v>
      </c>
      <c r="Z192" s="6">
        <v>365</v>
      </c>
      <c r="AA192" s="6">
        <v>56</v>
      </c>
      <c r="AB192" s="6">
        <v>6</v>
      </c>
      <c r="AC192" s="6">
        <v>5083</v>
      </c>
      <c r="AD192" s="7">
        <v>45.359409999999997</v>
      </c>
    </row>
    <row r="193" spans="1:30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130</v>
      </c>
      <c r="F193" s="9" t="s">
        <v>131</v>
      </c>
      <c r="G193" s="6">
        <v>163</v>
      </c>
      <c r="H193" s="6">
        <v>1</v>
      </c>
      <c r="I193" s="6">
        <v>4</v>
      </c>
      <c r="J193" s="6">
        <v>13</v>
      </c>
      <c r="K193" s="6">
        <v>9</v>
      </c>
      <c r="L193" s="6">
        <v>5</v>
      </c>
      <c r="M193" s="6">
        <v>23</v>
      </c>
      <c r="N193" s="6">
        <v>26</v>
      </c>
      <c r="O193" s="6">
        <v>32</v>
      </c>
      <c r="P193" s="6">
        <v>25</v>
      </c>
      <c r="Q193" s="6">
        <v>15</v>
      </c>
      <c r="R193" s="6">
        <v>4</v>
      </c>
      <c r="S193" s="6">
        <v>3</v>
      </c>
      <c r="T193" s="6">
        <v>3</v>
      </c>
      <c r="U193" s="10" t="s">
        <v>55</v>
      </c>
      <c r="V193" s="10" t="s">
        <v>55</v>
      </c>
      <c r="W193" s="10" t="s">
        <v>55</v>
      </c>
      <c r="X193" s="10" t="s">
        <v>55</v>
      </c>
      <c r="Y193" s="6">
        <v>153</v>
      </c>
      <c r="Z193" s="6">
        <v>10</v>
      </c>
      <c r="AA193" s="6">
        <v>3</v>
      </c>
      <c r="AB193" s="10" t="s">
        <v>55</v>
      </c>
      <c r="AC193" s="6">
        <v>156</v>
      </c>
      <c r="AD193" s="7">
        <v>48.585889999999999</v>
      </c>
    </row>
    <row r="194" spans="1:30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130</v>
      </c>
      <c r="F194" s="9" t="s">
        <v>132</v>
      </c>
      <c r="G194" s="6">
        <v>149</v>
      </c>
      <c r="H194" s="6">
        <v>1</v>
      </c>
      <c r="I194" s="6">
        <v>11</v>
      </c>
      <c r="J194" s="6">
        <v>15</v>
      </c>
      <c r="K194" s="6">
        <v>17</v>
      </c>
      <c r="L194" s="6">
        <v>15</v>
      </c>
      <c r="M194" s="6">
        <v>20</v>
      </c>
      <c r="N194" s="6">
        <v>19</v>
      </c>
      <c r="O194" s="6">
        <v>14</v>
      </c>
      <c r="P194" s="6">
        <v>11</v>
      </c>
      <c r="Q194" s="6">
        <v>20</v>
      </c>
      <c r="R194" s="6">
        <v>4</v>
      </c>
      <c r="S194" s="6">
        <v>2</v>
      </c>
      <c r="T194" s="10" t="s">
        <v>55</v>
      </c>
      <c r="U194" s="10" t="s">
        <v>55</v>
      </c>
      <c r="V194" s="10" t="s">
        <v>55</v>
      </c>
      <c r="W194" s="10" t="s">
        <v>55</v>
      </c>
      <c r="X194" s="10" t="s">
        <v>55</v>
      </c>
      <c r="Y194" s="6">
        <v>143</v>
      </c>
      <c r="Z194" s="6">
        <v>6</v>
      </c>
      <c r="AA194" s="10" t="s">
        <v>55</v>
      </c>
      <c r="AB194" s="10" t="s">
        <v>55</v>
      </c>
      <c r="AC194" s="6">
        <v>146</v>
      </c>
      <c r="AD194" s="7">
        <v>44.11074</v>
      </c>
    </row>
    <row r="195" spans="1:30">
      <c r="A195" s="9" t="s">
        <v>56</v>
      </c>
      <c r="B195" s="9" t="s">
        <v>57</v>
      </c>
      <c r="C195" s="9" t="s">
        <v>59</v>
      </c>
      <c r="D195" s="9" t="s">
        <v>53</v>
      </c>
      <c r="E195" s="9" t="s">
        <v>130</v>
      </c>
      <c r="F195" s="9" t="s">
        <v>133</v>
      </c>
      <c r="G195" s="6">
        <v>2398</v>
      </c>
      <c r="H195" s="6">
        <v>12</v>
      </c>
      <c r="I195" s="6">
        <v>78</v>
      </c>
      <c r="J195" s="6">
        <v>109</v>
      </c>
      <c r="K195" s="6">
        <v>156</v>
      </c>
      <c r="L195" s="6">
        <v>220</v>
      </c>
      <c r="M195" s="6">
        <v>265</v>
      </c>
      <c r="N195" s="6">
        <v>278</v>
      </c>
      <c r="O195" s="6">
        <v>342</v>
      </c>
      <c r="P195" s="6">
        <v>344</v>
      </c>
      <c r="Q195" s="6">
        <v>284</v>
      </c>
      <c r="R195" s="6">
        <v>186</v>
      </c>
      <c r="S195" s="6">
        <v>101</v>
      </c>
      <c r="T195" s="6">
        <v>21</v>
      </c>
      <c r="U195" s="6">
        <v>2</v>
      </c>
      <c r="V195" s="10" t="s">
        <v>55</v>
      </c>
      <c r="W195" s="10" t="s">
        <v>55</v>
      </c>
      <c r="X195" s="10" t="s">
        <v>55</v>
      </c>
      <c r="Y195" s="6">
        <v>2088</v>
      </c>
      <c r="Z195" s="6">
        <v>310</v>
      </c>
      <c r="AA195" s="6">
        <v>23</v>
      </c>
      <c r="AB195" s="10" t="s">
        <v>55</v>
      </c>
      <c r="AC195" s="6">
        <v>2262</v>
      </c>
      <c r="AD195" s="7">
        <v>50.016260000000003</v>
      </c>
    </row>
    <row r="196" spans="1:30">
      <c r="A196" s="9" t="s">
        <v>56</v>
      </c>
      <c r="B196" s="9" t="s">
        <v>57</v>
      </c>
      <c r="C196" s="9" t="s">
        <v>59</v>
      </c>
      <c r="D196" s="9" t="s">
        <v>53</v>
      </c>
      <c r="E196" s="9" t="s">
        <v>130</v>
      </c>
      <c r="F196" s="9" t="s">
        <v>134</v>
      </c>
      <c r="G196" s="6">
        <v>3942</v>
      </c>
      <c r="H196" s="6">
        <v>65</v>
      </c>
      <c r="I196" s="6">
        <v>179</v>
      </c>
      <c r="J196" s="6">
        <v>222</v>
      </c>
      <c r="K196" s="6">
        <v>320</v>
      </c>
      <c r="L196" s="6">
        <v>389</v>
      </c>
      <c r="M196" s="6">
        <v>391</v>
      </c>
      <c r="N196" s="6">
        <v>427</v>
      </c>
      <c r="O196" s="6">
        <v>375</v>
      </c>
      <c r="P196" s="6">
        <v>386</v>
      </c>
      <c r="Q196" s="6">
        <v>428</v>
      </c>
      <c r="R196" s="6">
        <v>319</v>
      </c>
      <c r="S196" s="6">
        <v>262</v>
      </c>
      <c r="T196" s="6">
        <v>109</v>
      </c>
      <c r="U196" s="6">
        <v>51</v>
      </c>
      <c r="V196" s="6">
        <v>13</v>
      </c>
      <c r="W196" s="6">
        <v>6</v>
      </c>
      <c r="X196" s="10" t="s">
        <v>55</v>
      </c>
      <c r="Y196" s="6">
        <v>3182</v>
      </c>
      <c r="Z196" s="6">
        <v>760</v>
      </c>
      <c r="AA196" s="6">
        <v>179</v>
      </c>
      <c r="AB196" s="6">
        <v>19</v>
      </c>
      <c r="AC196" s="6">
        <v>3436</v>
      </c>
      <c r="AD196" s="7">
        <v>49.862760000000002</v>
      </c>
    </row>
    <row r="197" spans="1:30">
      <c r="A197" s="9" t="s">
        <v>56</v>
      </c>
      <c r="B197" s="9" t="s">
        <v>57</v>
      </c>
      <c r="C197" s="9" t="s">
        <v>59</v>
      </c>
      <c r="D197" s="9" t="s">
        <v>53</v>
      </c>
      <c r="E197" s="9" t="s">
        <v>130</v>
      </c>
      <c r="F197" s="9" t="s">
        <v>135</v>
      </c>
      <c r="G197" s="6">
        <v>285</v>
      </c>
      <c r="H197" s="10" t="s">
        <v>55</v>
      </c>
      <c r="I197" s="6">
        <v>13</v>
      </c>
      <c r="J197" s="6">
        <v>21</v>
      </c>
      <c r="K197" s="6">
        <v>24</v>
      </c>
      <c r="L197" s="6">
        <v>21</v>
      </c>
      <c r="M197" s="6">
        <v>31</v>
      </c>
      <c r="N197" s="6">
        <v>36</v>
      </c>
      <c r="O197" s="6">
        <v>36</v>
      </c>
      <c r="P197" s="6">
        <v>30</v>
      </c>
      <c r="Q197" s="6">
        <v>35</v>
      </c>
      <c r="R197" s="6">
        <v>20</v>
      </c>
      <c r="S197" s="6">
        <v>10</v>
      </c>
      <c r="T197" s="6">
        <v>3</v>
      </c>
      <c r="U197" s="6">
        <v>5</v>
      </c>
      <c r="V197" s="10" t="s">
        <v>55</v>
      </c>
      <c r="W197" s="10" t="s">
        <v>55</v>
      </c>
      <c r="X197" s="10" t="s">
        <v>55</v>
      </c>
      <c r="Y197" s="6">
        <v>247</v>
      </c>
      <c r="Z197" s="6">
        <v>38</v>
      </c>
      <c r="AA197" s="6">
        <v>8</v>
      </c>
      <c r="AB197" s="10" t="s">
        <v>55</v>
      </c>
      <c r="AC197" s="6">
        <v>267</v>
      </c>
      <c r="AD197" s="7">
        <v>49.096490000000003</v>
      </c>
    </row>
    <row r="198" spans="1:30">
      <c r="A198" s="9" t="s">
        <v>56</v>
      </c>
      <c r="B198" s="9" t="s">
        <v>57</v>
      </c>
      <c r="C198" s="9" t="s">
        <v>59</v>
      </c>
      <c r="D198" s="9" t="s">
        <v>53</v>
      </c>
      <c r="E198" s="9" t="s">
        <v>130</v>
      </c>
      <c r="F198" s="9" t="s">
        <v>136</v>
      </c>
      <c r="G198" s="6">
        <v>315</v>
      </c>
      <c r="H198" s="10" t="s">
        <v>55</v>
      </c>
      <c r="I198" s="6">
        <v>15</v>
      </c>
      <c r="J198" s="6">
        <v>24</v>
      </c>
      <c r="K198" s="6">
        <v>26</v>
      </c>
      <c r="L198" s="6">
        <v>26</v>
      </c>
      <c r="M198" s="6">
        <v>22</v>
      </c>
      <c r="N198" s="6">
        <v>30</v>
      </c>
      <c r="O198" s="6">
        <v>20</v>
      </c>
      <c r="P198" s="6">
        <v>29</v>
      </c>
      <c r="Q198" s="6">
        <v>37</v>
      </c>
      <c r="R198" s="6">
        <v>32</v>
      </c>
      <c r="S198" s="6">
        <v>31</v>
      </c>
      <c r="T198" s="6">
        <v>10</v>
      </c>
      <c r="U198" s="6">
        <v>10</v>
      </c>
      <c r="V198" s="6">
        <v>2</v>
      </c>
      <c r="W198" s="6">
        <v>1</v>
      </c>
      <c r="X198" s="10" t="s">
        <v>55</v>
      </c>
      <c r="Y198" s="6">
        <v>229</v>
      </c>
      <c r="Z198" s="6">
        <v>86</v>
      </c>
      <c r="AA198" s="6">
        <v>23</v>
      </c>
      <c r="AB198" s="6">
        <v>3</v>
      </c>
      <c r="AC198" s="6">
        <v>261</v>
      </c>
      <c r="AD198" s="7">
        <v>52.392060000000001</v>
      </c>
    </row>
    <row r="199" spans="1:30">
      <c r="A199" s="9" t="s">
        <v>56</v>
      </c>
      <c r="B199" s="9" t="s">
        <v>57</v>
      </c>
      <c r="C199" s="9" t="s">
        <v>59</v>
      </c>
      <c r="D199" s="9" t="s">
        <v>53</v>
      </c>
      <c r="E199" s="9" t="s">
        <v>130</v>
      </c>
      <c r="F199" s="9" t="s">
        <v>137</v>
      </c>
      <c r="G199" s="6">
        <v>607</v>
      </c>
      <c r="H199" s="6">
        <v>4</v>
      </c>
      <c r="I199" s="6">
        <v>17</v>
      </c>
      <c r="J199" s="6">
        <v>26</v>
      </c>
      <c r="K199" s="6">
        <v>33</v>
      </c>
      <c r="L199" s="6">
        <v>44</v>
      </c>
      <c r="M199" s="6">
        <v>60</v>
      </c>
      <c r="N199" s="6">
        <v>81</v>
      </c>
      <c r="O199" s="6">
        <v>55</v>
      </c>
      <c r="P199" s="6">
        <v>67</v>
      </c>
      <c r="Q199" s="6">
        <v>77</v>
      </c>
      <c r="R199" s="6">
        <v>57</v>
      </c>
      <c r="S199" s="6">
        <v>53</v>
      </c>
      <c r="T199" s="6">
        <v>21</v>
      </c>
      <c r="U199" s="6">
        <v>12</v>
      </c>
      <c r="V199" s="10" t="s">
        <v>55</v>
      </c>
      <c r="W199" s="10" t="s">
        <v>55</v>
      </c>
      <c r="X199" s="10" t="s">
        <v>55</v>
      </c>
      <c r="Y199" s="6">
        <v>464</v>
      </c>
      <c r="Z199" s="6">
        <v>143</v>
      </c>
      <c r="AA199" s="6">
        <v>33</v>
      </c>
      <c r="AB199" s="10" t="s">
        <v>55</v>
      </c>
      <c r="AC199" s="6">
        <v>517</v>
      </c>
      <c r="AD199" s="7">
        <v>53.000819999999997</v>
      </c>
    </row>
    <row r="200" spans="1:30">
      <c r="A200" s="9" t="s">
        <v>56</v>
      </c>
      <c r="B200" s="9" t="s">
        <v>57</v>
      </c>
      <c r="C200" s="9" t="s">
        <v>59</v>
      </c>
      <c r="D200" s="9" t="s">
        <v>53</v>
      </c>
      <c r="E200" s="9" t="s">
        <v>130</v>
      </c>
      <c r="F200" s="9" t="s">
        <v>138</v>
      </c>
      <c r="G200" s="6">
        <v>721</v>
      </c>
      <c r="H200" s="6">
        <v>38</v>
      </c>
      <c r="I200" s="6">
        <v>66</v>
      </c>
      <c r="J200" s="6">
        <v>33</v>
      </c>
      <c r="K200" s="6">
        <v>53</v>
      </c>
      <c r="L200" s="6">
        <v>61</v>
      </c>
      <c r="M200" s="6">
        <v>67</v>
      </c>
      <c r="N200" s="6">
        <v>59</v>
      </c>
      <c r="O200" s="6">
        <v>62</v>
      </c>
      <c r="P200" s="6">
        <v>59</v>
      </c>
      <c r="Q200" s="6">
        <v>70</v>
      </c>
      <c r="R200" s="6">
        <v>69</v>
      </c>
      <c r="S200" s="6">
        <v>49</v>
      </c>
      <c r="T200" s="6">
        <v>25</v>
      </c>
      <c r="U200" s="6">
        <v>9</v>
      </c>
      <c r="V200" s="6">
        <v>1</v>
      </c>
      <c r="W200" s="10" t="s">
        <v>55</v>
      </c>
      <c r="X200" s="10" t="s">
        <v>55</v>
      </c>
      <c r="Y200" s="6">
        <v>568</v>
      </c>
      <c r="Z200" s="6">
        <v>153</v>
      </c>
      <c r="AA200" s="6">
        <v>35</v>
      </c>
      <c r="AB200" s="6">
        <v>1</v>
      </c>
      <c r="AC200" s="6">
        <v>599</v>
      </c>
      <c r="AD200" s="7">
        <v>48.178220000000003</v>
      </c>
    </row>
    <row r="201" spans="1:30">
      <c r="A201" s="9" t="s">
        <v>56</v>
      </c>
      <c r="B201" s="9" t="s">
        <v>57</v>
      </c>
      <c r="C201" s="9" t="s">
        <v>59</v>
      </c>
      <c r="D201" s="9" t="s">
        <v>53</v>
      </c>
      <c r="E201" s="9" t="s">
        <v>130</v>
      </c>
      <c r="F201" s="9" t="s">
        <v>139</v>
      </c>
      <c r="G201" s="6">
        <v>709</v>
      </c>
      <c r="H201" s="6">
        <v>8</v>
      </c>
      <c r="I201" s="6">
        <v>17</v>
      </c>
      <c r="J201" s="6">
        <v>45</v>
      </c>
      <c r="K201" s="6">
        <v>51</v>
      </c>
      <c r="L201" s="6">
        <v>85</v>
      </c>
      <c r="M201" s="6">
        <v>90</v>
      </c>
      <c r="N201" s="6">
        <v>66</v>
      </c>
      <c r="O201" s="6">
        <v>66</v>
      </c>
      <c r="P201" s="6">
        <v>56</v>
      </c>
      <c r="Q201" s="6">
        <v>63</v>
      </c>
      <c r="R201" s="6">
        <v>63</v>
      </c>
      <c r="S201" s="6">
        <v>38</v>
      </c>
      <c r="T201" s="6">
        <v>37</v>
      </c>
      <c r="U201" s="6">
        <v>18</v>
      </c>
      <c r="V201" s="6">
        <v>6</v>
      </c>
      <c r="W201" s="10" t="s">
        <v>55</v>
      </c>
      <c r="X201" s="10" t="s">
        <v>55</v>
      </c>
      <c r="Y201" s="6">
        <v>547</v>
      </c>
      <c r="Z201" s="6">
        <v>162</v>
      </c>
      <c r="AA201" s="6">
        <v>61</v>
      </c>
      <c r="AB201" s="6">
        <v>6</v>
      </c>
      <c r="AC201" s="6">
        <v>602</v>
      </c>
      <c r="AD201" s="7">
        <v>50.88223</v>
      </c>
    </row>
    <row r="202" spans="1:30">
      <c r="A202" s="9" t="s">
        <v>56</v>
      </c>
      <c r="B202" s="9" t="s">
        <v>57</v>
      </c>
      <c r="C202" s="9" t="s">
        <v>59</v>
      </c>
      <c r="D202" s="9" t="s">
        <v>53</v>
      </c>
      <c r="E202" s="9" t="s">
        <v>130</v>
      </c>
      <c r="F202" s="9" t="s">
        <v>140</v>
      </c>
      <c r="G202" s="6">
        <v>986</v>
      </c>
      <c r="H202" s="6">
        <v>9</v>
      </c>
      <c r="I202" s="6">
        <v>45</v>
      </c>
      <c r="J202" s="6">
        <v>63</v>
      </c>
      <c r="K202" s="6">
        <v>69</v>
      </c>
      <c r="L202" s="6">
        <v>83</v>
      </c>
      <c r="M202" s="6">
        <v>91</v>
      </c>
      <c r="N202" s="6">
        <v>97</v>
      </c>
      <c r="O202" s="6">
        <v>127</v>
      </c>
      <c r="P202" s="6">
        <v>170</v>
      </c>
      <c r="Q202" s="6">
        <v>130</v>
      </c>
      <c r="R202" s="6">
        <v>59</v>
      </c>
      <c r="S202" s="6">
        <v>29</v>
      </c>
      <c r="T202" s="6">
        <v>9</v>
      </c>
      <c r="U202" s="6">
        <v>3</v>
      </c>
      <c r="V202" s="6">
        <v>2</v>
      </c>
      <c r="W202" s="10" t="s">
        <v>55</v>
      </c>
      <c r="X202" s="10" t="s">
        <v>55</v>
      </c>
      <c r="Y202" s="6">
        <v>884</v>
      </c>
      <c r="Z202" s="6">
        <v>102</v>
      </c>
      <c r="AA202" s="6">
        <v>14</v>
      </c>
      <c r="AB202" s="6">
        <v>2</v>
      </c>
      <c r="AC202" s="6">
        <v>934</v>
      </c>
      <c r="AD202" s="7">
        <v>49.166330000000002</v>
      </c>
    </row>
    <row r="203" spans="1:30">
      <c r="A203" s="9" t="s">
        <v>56</v>
      </c>
      <c r="B203" s="9" t="s">
        <v>57</v>
      </c>
      <c r="C203" s="9" t="s">
        <v>59</v>
      </c>
      <c r="D203" s="9" t="s">
        <v>53</v>
      </c>
      <c r="E203" s="9" t="s">
        <v>130</v>
      </c>
      <c r="F203" s="9" t="s">
        <v>141</v>
      </c>
      <c r="G203" s="6">
        <v>2268</v>
      </c>
      <c r="H203" s="6">
        <v>5</v>
      </c>
      <c r="I203" s="6">
        <v>105</v>
      </c>
      <c r="J203" s="6">
        <v>219</v>
      </c>
      <c r="K203" s="6">
        <v>247</v>
      </c>
      <c r="L203" s="6">
        <v>274</v>
      </c>
      <c r="M203" s="6">
        <v>278</v>
      </c>
      <c r="N203" s="6">
        <v>238</v>
      </c>
      <c r="O203" s="6">
        <v>207</v>
      </c>
      <c r="P203" s="6">
        <v>179</v>
      </c>
      <c r="Q203" s="6">
        <v>169</v>
      </c>
      <c r="R203" s="6">
        <v>173</v>
      </c>
      <c r="S203" s="6">
        <v>109</v>
      </c>
      <c r="T203" s="6">
        <v>46</v>
      </c>
      <c r="U203" s="6">
        <v>10</v>
      </c>
      <c r="V203" s="6">
        <v>6</v>
      </c>
      <c r="W203" s="6">
        <v>3</v>
      </c>
      <c r="X203" s="10" t="s">
        <v>55</v>
      </c>
      <c r="Y203" s="6">
        <v>1921</v>
      </c>
      <c r="Z203" s="6">
        <v>347</v>
      </c>
      <c r="AA203" s="6">
        <v>65</v>
      </c>
      <c r="AB203" s="6">
        <v>9</v>
      </c>
      <c r="AC203" s="6">
        <v>2089</v>
      </c>
      <c r="AD203" s="7">
        <v>46.878749999999997</v>
      </c>
    </row>
    <row r="204" spans="1:30">
      <c r="A204" s="9" t="s">
        <v>56</v>
      </c>
      <c r="B204" s="9" t="s">
        <v>57</v>
      </c>
      <c r="C204" s="9" t="s">
        <v>59</v>
      </c>
      <c r="D204" s="9" t="s">
        <v>53</v>
      </c>
      <c r="E204" s="9" t="s">
        <v>130</v>
      </c>
      <c r="F204" s="9" t="s">
        <v>142</v>
      </c>
      <c r="G204" s="6">
        <v>343</v>
      </c>
      <c r="H204" s="6">
        <v>2</v>
      </c>
      <c r="I204" s="6">
        <v>11</v>
      </c>
      <c r="J204" s="6">
        <v>21</v>
      </c>
      <c r="K204" s="6">
        <v>34</v>
      </c>
      <c r="L204" s="6">
        <v>43</v>
      </c>
      <c r="M204" s="6">
        <v>46</v>
      </c>
      <c r="N204" s="6">
        <v>49</v>
      </c>
      <c r="O204" s="6">
        <v>47</v>
      </c>
      <c r="P204" s="6">
        <v>49</v>
      </c>
      <c r="Q204" s="6">
        <v>29</v>
      </c>
      <c r="R204" s="6">
        <v>5</v>
      </c>
      <c r="S204" s="6">
        <v>4</v>
      </c>
      <c r="T204" s="6">
        <v>2</v>
      </c>
      <c r="U204" s="6">
        <v>1</v>
      </c>
      <c r="V204" s="10" t="s">
        <v>55</v>
      </c>
      <c r="W204" s="10" t="s">
        <v>55</v>
      </c>
      <c r="X204" s="10" t="s">
        <v>55</v>
      </c>
      <c r="Y204" s="6">
        <v>331</v>
      </c>
      <c r="Z204" s="6">
        <v>12</v>
      </c>
      <c r="AA204" s="6">
        <v>3</v>
      </c>
      <c r="AB204" s="10" t="s">
        <v>55</v>
      </c>
      <c r="AC204" s="6">
        <v>334</v>
      </c>
      <c r="AD204" s="7">
        <v>46.088920000000002</v>
      </c>
    </row>
    <row r="205" spans="1:30">
      <c r="A205" s="9" t="s">
        <v>56</v>
      </c>
      <c r="B205" s="9" t="s">
        <v>57</v>
      </c>
      <c r="C205" s="9" t="s">
        <v>59</v>
      </c>
      <c r="D205" s="9" t="s">
        <v>53</v>
      </c>
      <c r="E205" s="9" t="s">
        <v>130</v>
      </c>
      <c r="F205" s="9" t="s">
        <v>143</v>
      </c>
      <c r="G205" s="6">
        <v>1768</v>
      </c>
      <c r="H205" s="6">
        <v>10</v>
      </c>
      <c r="I205" s="6">
        <v>74</v>
      </c>
      <c r="J205" s="6">
        <v>86</v>
      </c>
      <c r="K205" s="6">
        <v>96</v>
      </c>
      <c r="L205" s="6">
        <v>145</v>
      </c>
      <c r="M205" s="6">
        <v>159</v>
      </c>
      <c r="N205" s="6">
        <v>186</v>
      </c>
      <c r="O205" s="6">
        <v>158</v>
      </c>
      <c r="P205" s="6">
        <v>176</v>
      </c>
      <c r="Q205" s="6">
        <v>238</v>
      </c>
      <c r="R205" s="6">
        <v>202</v>
      </c>
      <c r="S205" s="6">
        <v>168</v>
      </c>
      <c r="T205" s="6">
        <v>53</v>
      </c>
      <c r="U205" s="6">
        <v>15</v>
      </c>
      <c r="V205" s="6">
        <v>2</v>
      </c>
      <c r="W205" s="10" t="s">
        <v>55</v>
      </c>
      <c r="X205" s="10" t="s">
        <v>55</v>
      </c>
      <c r="Y205" s="6">
        <v>1328</v>
      </c>
      <c r="Z205" s="6">
        <v>440</v>
      </c>
      <c r="AA205" s="6">
        <v>70</v>
      </c>
      <c r="AB205" s="6">
        <v>2</v>
      </c>
      <c r="AC205" s="6">
        <v>1520</v>
      </c>
      <c r="AD205" s="7">
        <v>52.596719999999998</v>
      </c>
    </row>
    <row r="206" spans="1:30">
      <c r="A206" s="9" t="s">
        <v>56</v>
      </c>
      <c r="B206" s="9" t="s">
        <v>57</v>
      </c>
      <c r="C206" s="9" t="s">
        <v>59</v>
      </c>
      <c r="D206" s="9" t="s">
        <v>53</v>
      </c>
      <c r="E206" s="9" t="s">
        <v>130</v>
      </c>
      <c r="F206" s="9" t="s">
        <v>144</v>
      </c>
      <c r="G206" s="6">
        <v>1293</v>
      </c>
      <c r="H206" s="6">
        <v>5</v>
      </c>
      <c r="I206" s="6">
        <v>81</v>
      </c>
      <c r="J206" s="6">
        <v>110</v>
      </c>
      <c r="K206" s="6">
        <v>120</v>
      </c>
      <c r="L206" s="6">
        <v>101</v>
      </c>
      <c r="M206" s="6">
        <v>151</v>
      </c>
      <c r="N206" s="6">
        <v>215</v>
      </c>
      <c r="O206" s="6">
        <v>154</v>
      </c>
      <c r="P206" s="6">
        <v>185</v>
      </c>
      <c r="Q206" s="6">
        <v>116</v>
      </c>
      <c r="R206" s="6">
        <v>39</v>
      </c>
      <c r="S206" s="6">
        <v>12</v>
      </c>
      <c r="T206" s="6">
        <v>4</v>
      </c>
      <c r="U206" s="10" t="s">
        <v>55</v>
      </c>
      <c r="V206" s="10" t="s">
        <v>55</v>
      </c>
      <c r="W206" s="10" t="s">
        <v>55</v>
      </c>
      <c r="X206" s="10" t="s">
        <v>55</v>
      </c>
      <c r="Y206" s="6">
        <v>1238</v>
      </c>
      <c r="Z206" s="6">
        <v>55</v>
      </c>
      <c r="AA206" s="6">
        <v>4</v>
      </c>
      <c r="AB206" s="10" t="s">
        <v>55</v>
      </c>
      <c r="AC206" s="6">
        <v>1272</v>
      </c>
      <c r="AD206" s="7">
        <v>45.637659999999997</v>
      </c>
    </row>
    <row r="207" spans="1:30">
      <c r="A207" s="9" t="s">
        <v>56</v>
      </c>
      <c r="B207" s="9" t="s">
        <v>57</v>
      </c>
      <c r="C207" s="9" t="s">
        <v>59</v>
      </c>
      <c r="D207" s="9" t="s">
        <v>53</v>
      </c>
      <c r="E207" s="9" t="s">
        <v>55</v>
      </c>
      <c r="F207" s="9" t="s">
        <v>145</v>
      </c>
      <c r="G207" s="6">
        <v>252</v>
      </c>
      <c r="H207" s="6">
        <v>6</v>
      </c>
      <c r="I207" s="6">
        <v>16</v>
      </c>
      <c r="J207" s="6">
        <v>28</v>
      </c>
      <c r="K207" s="6">
        <v>20</v>
      </c>
      <c r="L207" s="6">
        <v>20</v>
      </c>
      <c r="M207" s="6">
        <v>18</v>
      </c>
      <c r="N207" s="6">
        <v>22</v>
      </c>
      <c r="O207" s="6">
        <v>15</v>
      </c>
      <c r="P207" s="6">
        <v>27</v>
      </c>
      <c r="Q207" s="6">
        <v>27</v>
      </c>
      <c r="R207" s="6">
        <v>22</v>
      </c>
      <c r="S207" s="6">
        <v>16</v>
      </c>
      <c r="T207" s="6">
        <v>8</v>
      </c>
      <c r="U207" s="6">
        <v>6</v>
      </c>
      <c r="V207" s="10" t="s">
        <v>55</v>
      </c>
      <c r="W207" s="6">
        <v>1</v>
      </c>
      <c r="X207" s="10" t="s">
        <v>55</v>
      </c>
      <c r="Y207" s="6">
        <v>199</v>
      </c>
      <c r="Z207" s="6">
        <v>53</v>
      </c>
      <c r="AA207" s="6">
        <v>15</v>
      </c>
      <c r="AB207" s="6">
        <v>1</v>
      </c>
      <c r="AC207" s="6">
        <v>215</v>
      </c>
      <c r="AD207" s="7">
        <v>48.801589999999997</v>
      </c>
    </row>
    <row r="208" spans="1:30">
      <c r="A208" s="9" t="s">
        <v>56</v>
      </c>
      <c r="B208" s="9" t="s">
        <v>57</v>
      </c>
      <c r="C208" s="9" t="s">
        <v>59</v>
      </c>
      <c r="D208" s="9" t="s">
        <v>53</v>
      </c>
      <c r="E208" s="9" t="s">
        <v>55</v>
      </c>
      <c r="F208" s="9" t="s">
        <v>146</v>
      </c>
      <c r="G208" s="6">
        <v>3750</v>
      </c>
      <c r="H208" s="6">
        <v>16</v>
      </c>
      <c r="I208" s="6">
        <v>134</v>
      </c>
      <c r="J208" s="6">
        <v>160</v>
      </c>
      <c r="K208" s="6">
        <v>186</v>
      </c>
      <c r="L208" s="6">
        <v>218</v>
      </c>
      <c r="M208" s="6">
        <v>223</v>
      </c>
      <c r="N208" s="6">
        <v>225</v>
      </c>
      <c r="O208" s="6">
        <v>255</v>
      </c>
      <c r="P208" s="6">
        <v>330</v>
      </c>
      <c r="Q208" s="6">
        <v>453</v>
      </c>
      <c r="R208" s="6">
        <v>567</v>
      </c>
      <c r="S208" s="6">
        <v>512</v>
      </c>
      <c r="T208" s="6">
        <v>249</v>
      </c>
      <c r="U208" s="6">
        <v>158</v>
      </c>
      <c r="V208" s="6">
        <v>54</v>
      </c>
      <c r="W208" s="6">
        <v>10</v>
      </c>
      <c r="X208" s="10" t="s">
        <v>55</v>
      </c>
      <c r="Y208" s="6">
        <v>2200</v>
      </c>
      <c r="Z208" s="6">
        <v>1550</v>
      </c>
      <c r="AA208" s="6">
        <v>471</v>
      </c>
      <c r="AB208" s="6">
        <v>64</v>
      </c>
      <c r="AC208" s="6">
        <v>2751</v>
      </c>
      <c r="AD208" s="7">
        <v>57.6248</v>
      </c>
    </row>
    <row r="209" spans="1:30">
      <c r="A209" s="9" t="s">
        <v>56</v>
      </c>
      <c r="B209" s="9" t="s">
        <v>57</v>
      </c>
      <c r="C209" s="9" t="s">
        <v>59</v>
      </c>
      <c r="D209" s="9" t="s">
        <v>53</v>
      </c>
      <c r="E209" s="9" t="s">
        <v>55</v>
      </c>
      <c r="F209" s="9" t="s">
        <v>147</v>
      </c>
      <c r="G209" s="6">
        <v>9205</v>
      </c>
      <c r="H209" s="6">
        <v>149</v>
      </c>
      <c r="I209" s="6">
        <v>525</v>
      </c>
      <c r="J209" s="6">
        <v>639</v>
      </c>
      <c r="K209" s="6">
        <v>705</v>
      </c>
      <c r="L209" s="6">
        <v>850</v>
      </c>
      <c r="M209" s="6">
        <v>961</v>
      </c>
      <c r="N209" s="6">
        <v>1127</v>
      </c>
      <c r="O209" s="6">
        <v>1029</v>
      </c>
      <c r="P209" s="6">
        <v>1062</v>
      </c>
      <c r="Q209" s="6">
        <v>916</v>
      </c>
      <c r="R209" s="6">
        <v>700</v>
      </c>
      <c r="S209" s="6">
        <v>390</v>
      </c>
      <c r="T209" s="6">
        <v>89</v>
      </c>
      <c r="U209" s="6">
        <v>47</v>
      </c>
      <c r="V209" s="6">
        <v>14</v>
      </c>
      <c r="W209" s="6">
        <v>2</v>
      </c>
      <c r="X209" s="10" t="s">
        <v>55</v>
      </c>
      <c r="Y209" s="6">
        <v>7963</v>
      </c>
      <c r="Z209" s="6">
        <v>1242</v>
      </c>
      <c r="AA209" s="6">
        <v>152</v>
      </c>
      <c r="AB209" s="6">
        <v>16</v>
      </c>
      <c r="AC209" s="6">
        <v>8514</v>
      </c>
      <c r="AD209" s="7">
        <v>47.936279999999996</v>
      </c>
    </row>
    <row r="210" spans="1:30">
      <c r="A210" s="9" t="s">
        <v>56</v>
      </c>
      <c r="B210" s="9" t="s">
        <v>57</v>
      </c>
      <c r="C210" s="9" t="s">
        <v>59</v>
      </c>
      <c r="D210" s="9" t="s">
        <v>53</v>
      </c>
      <c r="E210" s="9" t="s">
        <v>55</v>
      </c>
      <c r="F210" s="9" t="s">
        <v>148</v>
      </c>
      <c r="G210" s="6">
        <v>15947</v>
      </c>
      <c r="H210" s="6">
        <v>160</v>
      </c>
      <c r="I210" s="6">
        <v>716</v>
      </c>
      <c r="J210" s="6">
        <v>1007</v>
      </c>
      <c r="K210" s="6">
        <v>1255</v>
      </c>
      <c r="L210" s="6">
        <v>1512</v>
      </c>
      <c r="M210" s="6">
        <v>1694</v>
      </c>
      <c r="N210" s="6">
        <v>1807</v>
      </c>
      <c r="O210" s="6">
        <v>1695</v>
      </c>
      <c r="P210" s="6">
        <v>1766</v>
      </c>
      <c r="Q210" s="6">
        <v>1711</v>
      </c>
      <c r="R210" s="6">
        <v>1232</v>
      </c>
      <c r="S210" s="6">
        <v>871</v>
      </c>
      <c r="T210" s="6">
        <v>343</v>
      </c>
      <c r="U210" s="6">
        <v>136</v>
      </c>
      <c r="V210" s="6">
        <v>32</v>
      </c>
      <c r="W210" s="6">
        <v>10</v>
      </c>
      <c r="X210" s="10" t="s">
        <v>55</v>
      </c>
      <c r="Y210" s="6">
        <v>13323</v>
      </c>
      <c r="Z210" s="6">
        <v>2624</v>
      </c>
      <c r="AA210" s="6">
        <v>521</v>
      </c>
      <c r="AB210" s="6">
        <v>42</v>
      </c>
      <c r="AC210" s="6">
        <v>14395</v>
      </c>
      <c r="AD210" s="7">
        <v>49.355829999999997</v>
      </c>
    </row>
    <row r="211" spans="1:30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55</v>
      </c>
      <c r="F211" s="9" t="s">
        <v>6</v>
      </c>
      <c r="G211" s="6">
        <v>27744</v>
      </c>
      <c r="H211" s="6">
        <v>272</v>
      </c>
      <c r="I211" s="6">
        <v>1632</v>
      </c>
      <c r="J211" s="6">
        <v>1993</v>
      </c>
      <c r="K211" s="6">
        <v>2190</v>
      </c>
      <c r="L211" s="6">
        <v>2587</v>
      </c>
      <c r="M211" s="6">
        <v>2794</v>
      </c>
      <c r="N211" s="6">
        <v>3081</v>
      </c>
      <c r="O211" s="6">
        <v>2954</v>
      </c>
      <c r="P211" s="6">
        <v>3022</v>
      </c>
      <c r="Q211" s="6">
        <v>2709</v>
      </c>
      <c r="R211" s="6">
        <v>2185</v>
      </c>
      <c r="S211" s="6">
        <v>1406</v>
      </c>
      <c r="T211" s="6">
        <v>552</v>
      </c>
      <c r="U211" s="6">
        <v>255</v>
      </c>
      <c r="V211" s="6">
        <v>90</v>
      </c>
      <c r="W211" s="6">
        <v>21</v>
      </c>
      <c r="X211" s="6">
        <v>1</v>
      </c>
      <c r="Y211" s="6">
        <v>23234</v>
      </c>
      <c r="Z211" s="6">
        <v>4510</v>
      </c>
      <c r="AA211" s="6">
        <v>919</v>
      </c>
      <c r="AB211" s="6">
        <v>112</v>
      </c>
      <c r="AC211" s="6">
        <v>25147</v>
      </c>
      <c r="AD211" s="7">
        <v>48.681010000000001</v>
      </c>
    </row>
    <row r="212" spans="1:30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122</v>
      </c>
      <c r="F212" s="9" t="s">
        <v>123</v>
      </c>
      <c r="G212" s="6">
        <v>3962</v>
      </c>
      <c r="H212" s="6">
        <v>22</v>
      </c>
      <c r="I212" s="6">
        <v>362</v>
      </c>
      <c r="J212" s="6">
        <v>419</v>
      </c>
      <c r="K212" s="6">
        <v>320</v>
      </c>
      <c r="L212" s="6">
        <v>236</v>
      </c>
      <c r="M212" s="6">
        <v>209</v>
      </c>
      <c r="N212" s="6">
        <v>208</v>
      </c>
      <c r="O212" s="6">
        <v>232</v>
      </c>
      <c r="P212" s="6">
        <v>311</v>
      </c>
      <c r="Q212" s="6">
        <v>449</v>
      </c>
      <c r="R212" s="6">
        <v>501</v>
      </c>
      <c r="S212" s="6">
        <v>345</v>
      </c>
      <c r="T212" s="6">
        <v>195</v>
      </c>
      <c r="U212" s="6">
        <v>109</v>
      </c>
      <c r="V212" s="6">
        <v>37</v>
      </c>
      <c r="W212" s="6">
        <v>7</v>
      </c>
      <c r="X212" s="10" t="s">
        <v>55</v>
      </c>
      <c r="Y212" s="6">
        <v>2768</v>
      </c>
      <c r="Z212" s="6">
        <v>1194</v>
      </c>
      <c r="AA212" s="6">
        <v>348</v>
      </c>
      <c r="AB212" s="6">
        <v>44</v>
      </c>
      <c r="AC212" s="6">
        <v>3247</v>
      </c>
      <c r="AD212" s="7">
        <v>51.217570000000002</v>
      </c>
    </row>
    <row r="213" spans="1:30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122</v>
      </c>
      <c r="F213" s="9" t="s">
        <v>124</v>
      </c>
      <c r="G213" s="6">
        <v>3932</v>
      </c>
      <c r="H213" s="6">
        <v>21</v>
      </c>
      <c r="I213" s="6">
        <v>362</v>
      </c>
      <c r="J213" s="6">
        <v>418</v>
      </c>
      <c r="K213" s="6">
        <v>317</v>
      </c>
      <c r="L213" s="6">
        <v>234</v>
      </c>
      <c r="M213" s="6">
        <v>205</v>
      </c>
      <c r="N213" s="6">
        <v>205</v>
      </c>
      <c r="O213" s="6">
        <v>231</v>
      </c>
      <c r="P213" s="6">
        <v>307</v>
      </c>
      <c r="Q213" s="6">
        <v>445</v>
      </c>
      <c r="R213" s="6">
        <v>499</v>
      </c>
      <c r="S213" s="6">
        <v>342</v>
      </c>
      <c r="T213" s="6">
        <v>193</v>
      </c>
      <c r="U213" s="6">
        <v>109</v>
      </c>
      <c r="V213" s="6">
        <v>37</v>
      </c>
      <c r="W213" s="6">
        <v>7</v>
      </c>
      <c r="X213" s="10" t="s">
        <v>55</v>
      </c>
      <c r="Y213" s="6">
        <v>2745</v>
      </c>
      <c r="Z213" s="6">
        <v>1187</v>
      </c>
      <c r="AA213" s="6">
        <v>346</v>
      </c>
      <c r="AB213" s="6">
        <v>44</v>
      </c>
      <c r="AC213" s="6">
        <v>3223</v>
      </c>
      <c r="AD213" s="7">
        <v>51.209310000000002</v>
      </c>
    </row>
    <row r="214" spans="1:30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122</v>
      </c>
      <c r="F214" s="9" t="s">
        <v>125</v>
      </c>
      <c r="G214" s="6">
        <v>41</v>
      </c>
      <c r="H214" s="10" t="s">
        <v>55</v>
      </c>
      <c r="I214" s="10" t="s">
        <v>55</v>
      </c>
      <c r="J214" s="10" t="s">
        <v>55</v>
      </c>
      <c r="K214" s="6">
        <v>1</v>
      </c>
      <c r="L214" s="10" t="s">
        <v>55</v>
      </c>
      <c r="M214" s="6">
        <v>2</v>
      </c>
      <c r="N214" s="6">
        <v>2</v>
      </c>
      <c r="O214" s="6">
        <v>2</v>
      </c>
      <c r="P214" s="6">
        <v>4</v>
      </c>
      <c r="Q214" s="6">
        <v>6</v>
      </c>
      <c r="R214" s="6">
        <v>9</v>
      </c>
      <c r="S214" s="6">
        <v>10</v>
      </c>
      <c r="T214" s="6">
        <v>4</v>
      </c>
      <c r="U214" s="6">
        <v>1</v>
      </c>
      <c r="V214" s="10" t="s">
        <v>55</v>
      </c>
      <c r="W214" s="10" t="s">
        <v>55</v>
      </c>
      <c r="X214" s="10" t="s">
        <v>55</v>
      </c>
      <c r="Y214" s="6">
        <v>17</v>
      </c>
      <c r="Z214" s="6">
        <v>24</v>
      </c>
      <c r="AA214" s="6">
        <v>5</v>
      </c>
      <c r="AB214" s="10" t="s">
        <v>55</v>
      </c>
      <c r="AC214" s="6">
        <v>26</v>
      </c>
      <c r="AD214" s="7">
        <v>64.524389999999997</v>
      </c>
    </row>
    <row r="215" spans="1:30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126</v>
      </c>
      <c r="F215" s="9" t="s">
        <v>127</v>
      </c>
      <c r="G215" s="6">
        <v>5</v>
      </c>
      <c r="H215" s="10" t="s">
        <v>55</v>
      </c>
      <c r="I215" s="10" t="s">
        <v>55</v>
      </c>
      <c r="J215" s="10" t="s">
        <v>55</v>
      </c>
      <c r="K215" s="10" t="s">
        <v>55</v>
      </c>
      <c r="L215" s="6">
        <v>2</v>
      </c>
      <c r="M215" s="10" t="s">
        <v>55</v>
      </c>
      <c r="N215" s="6">
        <v>1</v>
      </c>
      <c r="O215" s="6">
        <v>1</v>
      </c>
      <c r="P215" s="10" t="s">
        <v>55</v>
      </c>
      <c r="Q215" s="10" t="s">
        <v>55</v>
      </c>
      <c r="R215" s="6">
        <v>1</v>
      </c>
      <c r="S215" s="10" t="s">
        <v>55</v>
      </c>
      <c r="T215" s="10" t="s">
        <v>55</v>
      </c>
      <c r="U215" s="10" t="s">
        <v>55</v>
      </c>
      <c r="V215" s="10" t="s">
        <v>55</v>
      </c>
      <c r="W215" s="10" t="s">
        <v>55</v>
      </c>
      <c r="X215" s="10" t="s">
        <v>55</v>
      </c>
      <c r="Y215" s="6">
        <v>4</v>
      </c>
      <c r="Z215" s="6">
        <v>1</v>
      </c>
      <c r="AA215" s="10" t="s">
        <v>55</v>
      </c>
      <c r="AB215" s="10" t="s">
        <v>55</v>
      </c>
      <c r="AC215" s="6">
        <v>5</v>
      </c>
      <c r="AD215" s="7">
        <v>48.5</v>
      </c>
    </row>
    <row r="216" spans="1:30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126</v>
      </c>
      <c r="F216" s="9" t="s">
        <v>128</v>
      </c>
      <c r="G216" s="6">
        <v>792</v>
      </c>
      <c r="H216" s="6">
        <v>2</v>
      </c>
      <c r="I216" s="6">
        <v>20</v>
      </c>
      <c r="J216" s="6">
        <v>36</v>
      </c>
      <c r="K216" s="6">
        <v>43</v>
      </c>
      <c r="L216" s="6">
        <v>71</v>
      </c>
      <c r="M216" s="6">
        <v>91</v>
      </c>
      <c r="N216" s="6">
        <v>94</v>
      </c>
      <c r="O216" s="6">
        <v>94</v>
      </c>
      <c r="P216" s="6">
        <v>91</v>
      </c>
      <c r="Q216" s="6">
        <v>80</v>
      </c>
      <c r="R216" s="6">
        <v>79</v>
      </c>
      <c r="S216" s="6">
        <v>55</v>
      </c>
      <c r="T216" s="6">
        <v>23</v>
      </c>
      <c r="U216" s="6">
        <v>8</v>
      </c>
      <c r="V216" s="6">
        <v>2</v>
      </c>
      <c r="W216" s="6">
        <v>3</v>
      </c>
      <c r="X216" s="10" t="s">
        <v>55</v>
      </c>
      <c r="Y216" s="6">
        <v>622</v>
      </c>
      <c r="Z216" s="6">
        <v>170</v>
      </c>
      <c r="AA216" s="6">
        <v>36</v>
      </c>
      <c r="AB216" s="6">
        <v>5</v>
      </c>
      <c r="AC216" s="6">
        <v>699</v>
      </c>
      <c r="AD216" s="7">
        <v>52.132579999999997</v>
      </c>
    </row>
    <row r="217" spans="1:30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126</v>
      </c>
      <c r="F217" s="9" t="s">
        <v>129</v>
      </c>
      <c r="G217" s="6">
        <v>2244</v>
      </c>
      <c r="H217" s="6">
        <v>42</v>
      </c>
      <c r="I217" s="6">
        <v>181</v>
      </c>
      <c r="J217" s="6">
        <v>149</v>
      </c>
      <c r="K217" s="6">
        <v>161</v>
      </c>
      <c r="L217" s="6">
        <v>248</v>
      </c>
      <c r="M217" s="6">
        <v>247</v>
      </c>
      <c r="N217" s="6">
        <v>305</v>
      </c>
      <c r="O217" s="6">
        <v>237</v>
      </c>
      <c r="P217" s="6">
        <v>258</v>
      </c>
      <c r="Q217" s="6">
        <v>164</v>
      </c>
      <c r="R217" s="6">
        <v>144</v>
      </c>
      <c r="S217" s="6">
        <v>68</v>
      </c>
      <c r="T217" s="6">
        <v>24</v>
      </c>
      <c r="U217" s="6">
        <v>10</v>
      </c>
      <c r="V217" s="6">
        <v>6</v>
      </c>
      <c r="W217" s="10" t="s">
        <v>55</v>
      </c>
      <c r="X217" s="10" t="s">
        <v>55</v>
      </c>
      <c r="Y217" s="6">
        <v>1992</v>
      </c>
      <c r="Z217" s="6">
        <v>252</v>
      </c>
      <c r="AA217" s="6">
        <v>40</v>
      </c>
      <c r="AB217" s="6">
        <v>6</v>
      </c>
      <c r="AC217" s="6">
        <v>2094</v>
      </c>
      <c r="AD217" s="7">
        <v>46.19652</v>
      </c>
    </row>
    <row r="218" spans="1:30">
      <c r="A218" s="9" t="s">
        <v>56</v>
      </c>
      <c r="B218" s="9" t="s">
        <v>57</v>
      </c>
      <c r="C218" s="9" t="s">
        <v>59</v>
      </c>
      <c r="D218" s="9" t="s">
        <v>54</v>
      </c>
      <c r="E218" s="9" t="s">
        <v>130</v>
      </c>
      <c r="F218" s="9" t="s">
        <v>131</v>
      </c>
      <c r="G218" s="6">
        <v>29</v>
      </c>
      <c r="H218" s="10" t="s">
        <v>55</v>
      </c>
      <c r="I218" s="6">
        <v>4</v>
      </c>
      <c r="J218" s="6">
        <v>1</v>
      </c>
      <c r="K218" s="6">
        <v>2</v>
      </c>
      <c r="L218" s="6">
        <v>2</v>
      </c>
      <c r="M218" s="6">
        <v>4</v>
      </c>
      <c r="N218" s="6">
        <v>5</v>
      </c>
      <c r="O218" s="6">
        <v>2</v>
      </c>
      <c r="P218" s="6">
        <v>5</v>
      </c>
      <c r="Q218" s="6">
        <v>3</v>
      </c>
      <c r="R218" s="10" t="s">
        <v>55</v>
      </c>
      <c r="S218" s="6">
        <v>1</v>
      </c>
      <c r="T218" s="10" t="s">
        <v>55</v>
      </c>
      <c r="U218" s="10" t="s">
        <v>55</v>
      </c>
      <c r="V218" s="10" t="s">
        <v>55</v>
      </c>
      <c r="W218" s="10" t="s">
        <v>55</v>
      </c>
      <c r="X218" s="10" t="s">
        <v>55</v>
      </c>
      <c r="Y218" s="6">
        <v>28</v>
      </c>
      <c r="Z218" s="6">
        <v>1</v>
      </c>
      <c r="AA218" s="10" t="s">
        <v>55</v>
      </c>
      <c r="AB218" s="10" t="s">
        <v>55</v>
      </c>
      <c r="AC218" s="6">
        <v>28</v>
      </c>
      <c r="AD218" s="7">
        <v>45.258620000000001</v>
      </c>
    </row>
    <row r="219" spans="1:30">
      <c r="A219" s="9" t="s">
        <v>56</v>
      </c>
      <c r="B219" s="9" t="s">
        <v>57</v>
      </c>
      <c r="C219" s="9" t="s">
        <v>59</v>
      </c>
      <c r="D219" s="9" t="s">
        <v>54</v>
      </c>
      <c r="E219" s="9" t="s">
        <v>130</v>
      </c>
      <c r="F219" s="9" t="s">
        <v>132</v>
      </c>
      <c r="G219" s="6">
        <v>73</v>
      </c>
      <c r="H219" s="10" t="s">
        <v>55</v>
      </c>
      <c r="I219" s="6">
        <v>4</v>
      </c>
      <c r="J219" s="6">
        <v>11</v>
      </c>
      <c r="K219" s="6">
        <v>10</v>
      </c>
      <c r="L219" s="6">
        <v>14</v>
      </c>
      <c r="M219" s="6">
        <v>5</v>
      </c>
      <c r="N219" s="6">
        <v>10</v>
      </c>
      <c r="O219" s="6">
        <v>7</v>
      </c>
      <c r="P219" s="6">
        <v>3</v>
      </c>
      <c r="Q219" s="6">
        <v>6</v>
      </c>
      <c r="R219" s="6">
        <v>1</v>
      </c>
      <c r="S219" s="6">
        <v>2</v>
      </c>
      <c r="T219" s="10" t="s">
        <v>55</v>
      </c>
      <c r="U219" s="10" t="s">
        <v>55</v>
      </c>
      <c r="V219" s="10" t="s">
        <v>55</v>
      </c>
      <c r="W219" s="10" t="s">
        <v>55</v>
      </c>
      <c r="X219" s="10" t="s">
        <v>55</v>
      </c>
      <c r="Y219" s="6">
        <v>70</v>
      </c>
      <c r="Z219" s="6">
        <v>3</v>
      </c>
      <c r="AA219" s="10" t="s">
        <v>55</v>
      </c>
      <c r="AB219" s="10" t="s">
        <v>55</v>
      </c>
      <c r="AC219" s="6">
        <v>71</v>
      </c>
      <c r="AD219" s="7">
        <v>42.102739999999997</v>
      </c>
    </row>
    <row r="220" spans="1:30">
      <c r="A220" s="9" t="s">
        <v>56</v>
      </c>
      <c r="B220" s="9" t="s">
        <v>57</v>
      </c>
      <c r="C220" s="9" t="s">
        <v>59</v>
      </c>
      <c r="D220" s="9" t="s">
        <v>54</v>
      </c>
      <c r="E220" s="9" t="s">
        <v>130</v>
      </c>
      <c r="F220" s="9" t="s">
        <v>133</v>
      </c>
      <c r="G220" s="6">
        <v>530</v>
      </c>
      <c r="H220" s="6">
        <v>4</v>
      </c>
      <c r="I220" s="6">
        <v>20</v>
      </c>
      <c r="J220" s="6">
        <v>30</v>
      </c>
      <c r="K220" s="6">
        <v>46</v>
      </c>
      <c r="L220" s="6">
        <v>60</v>
      </c>
      <c r="M220" s="6">
        <v>59</v>
      </c>
      <c r="N220" s="6">
        <v>57</v>
      </c>
      <c r="O220" s="6">
        <v>80</v>
      </c>
      <c r="P220" s="6">
        <v>77</v>
      </c>
      <c r="Q220" s="6">
        <v>46</v>
      </c>
      <c r="R220" s="6">
        <v>30</v>
      </c>
      <c r="S220" s="6">
        <v>17</v>
      </c>
      <c r="T220" s="6">
        <v>3</v>
      </c>
      <c r="U220" s="6">
        <v>1</v>
      </c>
      <c r="V220" s="10" t="s">
        <v>55</v>
      </c>
      <c r="W220" s="10" t="s">
        <v>55</v>
      </c>
      <c r="X220" s="10" t="s">
        <v>55</v>
      </c>
      <c r="Y220" s="6">
        <v>479</v>
      </c>
      <c r="Z220" s="6">
        <v>51</v>
      </c>
      <c r="AA220" s="6">
        <v>4</v>
      </c>
      <c r="AB220" s="10" t="s">
        <v>55</v>
      </c>
      <c r="AC220" s="6">
        <v>505</v>
      </c>
      <c r="AD220" s="7">
        <v>47.809429999999999</v>
      </c>
    </row>
    <row r="221" spans="1:30">
      <c r="A221" s="9" t="s">
        <v>56</v>
      </c>
      <c r="B221" s="9" t="s">
        <v>57</v>
      </c>
      <c r="C221" s="9" t="s">
        <v>59</v>
      </c>
      <c r="D221" s="9" t="s">
        <v>54</v>
      </c>
      <c r="E221" s="9" t="s">
        <v>130</v>
      </c>
      <c r="F221" s="9" t="s">
        <v>134</v>
      </c>
      <c r="G221" s="6">
        <v>5003</v>
      </c>
      <c r="H221" s="6">
        <v>80</v>
      </c>
      <c r="I221" s="6">
        <v>262</v>
      </c>
      <c r="J221" s="6">
        <v>291</v>
      </c>
      <c r="K221" s="6">
        <v>362</v>
      </c>
      <c r="L221" s="6">
        <v>461</v>
      </c>
      <c r="M221" s="6">
        <v>495</v>
      </c>
      <c r="N221" s="6">
        <v>564</v>
      </c>
      <c r="O221" s="6">
        <v>540</v>
      </c>
      <c r="P221" s="6">
        <v>569</v>
      </c>
      <c r="Q221" s="6">
        <v>558</v>
      </c>
      <c r="R221" s="6">
        <v>422</v>
      </c>
      <c r="S221" s="6">
        <v>234</v>
      </c>
      <c r="T221" s="6">
        <v>88</v>
      </c>
      <c r="U221" s="6">
        <v>53</v>
      </c>
      <c r="V221" s="6">
        <v>20</v>
      </c>
      <c r="W221" s="6">
        <v>3</v>
      </c>
      <c r="X221" s="6">
        <v>1</v>
      </c>
      <c r="Y221" s="6">
        <v>4182</v>
      </c>
      <c r="Z221" s="6">
        <v>821</v>
      </c>
      <c r="AA221" s="6">
        <v>165</v>
      </c>
      <c r="AB221" s="6">
        <v>24</v>
      </c>
      <c r="AC221" s="6">
        <v>4524</v>
      </c>
      <c r="AD221" s="7">
        <v>49.328699999999998</v>
      </c>
    </row>
    <row r="222" spans="1:30">
      <c r="A222" s="9" t="s">
        <v>56</v>
      </c>
      <c r="B222" s="9" t="s">
        <v>57</v>
      </c>
      <c r="C222" s="9" t="s">
        <v>59</v>
      </c>
      <c r="D222" s="9" t="s">
        <v>54</v>
      </c>
      <c r="E222" s="9" t="s">
        <v>130</v>
      </c>
      <c r="F222" s="9" t="s">
        <v>135</v>
      </c>
      <c r="G222" s="6">
        <v>543</v>
      </c>
      <c r="H222" s="6">
        <v>1</v>
      </c>
      <c r="I222" s="6">
        <v>28</v>
      </c>
      <c r="J222" s="6">
        <v>47</v>
      </c>
      <c r="K222" s="6">
        <v>42</v>
      </c>
      <c r="L222" s="6">
        <v>49</v>
      </c>
      <c r="M222" s="6">
        <v>64</v>
      </c>
      <c r="N222" s="6">
        <v>78</v>
      </c>
      <c r="O222" s="6">
        <v>79</v>
      </c>
      <c r="P222" s="6">
        <v>63</v>
      </c>
      <c r="Q222" s="6">
        <v>45</v>
      </c>
      <c r="R222" s="6">
        <v>29</v>
      </c>
      <c r="S222" s="6">
        <v>13</v>
      </c>
      <c r="T222" s="6">
        <v>3</v>
      </c>
      <c r="U222" s="6">
        <v>2</v>
      </c>
      <c r="V222" s="10" t="s">
        <v>55</v>
      </c>
      <c r="W222" s="10" t="s">
        <v>55</v>
      </c>
      <c r="X222" s="10" t="s">
        <v>55</v>
      </c>
      <c r="Y222" s="6">
        <v>496</v>
      </c>
      <c r="Z222" s="6">
        <v>47</v>
      </c>
      <c r="AA222" s="6">
        <v>5</v>
      </c>
      <c r="AB222" s="10" t="s">
        <v>55</v>
      </c>
      <c r="AC222" s="6">
        <v>524</v>
      </c>
      <c r="AD222" s="7">
        <v>46.91621</v>
      </c>
    </row>
    <row r="223" spans="1:30">
      <c r="A223" s="9" t="s">
        <v>56</v>
      </c>
      <c r="B223" s="9" t="s">
        <v>57</v>
      </c>
      <c r="C223" s="9" t="s">
        <v>59</v>
      </c>
      <c r="D223" s="9" t="s">
        <v>54</v>
      </c>
      <c r="E223" s="9" t="s">
        <v>130</v>
      </c>
      <c r="F223" s="9" t="s">
        <v>136</v>
      </c>
      <c r="G223" s="6">
        <v>260</v>
      </c>
      <c r="H223" s="6">
        <v>2</v>
      </c>
      <c r="I223" s="6">
        <v>10</v>
      </c>
      <c r="J223" s="6">
        <v>19</v>
      </c>
      <c r="K223" s="6">
        <v>23</v>
      </c>
      <c r="L223" s="6">
        <v>19</v>
      </c>
      <c r="M223" s="6">
        <v>22</v>
      </c>
      <c r="N223" s="6">
        <v>28</v>
      </c>
      <c r="O223" s="6">
        <v>25</v>
      </c>
      <c r="P223" s="6">
        <v>23</v>
      </c>
      <c r="Q223" s="6">
        <v>16</v>
      </c>
      <c r="R223" s="6">
        <v>22</v>
      </c>
      <c r="S223" s="6">
        <v>23</v>
      </c>
      <c r="T223" s="6">
        <v>13</v>
      </c>
      <c r="U223" s="6">
        <v>10</v>
      </c>
      <c r="V223" s="6">
        <v>3</v>
      </c>
      <c r="W223" s="6">
        <v>2</v>
      </c>
      <c r="X223" s="10" t="s">
        <v>55</v>
      </c>
      <c r="Y223" s="6">
        <v>187</v>
      </c>
      <c r="Z223" s="6">
        <v>73</v>
      </c>
      <c r="AA223" s="6">
        <v>28</v>
      </c>
      <c r="AB223" s="6">
        <v>5</v>
      </c>
      <c r="AC223" s="6">
        <v>207</v>
      </c>
      <c r="AD223" s="7">
        <v>52.242310000000003</v>
      </c>
    </row>
    <row r="224" spans="1:30">
      <c r="A224" s="9" t="s">
        <v>56</v>
      </c>
      <c r="B224" s="9" t="s">
        <v>57</v>
      </c>
      <c r="C224" s="9" t="s">
        <v>59</v>
      </c>
      <c r="D224" s="9" t="s">
        <v>54</v>
      </c>
      <c r="E224" s="9" t="s">
        <v>130</v>
      </c>
      <c r="F224" s="9" t="s">
        <v>137</v>
      </c>
      <c r="G224" s="6">
        <v>400</v>
      </c>
      <c r="H224" s="10" t="s">
        <v>55</v>
      </c>
      <c r="I224" s="6">
        <v>14</v>
      </c>
      <c r="J224" s="6">
        <v>22</v>
      </c>
      <c r="K224" s="6">
        <v>40</v>
      </c>
      <c r="L224" s="6">
        <v>43</v>
      </c>
      <c r="M224" s="6">
        <v>52</v>
      </c>
      <c r="N224" s="6">
        <v>52</v>
      </c>
      <c r="O224" s="6">
        <v>46</v>
      </c>
      <c r="P224" s="6">
        <v>44</v>
      </c>
      <c r="Q224" s="6">
        <v>36</v>
      </c>
      <c r="R224" s="6">
        <v>24</v>
      </c>
      <c r="S224" s="6">
        <v>16</v>
      </c>
      <c r="T224" s="6">
        <v>10</v>
      </c>
      <c r="U224" s="6">
        <v>1</v>
      </c>
      <c r="V224" s="10" t="s">
        <v>55</v>
      </c>
      <c r="W224" s="10" t="s">
        <v>55</v>
      </c>
      <c r="X224" s="10" t="s">
        <v>55</v>
      </c>
      <c r="Y224" s="6">
        <v>349</v>
      </c>
      <c r="Z224" s="6">
        <v>51</v>
      </c>
      <c r="AA224" s="6">
        <v>11</v>
      </c>
      <c r="AB224" s="10" t="s">
        <v>55</v>
      </c>
      <c r="AC224" s="6">
        <v>373</v>
      </c>
      <c r="AD224" s="7">
        <v>48.35</v>
      </c>
    </row>
    <row r="225" spans="1:30">
      <c r="A225" s="9" t="s">
        <v>56</v>
      </c>
      <c r="B225" s="9" t="s">
        <v>57</v>
      </c>
      <c r="C225" s="9" t="s">
        <v>59</v>
      </c>
      <c r="D225" s="9" t="s">
        <v>54</v>
      </c>
      <c r="E225" s="9" t="s">
        <v>130</v>
      </c>
      <c r="F225" s="9" t="s">
        <v>138</v>
      </c>
      <c r="G225" s="6">
        <v>1523</v>
      </c>
      <c r="H225" s="6">
        <v>55</v>
      </c>
      <c r="I225" s="6">
        <v>82</v>
      </c>
      <c r="J225" s="6">
        <v>63</v>
      </c>
      <c r="K225" s="6">
        <v>93</v>
      </c>
      <c r="L225" s="6">
        <v>122</v>
      </c>
      <c r="M225" s="6">
        <v>136</v>
      </c>
      <c r="N225" s="6">
        <v>151</v>
      </c>
      <c r="O225" s="6">
        <v>156</v>
      </c>
      <c r="P225" s="6">
        <v>168</v>
      </c>
      <c r="Q225" s="6">
        <v>159</v>
      </c>
      <c r="R225" s="6">
        <v>147</v>
      </c>
      <c r="S225" s="6">
        <v>138</v>
      </c>
      <c r="T225" s="6">
        <v>38</v>
      </c>
      <c r="U225" s="6">
        <v>10</v>
      </c>
      <c r="V225" s="6">
        <v>3</v>
      </c>
      <c r="W225" s="6">
        <v>2</v>
      </c>
      <c r="X225" s="10" t="s">
        <v>55</v>
      </c>
      <c r="Y225" s="6">
        <v>1185</v>
      </c>
      <c r="Z225" s="6">
        <v>338</v>
      </c>
      <c r="AA225" s="6">
        <v>53</v>
      </c>
      <c r="AB225" s="6">
        <v>5</v>
      </c>
      <c r="AC225" s="6">
        <v>1277</v>
      </c>
      <c r="AD225" s="7">
        <v>50.555149999999998</v>
      </c>
    </row>
    <row r="226" spans="1:30">
      <c r="A226" s="9" t="s">
        <v>56</v>
      </c>
      <c r="B226" s="9" t="s">
        <v>57</v>
      </c>
      <c r="C226" s="9" t="s">
        <v>59</v>
      </c>
      <c r="D226" s="9" t="s">
        <v>54</v>
      </c>
      <c r="E226" s="9" t="s">
        <v>130</v>
      </c>
      <c r="F226" s="9" t="s">
        <v>139</v>
      </c>
      <c r="G226" s="6">
        <v>1156</v>
      </c>
      <c r="H226" s="6">
        <v>6</v>
      </c>
      <c r="I226" s="6">
        <v>50</v>
      </c>
      <c r="J226" s="6">
        <v>61</v>
      </c>
      <c r="K226" s="6">
        <v>96</v>
      </c>
      <c r="L226" s="6">
        <v>92</v>
      </c>
      <c r="M226" s="6">
        <v>122</v>
      </c>
      <c r="N226" s="6">
        <v>96</v>
      </c>
      <c r="O226" s="6">
        <v>110</v>
      </c>
      <c r="P226" s="6">
        <v>125</v>
      </c>
      <c r="Q226" s="6">
        <v>123</v>
      </c>
      <c r="R226" s="6">
        <v>109</v>
      </c>
      <c r="S226" s="6">
        <v>99</v>
      </c>
      <c r="T226" s="6">
        <v>39</v>
      </c>
      <c r="U226" s="6">
        <v>20</v>
      </c>
      <c r="V226" s="6">
        <v>7</v>
      </c>
      <c r="W226" s="6">
        <v>1</v>
      </c>
      <c r="X226" s="10" t="s">
        <v>55</v>
      </c>
      <c r="Y226" s="6">
        <v>881</v>
      </c>
      <c r="Z226" s="6">
        <v>275</v>
      </c>
      <c r="AA226" s="6">
        <v>67</v>
      </c>
      <c r="AB226" s="6">
        <v>8</v>
      </c>
      <c r="AC226" s="6">
        <v>984</v>
      </c>
      <c r="AD226" s="7">
        <v>51.71367</v>
      </c>
    </row>
    <row r="227" spans="1:30">
      <c r="A227" s="9" t="s">
        <v>56</v>
      </c>
      <c r="B227" s="9" t="s">
        <v>57</v>
      </c>
      <c r="C227" s="9" t="s">
        <v>59</v>
      </c>
      <c r="D227" s="9" t="s">
        <v>54</v>
      </c>
      <c r="E227" s="9" t="s">
        <v>130</v>
      </c>
      <c r="F227" s="9" t="s">
        <v>140</v>
      </c>
      <c r="G227" s="6">
        <v>1278</v>
      </c>
      <c r="H227" s="6">
        <v>9</v>
      </c>
      <c r="I227" s="6">
        <v>53</v>
      </c>
      <c r="J227" s="6">
        <v>94</v>
      </c>
      <c r="K227" s="6">
        <v>91</v>
      </c>
      <c r="L227" s="6">
        <v>110</v>
      </c>
      <c r="M227" s="6">
        <v>144</v>
      </c>
      <c r="N227" s="6">
        <v>214</v>
      </c>
      <c r="O227" s="6">
        <v>192</v>
      </c>
      <c r="P227" s="6">
        <v>175</v>
      </c>
      <c r="Q227" s="6">
        <v>119</v>
      </c>
      <c r="R227" s="6">
        <v>33</v>
      </c>
      <c r="S227" s="6">
        <v>27</v>
      </c>
      <c r="T227" s="6">
        <v>10</v>
      </c>
      <c r="U227" s="6">
        <v>3</v>
      </c>
      <c r="V227" s="6">
        <v>3</v>
      </c>
      <c r="W227" s="6">
        <v>1</v>
      </c>
      <c r="X227" s="10" t="s">
        <v>55</v>
      </c>
      <c r="Y227" s="6">
        <v>1201</v>
      </c>
      <c r="Z227" s="6">
        <v>77</v>
      </c>
      <c r="AA227" s="6">
        <v>17</v>
      </c>
      <c r="AB227" s="6">
        <v>4</v>
      </c>
      <c r="AC227" s="6">
        <v>1225</v>
      </c>
      <c r="AD227" s="7">
        <v>47.284039999999997</v>
      </c>
    </row>
    <row r="228" spans="1:30">
      <c r="A228" s="9" t="s">
        <v>56</v>
      </c>
      <c r="B228" s="9" t="s">
        <v>57</v>
      </c>
      <c r="C228" s="9" t="s">
        <v>59</v>
      </c>
      <c r="D228" s="9" t="s">
        <v>54</v>
      </c>
      <c r="E228" s="9" t="s">
        <v>130</v>
      </c>
      <c r="F228" s="9" t="s">
        <v>141</v>
      </c>
      <c r="G228" s="6">
        <v>7785</v>
      </c>
      <c r="H228" s="6">
        <v>29</v>
      </c>
      <c r="I228" s="6">
        <v>442</v>
      </c>
      <c r="J228" s="6">
        <v>590</v>
      </c>
      <c r="K228" s="6">
        <v>712</v>
      </c>
      <c r="L228" s="6">
        <v>855</v>
      </c>
      <c r="M228" s="6">
        <v>906</v>
      </c>
      <c r="N228" s="6">
        <v>932</v>
      </c>
      <c r="O228" s="6">
        <v>916</v>
      </c>
      <c r="P228" s="6">
        <v>900</v>
      </c>
      <c r="Q228" s="6">
        <v>711</v>
      </c>
      <c r="R228" s="6">
        <v>480</v>
      </c>
      <c r="S228" s="6">
        <v>232</v>
      </c>
      <c r="T228" s="6">
        <v>61</v>
      </c>
      <c r="U228" s="6">
        <v>13</v>
      </c>
      <c r="V228" s="6">
        <v>6</v>
      </c>
      <c r="W228" s="10" t="s">
        <v>55</v>
      </c>
      <c r="X228" s="10" t="s">
        <v>55</v>
      </c>
      <c r="Y228" s="6">
        <v>6993</v>
      </c>
      <c r="Z228" s="6">
        <v>792</v>
      </c>
      <c r="AA228" s="6">
        <v>80</v>
      </c>
      <c r="AB228" s="6">
        <v>6</v>
      </c>
      <c r="AC228" s="6">
        <v>7444</v>
      </c>
      <c r="AD228" s="7">
        <v>46.820360000000001</v>
      </c>
    </row>
    <row r="229" spans="1:30">
      <c r="A229" s="9" t="s">
        <v>56</v>
      </c>
      <c r="B229" s="9" t="s">
        <v>57</v>
      </c>
      <c r="C229" s="9" t="s">
        <v>59</v>
      </c>
      <c r="D229" s="9" t="s">
        <v>54</v>
      </c>
      <c r="E229" s="9" t="s">
        <v>130</v>
      </c>
      <c r="F229" s="9" t="s">
        <v>142</v>
      </c>
      <c r="G229" s="6">
        <v>227</v>
      </c>
      <c r="H229" s="6">
        <v>6</v>
      </c>
      <c r="I229" s="6">
        <v>21</v>
      </c>
      <c r="J229" s="6">
        <v>19</v>
      </c>
      <c r="K229" s="6">
        <v>16</v>
      </c>
      <c r="L229" s="6">
        <v>13</v>
      </c>
      <c r="M229" s="6">
        <v>29</v>
      </c>
      <c r="N229" s="6">
        <v>51</v>
      </c>
      <c r="O229" s="6">
        <v>29</v>
      </c>
      <c r="P229" s="6">
        <v>21</v>
      </c>
      <c r="Q229" s="6">
        <v>17</v>
      </c>
      <c r="R229" s="6">
        <v>3</v>
      </c>
      <c r="S229" s="6">
        <v>1</v>
      </c>
      <c r="T229" s="6">
        <v>1</v>
      </c>
      <c r="U229" s="10" t="s">
        <v>55</v>
      </c>
      <c r="V229" s="10" t="s">
        <v>55</v>
      </c>
      <c r="W229" s="10" t="s">
        <v>55</v>
      </c>
      <c r="X229" s="10" t="s">
        <v>55</v>
      </c>
      <c r="Y229" s="6">
        <v>222</v>
      </c>
      <c r="Z229" s="6">
        <v>5</v>
      </c>
      <c r="AA229" s="6">
        <v>1</v>
      </c>
      <c r="AB229" s="10" t="s">
        <v>55</v>
      </c>
      <c r="AC229" s="6">
        <v>219</v>
      </c>
      <c r="AD229" s="7">
        <v>43.667400000000001</v>
      </c>
    </row>
    <row r="230" spans="1:30">
      <c r="A230" s="9" t="s">
        <v>56</v>
      </c>
      <c r="B230" s="9" t="s">
        <v>57</v>
      </c>
      <c r="C230" s="9" t="s">
        <v>59</v>
      </c>
      <c r="D230" s="9" t="s">
        <v>54</v>
      </c>
      <c r="E230" s="9" t="s">
        <v>130</v>
      </c>
      <c r="F230" s="9" t="s">
        <v>143</v>
      </c>
      <c r="G230" s="6">
        <v>1084</v>
      </c>
      <c r="H230" s="6">
        <v>5</v>
      </c>
      <c r="I230" s="6">
        <v>32</v>
      </c>
      <c r="J230" s="6">
        <v>58</v>
      </c>
      <c r="K230" s="6">
        <v>71</v>
      </c>
      <c r="L230" s="6">
        <v>101</v>
      </c>
      <c r="M230" s="6">
        <v>104</v>
      </c>
      <c r="N230" s="6">
        <v>109</v>
      </c>
      <c r="O230" s="6">
        <v>103</v>
      </c>
      <c r="P230" s="6">
        <v>112</v>
      </c>
      <c r="Q230" s="6">
        <v>111</v>
      </c>
      <c r="R230" s="6">
        <v>122</v>
      </c>
      <c r="S230" s="6">
        <v>107</v>
      </c>
      <c r="T230" s="6">
        <v>36</v>
      </c>
      <c r="U230" s="6">
        <v>10</v>
      </c>
      <c r="V230" s="6">
        <v>2</v>
      </c>
      <c r="W230" s="6">
        <v>1</v>
      </c>
      <c r="X230" s="10" t="s">
        <v>55</v>
      </c>
      <c r="Y230" s="6">
        <v>806</v>
      </c>
      <c r="Z230" s="6">
        <v>278</v>
      </c>
      <c r="AA230" s="6">
        <v>49</v>
      </c>
      <c r="AB230" s="6">
        <v>3</v>
      </c>
      <c r="AC230" s="6">
        <v>923</v>
      </c>
      <c r="AD230" s="7">
        <v>52.330260000000003</v>
      </c>
    </row>
    <row r="231" spans="1:30">
      <c r="A231" s="9" t="s">
        <v>56</v>
      </c>
      <c r="B231" s="9" t="s">
        <v>57</v>
      </c>
      <c r="C231" s="9" t="s">
        <v>59</v>
      </c>
      <c r="D231" s="9" t="s">
        <v>54</v>
      </c>
      <c r="E231" s="9" t="s">
        <v>130</v>
      </c>
      <c r="F231" s="9" t="s">
        <v>144</v>
      </c>
      <c r="G231" s="6">
        <v>618</v>
      </c>
      <c r="H231" s="6">
        <v>4</v>
      </c>
      <c r="I231" s="6">
        <v>30</v>
      </c>
      <c r="J231" s="6">
        <v>66</v>
      </c>
      <c r="K231" s="6">
        <v>47</v>
      </c>
      <c r="L231" s="6">
        <v>65</v>
      </c>
      <c r="M231" s="6">
        <v>88</v>
      </c>
      <c r="N231" s="6">
        <v>104</v>
      </c>
      <c r="O231" s="6">
        <v>95</v>
      </c>
      <c r="P231" s="6">
        <v>57</v>
      </c>
      <c r="Q231" s="6">
        <v>44</v>
      </c>
      <c r="R231" s="6">
        <v>14</v>
      </c>
      <c r="S231" s="6">
        <v>3</v>
      </c>
      <c r="T231" s="10" t="s">
        <v>55</v>
      </c>
      <c r="U231" s="6">
        <v>1</v>
      </c>
      <c r="V231" s="10" t="s">
        <v>55</v>
      </c>
      <c r="W231" s="10" t="s">
        <v>55</v>
      </c>
      <c r="X231" s="10" t="s">
        <v>55</v>
      </c>
      <c r="Y231" s="6">
        <v>600</v>
      </c>
      <c r="Z231" s="6">
        <v>18</v>
      </c>
      <c r="AA231" s="6">
        <v>1</v>
      </c>
      <c r="AB231" s="10" t="s">
        <v>55</v>
      </c>
      <c r="AC231" s="6">
        <v>610</v>
      </c>
      <c r="AD231" s="7">
        <v>44.53398</v>
      </c>
    </row>
    <row r="232" spans="1:30">
      <c r="A232" s="9" t="s">
        <v>56</v>
      </c>
      <c r="B232" s="9" t="s">
        <v>57</v>
      </c>
      <c r="C232" s="9" t="s">
        <v>59</v>
      </c>
      <c r="D232" s="9" t="s">
        <v>54</v>
      </c>
      <c r="E232" s="9" t="s">
        <v>55</v>
      </c>
      <c r="F232" s="9" t="s">
        <v>145</v>
      </c>
      <c r="G232" s="6">
        <v>191</v>
      </c>
      <c r="H232" s="6">
        <v>5</v>
      </c>
      <c r="I232" s="6">
        <v>17</v>
      </c>
      <c r="J232" s="6">
        <v>17</v>
      </c>
      <c r="K232" s="6">
        <v>14</v>
      </c>
      <c r="L232" s="6">
        <v>24</v>
      </c>
      <c r="M232" s="6">
        <v>15</v>
      </c>
      <c r="N232" s="6">
        <v>20</v>
      </c>
      <c r="O232" s="6">
        <v>8</v>
      </c>
      <c r="P232" s="6">
        <v>16</v>
      </c>
      <c r="Q232" s="6">
        <v>16</v>
      </c>
      <c r="R232" s="6">
        <v>15</v>
      </c>
      <c r="S232" s="6">
        <v>15</v>
      </c>
      <c r="T232" s="6">
        <v>4</v>
      </c>
      <c r="U232" s="6">
        <v>3</v>
      </c>
      <c r="V232" s="6">
        <v>1</v>
      </c>
      <c r="W232" s="6">
        <v>1</v>
      </c>
      <c r="X232" s="10" t="s">
        <v>55</v>
      </c>
      <c r="Y232" s="6">
        <v>152</v>
      </c>
      <c r="Z232" s="6">
        <v>39</v>
      </c>
      <c r="AA232" s="6">
        <v>9</v>
      </c>
      <c r="AB232" s="6">
        <v>2</v>
      </c>
      <c r="AC232" s="6">
        <v>162</v>
      </c>
      <c r="AD232" s="7">
        <v>47.44764</v>
      </c>
    </row>
    <row r="233" spans="1:30">
      <c r="A233" s="9" t="s">
        <v>56</v>
      </c>
      <c r="B233" s="9" t="s">
        <v>57</v>
      </c>
      <c r="C233" s="9" t="s">
        <v>59</v>
      </c>
      <c r="D233" s="9" t="s">
        <v>54</v>
      </c>
      <c r="E233" s="9" t="s">
        <v>55</v>
      </c>
      <c r="F233" s="9" t="s">
        <v>146</v>
      </c>
      <c r="G233" s="6">
        <v>4003</v>
      </c>
      <c r="H233" s="6">
        <v>22</v>
      </c>
      <c r="I233" s="6">
        <v>362</v>
      </c>
      <c r="J233" s="6">
        <v>419</v>
      </c>
      <c r="K233" s="6">
        <v>321</v>
      </c>
      <c r="L233" s="6">
        <v>236</v>
      </c>
      <c r="M233" s="6">
        <v>211</v>
      </c>
      <c r="N233" s="6">
        <v>210</v>
      </c>
      <c r="O233" s="6">
        <v>234</v>
      </c>
      <c r="P233" s="6">
        <v>315</v>
      </c>
      <c r="Q233" s="6">
        <v>455</v>
      </c>
      <c r="R233" s="6">
        <v>510</v>
      </c>
      <c r="S233" s="6">
        <v>355</v>
      </c>
      <c r="T233" s="6">
        <v>199</v>
      </c>
      <c r="U233" s="6">
        <v>110</v>
      </c>
      <c r="V233" s="6">
        <v>37</v>
      </c>
      <c r="W233" s="6">
        <v>7</v>
      </c>
      <c r="X233" s="10" t="s">
        <v>55</v>
      </c>
      <c r="Y233" s="6">
        <v>2785</v>
      </c>
      <c r="Z233" s="6">
        <v>1218</v>
      </c>
      <c r="AA233" s="6">
        <v>353</v>
      </c>
      <c r="AB233" s="6">
        <v>44</v>
      </c>
      <c r="AC233" s="6">
        <v>3273</v>
      </c>
      <c r="AD233" s="7">
        <v>51.353859999999997</v>
      </c>
    </row>
    <row r="234" spans="1:30">
      <c r="A234" s="9" t="s">
        <v>56</v>
      </c>
      <c r="B234" s="9" t="s">
        <v>57</v>
      </c>
      <c r="C234" s="9" t="s">
        <v>59</v>
      </c>
      <c r="D234" s="9" t="s">
        <v>54</v>
      </c>
      <c r="E234" s="9" t="s">
        <v>55</v>
      </c>
      <c r="F234" s="9" t="s">
        <v>147</v>
      </c>
      <c r="G234" s="6">
        <v>3041</v>
      </c>
      <c r="H234" s="6">
        <v>44</v>
      </c>
      <c r="I234" s="6">
        <v>201</v>
      </c>
      <c r="J234" s="6">
        <v>185</v>
      </c>
      <c r="K234" s="6">
        <v>204</v>
      </c>
      <c r="L234" s="6">
        <v>321</v>
      </c>
      <c r="M234" s="6">
        <v>338</v>
      </c>
      <c r="N234" s="6">
        <v>400</v>
      </c>
      <c r="O234" s="6">
        <v>332</v>
      </c>
      <c r="P234" s="6">
        <v>349</v>
      </c>
      <c r="Q234" s="6">
        <v>244</v>
      </c>
      <c r="R234" s="6">
        <v>224</v>
      </c>
      <c r="S234" s="6">
        <v>123</v>
      </c>
      <c r="T234" s="6">
        <v>47</v>
      </c>
      <c r="U234" s="6">
        <v>18</v>
      </c>
      <c r="V234" s="6">
        <v>8</v>
      </c>
      <c r="W234" s="6">
        <v>3</v>
      </c>
      <c r="X234" s="10" t="s">
        <v>55</v>
      </c>
      <c r="Y234" s="6">
        <v>2618</v>
      </c>
      <c r="Z234" s="6">
        <v>423</v>
      </c>
      <c r="AA234" s="6">
        <v>76</v>
      </c>
      <c r="AB234" s="6">
        <v>11</v>
      </c>
      <c r="AC234" s="6">
        <v>2798</v>
      </c>
      <c r="AD234" s="7">
        <v>47.746299999999998</v>
      </c>
    </row>
    <row r="235" spans="1:30">
      <c r="A235" s="9" t="s">
        <v>56</v>
      </c>
      <c r="B235" s="9" t="s">
        <v>57</v>
      </c>
      <c r="C235" s="9" t="s">
        <v>59</v>
      </c>
      <c r="D235" s="9" t="s">
        <v>54</v>
      </c>
      <c r="E235" s="9" t="s">
        <v>55</v>
      </c>
      <c r="F235" s="9" t="s">
        <v>148</v>
      </c>
      <c r="G235" s="6">
        <v>20509</v>
      </c>
      <c r="H235" s="6">
        <v>201</v>
      </c>
      <c r="I235" s="6">
        <v>1052</v>
      </c>
      <c r="J235" s="6">
        <v>1372</v>
      </c>
      <c r="K235" s="6">
        <v>1651</v>
      </c>
      <c r="L235" s="6">
        <v>2006</v>
      </c>
      <c r="M235" s="6">
        <v>2230</v>
      </c>
      <c r="N235" s="6">
        <v>2451</v>
      </c>
      <c r="O235" s="6">
        <v>2380</v>
      </c>
      <c r="P235" s="6">
        <v>2342</v>
      </c>
      <c r="Q235" s="6">
        <v>1994</v>
      </c>
      <c r="R235" s="6">
        <v>1436</v>
      </c>
      <c r="S235" s="6">
        <v>913</v>
      </c>
      <c r="T235" s="6">
        <v>302</v>
      </c>
      <c r="U235" s="6">
        <v>124</v>
      </c>
      <c r="V235" s="6">
        <v>44</v>
      </c>
      <c r="W235" s="6">
        <v>10</v>
      </c>
      <c r="X235" s="6">
        <v>1</v>
      </c>
      <c r="Y235" s="6">
        <v>17679</v>
      </c>
      <c r="Z235" s="6">
        <v>2830</v>
      </c>
      <c r="AA235" s="6">
        <v>481</v>
      </c>
      <c r="AB235" s="6">
        <v>55</v>
      </c>
      <c r="AC235" s="6">
        <v>18914</v>
      </c>
      <c r="AD235" s="7">
        <v>48.309399999999997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4" orientation="portrait" r:id="rId1"/>
</worksheet>
</file>

<file path=xl/worksheets/sheet1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0B8BA29-6120-4231-910A-836CD9FD14C3}">
  <sheetPr>
    <pageSetUpPr fitToPage="1"/>
  </sheetPr>
  <dimension ref="A1:AD235"/>
  <sheetViews>
    <sheetView zoomScaleNormal="100" workbookViewId="0">
      <pane xSplit="6" ySplit="10" topLeftCell="G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11.25" style="11" customWidth="1"/>
    <col min="6" max="6" width="32.5" style="11" customWidth="1"/>
    <col min="7" max="16384" width="12.625" style="11"/>
  </cols>
  <sheetData>
    <row r="1" spans="1:30" s="1" customFormat="1">
      <c r="A1" s="1" t="s">
        <v>0</v>
      </c>
    </row>
    <row r="2" spans="1:30" s="1" customFormat="1">
      <c r="A2" s="1" t="s">
        <v>153</v>
      </c>
    </row>
    <row r="3" spans="1:30" s="1" customFormat="1"/>
    <row r="4" spans="1:30" s="1" customFormat="1" hidden="1"/>
    <row r="5" spans="1:30" s="1" customFormat="1" ht="24">
      <c r="G5" s="3" t="s">
        <v>154</v>
      </c>
      <c r="H5" s="3" t="s">
        <v>154</v>
      </c>
      <c r="I5" s="3" t="s">
        <v>154</v>
      </c>
      <c r="J5" s="3" t="s">
        <v>154</v>
      </c>
      <c r="K5" s="3" t="s">
        <v>154</v>
      </c>
      <c r="L5" s="3" t="s">
        <v>154</v>
      </c>
      <c r="M5" s="3" t="s">
        <v>154</v>
      </c>
      <c r="N5" s="3" t="s">
        <v>154</v>
      </c>
      <c r="O5" s="3" t="s">
        <v>154</v>
      </c>
      <c r="P5" s="3" t="s">
        <v>154</v>
      </c>
      <c r="Q5" s="3" t="s">
        <v>154</v>
      </c>
      <c r="R5" s="3" t="s">
        <v>154</v>
      </c>
      <c r="S5" s="3" t="s">
        <v>154</v>
      </c>
      <c r="T5" s="3" t="s">
        <v>154</v>
      </c>
      <c r="U5" s="3" t="s">
        <v>154</v>
      </c>
      <c r="V5" s="3" t="s">
        <v>154</v>
      </c>
      <c r="W5" s="3" t="s">
        <v>154</v>
      </c>
      <c r="X5" s="3" t="s">
        <v>154</v>
      </c>
      <c r="Y5" s="3" t="s">
        <v>154</v>
      </c>
      <c r="Z5" s="3" t="s">
        <v>154</v>
      </c>
      <c r="AA5" s="3" t="s">
        <v>154</v>
      </c>
      <c r="AB5" s="3" t="s">
        <v>154</v>
      </c>
      <c r="AC5" s="3" t="s">
        <v>154</v>
      </c>
      <c r="AD5" s="3" t="s">
        <v>151</v>
      </c>
    </row>
    <row r="6" spans="1:30" s="1" customFormat="1">
      <c r="G6" s="3" t="s">
        <v>25</v>
      </c>
      <c r="H6" s="3" t="s">
        <v>25</v>
      </c>
      <c r="I6" s="3" t="s">
        <v>25</v>
      </c>
      <c r="J6" s="3" t="s">
        <v>25</v>
      </c>
      <c r="K6" s="3" t="s">
        <v>25</v>
      </c>
      <c r="L6" s="3" t="s">
        <v>25</v>
      </c>
      <c r="M6" s="3" t="s">
        <v>25</v>
      </c>
      <c r="N6" s="3" t="s">
        <v>25</v>
      </c>
      <c r="O6" s="3" t="s">
        <v>25</v>
      </c>
      <c r="P6" s="3" t="s">
        <v>25</v>
      </c>
      <c r="Q6" s="3" t="s">
        <v>25</v>
      </c>
      <c r="R6" s="3" t="s">
        <v>25</v>
      </c>
      <c r="S6" s="3" t="s">
        <v>25</v>
      </c>
      <c r="T6" s="3" t="s">
        <v>25</v>
      </c>
      <c r="U6" s="3" t="s">
        <v>25</v>
      </c>
      <c r="V6" s="3" t="s">
        <v>25</v>
      </c>
      <c r="W6" s="3" t="s">
        <v>25</v>
      </c>
      <c r="X6" s="3" t="s">
        <v>25</v>
      </c>
      <c r="Y6" s="3" t="s">
        <v>25</v>
      </c>
      <c r="Z6" s="3" t="s">
        <v>25</v>
      </c>
      <c r="AA6" s="3" t="s">
        <v>25</v>
      </c>
      <c r="AB6" s="3" t="s">
        <v>25</v>
      </c>
      <c r="AC6" s="3" t="s">
        <v>25</v>
      </c>
      <c r="AD6" s="3"/>
    </row>
    <row r="7" spans="1:30" s="1" customFormat="1"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  <c r="W7" s="3">
        <v>1</v>
      </c>
      <c r="X7" s="3">
        <v>1</v>
      </c>
      <c r="Y7" s="3">
        <v>1</v>
      </c>
      <c r="Z7" s="3">
        <v>1</v>
      </c>
      <c r="AA7" s="3">
        <v>1</v>
      </c>
      <c r="AB7" s="3">
        <v>1</v>
      </c>
      <c r="AC7" s="3">
        <v>1</v>
      </c>
      <c r="AD7" s="3"/>
    </row>
    <row r="8" spans="1:30" s="1" customFormat="1" ht="24">
      <c r="G8" s="3" t="s">
        <v>30</v>
      </c>
      <c r="H8" s="3" t="s">
        <v>31</v>
      </c>
      <c r="I8" s="3" t="s">
        <v>32</v>
      </c>
      <c r="J8" s="3" t="s">
        <v>33</v>
      </c>
      <c r="K8" s="3" t="s">
        <v>34</v>
      </c>
      <c r="L8" s="3" t="s">
        <v>35</v>
      </c>
      <c r="M8" s="3" t="s">
        <v>36</v>
      </c>
      <c r="N8" s="3" t="s">
        <v>37</v>
      </c>
      <c r="O8" s="3" t="s">
        <v>38</v>
      </c>
      <c r="P8" s="3" t="s">
        <v>39</v>
      </c>
      <c r="Q8" s="3" t="s">
        <v>40</v>
      </c>
      <c r="R8" s="3" t="s">
        <v>41</v>
      </c>
      <c r="S8" s="3" t="s">
        <v>42</v>
      </c>
      <c r="T8" s="3" t="s">
        <v>43</v>
      </c>
      <c r="U8" s="3" t="s">
        <v>44</v>
      </c>
      <c r="V8" s="3" t="s">
        <v>45</v>
      </c>
      <c r="W8" s="3" t="s">
        <v>46</v>
      </c>
      <c r="X8" s="3" t="s">
        <v>47</v>
      </c>
      <c r="Y8" s="3" t="s">
        <v>48</v>
      </c>
      <c r="Z8" s="3" t="s">
        <v>49</v>
      </c>
      <c r="AA8" s="3" t="s">
        <v>50</v>
      </c>
      <c r="AB8" s="3" t="s">
        <v>51</v>
      </c>
      <c r="AC8" s="3" t="s">
        <v>52</v>
      </c>
      <c r="AD8" s="3"/>
    </row>
    <row r="9" spans="1:30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  <c r="AC9" s="4" t="s">
        <v>19</v>
      </c>
      <c r="AD9" s="4" t="s">
        <v>152</v>
      </c>
    </row>
    <row r="10" spans="1:30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20</v>
      </c>
      <c r="F10" s="2" t="s">
        <v>121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  <c r="AD10" s="2"/>
    </row>
    <row r="11" spans="1:30">
      <c r="A11" s="5" t="s">
        <v>27</v>
      </c>
      <c r="B11" s="5" t="s">
        <v>28</v>
      </c>
      <c r="C11" s="5" t="s">
        <v>29</v>
      </c>
      <c r="D11" s="5" t="s">
        <v>6</v>
      </c>
      <c r="E11" s="5" t="s">
        <v>55</v>
      </c>
      <c r="F11" s="5" t="s">
        <v>6</v>
      </c>
      <c r="G11" s="6">
        <v>50076420</v>
      </c>
      <c r="H11" s="6">
        <v>760639</v>
      </c>
      <c r="I11" s="6">
        <v>3344141</v>
      </c>
      <c r="J11" s="6">
        <v>4066675</v>
      </c>
      <c r="K11" s="6">
        <v>4277898</v>
      </c>
      <c r="L11" s="6">
        <v>4801365</v>
      </c>
      <c r="M11" s="6">
        <v>5593492</v>
      </c>
      <c r="N11" s="6">
        <v>6613579</v>
      </c>
      <c r="O11" s="6">
        <v>5788190</v>
      </c>
      <c r="P11" s="6">
        <v>5164724</v>
      </c>
      <c r="Q11" s="6">
        <v>4120560</v>
      </c>
      <c r="R11" s="6">
        <v>2842362</v>
      </c>
      <c r="S11" s="6">
        <v>1836875</v>
      </c>
      <c r="T11" s="6">
        <v>617635</v>
      </c>
      <c r="U11" s="6">
        <v>181121</v>
      </c>
      <c r="V11" s="6">
        <v>53306</v>
      </c>
      <c r="W11" s="6">
        <v>12297</v>
      </c>
      <c r="X11" s="6">
        <v>1561</v>
      </c>
      <c r="Y11" s="6">
        <v>44531263</v>
      </c>
      <c r="Z11" s="6">
        <v>5545157</v>
      </c>
      <c r="AA11" s="6">
        <v>865920</v>
      </c>
      <c r="AB11" s="6">
        <v>67164</v>
      </c>
      <c r="AC11" s="6">
        <v>46612986</v>
      </c>
      <c r="AD11" s="7">
        <v>46.391779999999997</v>
      </c>
    </row>
    <row r="12" spans="1:30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22</v>
      </c>
      <c r="F12" s="9" t="s">
        <v>123</v>
      </c>
      <c r="G12" s="6">
        <v>481225</v>
      </c>
      <c r="H12" s="6">
        <v>4317</v>
      </c>
      <c r="I12" s="6">
        <v>28106</v>
      </c>
      <c r="J12" s="6">
        <v>31968</v>
      </c>
      <c r="K12" s="6">
        <v>35880</v>
      </c>
      <c r="L12" s="6">
        <v>42076</v>
      </c>
      <c r="M12" s="6">
        <v>44914</v>
      </c>
      <c r="N12" s="6">
        <v>46111</v>
      </c>
      <c r="O12" s="6">
        <v>38807</v>
      </c>
      <c r="P12" s="6">
        <v>40679</v>
      </c>
      <c r="Q12" s="6">
        <v>49377</v>
      </c>
      <c r="R12" s="6">
        <v>54654</v>
      </c>
      <c r="S12" s="6">
        <v>42145</v>
      </c>
      <c r="T12" s="6">
        <v>15275</v>
      </c>
      <c r="U12" s="6">
        <v>5106</v>
      </c>
      <c r="V12" s="6">
        <v>1464</v>
      </c>
      <c r="W12" s="6">
        <v>311</v>
      </c>
      <c r="X12" s="6">
        <v>35</v>
      </c>
      <c r="Y12" s="6">
        <v>362235</v>
      </c>
      <c r="Z12" s="6">
        <v>118990</v>
      </c>
      <c r="AA12" s="6">
        <v>22191</v>
      </c>
      <c r="AB12" s="6">
        <v>1810</v>
      </c>
      <c r="AC12" s="6">
        <v>412572</v>
      </c>
      <c r="AD12" s="7">
        <v>50.695160000000001</v>
      </c>
    </row>
    <row r="13" spans="1:30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22</v>
      </c>
      <c r="F13" s="9" t="s">
        <v>124</v>
      </c>
      <c r="G13" s="6">
        <v>430677</v>
      </c>
      <c r="H13" s="6">
        <v>3966</v>
      </c>
      <c r="I13" s="6">
        <v>26023</v>
      </c>
      <c r="J13" s="6">
        <v>29086</v>
      </c>
      <c r="K13" s="6">
        <v>32046</v>
      </c>
      <c r="L13" s="6">
        <v>37072</v>
      </c>
      <c r="M13" s="6">
        <v>39176</v>
      </c>
      <c r="N13" s="6">
        <v>40363</v>
      </c>
      <c r="O13" s="6">
        <v>33914</v>
      </c>
      <c r="P13" s="6">
        <v>35122</v>
      </c>
      <c r="Q13" s="6">
        <v>43871</v>
      </c>
      <c r="R13" s="6">
        <v>50193</v>
      </c>
      <c r="S13" s="6">
        <v>39093</v>
      </c>
      <c r="T13" s="6">
        <v>14257</v>
      </c>
      <c r="U13" s="6">
        <v>4771</v>
      </c>
      <c r="V13" s="6">
        <v>1390</v>
      </c>
      <c r="W13" s="6">
        <v>300</v>
      </c>
      <c r="X13" s="6">
        <v>34</v>
      </c>
      <c r="Y13" s="6">
        <v>320639</v>
      </c>
      <c r="Z13" s="6">
        <v>110038</v>
      </c>
      <c r="AA13" s="6">
        <v>20752</v>
      </c>
      <c r="AB13" s="6">
        <v>1724</v>
      </c>
      <c r="AC13" s="6">
        <v>366866</v>
      </c>
      <c r="AD13" s="7">
        <v>50.79815</v>
      </c>
    </row>
    <row r="14" spans="1:30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22</v>
      </c>
      <c r="F14" s="9" t="s">
        <v>125</v>
      </c>
      <c r="G14" s="6">
        <v>48599</v>
      </c>
      <c r="H14" s="6">
        <v>740</v>
      </c>
      <c r="I14" s="6">
        <v>3734</v>
      </c>
      <c r="J14" s="6">
        <v>3307</v>
      </c>
      <c r="K14" s="6">
        <v>3787</v>
      </c>
      <c r="L14" s="6">
        <v>4491</v>
      </c>
      <c r="M14" s="6">
        <v>4241</v>
      </c>
      <c r="N14" s="6">
        <v>4383</v>
      </c>
      <c r="O14" s="6">
        <v>4309</v>
      </c>
      <c r="P14" s="6">
        <v>4594</v>
      </c>
      <c r="Q14" s="6">
        <v>5127</v>
      </c>
      <c r="R14" s="6">
        <v>4606</v>
      </c>
      <c r="S14" s="6">
        <v>3345</v>
      </c>
      <c r="T14" s="6">
        <v>1305</v>
      </c>
      <c r="U14" s="6">
        <v>472</v>
      </c>
      <c r="V14" s="6">
        <v>137</v>
      </c>
      <c r="W14" s="6">
        <v>20</v>
      </c>
      <c r="X14" s="6">
        <v>1</v>
      </c>
      <c r="Y14" s="6">
        <v>38713</v>
      </c>
      <c r="Z14" s="6">
        <v>9886</v>
      </c>
      <c r="AA14" s="6">
        <v>1935</v>
      </c>
      <c r="AB14" s="6">
        <v>158</v>
      </c>
      <c r="AC14" s="6">
        <v>42579</v>
      </c>
      <c r="AD14" s="7">
        <v>49.076779999999999</v>
      </c>
    </row>
    <row r="15" spans="1:30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26</v>
      </c>
      <c r="F15" s="9" t="s">
        <v>127</v>
      </c>
      <c r="G15" s="6">
        <v>18368</v>
      </c>
      <c r="H15" s="6">
        <v>82</v>
      </c>
      <c r="I15" s="6">
        <v>481</v>
      </c>
      <c r="J15" s="6">
        <v>901</v>
      </c>
      <c r="K15" s="6">
        <v>1129</v>
      </c>
      <c r="L15" s="6">
        <v>1410</v>
      </c>
      <c r="M15" s="6">
        <v>1765</v>
      </c>
      <c r="N15" s="6">
        <v>2455</v>
      </c>
      <c r="O15" s="6">
        <v>2367</v>
      </c>
      <c r="P15" s="6">
        <v>2545</v>
      </c>
      <c r="Q15" s="6">
        <v>2228</v>
      </c>
      <c r="R15" s="6">
        <v>1514</v>
      </c>
      <c r="S15" s="6">
        <v>1044</v>
      </c>
      <c r="T15" s="6">
        <v>304</v>
      </c>
      <c r="U15" s="6">
        <v>100</v>
      </c>
      <c r="V15" s="6">
        <v>36</v>
      </c>
      <c r="W15" s="6">
        <v>5</v>
      </c>
      <c r="X15" s="6">
        <v>2</v>
      </c>
      <c r="Y15" s="6">
        <v>15363</v>
      </c>
      <c r="Z15" s="6">
        <v>3005</v>
      </c>
      <c r="AA15" s="6">
        <v>447</v>
      </c>
      <c r="AB15" s="6">
        <v>43</v>
      </c>
      <c r="AC15" s="6">
        <v>16795</v>
      </c>
      <c r="AD15" s="7">
        <v>51.239330000000002</v>
      </c>
    </row>
    <row r="16" spans="1:30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26</v>
      </c>
      <c r="F16" s="9" t="s">
        <v>128</v>
      </c>
      <c r="G16" s="6">
        <v>3335831</v>
      </c>
      <c r="H16" s="6">
        <v>29992</v>
      </c>
      <c r="I16" s="6">
        <v>160847</v>
      </c>
      <c r="J16" s="6">
        <v>220522</v>
      </c>
      <c r="K16" s="6">
        <v>231092</v>
      </c>
      <c r="L16" s="6">
        <v>288348</v>
      </c>
      <c r="M16" s="6">
        <v>375257</v>
      </c>
      <c r="N16" s="6">
        <v>474928</v>
      </c>
      <c r="O16" s="6">
        <v>388157</v>
      </c>
      <c r="P16" s="6">
        <v>329975</v>
      </c>
      <c r="Q16" s="6">
        <v>312470</v>
      </c>
      <c r="R16" s="6">
        <v>265430</v>
      </c>
      <c r="S16" s="6">
        <v>176327</v>
      </c>
      <c r="T16" s="6">
        <v>58869</v>
      </c>
      <c r="U16" s="6">
        <v>17653</v>
      </c>
      <c r="V16" s="6">
        <v>4943</v>
      </c>
      <c r="W16" s="6">
        <v>940</v>
      </c>
      <c r="X16" s="6">
        <v>81</v>
      </c>
      <c r="Y16" s="6">
        <v>2811588</v>
      </c>
      <c r="Z16" s="6">
        <v>524243</v>
      </c>
      <c r="AA16" s="6">
        <v>82486</v>
      </c>
      <c r="AB16" s="6">
        <v>5964</v>
      </c>
      <c r="AC16" s="6">
        <v>3047026</v>
      </c>
      <c r="AD16" s="7">
        <v>48.904969999999999</v>
      </c>
    </row>
    <row r="17" spans="1:30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26</v>
      </c>
      <c r="F17" s="9" t="s">
        <v>129</v>
      </c>
      <c r="G17" s="6">
        <v>8599741</v>
      </c>
      <c r="H17" s="6">
        <v>104012</v>
      </c>
      <c r="I17" s="6">
        <v>508291</v>
      </c>
      <c r="J17" s="6">
        <v>709249</v>
      </c>
      <c r="K17" s="6">
        <v>797603</v>
      </c>
      <c r="L17" s="6">
        <v>885106</v>
      </c>
      <c r="M17" s="6">
        <v>1028232</v>
      </c>
      <c r="N17" s="6">
        <v>1237160</v>
      </c>
      <c r="O17" s="6">
        <v>1090096</v>
      </c>
      <c r="P17" s="6">
        <v>923045</v>
      </c>
      <c r="Q17" s="6">
        <v>633710</v>
      </c>
      <c r="R17" s="6">
        <v>349875</v>
      </c>
      <c r="S17" s="6">
        <v>215468</v>
      </c>
      <c r="T17" s="6">
        <v>81550</v>
      </c>
      <c r="U17" s="6">
        <v>26837</v>
      </c>
      <c r="V17" s="6">
        <v>7708</v>
      </c>
      <c r="W17" s="6">
        <v>1575</v>
      </c>
      <c r="X17" s="6">
        <v>224</v>
      </c>
      <c r="Y17" s="6">
        <v>7916504</v>
      </c>
      <c r="Z17" s="6">
        <v>683237</v>
      </c>
      <c r="AA17" s="6">
        <v>117894</v>
      </c>
      <c r="AB17" s="6">
        <v>9507</v>
      </c>
      <c r="AC17" s="6">
        <v>8162367</v>
      </c>
      <c r="AD17" s="7">
        <v>45.678240000000002</v>
      </c>
    </row>
    <row r="18" spans="1:30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30</v>
      </c>
      <c r="F18" s="9" t="s">
        <v>131</v>
      </c>
      <c r="G18" s="6">
        <v>272880</v>
      </c>
      <c r="H18" s="6">
        <v>2010</v>
      </c>
      <c r="I18" s="6">
        <v>13048</v>
      </c>
      <c r="J18" s="6">
        <v>24029</v>
      </c>
      <c r="K18" s="6">
        <v>23793</v>
      </c>
      <c r="L18" s="6">
        <v>21471</v>
      </c>
      <c r="M18" s="6">
        <v>32399</v>
      </c>
      <c r="N18" s="6">
        <v>45348</v>
      </c>
      <c r="O18" s="6">
        <v>41137</v>
      </c>
      <c r="P18" s="6">
        <v>35080</v>
      </c>
      <c r="Q18" s="6">
        <v>21997</v>
      </c>
      <c r="R18" s="6">
        <v>8291</v>
      </c>
      <c r="S18" s="6">
        <v>3233</v>
      </c>
      <c r="T18" s="6">
        <v>790</v>
      </c>
      <c r="U18" s="6">
        <v>185</v>
      </c>
      <c r="V18" s="6">
        <v>50</v>
      </c>
      <c r="W18" s="6">
        <v>17</v>
      </c>
      <c r="X18" s="6">
        <v>2</v>
      </c>
      <c r="Y18" s="6">
        <v>260312</v>
      </c>
      <c r="Z18" s="6">
        <v>12568</v>
      </c>
      <c r="AA18" s="6">
        <v>1044</v>
      </c>
      <c r="AB18" s="6">
        <v>69</v>
      </c>
      <c r="AC18" s="6">
        <v>266593</v>
      </c>
      <c r="AD18" s="7">
        <v>45.90701</v>
      </c>
    </row>
    <row r="19" spans="1:30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30</v>
      </c>
      <c r="F19" s="9" t="s">
        <v>132</v>
      </c>
      <c r="G19" s="6">
        <v>1837037</v>
      </c>
      <c r="H19" s="6">
        <v>3263</v>
      </c>
      <c r="I19" s="6">
        <v>137712</v>
      </c>
      <c r="J19" s="6">
        <v>251069</v>
      </c>
      <c r="K19" s="6">
        <v>222122</v>
      </c>
      <c r="L19" s="6">
        <v>234985</v>
      </c>
      <c r="M19" s="6">
        <v>258408</v>
      </c>
      <c r="N19" s="6">
        <v>244675</v>
      </c>
      <c r="O19" s="6">
        <v>204897</v>
      </c>
      <c r="P19" s="6">
        <v>158806</v>
      </c>
      <c r="Q19" s="6">
        <v>76951</v>
      </c>
      <c r="R19" s="6">
        <v>25376</v>
      </c>
      <c r="S19" s="6">
        <v>12746</v>
      </c>
      <c r="T19" s="6">
        <v>4172</v>
      </c>
      <c r="U19" s="6">
        <v>1301</v>
      </c>
      <c r="V19" s="6">
        <v>446</v>
      </c>
      <c r="W19" s="6">
        <v>103</v>
      </c>
      <c r="X19" s="6">
        <v>5</v>
      </c>
      <c r="Y19" s="6">
        <v>1792888</v>
      </c>
      <c r="Z19" s="6">
        <v>44149</v>
      </c>
      <c r="AA19" s="6">
        <v>6027</v>
      </c>
      <c r="AB19" s="6">
        <v>554</v>
      </c>
      <c r="AC19" s="6">
        <v>1815001</v>
      </c>
      <c r="AD19" s="7">
        <v>41.653199999999998</v>
      </c>
    </row>
    <row r="20" spans="1:30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30</v>
      </c>
      <c r="F20" s="9" t="s">
        <v>133</v>
      </c>
      <c r="G20" s="6">
        <v>2966241</v>
      </c>
      <c r="H20" s="6">
        <v>21993</v>
      </c>
      <c r="I20" s="6">
        <v>122977</v>
      </c>
      <c r="J20" s="6">
        <v>167703</v>
      </c>
      <c r="K20" s="6">
        <v>199275</v>
      </c>
      <c r="L20" s="6">
        <v>255412</v>
      </c>
      <c r="M20" s="6">
        <v>332502</v>
      </c>
      <c r="N20" s="6">
        <v>452249</v>
      </c>
      <c r="O20" s="6">
        <v>414767</v>
      </c>
      <c r="P20" s="6">
        <v>364594</v>
      </c>
      <c r="Q20" s="6">
        <v>289743</v>
      </c>
      <c r="R20" s="6">
        <v>189338</v>
      </c>
      <c r="S20" s="6">
        <v>118110</v>
      </c>
      <c r="T20" s="6">
        <v>30062</v>
      </c>
      <c r="U20" s="6">
        <v>5895</v>
      </c>
      <c r="V20" s="6">
        <v>1333</v>
      </c>
      <c r="W20" s="6">
        <v>264</v>
      </c>
      <c r="X20" s="6">
        <v>24</v>
      </c>
      <c r="Y20" s="6">
        <v>2621215</v>
      </c>
      <c r="Z20" s="6">
        <v>345026</v>
      </c>
      <c r="AA20" s="6">
        <v>37578</v>
      </c>
      <c r="AB20" s="6">
        <v>1621</v>
      </c>
      <c r="AC20" s="6">
        <v>2788560</v>
      </c>
      <c r="AD20" s="7">
        <v>48.733400000000003</v>
      </c>
    </row>
    <row r="21" spans="1:30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30</v>
      </c>
      <c r="F21" s="9" t="s">
        <v>134</v>
      </c>
      <c r="G21" s="6">
        <v>8050147</v>
      </c>
      <c r="H21" s="6">
        <v>202314</v>
      </c>
      <c r="I21" s="6">
        <v>618040</v>
      </c>
      <c r="J21" s="6">
        <v>603361</v>
      </c>
      <c r="K21" s="6">
        <v>648628</v>
      </c>
      <c r="L21" s="6">
        <v>750401</v>
      </c>
      <c r="M21" s="6">
        <v>876166</v>
      </c>
      <c r="N21" s="6">
        <v>1073275</v>
      </c>
      <c r="O21" s="6">
        <v>924561</v>
      </c>
      <c r="P21" s="6">
        <v>814535</v>
      </c>
      <c r="Q21" s="6">
        <v>663981</v>
      </c>
      <c r="R21" s="6">
        <v>454066</v>
      </c>
      <c r="S21" s="6">
        <v>274777</v>
      </c>
      <c r="T21" s="6">
        <v>98680</v>
      </c>
      <c r="U21" s="6">
        <v>34106</v>
      </c>
      <c r="V21" s="6">
        <v>10710</v>
      </c>
      <c r="W21" s="6">
        <v>2262</v>
      </c>
      <c r="X21" s="6">
        <v>284</v>
      </c>
      <c r="Y21" s="6">
        <v>7175262</v>
      </c>
      <c r="Z21" s="6">
        <v>874885</v>
      </c>
      <c r="AA21" s="6">
        <v>146042</v>
      </c>
      <c r="AB21" s="6">
        <v>13256</v>
      </c>
      <c r="AC21" s="6">
        <v>7427014</v>
      </c>
      <c r="AD21" s="7">
        <v>46.020560000000003</v>
      </c>
    </row>
    <row r="22" spans="1:30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30</v>
      </c>
      <c r="F22" s="9" t="s">
        <v>135</v>
      </c>
      <c r="G22" s="6">
        <v>1317442</v>
      </c>
      <c r="H22" s="6">
        <v>2455</v>
      </c>
      <c r="I22" s="6">
        <v>69282</v>
      </c>
      <c r="J22" s="6">
        <v>134269</v>
      </c>
      <c r="K22" s="6">
        <v>122709</v>
      </c>
      <c r="L22" s="6">
        <v>132895</v>
      </c>
      <c r="M22" s="6">
        <v>134516</v>
      </c>
      <c r="N22" s="6">
        <v>184807</v>
      </c>
      <c r="O22" s="6">
        <v>194519</v>
      </c>
      <c r="P22" s="6">
        <v>170241</v>
      </c>
      <c r="Q22" s="6">
        <v>105298</v>
      </c>
      <c r="R22" s="6">
        <v>36391</v>
      </c>
      <c r="S22" s="6">
        <v>20894</v>
      </c>
      <c r="T22" s="6">
        <v>6925</v>
      </c>
      <c r="U22" s="6">
        <v>1667</v>
      </c>
      <c r="V22" s="6">
        <v>467</v>
      </c>
      <c r="W22" s="6">
        <v>96</v>
      </c>
      <c r="X22" s="6">
        <v>11</v>
      </c>
      <c r="Y22" s="6">
        <v>1250991</v>
      </c>
      <c r="Z22" s="6">
        <v>66451</v>
      </c>
      <c r="AA22" s="6">
        <v>9166</v>
      </c>
      <c r="AB22" s="6">
        <v>574</v>
      </c>
      <c r="AC22" s="6">
        <v>1284927</v>
      </c>
      <c r="AD22" s="7">
        <v>45.579180000000001</v>
      </c>
    </row>
    <row r="23" spans="1:30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30</v>
      </c>
      <c r="F23" s="9" t="s">
        <v>136</v>
      </c>
      <c r="G23" s="6">
        <v>1046678</v>
      </c>
      <c r="H23" s="6">
        <v>3412</v>
      </c>
      <c r="I23" s="6">
        <v>44224</v>
      </c>
      <c r="J23" s="6">
        <v>69757</v>
      </c>
      <c r="K23" s="6">
        <v>72684</v>
      </c>
      <c r="L23" s="6">
        <v>87711</v>
      </c>
      <c r="M23" s="6">
        <v>98284</v>
      </c>
      <c r="N23" s="6">
        <v>115460</v>
      </c>
      <c r="O23" s="6">
        <v>102662</v>
      </c>
      <c r="P23" s="6">
        <v>98277</v>
      </c>
      <c r="Q23" s="6">
        <v>99025</v>
      </c>
      <c r="R23" s="6">
        <v>106774</v>
      </c>
      <c r="S23" s="6">
        <v>88416</v>
      </c>
      <c r="T23" s="6">
        <v>35872</v>
      </c>
      <c r="U23" s="6">
        <v>15103</v>
      </c>
      <c r="V23" s="6">
        <v>6677</v>
      </c>
      <c r="W23" s="6">
        <v>2025</v>
      </c>
      <c r="X23" s="6">
        <v>315</v>
      </c>
      <c r="Y23" s="6">
        <v>791496</v>
      </c>
      <c r="Z23" s="6">
        <v>255182</v>
      </c>
      <c r="AA23" s="6">
        <v>59992</v>
      </c>
      <c r="AB23" s="6">
        <v>9017</v>
      </c>
      <c r="AC23" s="6">
        <v>894858</v>
      </c>
      <c r="AD23" s="7">
        <v>51.547580000000004</v>
      </c>
    </row>
    <row r="24" spans="1:30">
      <c r="A24" s="9" t="s">
        <v>27</v>
      </c>
      <c r="B24" s="9" t="s">
        <v>28</v>
      </c>
      <c r="C24" s="9" t="s">
        <v>29</v>
      </c>
      <c r="D24" s="9" t="s">
        <v>6</v>
      </c>
      <c r="E24" s="9" t="s">
        <v>130</v>
      </c>
      <c r="F24" s="9" t="s">
        <v>137</v>
      </c>
      <c r="G24" s="6">
        <v>1622854</v>
      </c>
      <c r="H24" s="6">
        <v>5141</v>
      </c>
      <c r="I24" s="6">
        <v>76366</v>
      </c>
      <c r="J24" s="6">
        <v>158339</v>
      </c>
      <c r="K24" s="6">
        <v>162864</v>
      </c>
      <c r="L24" s="6">
        <v>177066</v>
      </c>
      <c r="M24" s="6">
        <v>202889</v>
      </c>
      <c r="N24" s="6">
        <v>224993</v>
      </c>
      <c r="O24" s="6">
        <v>181946</v>
      </c>
      <c r="P24" s="6">
        <v>156660</v>
      </c>
      <c r="Q24" s="6">
        <v>123388</v>
      </c>
      <c r="R24" s="6">
        <v>79928</v>
      </c>
      <c r="S24" s="6">
        <v>49469</v>
      </c>
      <c r="T24" s="6">
        <v>16690</v>
      </c>
      <c r="U24" s="6">
        <v>5064</v>
      </c>
      <c r="V24" s="6">
        <v>1612</v>
      </c>
      <c r="W24" s="6">
        <v>412</v>
      </c>
      <c r="X24" s="6">
        <v>27</v>
      </c>
      <c r="Y24" s="6">
        <v>1469652</v>
      </c>
      <c r="Z24" s="6">
        <v>153202</v>
      </c>
      <c r="AA24" s="6">
        <v>23805</v>
      </c>
      <c r="AB24" s="6">
        <v>2051</v>
      </c>
      <c r="AC24" s="6">
        <v>1544439</v>
      </c>
      <c r="AD24" s="7">
        <v>45.931849999999997</v>
      </c>
    </row>
    <row r="25" spans="1:30">
      <c r="A25" s="9" t="s">
        <v>27</v>
      </c>
      <c r="B25" s="9" t="s">
        <v>28</v>
      </c>
      <c r="C25" s="9" t="s">
        <v>29</v>
      </c>
      <c r="D25" s="9" t="s">
        <v>6</v>
      </c>
      <c r="E25" s="9" t="s">
        <v>130</v>
      </c>
      <c r="F25" s="9" t="s">
        <v>138</v>
      </c>
      <c r="G25" s="6">
        <v>2590881</v>
      </c>
      <c r="H25" s="6">
        <v>216278</v>
      </c>
      <c r="I25" s="6">
        <v>402468</v>
      </c>
      <c r="J25" s="6">
        <v>166440</v>
      </c>
      <c r="K25" s="6">
        <v>167015</v>
      </c>
      <c r="L25" s="6">
        <v>203116</v>
      </c>
      <c r="M25" s="6">
        <v>243001</v>
      </c>
      <c r="N25" s="6">
        <v>276223</v>
      </c>
      <c r="O25" s="6">
        <v>221949</v>
      </c>
      <c r="P25" s="6">
        <v>190450</v>
      </c>
      <c r="Q25" s="6">
        <v>177847</v>
      </c>
      <c r="R25" s="6">
        <v>165284</v>
      </c>
      <c r="S25" s="6">
        <v>117405</v>
      </c>
      <c r="T25" s="6">
        <v>33742</v>
      </c>
      <c r="U25" s="6">
        <v>7564</v>
      </c>
      <c r="V25" s="6">
        <v>1690</v>
      </c>
      <c r="W25" s="6">
        <v>367</v>
      </c>
      <c r="X25" s="6">
        <v>42</v>
      </c>
      <c r="Y25" s="6">
        <v>2264787</v>
      </c>
      <c r="Z25" s="6">
        <v>326094</v>
      </c>
      <c r="AA25" s="6">
        <v>43405</v>
      </c>
      <c r="AB25" s="6">
        <v>2099</v>
      </c>
      <c r="AC25" s="6">
        <v>2213793</v>
      </c>
      <c r="AD25" s="7">
        <v>42.712530000000001</v>
      </c>
    </row>
    <row r="26" spans="1:30">
      <c r="A26" s="9" t="s">
        <v>27</v>
      </c>
      <c r="B26" s="9" t="s">
        <v>28</v>
      </c>
      <c r="C26" s="9" t="s">
        <v>29</v>
      </c>
      <c r="D26" s="9" t="s">
        <v>6</v>
      </c>
      <c r="E26" s="9" t="s">
        <v>130</v>
      </c>
      <c r="F26" s="9" t="s">
        <v>139</v>
      </c>
      <c r="G26" s="6">
        <v>1466976</v>
      </c>
      <c r="H26" s="6">
        <v>24897</v>
      </c>
      <c r="I26" s="6">
        <v>160937</v>
      </c>
      <c r="J26" s="6">
        <v>135861</v>
      </c>
      <c r="K26" s="6">
        <v>132112</v>
      </c>
      <c r="L26" s="6">
        <v>143047</v>
      </c>
      <c r="M26" s="6">
        <v>144446</v>
      </c>
      <c r="N26" s="6">
        <v>151546</v>
      </c>
      <c r="O26" s="6">
        <v>134536</v>
      </c>
      <c r="P26" s="6">
        <v>122786</v>
      </c>
      <c r="Q26" s="6">
        <v>111631</v>
      </c>
      <c r="R26" s="6">
        <v>100392</v>
      </c>
      <c r="S26" s="6">
        <v>72534</v>
      </c>
      <c r="T26" s="6">
        <v>24375</v>
      </c>
      <c r="U26" s="6">
        <v>6302</v>
      </c>
      <c r="V26" s="6">
        <v>1363</v>
      </c>
      <c r="W26" s="6">
        <v>179</v>
      </c>
      <c r="X26" s="6">
        <v>32</v>
      </c>
      <c r="Y26" s="6">
        <v>1261799</v>
      </c>
      <c r="Z26" s="6">
        <v>205177</v>
      </c>
      <c r="AA26" s="6">
        <v>32251</v>
      </c>
      <c r="AB26" s="6">
        <v>1574</v>
      </c>
      <c r="AC26" s="6">
        <v>1337294</v>
      </c>
      <c r="AD26" s="7">
        <v>45.286119999999997</v>
      </c>
    </row>
    <row r="27" spans="1:30">
      <c r="A27" s="9" t="s">
        <v>27</v>
      </c>
      <c r="B27" s="9" t="s">
        <v>28</v>
      </c>
      <c r="C27" s="9" t="s">
        <v>29</v>
      </c>
      <c r="D27" s="9" t="s">
        <v>6</v>
      </c>
      <c r="E27" s="9" t="s">
        <v>130</v>
      </c>
      <c r="F27" s="9" t="s">
        <v>140</v>
      </c>
      <c r="G27" s="6">
        <v>2595203</v>
      </c>
      <c r="H27" s="6">
        <v>39662</v>
      </c>
      <c r="I27" s="6">
        <v>200085</v>
      </c>
      <c r="J27" s="6">
        <v>227729</v>
      </c>
      <c r="K27" s="6">
        <v>228096</v>
      </c>
      <c r="L27" s="6">
        <v>233574</v>
      </c>
      <c r="M27" s="6">
        <v>262671</v>
      </c>
      <c r="N27" s="6">
        <v>311440</v>
      </c>
      <c r="O27" s="6">
        <v>302578</v>
      </c>
      <c r="P27" s="6">
        <v>329675</v>
      </c>
      <c r="Q27" s="6">
        <v>254190</v>
      </c>
      <c r="R27" s="6">
        <v>124371</v>
      </c>
      <c r="S27" s="6">
        <v>57240</v>
      </c>
      <c r="T27" s="6">
        <v>17281</v>
      </c>
      <c r="U27" s="6">
        <v>4725</v>
      </c>
      <c r="V27" s="6">
        <v>1524</v>
      </c>
      <c r="W27" s="6">
        <v>330</v>
      </c>
      <c r="X27" s="6">
        <v>32</v>
      </c>
      <c r="Y27" s="6">
        <v>2389700</v>
      </c>
      <c r="Z27" s="6">
        <v>205503</v>
      </c>
      <c r="AA27" s="6">
        <v>23892</v>
      </c>
      <c r="AB27" s="6">
        <v>1886</v>
      </c>
      <c r="AC27" s="6">
        <v>2474409</v>
      </c>
      <c r="AD27" s="7">
        <v>45.760570000000001</v>
      </c>
    </row>
    <row r="28" spans="1:30">
      <c r="A28" s="9" t="s">
        <v>27</v>
      </c>
      <c r="B28" s="9" t="s">
        <v>28</v>
      </c>
      <c r="C28" s="9" t="s">
        <v>29</v>
      </c>
      <c r="D28" s="9" t="s">
        <v>6</v>
      </c>
      <c r="E28" s="9" t="s">
        <v>130</v>
      </c>
      <c r="F28" s="9" t="s">
        <v>141</v>
      </c>
      <c r="G28" s="6">
        <v>7277074</v>
      </c>
      <c r="H28" s="6">
        <v>22160</v>
      </c>
      <c r="I28" s="6">
        <v>422223</v>
      </c>
      <c r="J28" s="6">
        <v>651922</v>
      </c>
      <c r="K28" s="6">
        <v>677393</v>
      </c>
      <c r="L28" s="6">
        <v>754705</v>
      </c>
      <c r="M28" s="6">
        <v>867038</v>
      </c>
      <c r="N28" s="6">
        <v>923652</v>
      </c>
      <c r="O28" s="6">
        <v>806170</v>
      </c>
      <c r="P28" s="6">
        <v>749455</v>
      </c>
      <c r="Q28" s="6">
        <v>615640</v>
      </c>
      <c r="R28" s="6">
        <v>430107</v>
      </c>
      <c r="S28" s="6">
        <v>260602</v>
      </c>
      <c r="T28" s="6">
        <v>73411</v>
      </c>
      <c r="U28" s="6">
        <v>16607</v>
      </c>
      <c r="V28" s="6">
        <v>4586</v>
      </c>
      <c r="W28" s="6">
        <v>1281</v>
      </c>
      <c r="X28" s="6">
        <v>122</v>
      </c>
      <c r="Y28" s="6">
        <v>6490358</v>
      </c>
      <c r="Z28" s="6">
        <v>786716</v>
      </c>
      <c r="AA28" s="6">
        <v>96007</v>
      </c>
      <c r="AB28" s="6">
        <v>5989</v>
      </c>
      <c r="AC28" s="6">
        <v>6898305</v>
      </c>
      <c r="AD28" s="7">
        <v>46.477849999999997</v>
      </c>
    </row>
    <row r="29" spans="1:30">
      <c r="A29" s="9" t="s">
        <v>27</v>
      </c>
      <c r="B29" s="9" t="s">
        <v>28</v>
      </c>
      <c r="C29" s="9" t="s">
        <v>29</v>
      </c>
      <c r="D29" s="9" t="s">
        <v>6</v>
      </c>
      <c r="E29" s="9" t="s">
        <v>130</v>
      </c>
      <c r="F29" s="9" t="s">
        <v>142</v>
      </c>
      <c r="G29" s="6">
        <v>434911</v>
      </c>
      <c r="H29" s="6">
        <v>4433</v>
      </c>
      <c r="I29" s="6">
        <v>22678</v>
      </c>
      <c r="J29" s="6">
        <v>30540</v>
      </c>
      <c r="K29" s="6">
        <v>37909</v>
      </c>
      <c r="L29" s="6">
        <v>41698</v>
      </c>
      <c r="M29" s="6">
        <v>51808</v>
      </c>
      <c r="N29" s="6">
        <v>71502</v>
      </c>
      <c r="O29" s="6">
        <v>57233</v>
      </c>
      <c r="P29" s="6">
        <v>56679</v>
      </c>
      <c r="Q29" s="6">
        <v>41035</v>
      </c>
      <c r="R29" s="6">
        <v>13095</v>
      </c>
      <c r="S29" s="6">
        <v>4713</v>
      </c>
      <c r="T29" s="6">
        <v>1208</v>
      </c>
      <c r="U29" s="6">
        <v>295</v>
      </c>
      <c r="V29" s="6">
        <v>70</v>
      </c>
      <c r="W29" s="6">
        <v>13</v>
      </c>
      <c r="X29" s="6">
        <v>2</v>
      </c>
      <c r="Y29" s="6">
        <v>415515</v>
      </c>
      <c r="Z29" s="6">
        <v>19396</v>
      </c>
      <c r="AA29" s="6">
        <v>1588</v>
      </c>
      <c r="AB29" s="6">
        <v>85</v>
      </c>
      <c r="AC29" s="6">
        <v>424177</v>
      </c>
      <c r="AD29" s="7">
        <v>45.991700000000002</v>
      </c>
    </row>
    <row r="30" spans="1:30">
      <c r="A30" s="9" t="s">
        <v>27</v>
      </c>
      <c r="B30" s="9" t="s">
        <v>28</v>
      </c>
      <c r="C30" s="9" t="s">
        <v>29</v>
      </c>
      <c r="D30" s="9" t="s">
        <v>6</v>
      </c>
      <c r="E30" s="9" t="s">
        <v>130</v>
      </c>
      <c r="F30" s="9" t="s">
        <v>143</v>
      </c>
      <c r="G30" s="6">
        <v>3341676</v>
      </c>
      <c r="H30" s="6">
        <v>17958</v>
      </c>
      <c r="I30" s="6">
        <v>135737</v>
      </c>
      <c r="J30" s="6">
        <v>212135</v>
      </c>
      <c r="K30" s="6">
        <v>230362</v>
      </c>
      <c r="L30" s="6">
        <v>265451</v>
      </c>
      <c r="M30" s="6">
        <v>321924</v>
      </c>
      <c r="N30" s="6">
        <v>393828</v>
      </c>
      <c r="O30" s="6">
        <v>353588</v>
      </c>
      <c r="P30" s="6">
        <v>343989</v>
      </c>
      <c r="Q30" s="6">
        <v>354849</v>
      </c>
      <c r="R30" s="6">
        <v>333901</v>
      </c>
      <c r="S30" s="6">
        <v>258429</v>
      </c>
      <c r="T30" s="6">
        <v>91248</v>
      </c>
      <c r="U30" s="6">
        <v>21848</v>
      </c>
      <c r="V30" s="6">
        <v>5112</v>
      </c>
      <c r="W30" s="6">
        <v>1135</v>
      </c>
      <c r="X30" s="6">
        <v>182</v>
      </c>
      <c r="Y30" s="6">
        <v>2629821</v>
      </c>
      <c r="Z30" s="6">
        <v>711855</v>
      </c>
      <c r="AA30" s="6">
        <v>119525</v>
      </c>
      <c r="AB30" s="6">
        <v>6429</v>
      </c>
      <c r="AC30" s="6">
        <v>2945764</v>
      </c>
      <c r="AD30" s="7">
        <v>50.942410000000002</v>
      </c>
    </row>
    <row r="31" spans="1:30">
      <c r="A31" s="9" t="s">
        <v>27</v>
      </c>
      <c r="B31" s="9" t="s">
        <v>28</v>
      </c>
      <c r="C31" s="9" t="s">
        <v>29</v>
      </c>
      <c r="D31" s="9" t="s">
        <v>6</v>
      </c>
      <c r="E31" s="9" t="s">
        <v>130</v>
      </c>
      <c r="F31" s="9" t="s">
        <v>144</v>
      </c>
      <c r="G31" s="6">
        <v>2032174</v>
      </c>
      <c r="H31" s="6">
        <v>20679</v>
      </c>
      <c r="I31" s="6">
        <v>136457</v>
      </c>
      <c r="J31" s="6">
        <v>207315</v>
      </c>
      <c r="K31" s="6">
        <v>223995</v>
      </c>
      <c r="L31" s="6">
        <v>213777</v>
      </c>
      <c r="M31" s="6">
        <v>238880</v>
      </c>
      <c r="N31" s="6">
        <v>292004</v>
      </c>
      <c r="O31" s="6">
        <v>251318</v>
      </c>
      <c r="P31" s="6">
        <v>216861</v>
      </c>
      <c r="Q31" s="6">
        <v>139337</v>
      </c>
      <c r="R31" s="6">
        <v>59413</v>
      </c>
      <c r="S31" s="6">
        <v>23648</v>
      </c>
      <c r="T31" s="6">
        <v>6538</v>
      </c>
      <c r="U31" s="6">
        <v>1610</v>
      </c>
      <c r="V31" s="6">
        <v>291</v>
      </c>
      <c r="W31" s="6">
        <v>47</v>
      </c>
      <c r="X31" s="6">
        <v>4</v>
      </c>
      <c r="Y31" s="6">
        <v>1940623</v>
      </c>
      <c r="Z31" s="6">
        <v>91551</v>
      </c>
      <c r="AA31" s="6">
        <v>8490</v>
      </c>
      <c r="AB31" s="6">
        <v>342</v>
      </c>
      <c r="AC31" s="6">
        <v>1979357</v>
      </c>
      <c r="AD31" s="7">
        <v>43.903280000000002</v>
      </c>
    </row>
    <row r="32" spans="1:30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5</v>
      </c>
      <c r="F32" s="9" t="s">
        <v>145</v>
      </c>
      <c r="G32" s="6">
        <v>740482</v>
      </c>
      <c r="H32" s="6">
        <v>34841</v>
      </c>
      <c r="I32" s="6">
        <v>80448</v>
      </c>
      <c r="J32" s="6">
        <v>60259</v>
      </c>
      <c r="K32" s="6">
        <v>59450</v>
      </c>
      <c r="L32" s="6">
        <v>64625</v>
      </c>
      <c r="M32" s="6">
        <v>74151</v>
      </c>
      <c r="N32" s="6">
        <v>87540</v>
      </c>
      <c r="O32" s="6">
        <v>72593</v>
      </c>
      <c r="P32" s="6">
        <v>55798</v>
      </c>
      <c r="Q32" s="6">
        <v>42736</v>
      </c>
      <c r="R32" s="6">
        <v>39556</v>
      </c>
      <c r="S32" s="6">
        <v>36330</v>
      </c>
      <c r="T32" s="6">
        <v>19338</v>
      </c>
      <c r="U32" s="6">
        <v>8681</v>
      </c>
      <c r="V32" s="6">
        <v>3087</v>
      </c>
      <c r="W32" s="6">
        <v>915</v>
      </c>
      <c r="X32" s="6">
        <v>134</v>
      </c>
      <c r="Y32" s="6">
        <v>632441</v>
      </c>
      <c r="Z32" s="6">
        <v>108041</v>
      </c>
      <c r="AA32" s="6">
        <v>32155</v>
      </c>
      <c r="AB32" s="6">
        <v>4136</v>
      </c>
      <c r="AC32" s="6">
        <v>637156</v>
      </c>
      <c r="AD32" s="7">
        <v>44.978160000000003</v>
      </c>
    </row>
    <row r="33" spans="1:30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5</v>
      </c>
      <c r="F33" s="9" t="s">
        <v>146</v>
      </c>
      <c r="G33" s="6">
        <v>529824</v>
      </c>
      <c r="H33" s="6">
        <v>5057</v>
      </c>
      <c r="I33" s="6">
        <v>31840</v>
      </c>
      <c r="J33" s="6">
        <v>35275</v>
      </c>
      <c r="K33" s="6">
        <v>39667</v>
      </c>
      <c r="L33" s="6">
        <v>46567</v>
      </c>
      <c r="M33" s="6">
        <v>49155</v>
      </c>
      <c r="N33" s="6">
        <v>50494</v>
      </c>
      <c r="O33" s="6">
        <v>43116</v>
      </c>
      <c r="P33" s="6">
        <v>45273</v>
      </c>
      <c r="Q33" s="6">
        <v>54504</v>
      </c>
      <c r="R33" s="6">
        <v>59260</v>
      </c>
      <c r="S33" s="6">
        <v>45490</v>
      </c>
      <c r="T33" s="6">
        <v>16580</v>
      </c>
      <c r="U33" s="6">
        <v>5578</v>
      </c>
      <c r="V33" s="6">
        <v>1601</v>
      </c>
      <c r="W33" s="6">
        <v>331</v>
      </c>
      <c r="X33" s="6">
        <v>36</v>
      </c>
      <c r="Y33" s="6">
        <v>400948</v>
      </c>
      <c r="Z33" s="6">
        <v>128876</v>
      </c>
      <c r="AA33" s="6">
        <v>24126</v>
      </c>
      <c r="AB33" s="6">
        <v>1968</v>
      </c>
      <c r="AC33" s="6">
        <v>455151</v>
      </c>
      <c r="AD33" s="7">
        <v>50.546709999999997</v>
      </c>
    </row>
    <row r="34" spans="1:30">
      <c r="A34" s="9" t="s">
        <v>27</v>
      </c>
      <c r="B34" s="9" t="s">
        <v>28</v>
      </c>
      <c r="C34" s="9" t="s">
        <v>29</v>
      </c>
      <c r="D34" s="9" t="s">
        <v>6</v>
      </c>
      <c r="E34" s="9" t="s">
        <v>55</v>
      </c>
      <c r="F34" s="9" t="s">
        <v>147</v>
      </c>
      <c r="G34" s="6">
        <v>11953940</v>
      </c>
      <c r="H34" s="6">
        <v>134086</v>
      </c>
      <c r="I34" s="6">
        <v>669619</v>
      </c>
      <c r="J34" s="6">
        <v>930672</v>
      </c>
      <c r="K34" s="6">
        <v>1029824</v>
      </c>
      <c r="L34" s="6">
        <v>1174864</v>
      </c>
      <c r="M34" s="6">
        <v>1405254</v>
      </c>
      <c r="N34" s="6">
        <v>1714543</v>
      </c>
      <c r="O34" s="6">
        <v>1480620</v>
      </c>
      <c r="P34" s="6">
        <v>1255565</v>
      </c>
      <c r="Q34" s="6">
        <v>948408</v>
      </c>
      <c r="R34" s="6">
        <v>616819</v>
      </c>
      <c r="S34" s="6">
        <v>392839</v>
      </c>
      <c r="T34" s="6">
        <v>140723</v>
      </c>
      <c r="U34" s="6">
        <v>44590</v>
      </c>
      <c r="V34" s="6">
        <v>12687</v>
      </c>
      <c r="W34" s="6">
        <v>2520</v>
      </c>
      <c r="X34" s="6">
        <v>307</v>
      </c>
      <c r="Y34" s="6">
        <v>10743455</v>
      </c>
      <c r="Z34" s="6">
        <v>1210485</v>
      </c>
      <c r="AA34" s="6">
        <v>200827</v>
      </c>
      <c r="AB34" s="6">
        <v>15514</v>
      </c>
      <c r="AC34" s="6">
        <v>11226188</v>
      </c>
      <c r="AD34" s="7">
        <v>46.587220000000002</v>
      </c>
    </row>
    <row r="35" spans="1:30">
      <c r="A35" s="9" t="s">
        <v>27</v>
      </c>
      <c r="B35" s="9" t="s">
        <v>28</v>
      </c>
      <c r="C35" s="9" t="s">
        <v>29</v>
      </c>
      <c r="D35" s="9" t="s">
        <v>6</v>
      </c>
      <c r="E35" s="9" t="s">
        <v>55</v>
      </c>
      <c r="F35" s="9" t="s">
        <v>148</v>
      </c>
      <c r="G35" s="6">
        <v>36852174</v>
      </c>
      <c r="H35" s="6">
        <v>586655</v>
      </c>
      <c r="I35" s="6">
        <v>2562234</v>
      </c>
      <c r="J35" s="6">
        <v>3040469</v>
      </c>
      <c r="K35" s="6">
        <v>3148957</v>
      </c>
      <c r="L35" s="6">
        <v>3515309</v>
      </c>
      <c r="M35" s="6">
        <v>4064932</v>
      </c>
      <c r="N35" s="6">
        <v>4761002</v>
      </c>
      <c r="O35" s="6">
        <v>4191861</v>
      </c>
      <c r="P35" s="6">
        <v>3808088</v>
      </c>
      <c r="Q35" s="6">
        <v>3074912</v>
      </c>
      <c r="R35" s="6">
        <v>2126727</v>
      </c>
      <c r="S35" s="6">
        <v>1362216</v>
      </c>
      <c r="T35" s="6">
        <v>440994</v>
      </c>
      <c r="U35" s="6">
        <v>122272</v>
      </c>
      <c r="V35" s="6">
        <v>35931</v>
      </c>
      <c r="W35" s="6">
        <v>8531</v>
      </c>
      <c r="X35" s="6">
        <v>1084</v>
      </c>
      <c r="Y35" s="6">
        <v>32754419</v>
      </c>
      <c r="Z35" s="6">
        <v>4097755</v>
      </c>
      <c r="AA35" s="6">
        <v>608812</v>
      </c>
      <c r="AB35" s="6">
        <v>45546</v>
      </c>
      <c r="AC35" s="6">
        <v>34294491</v>
      </c>
      <c r="AD35" s="7">
        <v>46.297049999999999</v>
      </c>
    </row>
    <row r="36" spans="1:30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55</v>
      </c>
      <c r="F36" s="9" t="s">
        <v>6</v>
      </c>
      <c r="G36" s="6">
        <v>26945461</v>
      </c>
      <c r="H36" s="6">
        <v>382274</v>
      </c>
      <c r="I36" s="6">
        <v>1660577</v>
      </c>
      <c r="J36" s="6">
        <v>2113546</v>
      </c>
      <c r="K36" s="6">
        <v>2345644</v>
      </c>
      <c r="L36" s="6">
        <v>2627598</v>
      </c>
      <c r="M36" s="6">
        <v>2995016</v>
      </c>
      <c r="N36" s="6">
        <v>3488759</v>
      </c>
      <c r="O36" s="6">
        <v>3043854</v>
      </c>
      <c r="P36" s="6">
        <v>2774787</v>
      </c>
      <c r="Q36" s="6">
        <v>2301462</v>
      </c>
      <c r="R36" s="6">
        <v>1620354</v>
      </c>
      <c r="S36" s="6">
        <v>1072012</v>
      </c>
      <c r="T36" s="6">
        <v>369683</v>
      </c>
      <c r="U36" s="6">
        <v>110618</v>
      </c>
      <c r="V36" s="6">
        <v>31705</v>
      </c>
      <c r="W36" s="6">
        <v>6770</v>
      </c>
      <c r="X36" s="6">
        <v>802</v>
      </c>
      <c r="Y36" s="6">
        <v>23733517</v>
      </c>
      <c r="Z36" s="6">
        <v>3211944</v>
      </c>
      <c r="AA36" s="6">
        <v>519578</v>
      </c>
      <c r="AB36" s="6">
        <v>39277</v>
      </c>
      <c r="AC36" s="6">
        <v>24971597</v>
      </c>
      <c r="AD36" s="7">
        <v>46.809550000000002</v>
      </c>
    </row>
    <row r="37" spans="1:30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122</v>
      </c>
      <c r="F37" s="9" t="s">
        <v>123</v>
      </c>
      <c r="G37" s="6">
        <v>282286</v>
      </c>
      <c r="H37" s="6">
        <v>2916</v>
      </c>
      <c r="I37" s="6">
        <v>17323</v>
      </c>
      <c r="J37" s="6">
        <v>20706</v>
      </c>
      <c r="K37" s="6">
        <v>22864</v>
      </c>
      <c r="L37" s="6">
        <v>25609</v>
      </c>
      <c r="M37" s="6">
        <v>26087</v>
      </c>
      <c r="N37" s="6">
        <v>25131</v>
      </c>
      <c r="O37" s="6">
        <v>20704</v>
      </c>
      <c r="P37" s="6">
        <v>21778</v>
      </c>
      <c r="Q37" s="6">
        <v>27472</v>
      </c>
      <c r="R37" s="6">
        <v>32350</v>
      </c>
      <c r="S37" s="6">
        <v>25970</v>
      </c>
      <c r="T37" s="6">
        <v>9314</v>
      </c>
      <c r="U37" s="6">
        <v>3051</v>
      </c>
      <c r="V37" s="6">
        <v>839</v>
      </c>
      <c r="W37" s="6">
        <v>150</v>
      </c>
      <c r="X37" s="6">
        <v>22</v>
      </c>
      <c r="Y37" s="6">
        <v>210590</v>
      </c>
      <c r="Z37" s="6">
        <v>71696</v>
      </c>
      <c r="AA37" s="6">
        <v>13376</v>
      </c>
      <c r="AB37" s="6">
        <v>1011</v>
      </c>
      <c r="AC37" s="6">
        <v>240024</v>
      </c>
      <c r="AD37" s="7">
        <v>50.29909</v>
      </c>
    </row>
    <row r="38" spans="1:30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122</v>
      </c>
      <c r="F38" s="9" t="s">
        <v>124</v>
      </c>
      <c r="G38" s="6">
        <v>239333</v>
      </c>
      <c r="H38" s="6">
        <v>2603</v>
      </c>
      <c r="I38" s="6">
        <v>15535</v>
      </c>
      <c r="J38" s="6">
        <v>18266</v>
      </c>
      <c r="K38" s="6">
        <v>19596</v>
      </c>
      <c r="L38" s="6">
        <v>21362</v>
      </c>
      <c r="M38" s="6">
        <v>21341</v>
      </c>
      <c r="N38" s="6">
        <v>20452</v>
      </c>
      <c r="O38" s="6">
        <v>16712</v>
      </c>
      <c r="P38" s="6">
        <v>17041</v>
      </c>
      <c r="Q38" s="6">
        <v>22700</v>
      </c>
      <c r="R38" s="6">
        <v>28360</v>
      </c>
      <c r="S38" s="6">
        <v>23244</v>
      </c>
      <c r="T38" s="6">
        <v>8428</v>
      </c>
      <c r="U38" s="6">
        <v>2759</v>
      </c>
      <c r="V38" s="6">
        <v>771</v>
      </c>
      <c r="W38" s="6">
        <v>142</v>
      </c>
      <c r="X38" s="6">
        <v>21</v>
      </c>
      <c r="Y38" s="6">
        <v>175608</v>
      </c>
      <c r="Z38" s="6">
        <v>63725</v>
      </c>
      <c r="AA38" s="6">
        <v>12121</v>
      </c>
      <c r="AB38" s="6">
        <v>934</v>
      </c>
      <c r="AC38" s="6">
        <v>201365</v>
      </c>
      <c r="AD38" s="7">
        <v>50.348370000000003</v>
      </c>
    </row>
    <row r="39" spans="1:30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122</v>
      </c>
      <c r="F39" s="9" t="s">
        <v>125</v>
      </c>
      <c r="G39" s="6">
        <v>38184</v>
      </c>
      <c r="H39" s="6">
        <v>680</v>
      </c>
      <c r="I39" s="6">
        <v>3388</v>
      </c>
      <c r="J39" s="6">
        <v>2864</v>
      </c>
      <c r="K39" s="6">
        <v>3087</v>
      </c>
      <c r="L39" s="6">
        <v>3677</v>
      </c>
      <c r="M39" s="6">
        <v>3330</v>
      </c>
      <c r="N39" s="6">
        <v>3344</v>
      </c>
      <c r="O39" s="6">
        <v>3289</v>
      </c>
      <c r="P39" s="6">
        <v>3527</v>
      </c>
      <c r="Q39" s="6">
        <v>3886</v>
      </c>
      <c r="R39" s="6">
        <v>3389</v>
      </c>
      <c r="S39" s="6">
        <v>2402</v>
      </c>
      <c r="T39" s="6">
        <v>904</v>
      </c>
      <c r="U39" s="6">
        <v>314</v>
      </c>
      <c r="V39" s="6">
        <v>88</v>
      </c>
      <c r="W39" s="6">
        <v>14</v>
      </c>
      <c r="X39" s="6">
        <v>1</v>
      </c>
      <c r="Y39" s="6">
        <v>31072</v>
      </c>
      <c r="Z39" s="6">
        <v>7112</v>
      </c>
      <c r="AA39" s="6">
        <v>1321</v>
      </c>
      <c r="AB39" s="6">
        <v>103</v>
      </c>
      <c r="AC39" s="6">
        <v>33781</v>
      </c>
      <c r="AD39" s="7">
        <v>47.951599999999999</v>
      </c>
    </row>
    <row r="40" spans="1:30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126</v>
      </c>
      <c r="F40" s="9" t="s">
        <v>127</v>
      </c>
      <c r="G40" s="6">
        <v>15353</v>
      </c>
      <c r="H40" s="6">
        <v>69</v>
      </c>
      <c r="I40" s="6">
        <v>400</v>
      </c>
      <c r="J40" s="6">
        <v>710</v>
      </c>
      <c r="K40" s="6">
        <v>952</v>
      </c>
      <c r="L40" s="6">
        <v>1147</v>
      </c>
      <c r="M40" s="6">
        <v>1450</v>
      </c>
      <c r="N40" s="6">
        <v>1974</v>
      </c>
      <c r="O40" s="6">
        <v>1980</v>
      </c>
      <c r="P40" s="6">
        <v>2194</v>
      </c>
      <c r="Q40" s="6">
        <v>1927</v>
      </c>
      <c r="R40" s="6">
        <v>1290</v>
      </c>
      <c r="S40" s="6">
        <v>917</v>
      </c>
      <c r="T40" s="6">
        <v>238</v>
      </c>
      <c r="U40" s="6">
        <v>76</v>
      </c>
      <c r="V40" s="6">
        <v>24</v>
      </c>
      <c r="W40" s="6">
        <v>3</v>
      </c>
      <c r="X40" s="6">
        <v>2</v>
      </c>
      <c r="Y40" s="6">
        <v>12803</v>
      </c>
      <c r="Z40" s="6">
        <v>2550</v>
      </c>
      <c r="AA40" s="6">
        <v>343</v>
      </c>
      <c r="AB40" s="6">
        <v>29</v>
      </c>
      <c r="AC40" s="6">
        <v>14024</v>
      </c>
      <c r="AD40" s="7">
        <v>51.460270000000001</v>
      </c>
    </row>
    <row r="41" spans="1:30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126</v>
      </c>
      <c r="F41" s="9" t="s">
        <v>128</v>
      </c>
      <c r="G41" s="6">
        <v>2701811</v>
      </c>
      <c r="H41" s="6">
        <v>27163</v>
      </c>
      <c r="I41" s="6">
        <v>134693</v>
      </c>
      <c r="J41" s="6">
        <v>178720</v>
      </c>
      <c r="K41" s="6">
        <v>186226</v>
      </c>
      <c r="L41" s="6">
        <v>229114</v>
      </c>
      <c r="M41" s="6">
        <v>296910</v>
      </c>
      <c r="N41" s="6">
        <v>375438</v>
      </c>
      <c r="O41" s="6">
        <v>309329</v>
      </c>
      <c r="P41" s="6">
        <v>268189</v>
      </c>
      <c r="Q41" s="6">
        <v>265002</v>
      </c>
      <c r="R41" s="6">
        <v>226026</v>
      </c>
      <c r="S41" s="6">
        <v>143151</v>
      </c>
      <c r="T41" s="6">
        <v>44907</v>
      </c>
      <c r="U41" s="6">
        <v>12820</v>
      </c>
      <c r="V41" s="6">
        <v>3437</v>
      </c>
      <c r="W41" s="6">
        <v>632</v>
      </c>
      <c r="X41" s="6">
        <v>54</v>
      </c>
      <c r="Y41" s="6">
        <v>2270784</v>
      </c>
      <c r="Z41" s="6">
        <v>431027</v>
      </c>
      <c r="AA41" s="6">
        <v>61850</v>
      </c>
      <c r="AB41" s="6">
        <v>4123</v>
      </c>
      <c r="AC41" s="6">
        <v>2469647</v>
      </c>
      <c r="AD41" s="7">
        <v>48.950780000000002</v>
      </c>
    </row>
    <row r="42" spans="1:30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126</v>
      </c>
      <c r="F42" s="9" t="s">
        <v>129</v>
      </c>
      <c r="G42" s="6">
        <v>5945213</v>
      </c>
      <c r="H42" s="6">
        <v>72240</v>
      </c>
      <c r="I42" s="6">
        <v>332781</v>
      </c>
      <c r="J42" s="6">
        <v>493478</v>
      </c>
      <c r="K42" s="6">
        <v>572308</v>
      </c>
      <c r="L42" s="6">
        <v>629382</v>
      </c>
      <c r="M42" s="6">
        <v>711554</v>
      </c>
      <c r="N42" s="6">
        <v>841717</v>
      </c>
      <c r="O42" s="6">
        <v>755134</v>
      </c>
      <c r="P42" s="6">
        <v>651407</v>
      </c>
      <c r="Q42" s="6">
        <v>438351</v>
      </c>
      <c r="R42" s="6">
        <v>227105</v>
      </c>
      <c r="S42" s="6">
        <v>140283</v>
      </c>
      <c r="T42" s="6">
        <v>55080</v>
      </c>
      <c r="U42" s="6">
        <v>18171</v>
      </c>
      <c r="V42" s="6">
        <v>5103</v>
      </c>
      <c r="W42" s="6">
        <v>979</v>
      </c>
      <c r="X42" s="6">
        <v>140</v>
      </c>
      <c r="Y42" s="6">
        <v>5498352</v>
      </c>
      <c r="Z42" s="6">
        <v>446861</v>
      </c>
      <c r="AA42" s="6">
        <v>79473</v>
      </c>
      <c r="AB42" s="6">
        <v>6222</v>
      </c>
      <c r="AC42" s="6">
        <v>5653217</v>
      </c>
      <c r="AD42" s="7">
        <v>45.589910000000003</v>
      </c>
    </row>
    <row r="43" spans="1:30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130</v>
      </c>
      <c r="F43" s="9" t="s">
        <v>131</v>
      </c>
      <c r="G43" s="6">
        <v>227014</v>
      </c>
      <c r="H43" s="6">
        <v>1764</v>
      </c>
      <c r="I43" s="6">
        <v>10412</v>
      </c>
      <c r="J43" s="6">
        <v>19442</v>
      </c>
      <c r="K43" s="6">
        <v>19303</v>
      </c>
      <c r="L43" s="6">
        <v>17336</v>
      </c>
      <c r="M43" s="6">
        <v>26343</v>
      </c>
      <c r="N43" s="6">
        <v>36641</v>
      </c>
      <c r="O43" s="6">
        <v>34388</v>
      </c>
      <c r="P43" s="6">
        <v>30526</v>
      </c>
      <c r="Q43" s="6">
        <v>19749</v>
      </c>
      <c r="R43" s="6">
        <v>7453</v>
      </c>
      <c r="S43" s="6">
        <v>2809</v>
      </c>
      <c r="T43" s="6">
        <v>653</v>
      </c>
      <c r="U43" s="6">
        <v>144</v>
      </c>
      <c r="V43" s="6">
        <v>37</v>
      </c>
      <c r="W43" s="6">
        <v>12</v>
      </c>
      <c r="X43" s="6">
        <v>2</v>
      </c>
      <c r="Y43" s="6">
        <v>215904</v>
      </c>
      <c r="Z43" s="6">
        <v>11110</v>
      </c>
      <c r="AA43" s="6">
        <v>848</v>
      </c>
      <c r="AB43" s="6">
        <v>51</v>
      </c>
      <c r="AC43" s="6">
        <v>221593</v>
      </c>
      <c r="AD43" s="7">
        <v>46.278370000000002</v>
      </c>
    </row>
    <row r="44" spans="1:30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130</v>
      </c>
      <c r="F44" s="9" t="s">
        <v>132</v>
      </c>
      <c r="G44" s="6">
        <v>1299727</v>
      </c>
      <c r="H44" s="6">
        <v>1917</v>
      </c>
      <c r="I44" s="6">
        <v>81146</v>
      </c>
      <c r="J44" s="6">
        <v>155086</v>
      </c>
      <c r="K44" s="6">
        <v>144296</v>
      </c>
      <c r="L44" s="6">
        <v>164385</v>
      </c>
      <c r="M44" s="6">
        <v>188699</v>
      </c>
      <c r="N44" s="6">
        <v>179672</v>
      </c>
      <c r="O44" s="6">
        <v>156837</v>
      </c>
      <c r="P44" s="6">
        <v>129216</v>
      </c>
      <c r="Q44" s="6">
        <v>63450</v>
      </c>
      <c r="R44" s="6">
        <v>20413</v>
      </c>
      <c r="S44" s="6">
        <v>9963</v>
      </c>
      <c r="T44" s="6">
        <v>3215</v>
      </c>
      <c r="U44" s="6">
        <v>1014</v>
      </c>
      <c r="V44" s="6">
        <v>346</v>
      </c>
      <c r="W44" s="6">
        <v>69</v>
      </c>
      <c r="X44" s="6">
        <v>3</v>
      </c>
      <c r="Y44" s="6">
        <v>1264704</v>
      </c>
      <c r="Z44" s="6">
        <v>35023</v>
      </c>
      <c r="AA44" s="6">
        <v>4647</v>
      </c>
      <c r="AB44" s="6">
        <v>418</v>
      </c>
      <c r="AC44" s="6">
        <v>1283200</v>
      </c>
      <c r="AD44" s="7">
        <v>42.80415</v>
      </c>
    </row>
    <row r="45" spans="1:30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130</v>
      </c>
      <c r="F45" s="9" t="s">
        <v>133</v>
      </c>
      <c r="G45" s="6">
        <v>2288808</v>
      </c>
      <c r="H45" s="6">
        <v>15688</v>
      </c>
      <c r="I45" s="6">
        <v>82258</v>
      </c>
      <c r="J45" s="6">
        <v>116646</v>
      </c>
      <c r="K45" s="6">
        <v>147546</v>
      </c>
      <c r="L45" s="6">
        <v>192943</v>
      </c>
      <c r="M45" s="6">
        <v>249794</v>
      </c>
      <c r="N45" s="6">
        <v>337810</v>
      </c>
      <c r="O45" s="6">
        <v>317435</v>
      </c>
      <c r="P45" s="6">
        <v>289616</v>
      </c>
      <c r="Q45" s="6">
        <v>240001</v>
      </c>
      <c r="R45" s="6">
        <v>162977</v>
      </c>
      <c r="S45" s="6">
        <v>104449</v>
      </c>
      <c r="T45" s="6">
        <v>25813</v>
      </c>
      <c r="U45" s="6">
        <v>4664</v>
      </c>
      <c r="V45" s="6">
        <v>986</v>
      </c>
      <c r="W45" s="6">
        <v>169</v>
      </c>
      <c r="X45" s="6">
        <v>13</v>
      </c>
      <c r="Y45" s="6">
        <v>1989737</v>
      </c>
      <c r="Z45" s="6">
        <v>299071</v>
      </c>
      <c r="AA45" s="6">
        <v>31645</v>
      </c>
      <c r="AB45" s="6">
        <v>1168</v>
      </c>
      <c r="AC45" s="6">
        <v>2137026</v>
      </c>
      <c r="AD45" s="7">
        <v>49.537730000000003</v>
      </c>
    </row>
    <row r="46" spans="1:30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130</v>
      </c>
      <c r="F46" s="9" t="s">
        <v>134</v>
      </c>
      <c r="G46" s="6">
        <v>3709281</v>
      </c>
      <c r="H46" s="6">
        <v>87610</v>
      </c>
      <c r="I46" s="6">
        <v>279804</v>
      </c>
      <c r="J46" s="6">
        <v>279795</v>
      </c>
      <c r="K46" s="6">
        <v>311171</v>
      </c>
      <c r="L46" s="6">
        <v>365233</v>
      </c>
      <c r="M46" s="6">
        <v>411061</v>
      </c>
      <c r="N46" s="6">
        <v>488041</v>
      </c>
      <c r="O46" s="6">
        <v>400527</v>
      </c>
      <c r="P46" s="6">
        <v>356069</v>
      </c>
      <c r="Q46" s="6">
        <v>297571</v>
      </c>
      <c r="R46" s="6">
        <v>204385</v>
      </c>
      <c r="S46" s="6">
        <v>142819</v>
      </c>
      <c r="T46" s="6">
        <v>57294</v>
      </c>
      <c r="U46" s="6">
        <v>20369</v>
      </c>
      <c r="V46" s="6">
        <v>6225</v>
      </c>
      <c r="W46" s="6">
        <v>1169</v>
      </c>
      <c r="X46" s="6">
        <v>138</v>
      </c>
      <c r="Y46" s="6">
        <v>3276882</v>
      </c>
      <c r="Z46" s="6">
        <v>432399</v>
      </c>
      <c r="AA46" s="6">
        <v>85195</v>
      </c>
      <c r="AB46" s="6">
        <v>7532</v>
      </c>
      <c r="AC46" s="6">
        <v>3393657</v>
      </c>
      <c r="AD46" s="7">
        <v>46.098329999999997</v>
      </c>
    </row>
    <row r="47" spans="1:30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130</v>
      </c>
      <c r="F47" s="9" t="s">
        <v>135</v>
      </c>
      <c r="G47" s="6">
        <v>562649</v>
      </c>
      <c r="H47" s="6">
        <v>351</v>
      </c>
      <c r="I47" s="6">
        <v>23426</v>
      </c>
      <c r="J47" s="6">
        <v>50370</v>
      </c>
      <c r="K47" s="6">
        <v>49629</v>
      </c>
      <c r="L47" s="6">
        <v>55776</v>
      </c>
      <c r="M47" s="6">
        <v>52543</v>
      </c>
      <c r="N47" s="6">
        <v>75708</v>
      </c>
      <c r="O47" s="6">
        <v>87852</v>
      </c>
      <c r="P47" s="6">
        <v>78428</v>
      </c>
      <c r="Q47" s="6">
        <v>57188</v>
      </c>
      <c r="R47" s="6">
        <v>18843</v>
      </c>
      <c r="S47" s="6">
        <v>8297</v>
      </c>
      <c r="T47" s="6">
        <v>3030</v>
      </c>
      <c r="U47" s="6">
        <v>898</v>
      </c>
      <c r="V47" s="6">
        <v>253</v>
      </c>
      <c r="W47" s="6">
        <v>53</v>
      </c>
      <c r="X47" s="6">
        <v>4</v>
      </c>
      <c r="Y47" s="6">
        <v>531271</v>
      </c>
      <c r="Z47" s="6">
        <v>31378</v>
      </c>
      <c r="AA47" s="6">
        <v>4238</v>
      </c>
      <c r="AB47" s="6">
        <v>310</v>
      </c>
      <c r="AC47" s="6">
        <v>549763</v>
      </c>
      <c r="AD47" s="7">
        <v>46.8553</v>
      </c>
    </row>
    <row r="48" spans="1:30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130</v>
      </c>
      <c r="F48" s="9" t="s">
        <v>136</v>
      </c>
      <c r="G48" s="6">
        <v>619287</v>
      </c>
      <c r="H48" s="6">
        <v>1696</v>
      </c>
      <c r="I48" s="6">
        <v>23341</v>
      </c>
      <c r="J48" s="6">
        <v>35580</v>
      </c>
      <c r="K48" s="6">
        <v>40032</v>
      </c>
      <c r="L48" s="6">
        <v>50296</v>
      </c>
      <c r="M48" s="6">
        <v>55631</v>
      </c>
      <c r="N48" s="6">
        <v>64411</v>
      </c>
      <c r="O48" s="6">
        <v>56980</v>
      </c>
      <c r="P48" s="6">
        <v>56427</v>
      </c>
      <c r="Q48" s="6">
        <v>62617</v>
      </c>
      <c r="R48" s="6">
        <v>74675</v>
      </c>
      <c r="S48" s="6">
        <v>61121</v>
      </c>
      <c r="T48" s="6">
        <v>23108</v>
      </c>
      <c r="U48" s="6">
        <v>8795</v>
      </c>
      <c r="V48" s="6">
        <v>3471</v>
      </c>
      <c r="W48" s="6">
        <v>965</v>
      </c>
      <c r="X48" s="6">
        <v>141</v>
      </c>
      <c r="Y48" s="6">
        <v>447011</v>
      </c>
      <c r="Z48" s="6">
        <v>172276</v>
      </c>
      <c r="AA48" s="6">
        <v>36480</v>
      </c>
      <c r="AB48" s="6">
        <v>4577</v>
      </c>
      <c r="AC48" s="6">
        <v>519990</v>
      </c>
      <c r="AD48" s="7">
        <v>52.777769999999997</v>
      </c>
    </row>
    <row r="49" spans="1:30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130</v>
      </c>
      <c r="F49" s="9" t="s">
        <v>137</v>
      </c>
      <c r="G49" s="6">
        <v>1010055</v>
      </c>
      <c r="H49" s="6">
        <v>2938</v>
      </c>
      <c r="I49" s="6">
        <v>38149</v>
      </c>
      <c r="J49" s="6">
        <v>87481</v>
      </c>
      <c r="K49" s="6">
        <v>94371</v>
      </c>
      <c r="L49" s="6">
        <v>103474</v>
      </c>
      <c r="M49" s="6">
        <v>116771</v>
      </c>
      <c r="N49" s="6">
        <v>131879</v>
      </c>
      <c r="O49" s="6">
        <v>114554</v>
      </c>
      <c r="P49" s="6">
        <v>107077</v>
      </c>
      <c r="Q49" s="6">
        <v>92801</v>
      </c>
      <c r="R49" s="6">
        <v>63096</v>
      </c>
      <c r="S49" s="6">
        <v>38853</v>
      </c>
      <c r="T49" s="6">
        <v>13156</v>
      </c>
      <c r="U49" s="6">
        <v>3902</v>
      </c>
      <c r="V49" s="6">
        <v>1224</v>
      </c>
      <c r="W49" s="6">
        <v>311</v>
      </c>
      <c r="X49" s="6">
        <v>18</v>
      </c>
      <c r="Y49" s="6">
        <v>889495</v>
      </c>
      <c r="Z49" s="6">
        <v>120560</v>
      </c>
      <c r="AA49" s="6">
        <v>18611</v>
      </c>
      <c r="AB49" s="6">
        <v>1553</v>
      </c>
      <c r="AC49" s="6">
        <v>949653</v>
      </c>
      <c r="AD49" s="7">
        <v>47.529440000000001</v>
      </c>
    </row>
    <row r="50" spans="1:30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130</v>
      </c>
      <c r="F50" s="9" t="s">
        <v>138</v>
      </c>
      <c r="G50" s="6">
        <v>918349</v>
      </c>
      <c r="H50" s="6">
        <v>86746</v>
      </c>
      <c r="I50" s="6">
        <v>179367</v>
      </c>
      <c r="J50" s="6">
        <v>66541</v>
      </c>
      <c r="K50" s="6">
        <v>64913</v>
      </c>
      <c r="L50" s="6">
        <v>73471</v>
      </c>
      <c r="M50" s="6">
        <v>82344</v>
      </c>
      <c r="N50" s="6">
        <v>85960</v>
      </c>
      <c r="O50" s="6">
        <v>66675</v>
      </c>
      <c r="P50" s="6">
        <v>58072</v>
      </c>
      <c r="Q50" s="6">
        <v>55741</v>
      </c>
      <c r="R50" s="6">
        <v>49963</v>
      </c>
      <c r="S50" s="6">
        <v>34186</v>
      </c>
      <c r="T50" s="6">
        <v>10771</v>
      </c>
      <c r="U50" s="6">
        <v>2786</v>
      </c>
      <c r="V50" s="6">
        <v>681</v>
      </c>
      <c r="W50" s="6">
        <v>119</v>
      </c>
      <c r="X50" s="6">
        <v>13</v>
      </c>
      <c r="Y50" s="6">
        <v>819830</v>
      </c>
      <c r="Z50" s="6">
        <v>98519</v>
      </c>
      <c r="AA50" s="6">
        <v>14370</v>
      </c>
      <c r="AB50" s="6">
        <v>813</v>
      </c>
      <c r="AC50" s="6">
        <v>783047</v>
      </c>
      <c r="AD50" s="7">
        <v>40.410890000000002</v>
      </c>
    </row>
    <row r="51" spans="1:30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130</v>
      </c>
      <c r="F51" s="9" t="s">
        <v>139</v>
      </c>
      <c r="G51" s="6">
        <v>573754</v>
      </c>
      <c r="H51" s="6">
        <v>10026</v>
      </c>
      <c r="I51" s="6">
        <v>60926</v>
      </c>
      <c r="J51" s="6">
        <v>47939</v>
      </c>
      <c r="K51" s="6">
        <v>49427</v>
      </c>
      <c r="L51" s="6">
        <v>56676</v>
      </c>
      <c r="M51" s="6">
        <v>56545</v>
      </c>
      <c r="N51" s="6">
        <v>56746</v>
      </c>
      <c r="O51" s="6">
        <v>47146</v>
      </c>
      <c r="P51" s="6">
        <v>41876</v>
      </c>
      <c r="Q51" s="6">
        <v>44301</v>
      </c>
      <c r="R51" s="6">
        <v>47870</v>
      </c>
      <c r="S51" s="6">
        <v>37035</v>
      </c>
      <c r="T51" s="6">
        <v>13092</v>
      </c>
      <c r="U51" s="6">
        <v>3379</v>
      </c>
      <c r="V51" s="6">
        <v>677</v>
      </c>
      <c r="W51" s="6">
        <v>82</v>
      </c>
      <c r="X51" s="6">
        <v>11</v>
      </c>
      <c r="Y51" s="6">
        <v>471608</v>
      </c>
      <c r="Z51" s="6">
        <v>102146</v>
      </c>
      <c r="AA51" s="6">
        <v>17241</v>
      </c>
      <c r="AB51" s="6">
        <v>770</v>
      </c>
      <c r="AC51" s="6">
        <v>509452</v>
      </c>
      <c r="AD51" s="7">
        <v>46.376539999999999</v>
      </c>
    </row>
    <row r="52" spans="1:30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130</v>
      </c>
      <c r="F52" s="9" t="s">
        <v>140</v>
      </c>
      <c r="G52" s="6">
        <v>1101738</v>
      </c>
      <c r="H52" s="6">
        <v>20424</v>
      </c>
      <c r="I52" s="6">
        <v>86808</v>
      </c>
      <c r="J52" s="6">
        <v>90842</v>
      </c>
      <c r="K52" s="6">
        <v>98510</v>
      </c>
      <c r="L52" s="6">
        <v>94265</v>
      </c>
      <c r="M52" s="6">
        <v>95663</v>
      </c>
      <c r="N52" s="6">
        <v>104159</v>
      </c>
      <c r="O52" s="6">
        <v>107852</v>
      </c>
      <c r="P52" s="6">
        <v>144910</v>
      </c>
      <c r="Q52" s="6">
        <v>129878</v>
      </c>
      <c r="R52" s="6">
        <v>75996</v>
      </c>
      <c r="S52" s="6">
        <v>37435</v>
      </c>
      <c r="T52" s="6">
        <v>11192</v>
      </c>
      <c r="U52" s="6">
        <v>2796</v>
      </c>
      <c r="V52" s="6">
        <v>825</v>
      </c>
      <c r="W52" s="6">
        <v>165</v>
      </c>
      <c r="X52" s="6">
        <v>18</v>
      </c>
      <c r="Y52" s="6">
        <v>973311</v>
      </c>
      <c r="Z52" s="6">
        <v>128427</v>
      </c>
      <c r="AA52" s="6">
        <v>14996</v>
      </c>
      <c r="AB52" s="6">
        <v>1008</v>
      </c>
      <c r="AC52" s="6">
        <v>1028883</v>
      </c>
      <c r="AD52" s="7">
        <v>46.92991</v>
      </c>
    </row>
    <row r="53" spans="1:30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130</v>
      </c>
      <c r="F53" s="9" t="s">
        <v>141</v>
      </c>
      <c r="G53" s="6">
        <v>1663460</v>
      </c>
      <c r="H53" s="6">
        <v>5786</v>
      </c>
      <c r="I53" s="6">
        <v>83970</v>
      </c>
      <c r="J53" s="6">
        <v>163410</v>
      </c>
      <c r="K53" s="6">
        <v>195782</v>
      </c>
      <c r="L53" s="6">
        <v>196231</v>
      </c>
      <c r="M53" s="6">
        <v>198309</v>
      </c>
      <c r="N53" s="6">
        <v>181126</v>
      </c>
      <c r="O53" s="6">
        <v>132722</v>
      </c>
      <c r="P53" s="6">
        <v>126771</v>
      </c>
      <c r="Q53" s="6">
        <v>132484</v>
      </c>
      <c r="R53" s="6">
        <v>121902</v>
      </c>
      <c r="S53" s="6">
        <v>86060</v>
      </c>
      <c r="T53" s="6">
        <v>27331</v>
      </c>
      <c r="U53" s="6">
        <v>8023</v>
      </c>
      <c r="V53" s="6">
        <v>2699</v>
      </c>
      <c r="W53" s="6">
        <v>782</v>
      </c>
      <c r="X53" s="6">
        <v>72</v>
      </c>
      <c r="Y53" s="6">
        <v>1416591</v>
      </c>
      <c r="Z53" s="6">
        <v>246869</v>
      </c>
      <c r="AA53" s="6">
        <v>38907</v>
      </c>
      <c r="AB53" s="6">
        <v>3553</v>
      </c>
      <c r="AC53" s="6">
        <v>1532707</v>
      </c>
      <c r="AD53" s="7">
        <v>46.487499999999997</v>
      </c>
    </row>
    <row r="54" spans="1:30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130</v>
      </c>
      <c r="F54" s="9" t="s">
        <v>142</v>
      </c>
      <c r="G54" s="6">
        <v>255028</v>
      </c>
      <c r="H54" s="6">
        <v>1358</v>
      </c>
      <c r="I54" s="6">
        <v>9677</v>
      </c>
      <c r="J54" s="6">
        <v>16482</v>
      </c>
      <c r="K54" s="6">
        <v>22286</v>
      </c>
      <c r="L54" s="6">
        <v>26137</v>
      </c>
      <c r="M54" s="6">
        <v>32803</v>
      </c>
      <c r="N54" s="6">
        <v>42876</v>
      </c>
      <c r="O54" s="6">
        <v>32323</v>
      </c>
      <c r="P54" s="6">
        <v>33603</v>
      </c>
      <c r="Q54" s="6">
        <v>25058</v>
      </c>
      <c r="R54" s="6">
        <v>8397</v>
      </c>
      <c r="S54" s="6">
        <v>3041</v>
      </c>
      <c r="T54" s="6">
        <v>742</v>
      </c>
      <c r="U54" s="6">
        <v>188</v>
      </c>
      <c r="V54" s="6">
        <v>49</v>
      </c>
      <c r="W54" s="6">
        <v>6</v>
      </c>
      <c r="X54" s="6">
        <v>2</v>
      </c>
      <c r="Y54" s="6">
        <v>242603</v>
      </c>
      <c r="Z54" s="6">
        <v>12425</v>
      </c>
      <c r="AA54" s="6">
        <v>987</v>
      </c>
      <c r="AB54" s="6">
        <v>57</v>
      </c>
      <c r="AC54" s="6">
        <v>249642</v>
      </c>
      <c r="AD54" s="7">
        <v>46.62379</v>
      </c>
    </row>
    <row r="55" spans="1:30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130</v>
      </c>
      <c r="F55" s="9" t="s">
        <v>143</v>
      </c>
      <c r="G55" s="6">
        <v>1966360</v>
      </c>
      <c r="H55" s="6">
        <v>11093</v>
      </c>
      <c r="I55" s="6">
        <v>77574</v>
      </c>
      <c r="J55" s="6">
        <v>117777</v>
      </c>
      <c r="K55" s="6">
        <v>134188</v>
      </c>
      <c r="L55" s="6">
        <v>158387</v>
      </c>
      <c r="M55" s="6">
        <v>188201</v>
      </c>
      <c r="N55" s="6">
        <v>220813</v>
      </c>
      <c r="O55" s="6">
        <v>192831</v>
      </c>
      <c r="P55" s="6">
        <v>194872</v>
      </c>
      <c r="Q55" s="6">
        <v>224930</v>
      </c>
      <c r="R55" s="6">
        <v>212957</v>
      </c>
      <c r="S55" s="6">
        <v>159117</v>
      </c>
      <c r="T55" s="6">
        <v>55909</v>
      </c>
      <c r="U55" s="6">
        <v>13837</v>
      </c>
      <c r="V55" s="6">
        <v>3116</v>
      </c>
      <c r="W55" s="6">
        <v>665</v>
      </c>
      <c r="X55" s="6">
        <v>93</v>
      </c>
      <c r="Y55" s="6">
        <v>1520666</v>
      </c>
      <c r="Z55" s="6">
        <v>445694</v>
      </c>
      <c r="AA55" s="6">
        <v>73620</v>
      </c>
      <c r="AB55" s="6">
        <v>3874</v>
      </c>
      <c r="AC55" s="6">
        <v>1722530</v>
      </c>
      <c r="AD55" s="7">
        <v>51.393749999999997</v>
      </c>
    </row>
    <row r="56" spans="1:30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130</v>
      </c>
      <c r="F56" s="9" t="s">
        <v>144</v>
      </c>
      <c r="G56" s="6">
        <v>1413969</v>
      </c>
      <c r="H56" s="6">
        <v>15721</v>
      </c>
      <c r="I56" s="6">
        <v>94958</v>
      </c>
      <c r="J56" s="6">
        <v>141715</v>
      </c>
      <c r="K56" s="6">
        <v>160788</v>
      </c>
      <c r="L56" s="6">
        <v>153315</v>
      </c>
      <c r="M56" s="6">
        <v>166296</v>
      </c>
      <c r="N56" s="6">
        <v>195337</v>
      </c>
      <c r="O56" s="6">
        <v>171059</v>
      </c>
      <c r="P56" s="6">
        <v>152750</v>
      </c>
      <c r="Q56" s="6">
        <v>97495</v>
      </c>
      <c r="R56" s="6">
        <v>41847</v>
      </c>
      <c r="S56" s="6">
        <v>16711</v>
      </c>
      <c r="T56" s="6">
        <v>4561</v>
      </c>
      <c r="U56" s="6">
        <v>1162</v>
      </c>
      <c r="V56" s="6">
        <v>220</v>
      </c>
      <c r="W56" s="6">
        <v>32</v>
      </c>
      <c r="X56" s="6">
        <v>2</v>
      </c>
      <c r="Y56" s="6">
        <v>1349434</v>
      </c>
      <c r="Z56" s="6">
        <v>64535</v>
      </c>
      <c r="AA56" s="6">
        <v>5977</v>
      </c>
      <c r="AB56" s="6">
        <v>254</v>
      </c>
      <c r="AC56" s="6">
        <v>1375560</v>
      </c>
      <c r="AD56" s="7">
        <v>43.845840000000003</v>
      </c>
    </row>
    <row r="57" spans="1:30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55</v>
      </c>
      <c r="F57" s="9" t="s">
        <v>145</v>
      </c>
      <c r="G57" s="6">
        <v>353135</v>
      </c>
      <c r="H57" s="6">
        <v>16088</v>
      </c>
      <c r="I57" s="6">
        <v>40176</v>
      </c>
      <c r="J57" s="6">
        <v>27962</v>
      </c>
      <c r="K57" s="6">
        <v>27965</v>
      </c>
      <c r="L57" s="6">
        <v>30744</v>
      </c>
      <c r="M57" s="6">
        <v>34682</v>
      </c>
      <c r="N57" s="6">
        <v>39976</v>
      </c>
      <c r="O57" s="6">
        <v>34237</v>
      </c>
      <c r="P57" s="6">
        <v>27479</v>
      </c>
      <c r="Q57" s="6">
        <v>21560</v>
      </c>
      <c r="R57" s="6">
        <v>19420</v>
      </c>
      <c r="S57" s="6">
        <v>17393</v>
      </c>
      <c r="T57" s="6">
        <v>9373</v>
      </c>
      <c r="U57" s="6">
        <v>4229</v>
      </c>
      <c r="V57" s="6">
        <v>1405</v>
      </c>
      <c r="W57" s="6">
        <v>393</v>
      </c>
      <c r="X57" s="6">
        <v>53</v>
      </c>
      <c r="Y57" s="6">
        <v>300869</v>
      </c>
      <c r="Z57" s="6">
        <v>52266</v>
      </c>
      <c r="AA57" s="6">
        <v>15453</v>
      </c>
      <c r="AB57" s="6">
        <v>1851</v>
      </c>
      <c r="AC57" s="6">
        <v>304201</v>
      </c>
      <c r="AD57" s="7">
        <v>45.078279999999999</v>
      </c>
    </row>
    <row r="58" spans="1:30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55</v>
      </c>
      <c r="F58" s="9" t="s">
        <v>146</v>
      </c>
      <c r="G58" s="6">
        <v>320470</v>
      </c>
      <c r="H58" s="6">
        <v>3596</v>
      </c>
      <c r="I58" s="6">
        <v>20711</v>
      </c>
      <c r="J58" s="6">
        <v>23570</v>
      </c>
      <c r="K58" s="6">
        <v>25951</v>
      </c>
      <c r="L58" s="6">
        <v>29286</v>
      </c>
      <c r="M58" s="6">
        <v>29417</v>
      </c>
      <c r="N58" s="6">
        <v>28475</v>
      </c>
      <c r="O58" s="6">
        <v>23993</v>
      </c>
      <c r="P58" s="6">
        <v>25305</v>
      </c>
      <c r="Q58" s="6">
        <v>31358</v>
      </c>
      <c r="R58" s="6">
        <v>35739</v>
      </c>
      <c r="S58" s="6">
        <v>28372</v>
      </c>
      <c r="T58" s="6">
        <v>10218</v>
      </c>
      <c r="U58" s="6">
        <v>3365</v>
      </c>
      <c r="V58" s="6">
        <v>927</v>
      </c>
      <c r="W58" s="6">
        <v>164</v>
      </c>
      <c r="X58" s="6">
        <v>23</v>
      </c>
      <c r="Y58" s="6">
        <v>241662</v>
      </c>
      <c r="Z58" s="6">
        <v>78808</v>
      </c>
      <c r="AA58" s="6">
        <v>14697</v>
      </c>
      <c r="AB58" s="6">
        <v>1114</v>
      </c>
      <c r="AC58" s="6">
        <v>273805</v>
      </c>
      <c r="AD58" s="7">
        <v>50.019390000000001</v>
      </c>
    </row>
    <row r="59" spans="1:30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55</v>
      </c>
      <c r="F59" s="9" t="s">
        <v>147</v>
      </c>
      <c r="G59" s="6">
        <v>8662377</v>
      </c>
      <c r="H59" s="6">
        <v>99472</v>
      </c>
      <c r="I59" s="6">
        <v>467874</v>
      </c>
      <c r="J59" s="6">
        <v>672908</v>
      </c>
      <c r="K59" s="6">
        <v>759486</v>
      </c>
      <c r="L59" s="6">
        <v>859643</v>
      </c>
      <c r="M59" s="6">
        <v>1009914</v>
      </c>
      <c r="N59" s="6">
        <v>1219129</v>
      </c>
      <c r="O59" s="6">
        <v>1066443</v>
      </c>
      <c r="P59" s="6">
        <v>921790</v>
      </c>
      <c r="Q59" s="6">
        <v>705280</v>
      </c>
      <c r="R59" s="6">
        <v>454421</v>
      </c>
      <c r="S59" s="6">
        <v>284351</v>
      </c>
      <c r="T59" s="6">
        <v>100225</v>
      </c>
      <c r="U59" s="6">
        <v>31067</v>
      </c>
      <c r="V59" s="6">
        <v>8564</v>
      </c>
      <c r="W59" s="6">
        <v>1614</v>
      </c>
      <c r="X59" s="6">
        <v>196</v>
      </c>
      <c r="Y59" s="6">
        <v>7781939</v>
      </c>
      <c r="Z59" s="6">
        <v>880438</v>
      </c>
      <c r="AA59" s="6">
        <v>141666</v>
      </c>
      <c r="AB59" s="6">
        <v>10374</v>
      </c>
      <c r="AC59" s="6">
        <v>8136888</v>
      </c>
      <c r="AD59" s="7">
        <v>46.648580000000003</v>
      </c>
    </row>
    <row r="60" spans="1:30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55</v>
      </c>
      <c r="F60" s="9" t="s">
        <v>148</v>
      </c>
      <c r="G60" s="6">
        <v>17609479</v>
      </c>
      <c r="H60" s="6">
        <v>263118</v>
      </c>
      <c r="I60" s="6">
        <v>1131816</v>
      </c>
      <c r="J60" s="6">
        <v>1389106</v>
      </c>
      <c r="K60" s="6">
        <v>1532242</v>
      </c>
      <c r="L60" s="6">
        <v>1707925</v>
      </c>
      <c r="M60" s="6">
        <v>1921003</v>
      </c>
      <c r="N60" s="6">
        <v>2201179</v>
      </c>
      <c r="O60" s="6">
        <v>1919181</v>
      </c>
      <c r="P60" s="6">
        <v>1800213</v>
      </c>
      <c r="Q60" s="6">
        <v>1543264</v>
      </c>
      <c r="R60" s="6">
        <v>1110774</v>
      </c>
      <c r="S60" s="6">
        <v>741896</v>
      </c>
      <c r="T60" s="6">
        <v>249867</v>
      </c>
      <c r="U60" s="6">
        <v>71957</v>
      </c>
      <c r="V60" s="6">
        <v>20809</v>
      </c>
      <c r="W60" s="6">
        <v>4599</v>
      </c>
      <c r="X60" s="6">
        <v>530</v>
      </c>
      <c r="Y60" s="6">
        <v>15409047</v>
      </c>
      <c r="Z60" s="6">
        <v>2200432</v>
      </c>
      <c r="AA60" s="6">
        <v>347762</v>
      </c>
      <c r="AB60" s="6">
        <v>25938</v>
      </c>
      <c r="AC60" s="6">
        <v>16256703</v>
      </c>
      <c r="AD60" s="7">
        <v>46.865029999999997</v>
      </c>
    </row>
    <row r="61" spans="1:30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55</v>
      </c>
      <c r="F61" s="9" t="s">
        <v>6</v>
      </c>
      <c r="G61" s="6">
        <v>23130959</v>
      </c>
      <c r="H61" s="6">
        <v>378365</v>
      </c>
      <c r="I61" s="6">
        <v>1683564</v>
      </c>
      <c r="J61" s="6">
        <v>1953129</v>
      </c>
      <c r="K61" s="6">
        <v>1932254</v>
      </c>
      <c r="L61" s="6">
        <v>2173767</v>
      </c>
      <c r="M61" s="6">
        <v>2598476</v>
      </c>
      <c r="N61" s="6">
        <v>3124820</v>
      </c>
      <c r="O61" s="6">
        <v>2744336</v>
      </c>
      <c r="P61" s="6">
        <v>2389937</v>
      </c>
      <c r="Q61" s="6">
        <v>1819098</v>
      </c>
      <c r="R61" s="6">
        <v>1222008</v>
      </c>
      <c r="S61" s="6">
        <v>764863</v>
      </c>
      <c r="T61" s="6">
        <v>247952</v>
      </c>
      <c r="U61" s="6">
        <v>70503</v>
      </c>
      <c r="V61" s="6">
        <v>21601</v>
      </c>
      <c r="W61" s="6">
        <v>5527</v>
      </c>
      <c r="X61" s="6">
        <v>759</v>
      </c>
      <c r="Y61" s="6">
        <v>20797746</v>
      </c>
      <c r="Z61" s="6">
        <v>2333213</v>
      </c>
      <c r="AA61" s="6">
        <v>346342</v>
      </c>
      <c r="AB61" s="6">
        <v>27887</v>
      </c>
      <c r="AC61" s="6">
        <v>21641389</v>
      </c>
      <c r="AD61" s="7">
        <v>45.905119999999997</v>
      </c>
    </row>
    <row r="62" spans="1:30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122</v>
      </c>
      <c r="F62" s="9" t="s">
        <v>123</v>
      </c>
      <c r="G62" s="6">
        <v>198939</v>
      </c>
      <c r="H62" s="6">
        <v>1401</v>
      </c>
      <c r="I62" s="6">
        <v>10783</v>
      </c>
      <c r="J62" s="6">
        <v>11262</v>
      </c>
      <c r="K62" s="6">
        <v>13016</v>
      </c>
      <c r="L62" s="6">
        <v>16467</v>
      </c>
      <c r="M62" s="6">
        <v>18827</v>
      </c>
      <c r="N62" s="6">
        <v>20980</v>
      </c>
      <c r="O62" s="6">
        <v>18103</v>
      </c>
      <c r="P62" s="6">
        <v>18901</v>
      </c>
      <c r="Q62" s="6">
        <v>21905</v>
      </c>
      <c r="R62" s="6">
        <v>22304</v>
      </c>
      <c r="S62" s="6">
        <v>16175</v>
      </c>
      <c r="T62" s="6">
        <v>5961</v>
      </c>
      <c r="U62" s="6">
        <v>2055</v>
      </c>
      <c r="V62" s="6">
        <v>625</v>
      </c>
      <c r="W62" s="6">
        <v>161</v>
      </c>
      <c r="X62" s="6">
        <v>13</v>
      </c>
      <c r="Y62" s="6">
        <v>151645</v>
      </c>
      <c r="Z62" s="6">
        <v>47294</v>
      </c>
      <c r="AA62" s="6">
        <v>8815</v>
      </c>
      <c r="AB62" s="6">
        <v>799</v>
      </c>
      <c r="AC62" s="6">
        <v>172548</v>
      </c>
      <c r="AD62" s="7">
        <v>51.257150000000003</v>
      </c>
    </row>
    <row r="63" spans="1:30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122</v>
      </c>
      <c r="F63" s="9" t="s">
        <v>124</v>
      </c>
      <c r="G63" s="6">
        <v>191344</v>
      </c>
      <c r="H63" s="6">
        <v>1363</v>
      </c>
      <c r="I63" s="6">
        <v>10488</v>
      </c>
      <c r="J63" s="6">
        <v>10820</v>
      </c>
      <c r="K63" s="6">
        <v>12450</v>
      </c>
      <c r="L63" s="6">
        <v>15710</v>
      </c>
      <c r="M63" s="6">
        <v>17835</v>
      </c>
      <c r="N63" s="6">
        <v>19911</v>
      </c>
      <c r="O63" s="6">
        <v>17202</v>
      </c>
      <c r="P63" s="6">
        <v>18081</v>
      </c>
      <c r="Q63" s="6">
        <v>21171</v>
      </c>
      <c r="R63" s="6">
        <v>21833</v>
      </c>
      <c r="S63" s="6">
        <v>15849</v>
      </c>
      <c r="T63" s="6">
        <v>5829</v>
      </c>
      <c r="U63" s="6">
        <v>2012</v>
      </c>
      <c r="V63" s="6">
        <v>619</v>
      </c>
      <c r="W63" s="6">
        <v>158</v>
      </c>
      <c r="X63" s="6">
        <v>13</v>
      </c>
      <c r="Y63" s="6">
        <v>145031</v>
      </c>
      <c r="Z63" s="6">
        <v>46313</v>
      </c>
      <c r="AA63" s="6">
        <v>8631</v>
      </c>
      <c r="AB63" s="6">
        <v>790</v>
      </c>
      <c r="AC63" s="6">
        <v>165501</v>
      </c>
      <c r="AD63" s="7">
        <v>51.36074</v>
      </c>
    </row>
    <row r="64" spans="1:30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122</v>
      </c>
      <c r="F64" s="9" t="s">
        <v>125</v>
      </c>
      <c r="G64" s="6">
        <v>10415</v>
      </c>
      <c r="H64" s="6">
        <v>60</v>
      </c>
      <c r="I64" s="6">
        <v>346</v>
      </c>
      <c r="J64" s="6">
        <v>443</v>
      </c>
      <c r="K64" s="6">
        <v>700</v>
      </c>
      <c r="L64" s="6">
        <v>814</v>
      </c>
      <c r="M64" s="6">
        <v>911</v>
      </c>
      <c r="N64" s="6">
        <v>1039</v>
      </c>
      <c r="O64" s="6">
        <v>1020</v>
      </c>
      <c r="P64" s="6">
        <v>1067</v>
      </c>
      <c r="Q64" s="6">
        <v>1241</v>
      </c>
      <c r="R64" s="6">
        <v>1217</v>
      </c>
      <c r="S64" s="6">
        <v>943</v>
      </c>
      <c r="T64" s="6">
        <v>401</v>
      </c>
      <c r="U64" s="6">
        <v>158</v>
      </c>
      <c r="V64" s="6">
        <v>49</v>
      </c>
      <c r="W64" s="6">
        <v>6</v>
      </c>
      <c r="X64" s="10" t="s">
        <v>55</v>
      </c>
      <c r="Y64" s="6">
        <v>7641</v>
      </c>
      <c r="Z64" s="6">
        <v>2774</v>
      </c>
      <c r="AA64" s="6">
        <v>614</v>
      </c>
      <c r="AB64" s="6">
        <v>55</v>
      </c>
      <c r="AC64" s="6">
        <v>8798</v>
      </c>
      <c r="AD64" s="7">
        <v>53.201970000000003</v>
      </c>
    </row>
    <row r="65" spans="1:30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126</v>
      </c>
      <c r="F65" s="9" t="s">
        <v>127</v>
      </c>
      <c r="G65" s="6">
        <v>3015</v>
      </c>
      <c r="H65" s="6">
        <v>13</v>
      </c>
      <c r="I65" s="6">
        <v>81</v>
      </c>
      <c r="J65" s="6">
        <v>191</v>
      </c>
      <c r="K65" s="6">
        <v>177</v>
      </c>
      <c r="L65" s="6">
        <v>263</v>
      </c>
      <c r="M65" s="6">
        <v>315</v>
      </c>
      <c r="N65" s="6">
        <v>481</v>
      </c>
      <c r="O65" s="6">
        <v>387</v>
      </c>
      <c r="P65" s="6">
        <v>351</v>
      </c>
      <c r="Q65" s="6">
        <v>301</v>
      </c>
      <c r="R65" s="6">
        <v>224</v>
      </c>
      <c r="S65" s="6">
        <v>127</v>
      </c>
      <c r="T65" s="6">
        <v>66</v>
      </c>
      <c r="U65" s="6">
        <v>24</v>
      </c>
      <c r="V65" s="6">
        <v>12</v>
      </c>
      <c r="W65" s="6">
        <v>2</v>
      </c>
      <c r="X65" s="10" t="s">
        <v>55</v>
      </c>
      <c r="Y65" s="6">
        <v>2560</v>
      </c>
      <c r="Z65" s="6">
        <v>455</v>
      </c>
      <c r="AA65" s="6">
        <v>104</v>
      </c>
      <c r="AB65" s="6">
        <v>14</v>
      </c>
      <c r="AC65" s="6">
        <v>2771</v>
      </c>
      <c r="AD65" s="7">
        <v>50.114260000000002</v>
      </c>
    </row>
    <row r="66" spans="1:30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126</v>
      </c>
      <c r="F66" s="9" t="s">
        <v>128</v>
      </c>
      <c r="G66" s="6">
        <v>634020</v>
      </c>
      <c r="H66" s="6">
        <v>2829</v>
      </c>
      <c r="I66" s="6">
        <v>26154</v>
      </c>
      <c r="J66" s="6">
        <v>41802</v>
      </c>
      <c r="K66" s="6">
        <v>44866</v>
      </c>
      <c r="L66" s="6">
        <v>59234</v>
      </c>
      <c r="M66" s="6">
        <v>78347</v>
      </c>
      <c r="N66" s="6">
        <v>99490</v>
      </c>
      <c r="O66" s="6">
        <v>78828</v>
      </c>
      <c r="P66" s="6">
        <v>61786</v>
      </c>
      <c r="Q66" s="6">
        <v>47468</v>
      </c>
      <c r="R66" s="6">
        <v>39404</v>
      </c>
      <c r="S66" s="6">
        <v>33176</v>
      </c>
      <c r="T66" s="6">
        <v>13962</v>
      </c>
      <c r="U66" s="6">
        <v>4833</v>
      </c>
      <c r="V66" s="6">
        <v>1506</v>
      </c>
      <c r="W66" s="6">
        <v>308</v>
      </c>
      <c r="X66" s="6">
        <v>27</v>
      </c>
      <c r="Y66" s="6">
        <v>540804</v>
      </c>
      <c r="Z66" s="6">
        <v>93216</v>
      </c>
      <c r="AA66" s="6">
        <v>20636</v>
      </c>
      <c r="AB66" s="6">
        <v>1841</v>
      </c>
      <c r="AC66" s="6">
        <v>577379</v>
      </c>
      <c r="AD66" s="7">
        <v>48.70973</v>
      </c>
    </row>
    <row r="67" spans="1:30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126</v>
      </c>
      <c r="F67" s="9" t="s">
        <v>129</v>
      </c>
      <c r="G67" s="6">
        <v>2654528</v>
      </c>
      <c r="H67" s="6">
        <v>31772</v>
      </c>
      <c r="I67" s="6">
        <v>175510</v>
      </c>
      <c r="J67" s="6">
        <v>215771</v>
      </c>
      <c r="K67" s="6">
        <v>225295</v>
      </c>
      <c r="L67" s="6">
        <v>255724</v>
      </c>
      <c r="M67" s="6">
        <v>316678</v>
      </c>
      <c r="N67" s="6">
        <v>395443</v>
      </c>
      <c r="O67" s="6">
        <v>334962</v>
      </c>
      <c r="P67" s="6">
        <v>271638</v>
      </c>
      <c r="Q67" s="6">
        <v>195359</v>
      </c>
      <c r="R67" s="6">
        <v>122770</v>
      </c>
      <c r="S67" s="6">
        <v>75185</v>
      </c>
      <c r="T67" s="6">
        <v>26470</v>
      </c>
      <c r="U67" s="6">
        <v>8666</v>
      </c>
      <c r="V67" s="6">
        <v>2605</v>
      </c>
      <c r="W67" s="6">
        <v>596</v>
      </c>
      <c r="X67" s="6">
        <v>84</v>
      </c>
      <c r="Y67" s="6">
        <v>2418152</v>
      </c>
      <c r="Z67" s="6">
        <v>236376</v>
      </c>
      <c r="AA67" s="6">
        <v>38421</v>
      </c>
      <c r="AB67" s="6">
        <v>3285</v>
      </c>
      <c r="AC67" s="6">
        <v>2509150</v>
      </c>
      <c r="AD67" s="7">
        <v>45.876049999999999</v>
      </c>
    </row>
    <row r="68" spans="1:30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130</v>
      </c>
      <c r="F68" s="9" t="s">
        <v>131</v>
      </c>
      <c r="G68" s="6">
        <v>45866</v>
      </c>
      <c r="H68" s="6">
        <v>246</v>
      </c>
      <c r="I68" s="6">
        <v>2636</v>
      </c>
      <c r="J68" s="6">
        <v>4587</v>
      </c>
      <c r="K68" s="6">
        <v>4490</v>
      </c>
      <c r="L68" s="6">
        <v>4135</v>
      </c>
      <c r="M68" s="6">
        <v>6056</v>
      </c>
      <c r="N68" s="6">
        <v>8707</v>
      </c>
      <c r="O68" s="6">
        <v>6749</v>
      </c>
      <c r="P68" s="6">
        <v>4554</v>
      </c>
      <c r="Q68" s="6">
        <v>2248</v>
      </c>
      <c r="R68" s="6">
        <v>838</v>
      </c>
      <c r="S68" s="6">
        <v>424</v>
      </c>
      <c r="T68" s="6">
        <v>137</v>
      </c>
      <c r="U68" s="6">
        <v>41</v>
      </c>
      <c r="V68" s="6">
        <v>13</v>
      </c>
      <c r="W68" s="6">
        <v>5</v>
      </c>
      <c r="X68" s="10" t="s">
        <v>55</v>
      </c>
      <c r="Y68" s="6">
        <v>44408</v>
      </c>
      <c r="Z68" s="6">
        <v>1458</v>
      </c>
      <c r="AA68" s="6">
        <v>196</v>
      </c>
      <c r="AB68" s="6">
        <v>18</v>
      </c>
      <c r="AC68" s="6">
        <v>45000</v>
      </c>
      <c r="AD68" s="7">
        <v>44.068980000000003</v>
      </c>
    </row>
    <row r="69" spans="1:30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130</v>
      </c>
      <c r="F69" s="9" t="s">
        <v>132</v>
      </c>
      <c r="G69" s="6">
        <v>537310</v>
      </c>
      <c r="H69" s="6">
        <v>1346</v>
      </c>
      <c r="I69" s="6">
        <v>56566</v>
      </c>
      <c r="J69" s="6">
        <v>95983</v>
      </c>
      <c r="K69" s="6">
        <v>77826</v>
      </c>
      <c r="L69" s="6">
        <v>70600</v>
      </c>
      <c r="M69" s="6">
        <v>69709</v>
      </c>
      <c r="N69" s="6">
        <v>65003</v>
      </c>
      <c r="O69" s="6">
        <v>48060</v>
      </c>
      <c r="P69" s="6">
        <v>29590</v>
      </c>
      <c r="Q69" s="6">
        <v>13501</v>
      </c>
      <c r="R69" s="6">
        <v>4963</v>
      </c>
      <c r="S69" s="6">
        <v>2783</v>
      </c>
      <c r="T69" s="6">
        <v>957</v>
      </c>
      <c r="U69" s="6">
        <v>287</v>
      </c>
      <c r="V69" s="6">
        <v>100</v>
      </c>
      <c r="W69" s="6">
        <v>34</v>
      </c>
      <c r="X69" s="6">
        <v>2</v>
      </c>
      <c r="Y69" s="6">
        <v>528184</v>
      </c>
      <c r="Z69" s="6">
        <v>9126</v>
      </c>
      <c r="AA69" s="6">
        <v>1380</v>
      </c>
      <c r="AB69" s="6">
        <v>136</v>
      </c>
      <c r="AC69" s="6">
        <v>531801</v>
      </c>
      <c r="AD69" s="7">
        <v>38.869129999999998</v>
      </c>
    </row>
    <row r="70" spans="1:30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130</v>
      </c>
      <c r="F70" s="9" t="s">
        <v>133</v>
      </c>
      <c r="G70" s="6">
        <v>677433</v>
      </c>
      <c r="H70" s="6">
        <v>6305</v>
      </c>
      <c r="I70" s="6">
        <v>40719</v>
      </c>
      <c r="J70" s="6">
        <v>51057</v>
      </c>
      <c r="K70" s="6">
        <v>51729</v>
      </c>
      <c r="L70" s="6">
        <v>62469</v>
      </c>
      <c r="M70" s="6">
        <v>82708</v>
      </c>
      <c r="N70" s="6">
        <v>114439</v>
      </c>
      <c r="O70" s="6">
        <v>97332</v>
      </c>
      <c r="P70" s="6">
        <v>74978</v>
      </c>
      <c r="Q70" s="6">
        <v>49742</v>
      </c>
      <c r="R70" s="6">
        <v>26361</v>
      </c>
      <c r="S70" s="6">
        <v>13661</v>
      </c>
      <c r="T70" s="6">
        <v>4249</v>
      </c>
      <c r="U70" s="6">
        <v>1231</v>
      </c>
      <c r="V70" s="6">
        <v>347</v>
      </c>
      <c r="W70" s="6">
        <v>95</v>
      </c>
      <c r="X70" s="6">
        <v>11</v>
      </c>
      <c r="Y70" s="6">
        <v>631478</v>
      </c>
      <c r="Z70" s="6">
        <v>45955</v>
      </c>
      <c r="AA70" s="6">
        <v>5933</v>
      </c>
      <c r="AB70" s="6">
        <v>453</v>
      </c>
      <c r="AC70" s="6">
        <v>651534</v>
      </c>
      <c r="AD70" s="7">
        <v>46.015860000000004</v>
      </c>
    </row>
    <row r="71" spans="1:30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130</v>
      </c>
      <c r="F71" s="9" t="s">
        <v>134</v>
      </c>
      <c r="G71" s="6">
        <v>4340866</v>
      </c>
      <c r="H71" s="6">
        <v>114704</v>
      </c>
      <c r="I71" s="6">
        <v>338236</v>
      </c>
      <c r="J71" s="6">
        <v>323566</v>
      </c>
      <c r="K71" s="6">
        <v>337457</v>
      </c>
      <c r="L71" s="6">
        <v>385168</v>
      </c>
      <c r="M71" s="6">
        <v>465105</v>
      </c>
      <c r="N71" s="6">
        <v>585234</v>
      </c>
      <c r="O71" s="6">
        <v>524034</v>
      </c>
      <c r="P71" s="6">
        <v>458466</v>
      </c>
      <c r="Q71" s="6">
        <v>366410</v>
      </c>
      <c r="R71" s="6">
        <v>249681</v>
      </c>
      <c r="S71" s="6">
        <v>131958</v>
      </c>
      <c r="T71" s="6">
        <v>41386</v>
      </c>
      <c r="U71" s="6">
        <v>13737</v>
      </c>
      <c r="V71" s="6">
        <v>4485</v>
      </c>
      <c r="W71" s="6">
        <v>1093</v>
      </c>
      <c r="X71" s="6">
        <v>146</v>
      </c>
      <c r="Y71" s="6">
        <v>3898380</v>
      </c>
      <c r="Z71" s="6">
        <v>442486</v>
      </c>
      <c r="AA71" s="6">
        <v>60847</v>
      </c>
      <c r="AB71" s="6">
        <v>5724</v>
      </c>
      <c r="AC71" s="6">
        <v>4033357</v>
      </c>
      <c r="AD71" s="7">
        <v>45.954099999999997</v>
      </c>
    </row>
    <row r="72" spans="1:30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130</v>
      </c>
      <c r="F72" s="9" t="s">
        <v>135</v>
      </c>
      <c r="G72" s="6">
        <v>754793</v>
      </c>
      <c r="H72" s="6">
        <v>2104</v>
      </c>
      <c r="I72" s="6">
        <v>45856</v>
      </c>
      <c r="J72" s="6">
        <v>83899</v>
      </c>
      <c r="K72" s="6">
        <v>73080</v>
      </c>
      <c r="L72" s="6">
        <v>77119</v>
      </c>
      <c r="M72" s="6">
        <v>81973</v>
      </c>
      <c r="N72" s="6">
        <v>109099</v>
      </c>
      <c r="O72" s="6">
        <v>106667</v>
      </c>
      <c r="P72" s="6">
        <v>91813</v>
      </c>
      <c r="Q72" s="6">
        <v>48110</v>
      </c>
      <c r="R72" s="6">
        <v>17548</v>
      </c>
      <c r="S72" s="6">
        <v>12597</v>
      </c>
      <c r="T72" s="6">
        <v>3895</v>
      </c>
      <c r="U72" s="6">
        <v>769</v>
      </c>
      <c r="V72" s="6">
        <v>214</v>
      </c>
      <c r="W72" s="6">
        <v>43</v>
      </c>
      <c r="X72" s="6">
        <v>7</v>
      </c>
      <c r="Y72" s="6">
        <v>719720</v>
      </c>
      <c r="Z72" s="6">
        <v>35073</v>
      </c>
      <c r="AA72" s="6">
        <v>4928</v>
      </c>
      <c r="AB72" s="6">
        <v>264</v>
      </c>
      <c r="AC72" s="6">
        <v>735164</v>
      </c>
      <c r="AD72" s="7">
        <v>44.62791</v>
      </c>
    </row>
    <row r="73" spans="1:30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130</v>
      </c>
      <c r="F73" s="9" t="s">
        <v>136</v>
      </c>
      <c r="G73" s="6">
        <v>427391</v>
      </c>
      <c r="H73" s="6">
        <v>1716</v>
      </c>
      <c r="I73" s="6">
        <v>20883</v>
      </c>
      <c r="J73" s="6">
        <v>34177</v>
      </c>
      <c r="K73" s="6">
        <v>32652</v>
      </c>
      <c r="L73" s="6">
        <v>37415</v>
      </c>
      <c r="M73" s="6">
        <v>42653</v>
      </c>
      <c r="N73" s="6">
        <v>51049</v>
      </c>
      <c r="O73" s="6">
        <v>45682</v>
      </c>
      <c r="P73" s="6">
        <v>41850</v>
      </c>
      <c r="Q73" s="6">
        <v>36408</v>
      </c>
      <c r="R73" s="6">
        <v>32099</v>
      </c>
      <c r="S73" s="6">
        <v>27295</v>
      </c>
      <c r="T73" s="6">
        <v>12764</v>
      </c>
      <c r="U73" s="6">
        <v>6308</v>
      </c>
      <c r="V73" s="6">
        <v>3206</v>
      </c>
      <c r="W73" s="6">
        <v>1060</v>
      </c>
      <c r="X73" s="6">
        <v>174</v>
      </c>
      <c r="Y73" s="6">
        <v>344485</v>
      </c>
      <c r="Z73" s="6">
        <v>82906</v>
      </c>
      <c r="AA73" s="6">
        <v>23512</v>
      </c>
      <c r="AB73" s="6">
        <v>4440</v>
      </c>
      <c r="AC73" s="6">
        <v>374868</v>
      </c>
      <c r="AD73" s="7">
        <v>49.765030000000003</v>
      </c>
    </row>
    <row r="74" spans="1:30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130</v>
      </c>
      <c r="F74" s="9" t="s">
        <v>137</v>
      </c>
      <c r="G74" s="6">
        <v>612799</v>
      </c>
      <c r="H74" s="6">
        <v>2203</v>
      </c>
      <c r="I74" s="6">
        <v>38217</v>
      </c>
      <c r="J74" s="6">
        <v>70858</v>
      </c>
      <c r="K74" s="6">
        <v>68493</v>
      </c>
      <c r="L74" s="6">
        <v>73592</v>
      </c>
      <c r="M74" s="6">
        <v>86118</v>
      </c>
      <c r="N74" s="6">
        <v>93114</v>
      </c>
      <c r="O74" s="6">
        <v>67392</v>
      </c>
      <c r="P74" s="6">
        <v>49583</v>
      </c>
      <c r="Q74" s="6">
        <v>30587</v>
      </c>
      <c r="R74" s="6">
        <v>16832</v>
      </c>
      <c r="S74" s="6">
        <v>10616</v>
      </c>
      <c r="T74" s="6">
        <v>3534</v>
      </c>
      <c r="U74" s="6">
        <v>1162</v>
      </c>
      <c r="V74" s="6">
        <v>388</v>
      </c>
      <c r="W74" s="6">
        <v>101</v>
      </c>
      <c r="X74" s="6">
        <v>9</v>
      </c>
      <c r="Y74" s="6">
        <v>580157</v>
      </c>
      <c r="Z74" s="6">
        <v>32642</v>
      </c>
      <c r="AA74" s="6">
        <v>5194</v>
      </c>
      <c r="AB74" s="6">
        <v>498</v>
      </c>
      <c r="AC74" s="6">
        <v>594786</v>
      </c>
      <c r="AD74" s="7">
        <v>43.2986</v>
      </c>
    </row>
    <row r="75" spans="1:30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130</v>
      </c>
      <c r="F75" s="9" t="s">
        <v>138</v>
      </c>
      <c r="G75" s="6">
        <v>1672532</v>
      </c>
      <c r="H75" s="6">
        <v>129532</v>
      </c>
      <c r="I75" s="6">
        <v>223101</v>
      </c>
      <c r="J75" s="6">
        <v>99899</v>
      </c>
      <c r="K75" s="6">
        <v>102102</v>
      </c>
      <c r="L75" s="6">
        <v>129645</v>
      </c>
      <c r="M75" s="6">
        <v>160657</v>
      </c>
      <c r="N75" s="6">
        <v>190263</v>
      </c>
      <c r="O75" s="6">
        <v>155274</v>
      </c>
      <c r="P75" s="6">
        <v>132378</v>
      </c>
      <c r="Q75" s="6">
        <v>122106</v>
      </c>
      <c r="R75" s="6">
        <v>115321</v>
      </c>
      <c r="S75" s="6">
        <v>83219</v>
      </c>
      <c r="T75" s="6">
        <v>22971</v>
      </c>
      <c r="U75" s="6">
        <v>4778</v>
      </c>
      <c r="V75" s="6">
        <v>1009</v>
      </c>
      <c r="W75" s="6">
        <v>248</v>
      </c>
      <c r="X75" s="6">
        <v>29</v>
      </c>
      <c r="Y75" s="6">
        <v>1444957</v>
      </c>
      <c r="Z75" s="6">
        <v>227575</v>
      </c>
      <c r="AA75" s="6">
        <v>29035</v>
      </c>
      <c r="AB75" s="6">
        <v>1286</v>
      </c>
      <c r="AC75" s="6">
        <v>1430746</v>
      </c>
      <c r="AD75" s="7">
        <v>43.976309999999998</v>
      </c>
    </row>
    <row r="76" spans="1:30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130</v>
      </c>
      <c r="F76" s="9" t="s">
        <v>139</v>
      </c>
      <c r="G76" s="6">
        <v>893222</v>
      </c>
      <c r="H76" s="6">
        <v>14871</v>
      </c>
      <c r="I76" s="6">
        <v>100011</v>
      </c>
      <c r="J76" s="6">
        <v>87922</v>
      </c>
      <c r="K76" s="6">
        <v>82685</v>
      </c>
      <c r="L76" s="6">
        <v>86371</v>
      </c>
      <c r="M76" s="6">
        <v>87901</v>
      </c>
      <c r="N76" s="6">
        <v>94800</v>
      </c>
      <c r="O76" s="6">
        <v>87390</v>
      </c>
      <c r="P76" s="6">
        <v>80910</v>
      </c>
      <c r="Q76" s="6">
        <v>67330</v>
      </c>
      <c r="R76" s="6">
        <v>52522</v>
      </c>
      <c r="S76" s="6">
        <v>35499</v>
      </c>
      <c r="T76" s="6">
        <v>11283</v>
      </c>
      <c r="U76" s="6">
        <v>2923</v>
      </c>
      <c r="V76" s="6">
        <v>686</v>
      </c>
      <c r="W76" s="6">
        <v>97</v>
      </c>
      <c r="X76" s="6">
        <v>21</v>
      </c>
      <c r="Y76" s="6">
        <v>790191</v>
      </c>
      <c r="Z76" s="6">
        <v>103031</v>
      </c>
      <c r="AA76" s="6">
        <v>15010</v>
      </c>
      <c r="AB76" s="6">
        <v>804</v>
      </c>
      <c r="AC76" s="6">
        <v>827842</v>
      </c>
      <c r="AD76" s="7">
        <v>44.585700000000003</v>
      </c>
    </row>
    <row r="77" spans="1:30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130</v>
      </c>
      <c r="F77" s="9" t="s">
        <v>140</v>
      </c>
      <c r="G77" s="6">
        <v>1493465</v>
      </c>
      <c r="H77" s="6">
        <v>19238</v>
      </c>
      <c r="I77" s="6">
        <v>113277</v>
      </c>
      <c r="J77" s="6">
        <v>136887</v>
      </c>
      <c r="K77" s="6">
        <v>129586</v>
      </c>
      <c r="L77" s="6">
        <v>139309</v>
      </c>
      <c r="M77" s="6">
        <v>167008</v>
      </c>
      <c r="N77" s="6">
        <v>207281</v>
      </c>
      <c r="O77" s="6">
        <v>194726</v>
      </c>
      <c r="P77" s="6">
        <v>184765</v>
      </c>
      <c r="Q77" s="6">
        <v>124312</v>
      </c>
      <c r="R77" s="6">
        <v>48375</v>
      </c>
      <c r="S77" s="6">
        <v>19805</v>
      </c>
      <c r="T77" s="6">
        <v>6089</v>
      </c>
      <c r="U77" s="6">
        <v>1929</v>
      </c>
      <c r="V77" s="6">
        <v>699</v>
      </c>
      <c r="W77" s="6">
        <v>165</v>
      </c>
      <c r="X77" s="6">
        <v>14</v>
      </c>
      <c r="Y77" s="6">
        <v>1416389</v>
      </c>
      <c r="Z77" s="6">
        <v>77076</v>
      </c>
      <c r="AA77" s="6">
        <v>8896</v>
      </c>
      <c r="AB77" s="6">
        <v>878</v>
      </c>
      <c r="AC77" s="6">
        <v>1445526</v>
      </c>
      <c r="AD77" s="7">
        <v>44.897939999999998</v>
      </c>
    </row>
    <row r="78" spans="1:30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130</v>
      </c>
      <c r="F78" s="9" t="s">
        <v>141</v>
      </c>
      <c r="G78" s="6">
        <v>5613614</v>
      </c>
      <c r="H78" s="6">
        <v>16374</v>
      </c>
      <c r="I78" s="6">
        <v>338253</v>
      </c>
      <c r="J78" s="6">
        <v>488512</v>
      </c>
      <c r="K78" s="6">
        <v>481611</v>
      </c>
      <c r="L78" s="6">
        <v>558474</v>
      </c>
      <c r="M78" s="6">
        <v>668729</v>
      </c>
      <c r="N78" s="6">
        <v>742526</v>
      </c>
      <c r="O78" s="6">
        <v>673448</v>
      </c>
      <c r="P78" s="6">
        <v>622684</v>
      </c>
      <c r="Q78" s="6">
        <v>483156</v>
      </c>
      <c r="R78" s="6">
        <v>308205</v>
      </c>
      <c r="S78" s="6">
        <v>174542</v>
      </c>
      <c r="T78" s="6">
        <v>46080</v>
      </c>
      <c r="U78" s="6">
        <v>8584</v>
      </c>
      <c r="V78" s="6">
        <v>1887</v>
      </c>
      <c r="W78" s="6">
        <v>499</v>
      </c>
      <c r="X78" s="6">
        <v>50</v>
      </c>
      <c r="Y78" s="6">
        <v>5073767</v>
      </c>
      <c r="Z78" s="6">
        <v>539847</v>
      </c>
      <c r="AA78" s="6">
        <v>57100</v>
      </c>
      <c r="AB78" s="6">
        <v>2436</v>
      </c>
      <c r="AC78" s="6">
        <v>5365598</v>
      </c>
      <c r="AD78" s="7">
        <v>46.474980000000002</v>
      </c>
    </row>
    <row r="79" spans="1:30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130</v>
      </c>
      <c r="F79" s="9" t="s">
        <v>142</v>
      </c>
      <c r="G79" s="6">
        <v>179883</v>
      </c>
      <c r="H79" s="6">
        <v>3075</v>
      </c>
      <c r="I79" s="6">
        <v>13001</v>
      </c>
      <c r="J79" s="6">
        <v>14058</v>
      </c>
      <c r="K79" s="6">
        <v>15623</v>
      </c>
      <c r="L79" s="6">
        <v>15561</v>
      </c>
      <c r="M79" s="6">
        <v>19005</v>
      </c>
      <c r="N79" s="6">
        <v>28626</v>
      </c>
      <c r="O79" s="6">
        <v>24910</v>
      </c>
      <c r="P79" s="6">
        <v>23076</v>
      </c>
      <c r="Q79" s="6">
        <v>15977</v>
      </c>
      <c r="R79" s="6">
        <v>4698</v>
      </c>
      <c r="S79" s="6">
        <v>1672</v>
      </c>
      <c r="T79" s="6">
        <v>466</v>
      </c>
      <c r="U79" s="6">
        <v>107</v>
      </c>
      <c r="V79" s="6">
        <v>21</v>
      </c>
      <c r="W79" s="6">
        <v>7</v>
      </c>
      <c r="X79" s="10" t="s">
        <v>55</v>
      </c>
      <c r="Y79" s="6">
        <v>172912</v>
      </c>
      <c r="Z79" s="6">
        <v>6971</v>
      </c>
      <c r="AA79" s="6">
        <v>601</v>
      </c>
      <c r="AB79" s="6">
        <v>28</v>
      </c>
      <c r="AC79" s="6">
        <v>174535</v>
      </c>
      <c r="AD79" s="7">
        <v>45.095550000000003</v>
      </c>
    </row>
    <row r="80" spans="1:30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130</v>
      </c>
      <c r="F80" s="9" t="s">
        <v>143</v>
      </c>
      <c r="G80" s="6">
        <v>1375316</v>
      </c>
      <c r="H80" s="6">
        <v>6865</v>
      </c>
      <c r="I80" s="6">
        <v>58163</v>
      </c>
      <c r="J80" s="6">
        <v>94358</v>
      </c>
      <c r="K80" s="6">
        <v>96174</v>
      </c>
      <c r="L80" s="6">
        <v>107064</v>
      </c>
      <c r="M80" s="6">
        <v>133723</v>
      </c>
      <c r="N80" s="6">
        <v>173015</v>
      </c>
      <c r="O80" s="6">
        <v>160757</v>
      </c>
      <c r="P80" s="6">
        <v>149117</v>
      </c>
      <c r="Q80" s="6">
        <v>129919</v>
      </c>
      <c r="R80" s="6">
        <v>120944</v>
      </c>
      <c r="S80" s="6">
        <v>99312</v>
      </c>
      <c r="T80" s="6">
        <v>35339</v>
      </c>
      <c r="U80" s="6">
        <v>8011</v>
      </c>
      <c r="V80" s="6">
        <v>1996</v>
      </c>
      <c r="W80" s="6">
        <v>470</v>
      </c>
      <c r="X80" s="6">
        <v>89</v>
      </c>
      <c r="Y80" s="6">
        <v>1109155</v>
      </c>
      <c r="Z80" s="6">
        <v>266161</v>
      </c>
      <c r="AA80" s="6">
        <v>45905</v>
      </c>
      <c r="AB80" s="6">
        <v>2555</v>
      </c>
      <c r="AC80" s="6">
        <v>1223234</v>
      </c>
      <c r="AD80" s="7">
        <v>50.297110000000004</v>
      </c>
    </row>
    <row r="81" spans="1:30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130</v>
      </c>
      <c r="F81" s="9" t="s">
        <v>144</v>
      </c>
      <c r="G81" s="6">
        <v>618205</v>
      </c>
      <c r="H81" s="6">
        <v>4958</v>
      </c>
      <c r="I81" s="6">
        <v>41499</v>
      </c>
      <c r="J81" s="6">
        <v>65600</v>
      </c>
      <c r="K81" s="6">
        <v>63207</v>
      </c>
      <c r="L81" s="6">
        <v>60462</v>
      </c>
      <c r="M81" s="6">
        <v>72584</v>
      </c>
      <c r="N81" s="6">
        <v>96667</v>
      </c>
      <c r="O81" s="6">
        <v>80259</v>
      </c>
      <c r="P81" s="6">
        <v>64111</v>
      </c>
      <c r="Q81" s="6">
        <v>41842</v>
      </c>
      <c r="R81" s="6">
        <v>17566</v>
      </c>
      <c r="S81" s="6">
        <v>6937</v>
      </c>
      <c r="T81" s="6">
        <v>1977</v>
      </c>
      <c r="U81" s="6">
        <v>448</v>
      </c>
      <c r="V81" s="6">
        <v>71</v>
      </c>
      <c r="W81" s="6">
        <v>15</v>
      </c>
      <c r="X81" s="6">
        <v>2</v>
      </c>
      <c r="Y81" s="6">
        <v>591189</v>
      </c>
      <c r="Z81" s="6">
        <v>27016</v>
      </c>
      <c r="AA81" s="6">
        <v>2513</v>
      </c>
      <c r="AB81" s="6">
        <v>88</v>
      </c>
      <c r="AC81" s="6">
        <v>603797</v>
      </c>
      <c r="AD81" s="7">
        <v>44.034649999999999</v>
      </c>
    </row>
    <row r="82" spans="1:30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55</v>
      </c>
      <c r="F82" s="9" t="s">
        <v>145</v>
      </c>
      <c r="G82" s="6">
        <v>387347</v>
      </c>
      <c r="H82" s="6">
        <v>18753</v>
      </c>
      <c r="I82" s="6">
        <v>40272</v>
      </c>
      <c r="J82" s="6">
        <v>32297</v>
      </c>
      <c r="K82" s="6">
        <v>31485</v>
      </c>
      <c r="L82" s="6">
        <v>33881</v>
      </c>
      <c r="M82" s="6">
        <v>39469</v>
      </c>
      <c r="N82" s="6">
        <v>47564</v>
      </c>
      <c r="O82" s="6">
        <v>38356</v>
      </c>
      <c r="P82" s="6">
        <v>28319</v>
      </c>
      <c r="Q82" s="6">
        <v>21176</v>
      </c>
      <c r="R82" s="6">
        <v>20136</v>
      </c>
      <c r="S82" s="6">
        <v>18937</v>
      </c>
      <c r="T82" s="6">
        <v>9965</v>
      </c>
      <c r="U82" s="6">
        <v>4452</v>
      </c>
      <c r="V82" s="6">
        <v>1682</v>
      </c>
      <c r="W82" s="6">
        <v>522</v>
      </c>
      <c r="X82" s="6">
        <v>81</v>
      </c>
      <c r="Y82" s="6">
        <v>331572</v>
      </c>
      <c r="Z82" s="6">
        <v>55775</v>
      </c>
      <c r="AA82" s="6">
        <v>16702</v>
      </c>
      <c r="AB82" s="6">
        <v>2285</v>
      </c>
      <c r="AC82" s="6">
        <v>332955</v>
      </c>
      <c r="AD82" s="7">
        <v>44.886879999999998</v>
      </c>
    </row>
    <row r="83" spans="1:30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55</v>
      </c>
      <c r="F83" s="9" t="s">
        <v>146</v>
      </c>
      <c r="G83" s="6">
        <v>209354</v>
      </c>
      <c r="H83" s="6">
        <v>1461</v>
      </c>
      <c r="I83" s="6">
        <v>11129</v>
      </c>
      <c r="J83" s="6">
        <v>11705</v>
      </c>
      <c r="K83" s="6">
        <v>13716</v>
      </c>
      <c r="L83" s="6">
        <v>17281</v>
      </c>
      <c r="M83" s="6">
        <v>19738</v>
      </c>
      <c r="N83" s="6">
        <v>22019</v>
      </c>
      <c r="O83" s="6">
        <v>19123</v>
      </c>
      <c r="P83" s="6">
        <v>19968</v>
      </c>
      <c r="Q83" s="6">
        <v>23146</v>
      </c>
      <c r="R83" s="6">
        <v>23521</v>
      </c>
      <c r="S83" s="6">
        <v>17118</v>
      </c>
      <c r="T83" s="6">
        <v>6362</v>
      </c>
      <c r="U83" s="6">
        <v>2213</v>
      </c>
      <c r="V83" s="6">
        <v>674</v>
      </c>
      <c r="W83" s="6">
        <v>167</v>
      </c>
      <c r="X83" s="6">
        <v>13</v>
      </c>
      <c r="Y83" s="6">
        <v>159286</v>
      </c>
      <c r="Z83" s="6">
        <v>50068</v>
      </c>
      <c r="AA83" s="6">
        <v>9429</v>
      </c>
      <c r="AB83" s="6">
        <v>854</v>
      </c>
      <c r="AC83" s="6">
        <v>181346</v>
      </c>
      <c r="AD83" s="7">
        <v>51.353900000000003</v>
      </c>
    </row>
    <row r="84" spans="1:30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55</v>
      </c>
      <c r="F84" s="9" t="s">
        <v>147</v>
      </c>
      <c r="G84" s="6">
        <v>3291563</v>
      </c>
      <c r="H84" s="6">
        <v>34614</v>
      </c>
      <c r="I84" s="6">
        <v>201745</v>
      </c>
      <c r="J84" s="6">
        <v>257764</v>
      </c>
      <c r="K84" s="6">
        <v>270338</v>
      </c>
      <c r="L84" s="6">
        <v>315221</v>
      </c>
      <c r="M84" s="6">
        <v>395340</v>
      </c>
      <c r="N84" s="6">
        <v>495414</v>
      </c>
      <c r="O84" s="6">
        <v>414177</v>
      </c>
      <c r="P84" s="6">
        <v>333775</v>
      </c>
      <c r="Q84" s="6">
        <v>243128</v>
      </c>
      <c r="R84" s="6">
        <v>162398</v>
      </c>
      <c r="S84" s="6">
        <v>108488</v>
      </c>
      <c r="T84" s="6">
        <v>40498</v>
      </c>
      <c r="U84" s="6">
        <v>13523</v>
      </c>
      <c r="V84" s="6">
        <v>4123</v>
      </c>
      <c r="W84" s="6">
        <v>906</v>
      </c>
      <c r="X84" s="6">
        <v>111</v>
      </c>
      <c r="Y84" s="6">
        <v>2961516</v>
      </c>
      <c r="Z84" s="6">
        <v>330047</v>
      </c>
      <c r="AA84" s="6">
        <v>59161</v>
      </c>
      <c r="AB84" s="6">
        <v>5140</v>
      </c>
      <c r="AC84" s="6">
        <v>3089300</v>
      </c>
      <c r="AD84" s="7">
        <v>46.425750000000001</v>
      </c>
    </row>
    <row r="85" spans="1:30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55</v>
      </c>
      <c r="F85" s="9" t="s">
        <v>148</v>
      </c>
      <c r="G85" s="6">
        <v>19242695</v>
      </c>
      <c r="H85" s="6">
        <v>323537</v>
      </c>
      <c r="I85" s="6">
        <v>1430418</v>
      </c>
      <c r="J85" s="6">
        <v>1651363</v>
      </c>
      <c r="K85" s="6">
        <v>1616715</v>
      </c>
      <c r="L85" s="6">
        <v>1807384</v>
      </c>
      <c r="M85" s="6">
        <v>2143929</v>
      </c>
      <c r="N85" s="6">
        <v>2559823</v>
      </c>
      <c r="O85" s="6">
        <v>2272680</v>
      </c>
      <c r="P85" s="6">
        <v>2007875</v>
      </c>
      <c r="Q85" s="6">
        <v>1531648</v>
      </c>
      <c r="R85" s="6">
        <v>1015953</v>
      </c>
      <c r="S85" s="6">
        <v>620320</v>
      </c>
      <c r="T85" s="6">
        <v>191127</v>
      </c>
      <c r="U85" s="6">
        <v>50315</v>
      </c>
      <c r="V85" s="6">
        <v>15122</v>
      </c>
      <c r="W85" s="6">
        <v>3932</v>
      </c>
      <c r="X85" s="6">
        <v>554</v>
      </c>
      <c r="Y85" s="6">
        <v>17345372</v>
      </c>
      <c r="Z85" s="6">
        <v>1897323</v>
      </c>
      <c r="AA85" s="6">
        <v>261050</v>
      </c>
      <c r="AB85" s="6">
        <v>19608</v>
      </c>
      <c r="AC85" s="6">
        <v>18037788</v>
      </c>
      <c r="AD85" s="7">
        <v>45.777279999999998</v>
      </c>
    </row>
    <row r="86" spans="1:30">
      <c r="A86" s="9" t="s">
        <v>27</v>
      </c>
      <c r="B86" s="9" t="s">
        <v>57</v>
      </c>
      <c r="C86" s="9" t="s">
        <v>58</v>
      </c>
      <c r="D86" s="9" t="s">
        <v>6</v>
      </c>
      <c r="E86" s="9" t="s">
        <v>55</v>
      </c>
      <c r="F86" s="9" t="s">
        <v>6</v>
      </c>
      <c r="G86" s="6">
        <v>678284</v>
      </c>
      <c r="H86" s="6">
        <v>9839</v>
      </c>
      <c r="I86" s="6">
        <v>42896</v>
      </c>
      <c r="J86" s="6">
        <v>52668</v>
      </c>
      <c r="K86" s="6">
        <v>59907</v>
      </c>
      <c r="L86" s="6">
        <v>69668</v>
      </c>
      <c r="M86" s="6">
        <v>77120</v>
      </c>
      <c r="N86" s="6">
        <v>81772</v>
      </c>
      <c r="O86" s="6">
        <v>71984</v>
      </c>
      <c r="P86" s="6">
        <v>72261</v>
      </c>
      <c r="Q86" s="6">
        <v>64040</v>
      </c>
      <c r="R86" s="6">
        <v>43468</v>
      </c>
      <c r="S86" s="6">
        <v>23463</v>
      </c>
      <c r="T86" s="6">
        <v>6409</v>
      </c>
      <c r="U86" s="6">
        <v>1990</v>
      </c>
      <c r="V86" s="6">
        <v>621</v>
      </c>
      <c r="W86" s="6">
        <v>156</v>
      </c>
      <c r="X86" s="6">
        <v>22</v>
      </c>
      <c r="Y86" s="6">
        <v>602155</v>
      </c>
      <c r="Z86" s="6">
        <v>76129</v>
      </c>
      <c r="AA86" s="6">
        <v>9198</v>
      </c>
      <c r="AB86" s="6">
        <v>799</v>
      </c>
      <c r="AC86" s="6">
        <v>635784</v>
      </c>
      <c r="AD86" s="7">
        <v>46.600969999999997</v>
      </c>
    </row>
    <row r="87" spans="1:30">
      <c r="A87" s="9" t="s">
        <v>27</v>
      </c>
      <c r="B87" s="9" t="s">
        <v>57</v>
      </c>
      <c r="C87" s="9" t="s">
        <v>58</v>
      </c>
      <c r="D87" s="9" t="s">
        <v>6</v>
      </c>
      <c r="E87" s="9" t="s">
        <v>122</v>
      </c>
      <c r="F87" s="9" t="s">
        <v>123</v>
      </c>
      <c r="G87" s="6">
        <v>16235</v>
      </c>
      <c r="H87" s="6">
        <v>171</v>
      </c>
      <c r="I87" s="6">
        <v>1564</v>
      </c>
      <c r="J87" s="6">
        <v>1580</v>
      </c>
      <c r="K87" s="6">
        <v>1584</v>
      </c>
      <c r="L87" s="6">
        <v>1511</v>
      </c>
      <c r="M87" s="6">
        <v>1484</v>
      </c>
      <c r="N87" s="6">
        <v>1262</v>
      </c>
      <c r="O87" s="6">
        <v>1062</v>
      </c>
      <c r="P87" s="6">
        <v>1320</v>
      </c>
      <c r="Q87" s="6">
        <v>1539</v>
      </c>
      <c r="R87" s="6">
        <v>1493</v>
      </c>
      <c r="S87" s="6">
        <v>1124</v>
      </c>
      <c r="T87" s="6">
        <v>351</v>
      </c>
      <c r="U87" s="6">
        <v>141</v>
      </c>
      <c r="V87" s="6">
        <v>40</v>
      </c>
      <c r="W87" s="6">
        <v>8</v>
      </c>
      <c r="X87" s="6">
        <v>1</v>
      </c>
      <c r="Y87" s="6">
        <v>13077</v>
      </c>
      <c r="Z87" s="6">
        <v>3158</v>
      </c>
      <c r="AA87" s="6">
        <v>541</v>
      </c>
      <c r="AB87" s="6">
        <v>49</v>
      </c>
      <c r="AC87" s="6">
        <v>14399</v>
      </c>
      <c r="AD87" s="7">
        <v>47.16375</v>
      </c>
    </row>
    <row r="88" spans="1:30">
      <c r="A88" s="9" t="s">
        <v>27</v>
      </c>
      <c r="B88" s="9" t="s">
        <v>57</v>
      </c>
      <c r="C88" s="9" t="s">
        <v>58</v>
      </c>
      <c r="D88" s="9" t="s">
        <v>6</v>
      </c>
      <c r="E88" s="9" t="s">
        <v>122</v>
      </c>
      <c r="F88" s="9" t="s">
        <v>124</v>
      </c>
      <c r="G88" s="6">
        <v>14270</v>
      </c>
      <c r="H88" s="6">
        <v>149</v>
      </c>
      <c r="I88" s="6">
        <v>1463</v>
      </c>
      <c r="J88" s="6">
        <v>1482</v>
      </c>
      <c r="K88" s="6">
        <v>1419</v>
      </c>
      <c r="L88" s="6">
        <v>1346</v>
      </c>
      <c r="M88" s="6">
        <v>1254</v>
      </c>
      <c r="N88" s="6">
        <v>1054</v>
      </c>
      <c r="O88" s="6">
        <v>894</v>
      </c>
      <c r="P88" s="6">
        <v>1050</v>
      </c>
      <c r="Q88" s="6">
        <v>1286</v>
      </c>
      <c r="R88" s="6">
        <v>1339</v>
      </c>
      <c r="S88" s="6">
        <v>1032</v>
      </c>
      <c r="T88" s="6">
        <v>323</v>
      </c>
      <c r="U88" s="6">
        <v>133</v>
      </c>
      <c r="V88" s="6">
        <v>38</v>
      </c>
      <c r="W88" s="6">
        <v>7</v>
      </c>
      <c r="X88" s="6">
        <v>1</v>
      </c>
      <c r="Y88" s="6">
        <v>11397</v>
      </c>
      <c r="Z88" s="6">
        <v>2873</v>
      </c>
      <c r="AA88" s="6">
        <v>502</v>
      </c>
      <c r="AB88" s="6">
        <v>46</v>
      </c>
      <c r="AC88" s="6">
        <v>12587</v>
      </c>
      <c r="AD88" s="7">
        <v>46.874000000000002</v>
      </c>
    </row>
    <row r="89" spans="1:30">
      <c r="A89" s="9" t="s">
        <v>27</v>
      </c>
      <c r="B89" s="9" t="s">
        <v>57</v>
      </c>
      <c r="C89" s="9" t="s">
        <v>58</v>
      </c>
      <c r="D89" s="9" t="s">
        <v>6</v>
      </c>
      <c r="E89" s="9" t="s">
        <v>122</v>
      </c>
      <c r="F89" s="9" t="s">
        <v>125</v>
      </c>
      <c r="G89" s="6">
        <v>1260</v>
      </c>
      <c r="H89" s="6">
        <v>6</v>
      </c>
      <c r="I89" s="6">
        <v>37</v>
      </c>
      <c r="J89" s="6">
        <v>74</v>
      </c>
      <c r="K89" s="6">
        <v>99</v>
      </c>
      <c r="L89" s="6">
        <v>102</v>
      </c>
      <c r="M89" s="6">
        <v>135</v>
      </c>
      <c r="N89" s="6">
        <v>123</v>
      </c>
      <c r="O89" s="6">
        <v>131</v>
      </c>
      <c r="P89" s="6">
        <v>143</v>
      </c>
      <c r="Q89" s="6">
        <v>169</v>
      </c>
      <c r="R89" s="6">
        <v>131</v>
      </c>
      <c r="S89" s="6">
        <v>73</v>
      </c>
      <c r="T89" s="6">
        <v>25</v>
      </c>
      <c r="U89" s="6">
        <v>5</v>
      </c>
      <c r="V89" s="6">
        <v>4</v>
      </c>
      <c r="W89" s="6">
        <v>3</v>
      </c>
      <c r="X89" s="10" t="s">
        <v>55</v>
      </c>
      <c r="Y89" s="6">
        <v>1019</v>
      </c>
      <c r="Z89" s="6">
        <v>241</v>
      </c>
      <c r="AA89" s="6">
        <v>37</v>
      </c>
      <c r="AB89" s="6">
        <v>7</v>
      </c>
      <c r="AC89" s="6">
        <v>1144</v>
      </c>
      <c r="AD89" s="7">
        <v>51.00714</v>
      </c>
    </row>
    <row r="90" spans="1:30">
      <c r="A90" s="9" t="s">
        <v>27</v>
      </c>
      <c r="B90" s="9" t="s">
        <v>57</v>
      </c>
      <c r="C90" s="9" t="s">
        <v>58</v>
      </c>
      <c r="D90" s="9" t="s">
        <v>6</v>
      </c>
      <c r="E90" s="9" t="s">
        <v>126</v>
      </c>
      <c r="F90" s="9" t="s">
        <v>127</v>
      </c>
      <c r="G90" s="6">
        <v>319</v>
      </c>
      <c r="H90" s="6">
        <v>2</v>
      </c>
      <c r="I90" s="6">
        <v>5</v>
      </c>
      <c r="J90" s="6">
        <v>7</v>
      </c>
      <c r="K90" s="6">
        <v>11</v>
      </c>
      <c r="L90" s="6">
        <v>22</v>
      </c>
      <c r="M90" s="6">
        <v>23</v>
      </c>
      <c r="N90" s="6">
        <v>32</v>
      </c>
      <c r="O90" s="6">
        <v>34</v>
      </c>
      <c r="P90" s="6">
        <v>62</v>
      </c>
      <c r="Q90" s="6">
        <v>48</v>
      </c>
      <c r="R90" s="6">
        <v>39</v>
      </c>
      <c r="S90" s="6">
        <v>23</v>
      </c>
      <c r="T90" s="6">
        <v>7</v>
      </c>
      <c r="U90" s="6">
        <v>4</v>
      </c>
      <c r="V90" s="10" t="s">
        <v>55</v>
      </c>
      <c r="W90" s="10" t="s">
        <v>55</v>
      </c>
      <c r="X90" s="10" t="s">
        <v>55</v>
      </c>
      <c r="Y90" s="6">
        <v>246</v>
      </c>
      <c r="Z90" s="6">
        <v>73</v>
      </c>
      <c r="AA90" s="6">
        <v>11</v>
      </c>
      <c r="AB90" s="10" t="s">
        <v>55</v>
      </c>
      <c r="AC90" s="6">
        <v>283</v>
      </c>
      <c r="AD90" s="7">
        <v>54.957680000000003</v>
      </c>
    </row>
    <row r="91" spans="1:30">
      <c r="A91" s="9" t="s">
        <v>27</v>
      </c>
      <c r="B91" s="9" t="s">
        <v>57</v>
      </c>
      <c r="C91" s="9" t="s">
        <v>58</v>
      </c>
      <c r="D91" s="9" t="s">
        <v>6</v>
      </c>
      <c r="E91" s="9" t="s">
        <v>126</v>
      </c>
      <c r="F91" s="9" t="s">
        <v>128</v>
      </c>
      <c r="G91" s="6">
        <v>51905</v>
      </c>
      <c r="H91" s="6">
        <v>523</v>
      </c>
      <c r="I91" s="6">
        <v>2655</v>
      </c>
      <c r="J91" s="6">
        <v>3568</v>
      </c>
      <c r="K91" s="6">
        <v>3792</v>
      </c>
      <c r="L91" s="6">
        <v>4911</v>
      </c>
      <c r="M91" s="6">
        <v>6077</v>
      </c>
      <c r="N91" s="6">
        <v>5955</v>
      </c>
      <c r="O91" s="6">
        <v>4646</v>
      </c>
      <c r="P91" s="6">
        <v>4984</v>
      </c>
      <c r="Q91" s="6">
        <v>5802</v>
      </c>
      <c r="R91" s="6">
        <v>5115</v>
      </c>
      <c r="S91" s="6">
        <v>2892</v>
      </c>
      <c r="T91" s="6">
        <v>670</v>
      </c>
      <c r="U91" s="6">
        <v>215</v>
      </c>
      <c r="V91" s="6">
        <v>83</v>
      </c>
      <c r="W91" s="6">
        <v>15</v>
      </c>
      <c r="X91" s="6">
        <v>2</v>
      </c>
      <c r="Y91" s="6">
        <v>42913</v>
      </c>
      <c r="Z91" s="6">
        <v>8992</v>
      </c>
      <c r="AA91" s="6">
        <v>985</v>
      </c>
      <c r="AB91" s="6">
        <v>100</v>
      </c>
      <c r="AC91" s="6">
        <v>47505</v>
      </c>
      <c r="AD91" s="7">
        <v>48.977969999999999</v>
      </c>
    </row>
    <row r="92" spans="1:30">
      <c r="A92" s="9" t="s">
        <v>27</v>
      </c>
      <c r="B92" s="9" t="s">
        <v>57</v>
      </c>
      <c r="C92" s="9" t="s">
        <v>58</v>
      </c>
      <c r="D92" s="9" t="s">
        <v>6</v>
      </c>
      <c r="E92" s="9" t="s">
        <v>126</v>
      </c>
      <c r="F92" s="9" t="s">
        <v>129</v>
      </c>
      <c r="G92" s="6">
        <v>97641</v>
      </c>
      <c r="H92" s="6">
        <v>1361</v>
      </c>
      <c r="I92" s="6">
        <v>6326</v>
      </c>
      <c r="J92" s="6">
        <v>8172</v>
      </c>
      <c r="K92" s="6">
        <v>9990</v>
      </c>
      <c r="L92" s="6">
        <v>11067</v>
      </c>
      <c r="M92" s="6">
        <v>12053</v>
      </c>
      <c r="N92" s="6">
        <v>13212</v>
      </c>
      <c r="O92" s="6">
        <v>11014</v>
      </c>
      <c r="P92" s="6">
        <v>10551</v>
      </c>
      <c r="Q92" s="6">
        <v>7568</v>
      </c>
      <c r="R92" s="6">
        <v>3872</v>
      </c>
      <c r="S92" s="6">
        <v>1756</v>
      </c>
      <c r="T92" s="6">
        <v>483</v>
      </c>
      <c r="U92" s="6">
        <v>163</v>
      </c>
      <c r="V92" s="6">
        <v>45</v>
      </c>
      <c r="W92" s="6">
        <v>8</v>
      </c>
      <c r="X92" s="10" t="s">
        <v>55</v>
      </c>
      <c r="Y92" s="6">
        <v>91314</v>
      </c>
      <c r="Z92" s="6">
        <v>6327</v>
      </c>
      <c r="AA92" s="6">
        <v>699</v>
      </c>
      <c r="AB92" s="6">
        <v>53</v>
      </c>
      <c r="AC92" s="6">
        <v>93825</v>
      </c>
      <c r="AD92" s="7">
        <v>44.778309999999998</v>
      </c>
    </row>
    <row r="93" spans="1:30">
      <c r="A93" s="9" t="s">
        <v>27</v>
      </c>
      <c r="B93" s="9" t="s">
        <v>57</v>
      </c>
      <c r="C93" s="9" t="s">
        <v>58</v>
      </c>
      <c r="D93" s="9" t="s">
        <v>6</v>
      </c>
      <c r="E93" s="9" t="s">
        <v>130</v>
      </c>
      <c r="F93" s="9" t="s">
        <v>131</v>
      </c>
      <c r="G93" s="6">
        <v>3181</v>
      </c>
      <c r="H93" s="6">
        <v>37</v>
      </c>
      <c r="I93" s="6">
        <v>153</v>
      </c>
      <c r="J93" s="6">
        <v>262</v>
      </c>
      <c r="K93" s="6">
        <v>230</v>
      </c>
      <c r="L93" s="6">
        <v>227</v>
      </c>
      <c r="M93" s="6">
        <v>386</v>
      </c>
      <c r="N93" s="6">
        <v>491</v>
      </c>
      <c r="O93" s="6">
        <v>477</v>
      </c>
      <c r="P93" s="6">
        <v>468</v>
      </c>
      <c r="Q93" s="6">
        <v>294</v>
      </c>
      <c r="R93" s="6">
        <v>101</v>
      </c>
      <c r="S93" s="6">
        <v>41</v>
      </c>
      <c r="T93" s="6">
        <v>9</v>
      </c>
      <c r="U93" s="6">
        <v>3</v>
      </c>
      <c r="V93" s="6">
        <v>2</v>
      </c>
      <c r="W93" s="10" t="s">
        <v>55</v>
      </c>
      <c r="X93" s="10" t="s">
        <v>55</v>
      </c>
      <c r="Y93" s="6">
        <v>3025</v>
      </c>
      <c r="Z93" s="6">
        <v>156</v>
      </c>
      <c r="AA93" s="6">
        <v>14</v>
      </c>
      <c r="AB93" s="6">
        <v>2</v>
      </c>
      <c r="AC93" s="6">
        <v>3089</v>
      </c>
      <c r="AD93" s="7">
        <v>46.603430000000003</v>
      </c>
    </row>
    <row r="94" spans="1:30">
      <c r="A94" s="9" t="s">
        <v>27</v>
      </c>
      <c r="B94" s="9" t="s">
        <v>57</v>
      </c>
      <c r="C94" s="9" t="s">
        <v>58</v>
      </c>
      <c r="D94" s="9" t="s">
        <v>6</v>
      </c>
      <c r="E94" s="9" t="s">
        <v>130</v>
      </c>
      <c r="F94" s="9" t="s">
        <v>132</v>
      </c>
      <c r="G94" s="6">
        <v>9037</v>
      </c>
      <c r="H94" s="6">
        <v>39</v>
      </c>
      <c r="I94" s="6">
        <v>680</v>
      </c>
      <c r="J94" s="6">
        <v>1033</v>
      </c>
      <c r="K94" s="6">
        <v>950</v>
      </c>
      <c r="L94" s="6">
        <v>1057</v>
      </c>
      <c r="M94" s="6">
        <v>1182</v>
      </c>
      <c r="N94" s="6">
        <v>1167</v>
      </c>
      <c r="O94" s="6">
        <v>1069</v>
      </c>
      <c r="P94" s="6">
        <v>962</v>
      </c>
      <c r="Q94" s="6">
        <v>603</v>
      </c>
      <c r="R94" s="6">
        <v>183</v>
      </c>
      <c r="S94" s="6">
        <v>72</v>
      </c>
      <c r="T94" s="6">
        <v>22</v>
      </c>
      <c r="U94" s="6">
        <v>12</v>
      </c>
      <c r="V94" s="6">
        <v>4</v>
      </c>
      <c r="W94" s="6">
        <v>2</v>
      </c>
      <c r="X94" s="10" t="s">
        <v>55</v>
      </c>
      <c r="Y94" s="6">
        <v>8742</v>
      </c>
      <c r="Z94" s="6">
        <v>295</v>
      </c>
      <c r="AA94" s="6">
        <v>40</v>
      </c>
      <c r="AB94" s="6">
        <v>6</v>
      </c>
      <c r="AC94" s="6">
        <v>8886</v>
      </c>
      <c r="AD94" s="7">
        <v>43.244160000000001</v>
      </c>
    </row>
    <row r="95" spans="1:30">
      <c r="A95" s="9" t="s">
        <v>27</v>
      </c>
      <c r="B95" s="9" t="s">
        <v>57</v>
      </c>
      <c r="C95" s="9" t="s">
        <v>58</v>
      </c>
      <c r="D95" s="9" t="s">
        <v>6</v>
      </c>
      <c r="E95" s="9" t="s">
        <v>130</v>
      </c>
      <c r="F95" s="9" t="s">
        <v>133</v>
      </c>
      <c r="G95" s="6">
        <v>30234</v>
      </c>
      <c r="H95" s="6">
        <v>209</v>
      </c>
      <c r="I95" s="6">
        <v>1012</v>
      </c>
      <c r="J95" s="6">
        <v>1458</v>
      </c>
      <c r="K95" s="6">
        <v>2095</v>
      </c>
      <c r="L95" s="6">
        <v>2754</v>
      </c>
      <c r="M95" s="6">
        <v>3356</v>
      </c>
      <c r="N95" s="6">
        <v>3770</v>
      </c>
      <c r="O95" s="6">
        <v>3731</v>
      </c>
      <c r="P95" s="6">
        <v>4130</v>
      </c>
      <c r="Q95" s="6">
        <v>3655</v>
      </c>
      <c r="R95" s="6">
        <v>2364</v>
      </c>
      <c r="S95" s="6">
        <v>1330</v>
      </c>
      <c r="T95" s="6">
        <v>301</v>
      </c>
      <c r="U95" s="6">
        <v>53</v>
      </c>
      <c r="V95" s="6">
        <v>13</v>
      </c>
      <c r="W95" s="6">
        <v>3</v>
      </c>
      <c r="X95" s="10" t="s">
        <v>55</v>
      </c>
      <c r="Y95" s="6">
        <v>26170</v>
      </c>
      <c r="Z95" s="6">
        <v>4064</v>
      </c>
      <c r="AA95" s="6">
        <v>370</v>
      </c>
      <c r="AB95" s="6">
        <v>16</v>
      </c>
      <c r="AC95" s="6">
        <v>28325</v>
      </c>
      <c r="AD95" s="7">
        <v>49.826689999999999</v>
      </c>
    </row>
    <row r="96" spans="1:30">
      <c r="A96" s="9" t="s">
        <v>27</v>
      </c>
      <c r="B96" s="9" t="s">
        <v>57</v>
      </c>
      <c r="C96" s="9" t="s">
        <v>58</v>
      </c>
      <c r="D96" s="9" t="s">
        <v>6</v>
      </c>
      <c r="E96" s="9" t="s">
        <v>130</v>
      </c>
      <c r="F96" s="9" t="s">
        <v>134</v>
      </c>
      <c r="G96" s="6">
        <v>107286</v>
      </c>
      <c r="H96" s="6">
        <v>2354</v>
      </c>
      <c r="I96" s="6">
        <v>7460</v>
      </c>
      <c r="J96" s="6">
        <v>7751</v>
      </c>
      <c r="K96" s="6">
        <v>9090</v>
      </c>
      <c r="L96" s="6">
        <v>10867</v>
      </c>
      <c r="M96" s="6">
        <v>11632</v>
      </c>
      <c r="N96" s="6">
        <v>12610</v>
      </c>
      <c r="O96" s="6">
        <v>11119</v>
      </c>
      <c r="P96" s="6">
        <v>11136</v>
      </c>
      <c r="Q96" s="6">
        <v>10662</v>
      </c>
      <c r="R96" s="6">
        <v>7132</v>
      </c>
      <c r="S96" s="6">
        <v>3761</v>
      </c>
      <c r="T96" s="6">
        <v>1140</v>
      </c>
      <c r="U96" s="6">
        <v>408</v>
      </c>
      <c r="V96" s="6">
        <v>115</v>
      </c>
      <c r="W96" s="6">
        <v>41</v>
      </c>
      <c r="X96" s="6">
        <v>8</v>
      </c>
      <c r="Y96" s="6">
        <v>94681</v>
      </c>
      <c r="Z96" s="6">
        <v>12605</v>
      </c>
      <c r="AA96" s="6">
        <v>1712</v>
      </c>
      <c r="AB96" s="6">
        <v>164</v>
      </c>
      <c r="AC96" s="6">
        <v>99459</v>
      </c>
      <c r="AD96" s="7">
        <v>46.589649999999999</v>
      </c>
    </row>
    <row r="97" spans="1:30">
      <c r="A97" s="9" t="s">
        <v>27</v>
      </c>
      <c r="B97" s="9" t="s">
        <v>57</v>
      </c>
      <c r="C97" s="9" t="s">
        <v>58</v>
      </c>
      <c r="D97" s="9" t="s">
        <v>6</v>
      </c>
      <c r="E97" s="9" t="s">
        <v>130</v>
      </c>
      <c r="F97" s="9" t="s">
        <v>135</v>
      </c>
      <c r="G97" s="6">
        <v>14618</v>
      </c>
      <c r="H97" s="6">
        <v>46</v>
      </c>
      <c r="I97" s="6">
        <v>724</v>
      </c>
      <c r="J97" s="6">
        <v>1345</v>
      </c>
      <c r="K97" s="6">
        <v>1244</v>
      </c>
      <c r="L97" s="6">
        <v>1477</v>
      </c>
      <c r="M97" s="6">
        <v>1481</v>
      </c>
      <c r="N97" s="6">
        <v>2149</v>
      </c>
      <c r="O97" s="6">
        <v>2107</v>
      </c>
      <c r="P97" s="6">
        <v>1801</v>
      </c>
      <c r="Q97" s="6">
        <v>1241</v>
      </c>
      <c r="R97" s="6">
        <v>560</v>
      </c>
      <c r="S97" s="6">
        <v>332</v>
      </c>
      <c r="T97" s="6">
        <v>83</v>
      </c>
      <c r="U97" s="6">
        <v>22</v>
      </c>
      <c r="V97" s="6">
        <v>6</v>
      </c>
      <c r="W97" s="10" t="s">
        <v>55</v>
      </c>
      <c r="X97" s="10" t="s">
        <v>55</v>
      </c>
      <c r="Y97" s="6">
        <v>13615</v>
      </c>
      <c r="Z97" s="6">
        <v>1003</v>
      </c>
      <c r="AA97" s="6">
        <v>111</v>
      </c>
      <c r="AB97" s="6">
        <v>6</v>
      </c>
      <c r="AC97" s="6">
        <v>14129</v>
      </c>
      <c r="AD97" s="7">
        <v>46.337319999999998</v>
      </c>
    </row>
    <row r="98" spans="1:30">
      <c r="A98" s="9" t="s">
        <v>27</v>
      </c>
      <c r="B98" s="9" t="s">
        <v>57</v>
      </c>
      <c r="C98" s="9" t="s">
        <v>58</v>
      </c>
      <c r="D98" s="9" t="s">
        <v>6</v>
      </c>
      <c r="E98" s="9" t="s">
        <v>130</v>
      </c>
      <c r="F98" s="9" t="s">
        <v>136</v>
      </c>
      <c r="G98" s="6">
        <v>10312</v>
      </c>
      <c r="H98" s="6">
        <v>60</v>
      </c>
      <c r="I98" s="6">
        <v>429</v>
      </c>
      <c r="J98" s="6">
        <v>693</v>
      </c>
      <c r="K98" s="6">
        <v>788</v>
      </c>
      <c r="L98" s="6">
        <v>950</v>
      </c>
      <c r="M98" s="6">
        <v>1119</v>
      </c>
      <c r="N98" s="6">
        <v>1114</v>
      </c>
      <c r="O98" s="6">
        <v>814</v>
      </c>
      <c r="P98" s="6">
        <v>940</v>
      </c>
      <c r="Q98" s="6">
        <v>1036</v>
      </c>
      <c r="R98" s="6">
        <v>1167</v>
      </c>
      <c r="S98" s="6">
        <v>746</v>
      </c>
      <c r="T98" s="6">
        <v>279</v>
      </c>
      <c r="U98" s="6">
        <v>120</v>
      </c>
      <c r="V98" s="6">
        <v>42</v>
      </c>
      <c r="W98" s="6">
        <v>14</v>
      </c>
      <c r="X98" s="6">
        <v>1</v>
      </c>
      <c r="Y98" s="6">
        <v>7943</v>
      </c>
      <c r="Z98" s="6">
        <v>2369</v>
      </c>
      <c r="AA98" s="6">
        <v>456</v>
      </c>
      <c r="AB98" s="6">
        <v>57</v>
      </c>
      <c r="AC98" s="6">
        <v>9050</v>
      </c>
      <c r="AD98" s="7">
        <v>50.630719999999997</v>
      </c>
    </row>
    <row r="99" spans="1:30">
      <c r="A99" s="9" t="s">
        <v>27</v>
      </c>
      <c r="B99" s="9" t="s">
        <v>57</v>
      </c>
      <c r="C99" s="9" t="s">
        <v>58</v>
      </c>
      <c r="D99" s="9" t="s">
        <v>6</v>
      </c>
      <c r="E99" s="9" t="s">
        <v>130</v>
      </c>
      <c r="F99" s="9" t="s">
        <v>137</v>
      </c>
      <c r="G99" s="6">
        <v>15157</v>
      </c>
      <c r="H99" s="6">
        <v>84</v>
      </c>
      <c r="I99" s="6">
        <v>656</v>
      </c>
      <c r="J99" s="6">
        <v>1111</v>
      </c>
      <c r="K99" s="6">
        <v>1279</v>
      </c>
      <c r="L99" s="6">
        <v>1628</v>
      </c>
      <c r="M99" s="6">
        <v>1956</v>
      </c>
      <c r="N99" s="6">
        <v>2122</v>
      </c>
      <c r="O99" s="6">
        <v>1597</v>
      </c>
      <c r="P99" s="6">
        <v>1490</v>
      </c>
      <c r="Q99" s="6">
        <v>1425</v>
      </c>
      <c r="R99" s="6">
        <v>1050</v>
      </c>
      <c r="S99" s="6">
        <v>545</v>
      </c>
      <c r="T99" s="6">
        <v>154</v>
      </c>
      <c r="U99" s="6">
        <v>49</v>
      </c>
      <c r="V99" s="6">
        <v>7</v>
      </c>
      <c r="W99" s="6">
        <v>4</v>
      </c>
      <c r="X99" s="10" t="s">
        <v>55</v>
      </c>
      <c r="Y99" s="6">
        <v>13348</v>
      </c>
      <c r="Z99" s="6">
        <v>1809</v>
      </c>
      <c r="AA99" s="6">
        <v>214</v>
      </c>
      <c r="AB99" s="6">
        <v>11</v>
      </c>
      <c r="AC99" s="6">
        <v>14314</v>
      </c>
      <c r="AD99" s="7">
        <v>47.454279999999997</v>
      </c>
    </row>
    <row r="100" spans="1:30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130</v>
      </c>
      <c r="F100" s="9" t="s">
        <v>138</v>
      </c>
      <c r="G100" s="6">
        <v>34203</v>
      </c>
      <c r="H100" s="6">
        <v>2584</v>
      </c>
      <c r="I100" s="6">
        <v>4722</v>
      </c>
      <c r="J100" s="6">
        <v>2056</v>
      </c>
      <c r="K100" s="6">
        <v>2327</v>
      </c>
      <c r="L100" s="6">
        <v>2788</v>
      </c>
      <c r="M100" s="6">
        <v>3001</v>
      </c>
      <c r="N100" s="6">
        <v>3064</v>
      </c>
      <c r="O100" s="6">
        <v>2668</v>
      </c>
      <c r="P100" s="6">
        <v>2766</v>
      </c>
      <c r="Q100" s="6">
        <v>3034</v>
      </c>
      <c r="R100" s="6">
        <v>2802</v>
      </c>
      <c r="S100" s="6">
        <v>1782</v>
      </c>
      <c r="T100" s="6">
        <v>471</v>
      </c>
      <c r="U100" s="6">
        <v>101</v>
      </c>
      <c r="V100" s="6">
        <v>29</v>
      </c>
      <c r="W100" s="6">
        <v>8</v>
      </c>
      <c r="X100" s="10" t="s">
        <v>55</v>
      </c>
      <c r="Y100" s="6">
        <v>29010</v>
      </c>
      <c r="Z100" s="6">
        <v>5193</v>
      </c>
      <c r="AA100" s="6">
        <v>609</v>
      </c>
      <c r="AB100" s="6">
        <v>37</v>
      </c>
      <c r="AC100" s="6">
        <v>29228</v>
      </c>
      <c r="AD100" s="7">
        <v>44.340040000000002</v>
      </c>
    </row>
    <row r="101" spans="1:30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130</v>
      </c>
      <c r="F101" s="9" t="s">
        <v>139</v>
      </c>
      <c r="G101" s="6">
        <v>20311</v>
      </c>
      <c r="H101" s="6">
        <v>279</v>
      </c>
      <c r="I101" s="6">
        <v>1735</v>
      </c>
      <c r="J101" s="6">
        <v>1823</v>
      </c>
      <c r="K101" s="6">
        <v>1839</v>
      </c>
      <c r="L101" s="6">
        <v>2160</v>
      </c>
      <c r="M101" s="6">
        <v>2140</v>
      </c>
      <c r="N101" s="6">
        <v>1998</v>
      </c>
      <c r="O101" s="6">
        <v>1802</v>
      </c>
      <c r="P101" s="6">
        <v>1858</v>
      </c>
      <c r="Q101" s="6">
        <v>1792</v>
      </c>
      <c r="R101" s="6">
        <v>1550</v>
      </c>
      <c r="S101" s="6">
        <v>941</v>
      </c>
      <c r="T101" s="6">
        <v>295</v>
      </c>
      <c r="U101" s="6">
        <v>86</v>
      </c>
      <c r="V101" s="6">
        <v>13</v>
      </c>
      <c r="W101" s="10" t="s">
        <v>55</v>
      </c>
      <c r="X101" s="10" t="s">
        <v>55</v>
      </c>
      <c r="Y101" s="6">
        <v>17426</v>
      </c>
      <c r="Z101" s="6">
        <v>2885</v>
      </c>
      <c r="AA101" s="6">
        <v>394</v>
      </c>
      <c r="AB101" s="6">
        <v>13</v>
      </c>
      <c r="AC101" s="6">
        <v>18697</v>
      </c>
      <c r="AD101" s="7">
        <v>46.176679999999998</v>
      </c>
    </row>
    <row r="102" spans="1:30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130</v>
      </c>
      <c r="F102" s="9" t="s">
        <v>140</v>
      </c>
      <c r="G102" s="6">
        <v>36681</v>
      </c>
      <c r="H102" s="6">
        <v>434</v>
      </c>
      <c r="I102" s="6">
        <v>2253</v>
      </c>
      <c r="J102" s="6">
        <v>2966</v>
      </c>
      <c r="K102" s="6">
        <v>2895</v>
      </c>
      <c r="L102" s="6">
        <v>3318</v>
      </c>
      <c r="M102" s="6">
        <v>3981</v>
      </c>
      <c r="N102" s="6">
        <v>4868</v>
      </c>
      <c r="O102" s="6">
        <v>4789</v>
      </c>
      <c r="P102" s="6">
        <v>5145</v>
      </c>
      <c r="Q102" s="6">
        <v>3375</v>
      </c>
      <c r="R102" s="6">
        <v>1692</v>
      </c>
      <c r="S102" s="6">
        <v>712</v>
      </c>
      <c r="T102" s="6">
        <v>192</v>
      </c>
      <c r="U102" s="6">
        <v>41</v>
      </c>
      <c r="V102" s="6">
        <v>15</v>
      </c>
      <c r="W102" s="6">
        <v>5</v>
      </c>
      <c r="X102" s="10" t="s">
        <v>55</v>
      </c>
      <c r="Y102" s="6">
        <v>34024</v>
      </c>
      <c r="Z102" s="6">
        <v>2657</v>
      </c>
      <c r="AA102" s="6">
        <v>253</v>
      </c>
      <c r="AB102" s="6">
        <v>20</v>
      </c>
      <c r="AC102" s="6">
        <v>35282</v>
      </c>
      <c r="AD102" s="7">
        <v>46.429169999999999</v>
      </c>
    </row>
    <row r="103" spans="1:30">
      <c r="A103" s="9" t="s">
        <v>27</v>
      </c>
      <c r="B103" s="9" t="s">
        <v>57</v>
      </c>
      <c r="C103" s="9" t="s">
        <v>58</v>
      </c>
      <c r="D103" s="9" t="s">
        <v>6</v>
      </c>
      <c r="E103" s="9" t="s">
        <v>130</v>
      </c>
      <c r="F103" s="9" t="s">
        <v>141</v>
      </c>
      <c r="G103" s="6">
        <v>136636</v>
      </c>
      <c r="H103" s="6">
        <v>449</v>
      </c>
      <c r="I103" s="6">
        <v>7193</v>
      </c>
      <c r="J103" s="6">
        <v>11763</v>
      </c>
      <c r="K103" s="6">
        <v>13576</v>
      </c>
      <c r="L103" s="6">
        <v>15745</v>
      </c>
      <c r="M103" s="6">
        <v>16575</v>
      </c>
      <c r="N103" s="6">
        <v>16055</v>
      </c>
      <c r="O103" s="6">
        <v>14250</v>
      </c>
      <c r="P103" s="6">
        <v>14431</v>
      </c>
      <c r="Q103" s="6">
        <v>12830</v>
      </c>
      <c r="R103" s="6">
        <v>8360</v>
      </c>
      <c r="S103" s="6">
        <v>4064</v>
      </c>
      <c r="T103" s="6">
        <v>949</v>
      </c>
      <c r="U103" s="6">
        <v>262</v>
      </c>
      <c r="V103" s="6">
        <v>101</v>
      </c>
      <c r="W103" s="6">
        <v>28</v>
      </c>
      <c r="X103" s="6">
        <v>5</v>
      </c>
      <c r="Y103" s="6">
        <v>122867</v>
      </c>
      <c r="Z103" s="6">
        <v>13769</v>
      </c>
      <c r="AA103" s="6">
        <v>1345</v>
      </c>
      <c r="AB103" s="6">
        <v>134</v>
      </c>
      <c r="AC103" s="6">
        <v>130778</v>
      </c>
      <c r="AD103" s="7">
        <v>46.381520000000002</v>
      </c>
    </row>
    <row r="104" spans="1:30">
      <c r="A104" s="9" t="s">
        <v>27</v>
      </c>
      <c r="B104" s="9" t="s">
        <v>57</v>
      </c>
      <c r="C104" s="9" t="s">
        <v>58</v>
      </c>
      <c r="D104" s="9" t="s">
        <v>6</v>
      </c>
      <c r="E104" s="9" t="s">
        <v>130</v>
      </c>
      <c r="F104" s="9" t="s">
        <v>142</v>
      </c>
      <c r="G104" s="6">
        <v>9872</v>
      </c>
      <c r="H104" s="6">
        <v>101</v>
      </c>
      <c r="I104" s="6">
        <v>431</v>
      </c>
      <c r="J104" s="6">
        <v>657</v>
      </c>
      <c r="K104" s="6">
        <v>899</v>
      </c>
      <c r="L104" s="6">
        <v>1097</v>
      </c>
      <c r="M104" s="6">
        <v>1216</v>
      </c>
      <c r="N104" s="6">
        <v>1465</v>
      </c>
      <c r="O104" s="6">
        <v>1265</v>
      </c>
      <c r="P104" s="6">
        <v>1290</v>
      </c>
      <c r="Q104" s="6">
        <v>915</v>
      </c>
      <c r="R104" s="6">
        <v>373</v>
      </c>
      <c r="S104" s="6">
        <v>117</v>
      </c>
      <c r="T104" s="6">
        <v>42</v>
      </c>
      <c r="U104" s="6">
        <v>2</v>
      </c>
      <c r="V104" s="6">
        <v>2</v>
      </c>
      <c r="W104" s="10" t="s">
        <v>55</v>
      </c>
      <c r="X104" s="10" t="s">
        <v>55</v>
      </c>
      <c r="Y104" s="6">
        <v>9336</v>
      </c>
      <c r="Z104" s="6">
        <v>536</v>
      </c>
      <c r="AA104" s="6">
        <v>46</v>
      </c>
      <c r="AB104" s="6">
        <v>2</v>
      </c>
      <c r="AC104" s="6">
        <v>9608</v>
      </c>
      <c r="AD104" s="7">
        <v>46.224980000000002</v>
      </c>
    </row>
    <row r="105" spans="1:30">
      <c r="A105" s="9" t="s">
        <v>27</v>
      </c>
      <c r="B105" s="9" t="s">
        <v>57</v>
      </c>
      <c r="C105" s="9" t="s">
        <v>58</v>
      </c>
      <c r="D105" s="9" t="s">
        <v>6</v>
      </c>
      <c r="E105" s="9" t="s">
        <v>130</v>
      </c>
      <c r="F105" s="9" t="s">
        <v>143</v>
      </c>
      <c r="G105" s="6">
        <v>40133</v>
      </c>
      <c r="H105" s="6">
        <v>285</v>
      </c>
      <c r="I105" s="6">
        <v>1645</v>
      </c>
      <c r="J105" s="6">
        <v>2408</v>
      </c>
      <c r="K105" s="6">
        <v>2890</v>
      </c>
      <c r="L105" s="6">
        <v>3634</v>
      </c>
      <c r="M105" s="6">
        <v>4165</v>
      </c>
      <c r="N105" s="6">
        <v>4434</v>
      </c>
      <c r="O105" s="6">
        <v>4044</v>
      </c>
      <c r="P105" s="6">
        <v>4347</v>
      </c>
      <c r="Q105" s="6">
        <v>4843</v>
      </c>
      <c r="R105" s="6">
        <v>4078</v>
      </c>
      <c r="S105" s="6">
        <v>2390</v>
      </c>
      <c r="T105" s="6">
        <v>699</v>
      </c>
      <c r="U105" s="6">
        <v>203</v>
      </c>
      <c r="V105" s="6">
        <v>58</v>
      </c>
      <c r="W105" s="6">
        <v>8</v>
      </c>
      <c r="X105" s="6">
        <v>2</v>
      </c>
      <c r="Y105" s="6">
        <v>32695</v>
      </c>
      <c r="Z105" s="6">
        <v>7438</v>
      </c>
      <c r="AA105" s="6">
        <v>970</v>
      </c>
      <c r="AB105" s="6">
        <v>68</v>
      </c>
      <c r="AC105" s="6">
        <v>36488</v>
      </c>
      <c r="AD105" s="7">
        <v>50.236780000000003</v>
      </c>
    </row>
    <row r="106" spans="1:30">
      <c r="A106" s="9" t="s">
        <v>27</v>
      </c>
      <c r="B106" s="9" t="s">
        <v>57</v>
      </c>
      <c r="C106" s="9" t="s">
        <v>58</v>
      </c>
      <c r="D106" s="9" t="s">
        <v>6</v>
      </c>
      <c r="E106" s="9" t="s">
        <v>130</v>
      </c>
      <c r="F106" s="9" t="s">
        <v>144</v>
      </c>
      <c r="G106" s="6">
        <v>36695</v>
      </c>
      <c r="H106" s="6">
        <v>457</v>
      </c>
      <c r="I106" s="6">
        <v>2522</v>
      </c>
      <c r="J106" s="6">
        <v>3445</v>
      </c>
      <c r="K106" s="6">
        <v>3758</v>
      </c>
      <c r="L106" s="6">
        <v>3711</v>
      </c>
      <c r="M106" s="6">
        <v>4475</v>
      </c>
      <c r="N106" s="6">
        <v>5223</v>
      </c>
      <c r="O106" s="6">
        <v>4798</v>
      </c>
      <c r="P106" s="6">
        <v>3993</v>
      </c>
      <c r="Q106" s="6">
        <v>2701</v>
      </c>
      <c r="R106" s="6">
        <v>1042</v>
      </c>
      <c r="S106" s="6">
        <v>446</v>
      </c>
      <c r="T106" s="6">
        <v>91</v>
      </c>
      <c r="U106" s="6">
        <v>29</v>
      </c>
      <c r="V106" s="6">
        <v>4</v>
      </c>
      <c r="W106" s="10" t="s">
        <v>55</v>
      </c>
      <c r="X106" s="10" t="s">
        <v>55</v>
      </c>
      <c r="Y106" s="6">
        <v>35083</v>
      </c>
      <c r="Z106" s="6">
        <v>1612</v>
      </c>
      <c r="AA106" s="6">
        <v>124</v>
      </c>
      <c r="AB106" s="6">
        <v>4</v>
      </c>
      <c r="AC106" s="6">
        <v>35668</v>
      </c>
      <c r="AD106" s="7">
        <v>44.206659999999999</v>
      </c>
    </row>
    <row r="107" spans="1:30">
      <c r="A107" s="9" t="s">
        <v>27</v>
      </c>
      <c r="B107" s="9" t="s">
        <v>57</v>
      </c>
      <c r="C107" s="9" t="s">
        <v>58</v>
      </c>
      <c r="D107" s="9" t="s">
        <v>6</v>
      </c>
      <c r="E107" s="9" t="s">
        <v>55</v>
      </c>
      <c r="F107" s="9" t="s">
        <v>145</v>
      </c>
      <c r="G107" s="6">
        <v>6568</v>
      </c>
      <c r="H107" s="6">
        <v>358</v>
      </c>
      <c r="I107" s="6">
        <v>694</v>
      </c>
      <c r="J107" s="6">
        <v>496</v>
      </c>
      <c r="K107" s="6">
        <v>571</v>
      </c>
      <c r="L107" s="6">
        <v>642</v>
      </c>
      <c r="M107" s="6">
        <v>683</v>
      </c>
      <c r="N107" s="6">
        <v>658</v>
      </c>
      <c r="O107" s="6">
        <v>567</v>
      </c>
      <c r="P107" s="6">
        <v>444</v>
      </c>
      <c r="Q107" s="6">
        <v>508</v>
      </c>
      <c r="R107" s="6">
        <v>364</v>
      </c>
      <c r="S107" s="6">
        <v>316</v>
      </c>
      <c r="T107" s="6">
        <v>146</v>
      </c>
      <c r="U107" s="6">
        <v>71</v>
      </c>
      <c r="V107" s="6">
        <v>38</v>
      </c>
      <c r="W107" s="6">
        <v>9</v>
      </c>
      <c r="X107" s="6">
        <v>3</v>
      </c>
      <c r="Y107" s="6">
        <v>5621</v>
      </c>
      <c r="Z107" s="6">
        <v>947</v>
      </c>
      <c r="AA107" s="6">
        <v>267</v>
      </c>
      <c r="AB107" s="6">
        <v>50</v>
      </c>
      <c r="AC107" s="6">
        <v>5627</v>
      </c>
      <c r="AD107" s="7">
        <v>44.851100000000002</v>
      </c>
    </row>
    <row r="108" spans="1:30">
      <c r="A108" s="9" t="s">
        <v>27</v>
      </c>
      <c r="B108" s="9" t="s">
        <v>57</v>
      </c>
      <c r="C108" s="9" t="s">
        <v>58</v>
      </c>
      <c r="D108" s="9" t="s">
        <v>6</v>
      </c>
      <c r="E108" s="9" t="s">
        <v>55</v>
      </c>
      <c r="F108" s="9" t="s">
        <v>146</v>
      </c>
      <c r="G108" s="6">
        <v>17495</v>
      </c>
      <c r="H108" s="6">
        <v>177</v>
      </c>
      <c r="I108" s="6">
        <v>1601</v>
      </c>
      <c r="J108" s="6">
        <v>1654</v>
      </c>
      <c r="K108" s="6">
        <v>1683</v>
      </c>
      <c r="L108" s="6">
        <v>1613</v>
      </c>
      <c r="M108" s="6">
        <v>1619</v>
      </c>
      <c r="N108" s="6">
        <v>1385</v>
      </c>
      <c r="O108" s="6">
        <v>1193</v>
      </c>
      <c r="P108" s="6">
        <v>1463</v>
      </c>
      <c r="Q108" s="6">
        <v>1708</v>
      </c>
      <c r="R108" s="6">
        <v>1624</v>
      </c>
      <c r="S108" s="6">
        <v>1197</v>
      </c>
      <c r="T108" s="6">
        <v>376</v>
      </c>
      <c r="U108" s="6">
        <v>146</v>
      </c>
      <c r="V108" s="6">
        <v>44</v>
      </c>
      <c r="W108" s="6">
        <v>11</v>
      </c>
      <c r="X108" s="6">
        <v>1</v>
      </c>
      <c r="Y108" s="6">
        <v>14096</v>
      </c>
      <c r="Z108" s="6">
        <v>3399</v>
      </c>
      <c r="AA108" s="6">
        <v>578</v>
      </c>
      <c r="AB108" s="6">
        <v>56</v>
      </c>
      <c r="AC108" s="6">
        <v>15543</v>
      </c>
      <c r="AD108" s="7">
        <v>47.440550000000002</v>
      </c>
    </row>
    <row r="109" spans="1:30">
      <c r="A109" s="9" t="s">
        <v>27</v>
      </c>
      <c r="B109" s="9" t="s">
        <v>57</v>
      </c>
      <c r="C109" s="9" t="s">
        <v>58</v>
      </c>
      <c r="D109" s="9" t="s">
        <v>6</v>
      </c>
      <c r="E109" s="9" t="s">
        <v>55</v>
      </c>
      <c r="F109" s="9" t="s">
        <v>147</v>
      </c>
      <c r="G109" s="6">
        <v>149865</v>
      </c>
      <c r="H109" s="6">
        <v>1886</v>
      </c>
      <c r="I109" s="6">
        <v>8986</v>
      </c>
      <c r="J109" s="6">
        <v>11747</v>
      </c>
      <c r="K109" s="6">
        <v>13793</v>
      </c>
      <c r="L109" s="6">
        <v>16000</v>
      </c>
      <c r="M109" s="6">
        <v>18153</v>
      </c>
      <c r="N109" s="6">
        <v>19199</v>
      </c>
      <c r="O109" s="6">
        <v>15694</v>
      </c>
      <c r="P109" s="6">
        <v>15597</v>
      </c>
      <c r="Q109" s="6">
        <v>13418</v>
      </c>
      <c r="R109" s="6">
        <v>9026</v>
      </c>
      <c r="S109" s="6">
        <v>4671</v>
      </c>
      <c r="T109" s="6">
        <v>1160</v>
      </c>
      <c r="U109" s="6">
        <v>382</v>
      </c>
      <c r="V109" s="6">
        <v>128</v>
      </c>
      <c r="W109" s="6">
        <v>23</v>
      </c>
      <c r="X109" s="6">
        <v>2</v>
      </c>
      <c r="Y109" s="6">
        <v>134473</v>
      </c>
      <c r="Z109" s="6">
        <v>15392</v>
      </c>
      <c r="AA109" s="6">
        <v>1695</v>
      </c>
      <c r="AB109" s="6">
        <v>153</v>
      </c>
      <c r="AC109" s="6">
        <v>141613</v>
      </c>
      <c r="AD109" s="7">
        <v>46.254510000000003</v>
      </c>
    </row>
    <row r="110" spans="1:30">
      <c r="A110" s="9" t="s">
        <v>27</v>
      </c>
      <c r="B110" s="9" t="s">
        <v>57</v>
      </c>
      <c r="C110" s="9" t="s">
        <v>58</v>
      </c>
      <c r="D110" s="9" t="s">
        <v>6</v>
      </c>
      <c r="E110" s="9" t="s">
        <v>55</v>
      </c>
      <c r="F110" s="9" t="s">
        <v>148</v>
      </c>
      <c r="G110" s="6">
        <v>504356</v>
      </c>
      <c r="H110" s="6">
        <v>7418</v>
      </c>
      <c r="I110" s="6">
        <v>31615</v>
      </c>
      <c r="J110" s="6">
        <v>38771</v>
      </c>
      <c r="K110" s="6">
        <v>43860</v>
      </c>
      <c r="L110" s="6">
        <v>51413</v>
      </c>
      <c r="M110" s="6">
        <v>56665</v>
      </c>
      <c r="N110" s="6">
        <v>60530</v>
      </c>
      <c r="O110" s="6">
        <v>54530</v>
      </c>
      <c r="P110" s="6">
        <v>54757</v>
      </c>
      <c r="Q110" s="6">
        <v>48406</v>
      </c>
      <c r="R110" s="6">
        <v>32454</v>
      </c>
      <c r="S110" s="6">
        <v>17279</v>
      </c>
      <c r="T110" s="6">
        <v>4727</v>
      </c>
      <c r="U110" s="6">
        <v>1391</v>
      </c>
      <c r="V110" s="6">
        <v>411</v>
      </c>
      <c r="W110" s="6">
        <v>113</v>
      </c>
      <c r="X110" s="6">
        <v>16</v>
      </c>
      <c r="Y110" s="6">
        <v>447965</v>
      </c>
      <c r="Z110" s="6">
        <v>56391</v>
      </c>
      <c r="AA110" s="6">
        <v>6658</v>
      </c>
      <c r="AB110" s="6">
        <v>540</v>
      </c>
      <c r="AC110" s="6">
        <v>473001</v>
      </c>
      <c r="AD110" s="7">
        <v>46.697580000000002</v>
      </c>
    </row>
    <row r="111" spans="1:30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55</v>
      </c>
      <c r="F111" s="9" t="s">
        <v>6</v>
      </c>
      <c r="G111" s="6">
        <v>344558</v>
      </c>
      <c r="H111" s="6">
        <v>4885</v>
      </c>
      <c r="I111" s="6">
        <v>20927</v>
      </c>
      <c r="J111" s="6">
        <v>26208</v>
      </c>
      <c r="K111" s="6">
        <v>30827</v>
      </c>
      <c r="L111" s="6">
        <v>35654</v>
      </c>
      <c r="M111" s="6">
        <v>38933</v>
      </c>
      <c r="N111" s="6">
        <v>40899</v>
      </c>
      <c r="O111" s="6">
        <v>35065</v>
      </c>
      <c r="P111" s="6">
        <v>36297</v>
      </c>
      <c r="Q111" s="6">
        <v>33586</v>
      </c>
      <c r="R111" s="6">
        <v>23297</v>
      </c>
      <c r="S111" s="6">
        <v>12884</v>
      </c>
      <c r="T111" s="6">
        <v>3542</v>
      </c>
      <c r="U111" s="6">
        <v>1100</v>
      </c>
      <c r="V111" s="6">
        <v>359</v>
      </c>
      <c r="W111" s="6">
        <v>88</v>
      </c>
      <c r="X111" s="6">
        <v>7</v>
      </c>
      <c r="Y111" s="6">
        <v>303281</v>
      </c>
      <c r="Z111" s="6">
        <v>41277</v>
      </c>
      <c r="AA111" s="6">
        <v>5096</v>
      </c>
      <c r="AB111" s="6">
        <v>454</v>
      </c>
      <c r="AC111" s="6">
        <v>321693</v>
      </c>
      <c r="AD111" s="7">
        <v>46.876910000000002</v>
      </c>
    </row>
    <row r="112" spans="1:30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122</v>
      </c>
      <c r="F112" s="9" t="s">
        <v>123</v>
      </c>
      <c r="G112" s="6">
        <v>8591</v>
      </c>
      <c r="H112" s="6">
        <v>94</v>
      </c>
      <c r="I112" s="6">
        <v>785</v>
      </c>
      <c r="J112" s="6">
        <v>769</v>
      </c>
      <c r="K112" s="6">
        <v>820</v>
      </c>
      <c r="L112" s="6">
        <v>805</v>
      </c>
      <c r="M112" s="6">
        <v>802</v>
      </c>
      <c r="N112" s="6">
        <v>663</v>
      </c>
      <c r="O112" s="6">
        <v>559</v>
      </c>
      <c r="P112" s="6">
        <v>765</v>
      </c>
      <c r="Q112" s="6">
        <v>858</v>
      </c>
      <c r="R112" s="6">
        <v>830</v>
      </c>
      <c r="S112" s="6">
        <v>569</v>
      </c>
      <c r="T112" s="6">
        <v>178</v>
      </c>
      <c r="U112" s="6">
        <v>67</v>
      </c>
      <c r="V112" s="6">
        <v>21</v>
      </c>
      <c r="W112" s="6">
        <v>6</v>
      </c>
      <c r="X112" s="10" t="s">
        <v>55</v>
      </c>
      <c r="Y112" s="6">
        <v>6920</v>
      </c>
      <c r="Z112" s="6">
        <v>1671</v>
      </c>
      <c r="AA112" s="6">
        <v>272</v>
      </c>
      <c r="AB112" s="6">
        <v>27</v>
      </c>
      <c r="AC112" s="6">
        <v>7656</v>
      </c>
      <c r="AD112" s="7">
        <v>47.575659999999999</v>
      </c>
    </row>
    <row r="113" spans="1:30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122</v>
      </c>
      <c r="F113" s="9" t="s">
        <v>124</v>
      </c>
      <c r="G113" s="6">
        <v>6926</v>
      </c>
      <c r="H113" s="6">
        <v>73</v>
      </c>
      <c r="I113" s="6">
        <v>703</v>
      </c>
      <c r="J113" s="6">
        <v>681</v>
      </c>
      <c r="K113" s="6">
        <v>677</v>
      </c>
      <c r="L113" s="6">
        <v>672</v>
      </c>
      <c r="M113" s="6">
        <v>616</v>
      </c>
      <c r="N113" s="6">
        <v>500</v>
      </c>
      <c r="O113" s="6">
        <v>417</v>
      </c>
      <c r="P113" s="6">
        <v>532</v>
      </c>
      <c r="Q113" s="6">
        <v>635</v>
      </c>
      <c r="R113" s="6">
        <v>692</v>
      </c>
      <c r="S113" s="6">
        <v>490</v>
      </c>
      <c r="T113" s="6">
        <v>153</v>
      </c>
      <c r="U113" s="6">
        <v>61</v>
      </c>
      <c r="V113" s="6">
        <v>19</v>
      </c>
      <c r="W113" s="6">
        <v>5</v>
      </c>
      <c r="X113" s="10" t="s">
        <v>55</v>
      </c>
      <c r="Y113" s="6">
        <v>5506</v>
      </c>
      <c r="Z113" s="6">
        <v>1420</v>
      </c>
      <c r="AA113" s="6">
        <v>238</v>
      </c>
      <c r="AB113" s="6">
        <v>24</v>
      </c>
      <c r="AC113" s="6">
        <v>6125</v>
      </c>
      <c r="AD113" s="7">
        <v>47.118679999999998</v>
      </c>
    </row>
    <row r="114" spans="1:30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122</v>
      </c>
      <c r="F114" s="9" t="s">
        <v>125</v>
      </c>
      <c r="G114" s="6">
        <v>932</v>
      </c>
      <c r="H114" s="6">
        <v>5</v>
      </c>
      <c r="I114" s="6">
        <v>35</v>
      </c>
      <c r="J114" s="6">
        <v>61</v>
      </c>
      <c r="K114" s="6">
        <v>76</v>
      </c>
      <c r="L114" s="6">
        <v>82</v>
      </c>
      <c r="M114" s="6">
        <v>106</v>
      </c>
      <c r="N114" s="6">
        <v>98</v>
      </c>
      <c r="O114" s="6">
        <v>100</v>
      </c>
      <c r="P114" s="6">
        <v>105</v>
      </c>
      <c r="Q114" s="6">
        <v>122</v>
      </c>
      <c r="R114" s="6">
        <v>78</v>
      </c>
      <c r="S114" s="6">
        <v>44</v>
      </c>
      <c r="T114" s="6">
        <v>14</v>
      </c>
      <c r="U114" s="6">
        <v>3</v>
      </c>
      <c r="V114" s="6">
        <v>2</v>
      </c>
      <c r="W114" s="6">
        <v>1</v>
      </c>
      <c r="X114" s="10" t="s">
        <v>55</v>
      </c>
      <c r="Y114" s="6">
        <v>790</v>
      </c>
      <c r="Z114" s="6">
        <v>142</v>
      </c>
      <c r="AA114" s="6">
        <v>20</v>
      </c>
      <c r="AB114" s="6">
        <v>3</v>
      </c>
      <c r="AC114" s="6">
        <v>863</v>
      </c>
      <c r="AD114" s="7">
        <v>49.48283</v>
      </c>
    </row>
    <row r="115" spans="1:30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126</v>
      </c>
      <c r="F115" s="9" t="s">
        <v>127</v>
      </c>
      <c r="G115" s="6">
        <v>265</v>
      </c>
      <c r="H115" s="6">
        <v>1</v>
      </c>
      <c r="I115" s="6">
        <v>3</v>
      </c>
      <c r="J115" s="6">
        <v>5</v>
      </c>
      <c r="K115" s="6">
        <v>9</v>
      </c>
      <c r="L115" s="6">
        <v>16</v>
      </c>
      <c r="M115" s="6">
        <v>18</v>
      </c>
      <c r="N115" s="6">
        <v>25</v>
      </c>
      <c r="O115" s="6">
        <v>27</v>
      </c>
      <c r="P115" s="6">
        <v>56</v>
      </c>
      <c r="Q115" s="6">
        <v>44</v>
      </c>
      <c r="R115" s="6">
        <v>30</v>
      </c>
      <c r="S115" s="6">
        <v>21</v>
      </c>
      <c r="T115" s="6">
        <v>6</v>
      </c>
      <c r="U115" s="6">
        <v>4</v>
      </c>
      <c r="V115" s="10" t="s">
        <v>55</v>
      </c>
      <c r="W115" s="10" t="s">
        <v>55</v>
      </c>
      <c r="X115" s="10" t="s">
        <v>55</v>
      </c>
      <c r="Y115" s="6">
        <v>204</v>
      </c>
      <c r="Z115" s="6">
        <v>61</v>
      </c>
      <c r="AA115" s="6">
        <v>10</v>
      </c>
      <c r="AB115" s="10" t="s">
        <v>55</v>
      </c>
      <c r="AC115" s="6">
        <v>233</v>
      </c>
      <c r="AD115" s="7">
        <v>55.790570000000002</v>
      </c>
    </row>
    <row r="116" spans="1:30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126</v>
      </c>
      <c r="F116" s="9" t="s">
        <v>128</v>
      </c>
      <c r="G116" s="6">
        <v>42106</v>
      </c>
      <c r="H116" s="6">
        <v>471</v>
      </c>
      <c r="I116" s="6">
        <v>2283</v>
      </c>
      <c r="J116" s="6">
        <v>2996</v>
      </c>
      <c r="K116" s="6">
        <v>3036</v>
      </c>
      <c r="L116" s="6">
        <v>3895</v>
      </c>
      <c r="M116" s="6">
        <v>4752</v>
      </c>
      <c r="N116" s="6">
        <v>4665</v>
      </c>
      <c r="O116" s="6">
        <v>3638</v>
      </c>
      <c r="P116" s="6">
        <v>4062</v>
      </c>
      <c r="Q116" s="6">
        <v>4938</v>
      </c>
      <c r="R116" s="6">
        <v>4269</v>
      </c>
      <c r="S116" s="6">
        <v>2387</v>
      </c>
      <c r="T116" s="6">
        <v>489</v>
      </c>
      <c r="U116" s="6">
        <v>155</v>
      </c>
      <c r="V116" s="6">
        <v>58</v>
      </c>
      <c r="W116" s="6">
        <v>12</v>
      </c>
      <c r="X116" s="10" t="s">
        <v>55</v>
      </c>
      <c r="Y116" s="6">
        <v>34736</v>
      </c>
      <c r="Z116" s="6">
        <v>7370</v>
      </c>
      <c r="AA116" s="6">
        <v>714</v>
      </c>
      <c r="AB116" s="6">
        <v>70</v>
      </c>
      <c r="AC116" s="6">
        <v>38534</v>
      </c>
      <c r="AD116" s="7">
        <v>48.959339999999997</v>
      </c>
    </row>
    <row r="117" spans="1:30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126</v>
      </c>
      <c r="F117" s="9" t="s">
        <v>129</v>
      </c>
      <c r="G117" s="6">
        <v>64671</v>
      </c>
      <c r="H117" s="6">
        <v>887</v>
      </c>
      <c r="I117" s="6">
        <v>3883</v>
      </c>
      <c r="J117" s="6">
        <v>5497</v>
      </c>
      <c r="K117" s="6">
        <v>6836</v>
      </c>
      <c r="L117" s="6">
        <v>7586</v>
      </c>
      <c r="M117" s="6">
        <v>8144</v>
      </c>
      <c r="N117" s="6">
        <v>8934</v>
      </c>
      <c r="O117" s="6">
        <v>7355</v>
      </c>
      <c r="P117" s="6">
        <v>7035</v>
      </c>
      <c r="Q117" s="6">
        <v>4832</v>
      </c>
      <c r="R117" s="6">
        <v>2246</v>
      </c>
      <c r="S117" s="6">
        <v>1028</v>
      </c>
      <c r="T117" s="6">
        <v>286</v>
      </c>
      <c r="U117" s="6">
        <v>92</v>
      </c>
      <c r="V117" s="6">
        <v>26</v>
      </c>
      <c r="W117" s="6">
        <v>4</v>
      </c>
      <c r="X117" s="10" t="s">
        <v>55</v>
      </c>
      <c r="Y117" s="6">
        <v>60989</v>
      </c>
      <c r="Z117" s="6">
        <v>3682</v>
      </c>
      <c r="AA117" s="6">
        <v>408</v>
      </c>
      <c r="AB117" s="6">
        <v>30</v>
      </c>
      <c r="AC117" s="6">
        <v>62348</v>
      </c>
      <c r="AD117" s="7">
        <v>44.570430000000002</v>
      </c>
    </row>
    <row r="118" spans="1:30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130</v>
      </c>
      <c r="F118" s="9" t="s">
        <v>131</v>
      </c>
      <c r="G118" s="6">
        <v>2669</v>
      </c>
      <c r="H118" s="6">
        <v>31</v>
      </c>
      <c r="I118" s="6">
        <v>120</v>
      </c>
      <c r="J118" s="6">
        <v>215</v>
      </c>
      <c r="K118" s="6">
        <v>182</v>
      </c>
      <c r="L118" s="6">
        <v>188</v>
      </c>
      <c r="M118" s="6">
        <v>314</v>
      </c>
      <c r="N118" s="6">
        <v>415</v>
      </c>
      <c r="O118" s="6">
        <v>401</v>
      </c>
      <c r="P118" s="6">
        <v>407</v>
      </c>
      <c r="Q118" s="6">
        <v>263</v>
      </c>
      <c r="R118" s="6">
        <v>90</v>
      </c>
      <c r="S118" s="6">
        <v>34</v>
      </c>
      <c r="T118" s="6">
        <v>6</v>
      </c>
      <c r="U118" s="6">
        <v>3</v>
      </c>
      <c r="V118" s="10" t="s">
        <v>55</v>
      </c>
      <c r="W118" s="10" t="s">
        <v>55</v>
      </c>
      <c r="X118" s="10" t="s">
        <v>55</v>
      </c>
      <c r="Y118" s="6">
        <v>2536</v>
      </c>
      <c r="Z118" s="6">
        <v>133</v>
      </c>
      <c r="AA118" s="6">
        <v>9</v>
      </c>
      <c r="AB118" s="10" t="s">
        <v>55</v>
      </c>
      <c r="AC118" s="6">
        <v>2595</v>
      </c>
      <c r="AD118" s="7">
        <v>46.94961</v>
      </c>
    </row>
    <row r="119" spans="1:30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130</v>
      </c>
      <c r="F119" s="9" t="s">
        <v>132</v>
      </c>
      <c r="G119" s="6">
        <v>6117</v>
      </c>
      <c r="H119" s="6">
        <v>28</v>
      </c>
      <c r="I119" s="6">
        <v>390</v>
      </c>
      <c r="J119" s="6">
        <v>615</v>
      </c>
      <c r="K119" s="6">
        <v>570</v>
      </c>
      <c r="L119" s="6">
        <v>697</v>
      </c>
      <c r="M119" s="6">
        <v>767</v>
      </c>
      <c r="N119" s="6">
        <v>792</v>
      </c>
      <c r="O119" s="6">
        <v>752</v>
      </c>
      <c r="P119" s="6">
        <v>781</v>
      </c>
      <c r="Q119" s="6">
        <v>505</v>
      </c>
      <c r="R119" s="6">
        <v>141</v>
      </c>
      <c r="S119" s="6">
        <v>51</v>
      </c>
      <c r="T119" s="6">
        <v>16</v>
      </c>
      <c r="U119" s="6">
        <v>7</v>
      </c>
      <c r="V119" s="6">
        <v>4</v>
      </c>
      <c r="W119" s="6">
        <v>1</v>
      </c>
      <c r="X119" s="10" t="s">
        <v>55</v>
      </c>
      <c r="Y119" s="6">
        <v>5897</v>
      </c>
      <c r="Z119" s="6">
        <v>220</v>
      </c>
      <c r="AA119" s="6">
        <v>28</v>
      </c>
      <c r="AB119" s="6">
        <v>5</v>
      </c>
      <c r="AC119" s="6">
        <v>6010</v>
      </c>
      <c r="AD119" s="7">
        <v>44.589910000000003</v>
      </c>
    </row>
    <row r="120" spans="1:30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130</v>
      </c>
      <c r="F120" s="9" t="s">
        <v>133</v>
      </c>
      <c r="G120" s="6">
        <v>25110</v>
      </c>
      <c r="H120" s="6">
        <v>155</v>
      </c>
      <c r="I120" s="6">
        <v>760</v>
      </c>
      <c r="J120" s="6">
        <v>1149</v>
      </c>
      <c r="K120" s="6">
        <v>1693</v>
      </c>
      <c r="L120" s="6">
        <v>2276</v>
      </c>
      <c r="M120" s="6">
        <v>2728</v>
      </c>
      <c r="N120" s="6">
        <v>3052</v>
      </c>
      <c r="O120" s="6">
        <v>3059</v>
      </c>
      <c r="P120" s="6">
        <v>3474</v>
      </c>
      <c r="Q120" s="6">
        <v>3180</v>
      </c>
      <c r="R120" s="6">
        <v>2094</v>
      </c>
      <c r="S120" s="6">
        <v>1185</v>
      </c>
      <c r="T120" s="6">
        <v>256</v>
      </c>
      <c r="U120" s="6">
        <v>38</v>
      </c>
      <c r="V120" s="6">
        <v>9</v>
      </c>
      <c r="W120" s="6">
        <v>2</v>
      </c>
      <c r="X120" s="10" t="s">
        <v>55</v>
      </c>
      <c r="Y120" s="6">
        <v>21526</v>
      </c>
      <c r="Z120" s="6">
        <v>3584</v>
      </c>
      <c r="AA120" s="6">
        <v>305</v>
      </c>
      <c r="AB120" s="6">
        <v>11</v>
      </c>
      <c r="AC120" s="6">
        <v>23465</v>
      </c>
      <c r="AD120" s="7">
        <v>50.299840000000003</v>
      </c>
    </row>
    <row r="121" spans="1:30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130</v>
      </c>
      <c r="F121" s="9" t="s">
        <v>134</v>
      </c>
      <c r="G121" s="6">
        <v>48794</v>
      </c>
      <c r="H121" s="6">
        <v>942</v>
      </c>
      <c r="I121" s="6">
        <v>3479</v>
      </c>
      <c r="J121" s="6">
        <v>3722</v>
      </c>
      <c r="K121" s="6">
        <v>4342</v>
      </c>
      <c r="L121" s="6">
        <v>5298</v>
      </c>
      <c r="M121" s="6">
        <v>5445</v>
      </c>
      <c r="N121" s="6">
        <v>5667</v>
      </c>
      <c r="O121" s="6">
        <v>4624</v>
      </c>
      <c r="P121" s="6">
        <v>4668</v>
      </c>
      <c r="Q121" s="6">
        <v>4687</v>
      </c>
      <c r="R121" s="6">
        <v>3200</v>
      </c>
      <c r="S121" s="6">
        <v>1812</v>
      </c>
      <c r="T121" s="6">
        <v>617</v>
      </c>
      <c r="U121" s="6">
        <v>207</v>
      </c>
      <c r="V121" s="6">
        <v>61</v>
      </c>
      <c r="W121" s="6">
        <v>19</v>
      </c>
      <c r="X121" s="6">
        <v>4</v>
      </c>
      <c r="Y121" s="6">
        <v>42874</v>
      </c>
      <c r="Z121" s="6">
        <v>5920</v>
      </c>
      <c r="AA121" s="6">
        <v>908</v>
      </c>
      <c r="AB121" s="6">
        <v>84</v>
      </c>
      <c r="AC121" s="6">
        <v>45132</v>
      </c>
      <c r="AD121" s="7">
        <v>46.328769999999999</v>
      </c>
    </row>
    <row r="122" spans="1:30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130</v>
      </c>
      <c r="F122" s="9" t="s">
        <v>135</v>
      </c>
      <c r="G122" s="6">
        <v>5977</v>
      </c>
      <c r="H122" s="6">
        <v>5</v>
      </c>
      <c r="I122" s="6">
        <v>263</v>
      </c>
      <c r="J122" s="6">
        <v>490</v>
      </c>
      <c r="K122" s="6">
        <v>493</v>
      </c>
      <c r="L122" s="6">
        <v>585</v>
      </c>
      <c r="M122" s="6">
        <v>547</v>
      </c>
      <c r="N122" s="6">
        <v>813</v>
      </c>
      <c r="O122" s="6">
        <v>898</v>
      </c>
      <c r="P122" s="6">
        <v>773</v>
      </c>
      <c r="Q122" s="6">
        <v>642</v>
      </c>
      <c r="R122" s="6">
        <v>269</v>
      </c>
      <c r="S122" s="6">
        <v>148</v>
      </c>
      <c r="T122" s="6">
        <v>37</v>
      </c>
      <c r="U122" s="6">
        <v>10</v>
      </c>
      <c r="V122" s="6">
        <v>4</v>
      </c>
      <c r="W122" s="10" t="s">
        <v>55</v>
      </c>
      <c r="X122" s="10" t="s">
        <v>55</v>
      </c>
      <c r="Y122" s="6">
        <v>5509</v>
      </c>
      <c r="Z122" s="6">
        <v>468</v>
      </c>
      <c r="AA122" s="6">
        <v>51</v>
      </c>
      <c r="AB122" s="6">
        <v>4</v>
      </c>
      <c r="AC122" s="6">
        <v>5773</v>
      </c>
      <c r="AD122" s="7">
        <v>47.519579999999998</v>
      </c>
    </row>
    <row r="123" spans="1:30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130</v>
      </c>
      <c r="F123" s="9" t="s">
        <v>136</v>
      </c>
      <c r="G123" s="6">
        <v>5816</v>
      </c>
      <c r="H123" s="6">
        <v>26</v>
      </c>
      <c r="I123" s="6">
        <v>226</v>
      </c>
      <c r="J123" s="6">
        <v>380</v>
      </c>
      <c r="K123" s="6">
        <v>434</v>
      </c>
      <c r="L123" s="6">
        <v>558</v>
      </c>
      <c r="M123" s="6">
        <v>609</v>
      </c>
      <c r="N123" s="6">
        <v>594</v>
      </c>
      <c r="O123" s="6">
        <v>402</v>
      </c>
      <c r="P123" s="6">
        <v>511</v>
      </c>
      <c r="Q123" s="6">
        <v>608</v>
      </c>
      <c r="R123" s="6">
        <v>739</v>
      </c>
      <c r="S123" s="6">
        <v>470</v>
      </c>
      <c r="T123" s="6">
        <v>160</v>
      </c>
      <c r="U123" s="6">
        <v>67</v>
      </c>
      <c r="V123" s="6">
        <v>25</v>
      </c>
      <c r="W123" s="6">
        <v>7</v>
      </c>
      <c r="X123" s="10" t="s">
        <v>55</v>
      </c>
      <c r="Y123" s="6">
        <v>4348</v>
      </c>
      <c r="Z123" s="6">
        <v>1468</v>
      </c>
      <c r="AA123" s="6">
        <v>259</v>
      </c>
      <c r="AB123" s="6">
        <v>32</v>
      </c>
      <c r="AC123" s="6">
        <v>5061</v>
      </c>
      <c r="AD123" s="7">
        <v>51.286619999999999</v>
      </c>
    </row>
    <row r="124" spans="1:30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130</v>
      </c>
      <c r="F124" s="9" t="s">
        <v>137</v>
      </c>
      <c r="G124" s="6">
        <v>8969</v>
      </c>
      <c r="H124" s="6">
        <v>50</v>
      </c>
      <c r="I124" s="6">
        <v>312</v>
      </c>
      <c r="J124" s="6">
        <v>556</v>
      </c>
      <c r="K124" s="6">
        <v>688</v>
      </c>
      <c r="L124" s="6">
        <v>849</v>
      </c>
      <c r="M124" s="6">
        <v>1047</v>
      </c>
      <c r="N124" s="6">
        <v>1176</v>
      </c>
      <c r="O124" s="6">
        <v>910</v>
      </c>
      <c r="P124" s="6">
        <v>942</v>
      </c>
      <c r="Q124" s="6">
        <v>1023</v>
      </c>
      <c r="R124" s="6">
        <v>817</v>
      </c>
      <c r="S124" s="6">
        <v>434</v>
      </c>
      <c r="T124" s="6">
        <v>116</v>
      </c>
      <c r="U124" s="6">
        <v>41</v>
      </c>
      <c r="V124" s="6">
        <v>5</v>
      </c>
      <c r="W124" s="6">
        <v>3</v>
      </c>
      <c r="X124" s="10" t="s">
        <v>55</v>
      </c>
      <c r="Y124" s="6">
        <v>7553</v>
      </c>
      <c r="Z124" s="6">
        <v>1416</v>
      </c>
      <c r="AA124" s="6">
        <v>165</v>
      </c>
      <c r="AB124" s="6">
        <v>8</v>
      </c>
      <c r="AC124" s="6">
        <v>8320</v>
      </c>
      <c r="AD124" s="7">
        <v>49.433990000000001</v>
      </c>
    </row>
    <row r="125" spans="1:30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130</v>
      </c>
      <c r="F125" s="9" t="s">
        <v>138</v>
      </c>
      <c r="G125" s="6">
        <v>11585</v>
      </c>
      <c r="H125" s="6">
        <v>1045</v>
      </c>
      <c r="I125" s="6">
        <v>2187</v>
      </c>
      <c r="J125" s="6">
        <v>825</v>
      </c>
      <c r="K125" s="6">
        <v>812</v>
      </c>
      <c r="L125" s="6">
        <v>987</v>
      </c>
      <c r="M125" s="6">
        <v>963</v>
      </c>
      <c r="N125" s="6">
        <v>946</v>
      </c>
      <c r="O125" s="6">
        <v>762</v>
      </c>
      <c r="P125" s="6">
        <v>789</v>
      </c>
      <c r="Q125" s="6">
        <v>833</v>
      </c>
      <c r="R125" s="6">
        <v>772</v>
      </c>
      <c r="S125" s="6">
        <v>467</v>
      </c>
      <c r="T125" s="6">
        <v>151</v>
      </c>
      <c r="U125" s="6">
        <v>33</v>
      </c>
      <c r="V125" s="6">
        <v>10</v>
      </c>
      <c r="W125" s="6">
        <v>3</v>
      </c>
      <c r="X125" s="10" t="s">
        <v>55</v>
      </c>
      <c r="Y125" s="6">
        <v>10149</v>
      </c>
      <c r="Z125" s="6">
        <v>1436</v>
      </c>
      <c r="AA125" s="6">
        <v>197</v>
      </c>
      <c r="AB125" s="6">
        <v>13</v>
      </c>
      <c r="AC125" s="6">
        <v>9876</v>
      </c>
      <c r="AD125" s="7">
        <v>41.281269999999999</v>
      </c>
    </row>
    <row r="126" spans="1:30">
      <c r="A126" s="9" t="s">
        <v>27</v>
      </c>
      <c r="B126" s="9" t="s">
        <v>57</v>
      </c>
      <c r="C126" s="9" t="s">
        <v>58</v>
      </c>
      <c r="D126" s="9" t="s">
        <v>53</v>
      </c>
      <c r="E126" s="9" t="s">
        <v>130</v>
      </c>
      <c r="F126" s="9" t="s">
        <v>139</v>
      </c>
      <c r="G126" s="6">
        <v>8128</v>
      </c>
      <c r="H126" s="6">
        <v>131</v>
      </c>
      <c r="I126" s="6">
        <v>690</v>
      </c>
      <c r="J126" s="6">
        <v>648</v>
      </c>
      <c r="K126" s="6">
        <v>708</v>
      </c>
      <c r="L126" s="6">
        <v>902</v>
      </c>
      <c r="M126" s="6">
        <v>908</v>
      </c>
      <c r="N126" s="6">
        <v>841</v>
      </c>
      <c r="O126" s="6">
        <v>667</v>
      </c>
      <c r="P126" s="6">
        <v>685</v>
      </c>
      <c r="Q126" s="6">
        <v>715</v>
      </c>
      <c r="R126" s="6">
        <v>653</v>
      </c>
      <c r="S126" s="6">
        <v>405</v>
      </c>
      <c r="T126" s="6">
        <v>139</v>
      </c>
      <c r="U126" s="6">
        <v>32</v>
      </c>
      <c r="V126" s="6">
        <v>4</v>
      </c>
      <c r="W126" s="10" t="s">
        <v>55</v>
      </c>
      <c r="X126" s="10" t="s">
        <v>55</v>
      </c>
      <c r="Y126" s="6">
        <v>6895</v>
      </c>
      <c r="Z126" s="6">
        <v>1233</v>
      </c>
      <c r="AA126" s="6">
        <v>175</v>
      </c>
      <c r="AB126" s="6">
        <v>4</v>
      </c>
      <c r="AC126" s="6">
        <v>7417</v>
      </c>
      <c r="AD126" s="7">
        <v>46.425690000000003</v>
      </c>
    </row>
    <row r="127" spans="1:30">
      <c r="A127" s="9" t="s">
        <v>27</v>
      </c>
      <c r="B127" s="9" t="s">
        <v>57</v>
      </c>
      <c r="C127" s="9" t="s">
        <v>58</v>
      </c>
      <c r="D127" s="9" t="s">
        <v>53</v>
      </c>
      <c r="E127" s="9" t="s">
        <v>130</v>
      </c>
      <c r="F127" s="9" t="s">
        <v>140</v>
      </c>
      <c r="G127" s="6">
        <v>15687</v>
      </c>
      <c r="H127" s="6">
        <v>214</v>
      </c>
      <c r="I127" s="6">
        <v>886</v>
      </c>
      <c r="J127" s="6">
        <v>1043</v>
      </c>
      <c r="K127" s="6">
        <v>1200</v>
      </c>
      <c r="L127" s="6">
        <v>1291</v>
      </c>
      <c r="M127" s="6">
        <v>1421</v>
      </c>
      <c r="N127" s="6">
        <v>1759</v>
      </c>
      <c r="O127" s="6">
        <v>1910</v>
      </c>
      <c r="P127" s="6">
        <v>2412</v>
      </c>
      <c r="Q127" s="6">
        <v>1799</v>
      </c>
      <c r="R127" s="6">
        <v>1092</v>
      </c>
      <c r="S127" s="6">
        <v>498</v>
      </c>
      <c r="T127" s="6">
        <v>125</v>
      </c>
      <c r="U127" s="6">
        <v>24</v>
      </c>
      <c r="V127" s="6">
        <v>11</v>
      </c>
      <c r="W127" s="6">
        <v>2</v>
      </c>
      <c r="X127" s="10" t="s">
        <v>55</v>
      </c>
      <c r="Y127" s="6">
        <v>13935</v>
      </c>
      <c r="Z127" s="6">
        <v>1752</v>
      </c>
      <c r="AA127" s="6">
        <v>162</v>
      </c>
      <c r="AB127" s="6">
        <v>13</v>
      </c>
      <c r="AC127" s="6">
        <v>14813</v>
      </c>
      <c r="AD127" s="7">
        <v>48.314109999999999</v>
      </c>
    </row>
    <row r="128" spans="1:30">
      <c r="A128" s="9" t="s">
        <v>27</v>
      </c>
      <c r="B128" s="9" t="s">
        <v>57</v>
      </c>
      <c r="C128" s="9" t="s">
        <v>58</v>
      </c>
      <c r="D128" s="9" t="s">
        <v>53</v>
      </c>
      <c r="E128" s="9" t="s">
        <v>130</v>
      </c>
      <c r="F128" s="9" t="s">
        <v>141</v>
      </c>
      <c r="G128" s="6">
        <v>31488</v>
      </c>
      <c r="H128" s="6">
        <v>115</v>
      </c>
      <c r="I128" s="6">
        <v>1415</v>
      </c>
      <c r="J128" s="6">
        <v>2962</v>
      </c>
      <c r="K128" s="6">
        <v>3800</v>
      </c>
      <c r="L128" s="6">
        <v>3913</v>
      </c>
      <c r="M128" s="6">
        <v>3926</v>
      </c>
      <c r="N128" s="6">
        <v>3498</v>
      </c>
      <c r="O128" s="6">
        <v>2480</v>
      </c>
      <c r="P128" s="6">
        <v>2528</v>
      </c>
      <c r="Q128" s="6">
        <v>2646</v>
      </c>
      <c r="R128" s="6">
        <v>2286</v>
      </c>
      <c r="S128" s="6">
        <v>1315</v>
      </c>
      <c r="T128" s="6">
        <v>377</v>
      </c>
      <c r="U128" s="6">
        <v>141</v>
      </c>
      <c r="V128" s="6">
        <v>65</v>
      </c>
      <c r="W128" s="6">
        <v>19</v>
      </c>
      <c r="X128" s="6">
        <v>2</v>
      </c>
      <c r="Y128" s="6">
        <v>27283</v>
      </c>
      <c r="Z128" s="6">
        <v>4205</v>
      </c>
      <c r="AA128" s="6">
        <v>604</v>
      </c>
      <c r="AB128" s="6">
        <v>86</v>
      </c>
      <c r="AC128" s="6">
        <v>29454</v>
      </c>
      <c r="AD128" s="7">
        <v>46.292400000000001</v>
      </c>
    </row>
    <row r="129" spans="1:30">
      <c r="A129" s="9" t="s">
        <v>27</v>
      </c>
      <c r="B129" s="9" t="s">
        <v>57</v>
      </c>
      <c r="C129" s="9" t="s">
        <v>58</v>
      </c>
      <c r="D129" s="9" t="s">
        <v>53</v>
      </c>
      <c r="E129" s="9" t="s">
        <v>130</v>
      </c>
      <c r="F129" s="9" t="s">
        <v>142</v>
      </c>
      <c r="G129" s="6">
        <v>6060</v>
      </c>
      <c r="H129" s="6">
        <v>31</v>
      </c>
      <c r="I129" s="6">
        <v>197</v>
      </c>
      <c r="J129" s="6">
        <v>378</v>
      </c>
      <c r="K129" s="6">
        <v>557</v>
      </c>
      <c r="L129" s="6">
        <v>721</v>
      </c>
      <c r="M129" s="6">
        <v>805</v>
      </c>
      <c r="N129" s="6">
        <v>846</v>
      </c>
      <c r="O129" s="6">
        <v>750</v>
      </c>
      <c r="P129" s="6">
        <v>852</v>
      </c>
      <c r="Q129" s="6">
        <v>585</v>
      </c>
      <c r="R129" s="6">
        <v>245</v>
      </c>
      <c r="S129" s="6">
        <v>69</v>
      </c>
      <c r="T129" s="6">
        <v>21</v>
      </c>
      <c r="U129" s="6">
        <v>2</v>
      </c>
      <c r="V129" s="6">
        <v>1</v>
      </c>
      <c r="W129" s="10" t="s">
        <v>55</v>
      </c>
      <c r="X129" s="10" t="s">
        <v>55</v>
      </c>
      <c r="Y129" s="6">
        <v>5722</v>
      </c>
      <c r="Z129" s="6">
        <v>338</v>
      </c>
      <c r="AA129" s="6">
        <v>24</v>
      </c>
      <c r="AB129" s="6">
        <v>1</v>
      </c>
      <c r="AC129" s="6">
        <v>5936</v>
      </c>
      <c r="AD129" s="7">
        <v>46.751649999999998</v>
      </c>
    </row>
    <row r="130" spans="1:30">
      <c r="A130" s="9" t="s">
        <v>27</v>
      </c>
      <c r="B130" s="9" t="s">
        <v>57</v>
      </c>
      <c r="C130" s="9" t="s">
        <v>58</v>
      </c>
      <c r="D130" s="9" t="s">
        <v>53</v>
      </c>
      <c r="E130" s="9" t="s">
        <v>130</v>
      </c>
      <c r="F130" s="9" t="s">
        <v>143</v>
      </c>
      <c r="G130" s="6">
        <v>22864</v>
      </c>
      <c r="H130" s="6">
        <v>160</v>
      </c>
      <c r="I130" s="6">
        <v>904</v>
      </c>
      <c r="J130" s="6">
        <v>1299</v>
      </c>
      <c r="K130" s="6">
        <v>1631</v>
      </c>
      <c r="L130" s="6">
        <v>2151</v>
      </c>
      <c r="M130" s="6">
        <v>2328</v>
      </c>
      <c r="N130" s="6">
        <v>2319</v>
      </c>
      <c r="O130" s="6">
        <v>2055</v>
      </c>
      <c r="P130" s="6">
        <v>2410</v>
      </c>
      <c r="Q130" s="6">
        <v>3091</v>
      </c>
      <c r="R130" s="6">
        <v>2495</v>
      </c>
      <c r="S130" s="6">
        <v>1437</v>
      </c>
      <c r="T130" s="6">
        <v>413</v>
      </c>
      <c r="U130" s="6">
        <v>127</v>
      </c>
      <c r="V130" s="6">
        <v>39</v>
      </c>
      <c r="W130" s="6">
        <v>4</v>
      </c>
      <c r="X130" s="6">
        <v>1</v>
      </c>
      <c r="Y130" s="6">
        <v>18348</v>
      </c>
      <c r="Z130" s="6">
        <v>4516</v>
      </c>
      <c r="AA130" s="6">
        <v>584</v>
      </c>
      <c r="AB130" s="6">
        <v>44</v>
      </c>
      <c r="AC130" s="6">
        <v>20683</v>
      </c>
      <c r="AD130" s="7">
        <v>50.73845</v>
      </c>
    </row>
    <row r="131" spans="1:30">
      <c r="A131" s="9" t="s">
        <v>27</v>
      </c>
      <c r="B131" s="9" t="s">
        <v>57</v>
      </c>
      <c r="C131" s="9" t="s">
        <v>58</v>
      </c>
      <c r="D131" s="9" t="s">
        <v>53</v>
      </c>
      <c r="E131" s="9" t="s">
        <v>130</v>
      </c>
      <c r="F131" s="9" t="s">
        <v>144</v>
      </c>
      <c r="G131" s="6">
        <v>25521</v>
      </c>
      <c r="H131" s="6">
        <v>304</v>
      </c>
      <c r="I131" s="6">
        <v>1745</v>
      </c>
      <c r="J131" s="6">
        <v>2366</v>
      </c>
      <c r="K131" s="6">
        <v>2688</v>
      </c>
      <c r="L131" s="6">
        <v>2548</v>
      </c>
      <c r="M131" s="6">
        <v>2981</v>
      </c>
      <c r="N131" s="6">
        <v>3488</v>
      </c>
      <c r="O131" s="6">
        <v>3427</v>
      </c>
      <c r="P131" s="6">
        <v>2811</v>
      </c>
      <c r="Q131" s="6">
        <v>1956</v>
      </c>
      <c r="R131" s="6">
        <v>774</v>
      </c>
      <c r="S131" s="6">
        <v>340</v>
      </c>
      <c r="T131" s="6">
        <v>70</v>
      </c>
      <c r="U131" s="6">
        <v>21</v>
      </c>
      <c r="V131" s="6">
        <v>2</v>
      </c>
      <c r="W131" s="10" t="s">
        <v>55</v>
      </c>
      <c r="X131" s="10" t="s">
        <v>55</v>
      </c>
      <c r="Y131" s="6">
        <v>24314</v>
      </c>
      <c r="Z131" s="6">
        <v>1207</v>
      </c>
      <c r="AA131" s="6">
        <v>93</v>
      </c>
      <c r="AB131" s="6">
        <v>2</v>
      </c>
      <c r="AC131" s="6">
        <v>24784</v>
      </c>
      <c r="AD131" s="7">
        <v>44.394599999999997</v>
      </c>
    </row>
    <row r="132" spans="1:30">
      <c r="A132" s="9" t="s">
        <v>27</v>
      </c>
      <c r="B132" s="9" t="s">
        <v>57</v>
      </c>
      <c r="C132" s="9" t="s">
        <v>58</v>
      </c>
      <c r="D132" s="9" t="s">
        <v>53</v>
      </c>
      <c r="E132" s="9" t="s">
        <v>55</v>
      </c>
      <c r="F132" s="9" t="s">
        <v>145</v>
      </c>
      <c r="G132" s="6">
        <v>3208</v>
      </c>
      <c r="H132" s="6">
        <v>190</v>
      </c>
      <c r="I132" s="6">
        <v>364</v>
      </c>
      <c r="J132" s="6">
        <v>232</v>
      </c>
      <c r="K132" s="6">
        <v>252</v>
      </c>
      <c r="L132" s="6">
        <v>306</v>
      </c>
      <c r="M132" s="6">
        <v>322</v>
      </c>
      <c r="N132" s="6">
        <v>308</v>
      </c>
      <c r="O132" s="6">
        <v>289</v>
      </c>
      <c r="P132" s="6">
        <v>231</v>
      </c>
      <c r="Q132" s="6">
        <v>259</v>
      </c>
      <c r="R132" s="6">
        <v>177</v>
      </c>
      <c r="S132" s="6">
        <v>170</v>
      </c>
      <c r="T132" s="6">
        <v>65</v>
      </c>
      <c r="U132" s="6">
        <v>26</v>
      </c>
      <c r="V132" s="6">
        <v>12</v>
      </c>
      <c r="W132" s="6">
        <v>5</v>
      </c>
      <c r="X132" s="10" t="s">
        <v>55</v>
      </c>
      <c r="Y132" s="6">
        <v>2753</v>
      </c>
      <c r="Z132" s="6">
        <v>455</v>
      </c>
      <c r="AA132" s="6">
        <v>108</v>
      </c>
      <c r="AB132" s="6">
        <v>17</v>
      </c>
      <c r="AC132" s="6">
        <v>2740</v>
      </c>
      <c r="AD132" s="7">
        <v>44.703870000000002</v>
      </c>
    </row>
    <row r="133" spans="1:30">
      <c r="A133" s="9" t="s">
        <v>27</v>
      </c>
      <c r="B133" s="9" t="s">
        <v>57</v>
      </c>
      <c r="C133" s="9" t="s">
        <v>58</v>
      </c>
      <c r="D133" s="9" t="s">
        <v>53</v>
      </c>
      <c r="E133" s="9" t="s">
        <v>55</v>
      </c>
      <c r="F133" s="9" t="s">
        <v>146</v>
      </c>
      <c r="G133" s="6">
        <v>9523</v>
      </c>
      <c r="H133" s="6">
        <v>99</v>
      </c>
      <c r="I133" s="6">
        <v>820</v>
      </c>
      <c r="J133" s="6">
        <v>830</v>
      </c>
      <c r="K133" s="6">
        <v>896</v>
      </c>
      <c r="L133" s="6">
        <v>887</v>
      </c>
      <c r="M133" s="6">
        <v>908</v>
      </c>
      <c r="N133" s="6">
        <v>761</v>
      </c>
      <c r="O133" s="6">
        <v>659</v>
      </c>
      <c r="P133" s="6">
        <v>870</v>
      </c>
      <c r="Q133" s="6">
        <v>980</v>
      </c>
      <c r="R133" s="6">
        <v>908</v>
      </c>
      <c r="S133" s="6">
        <v>613</v>
      </c>
      <c r="T133" s="6">
        <v>192</v>
      </c>
      <c r="U133" s="6">
        <v>70</v>
      </c>
      <c r="V133" s="6">
        <v>23</v>
      </c>
      <c r="W133" s="6">
        <v>7</v>
      </c>
      <c r="X133" s="10" t="s">
        <v>55</v>
      </c>
      <c r="Y133" s="6">
        <v>7710</v>
      </c>
      <c r="Z133" s="6">
        <v>1813</v>
      </c>
      <c r="AA133" s="6">
        <v>292</v>
      </c>
      <c r="AB133" s="6">
        <v>30</v>
      </c>
      <c r="AC133" s="6">
        <v>8519</v>
      </c>
      <c r="AD133" s="7">
        <v>47.762309999999999</v>
      </c>
    </row>
    <row r="134" spans="1:30">
      <c r="A134" s="9" t="s">
        <v>27</v>
      </c>
      <c r="B134" s="9" t="s">
        <v>57</v>
      </c>
      <c r="C134" s="9" t="s">
        <v>58</v>
      </c>
      <c r="D134" s="9" t="s">
        <v>53</v>
      </c>
      <c r="E134" s="9" t="s">
        <v>55</v>
      </c>
      <c r="F134" s="9" t="s">
        <v>147</v>
      </c>
      <c r="G134" s="6">
        <v>107042</v>
      </c>
      <c r="H134" s="6">
        <v>1359</v>
      </c>
      <c r="I134" s="6">
        <v>6169</v>
      </c>
      <c r="J134" s="6">
        <v>8498</v>
      </c>
      <c r="K134" s="6">
        <v>9881</v>
      </c>
      <c r="L134" s="6">
        <v>11497</v>
      </c>
      <c r="M134" s="6">
        <v>12914</v>
      </c>
      <c r="N134" s="6">
        <v>13624</v>
      </c>
      <c r="O134" s="6">
        <v>11020</v>
      </c>
      <c r="P134" s="6">
        <v>11153</v>
      </c>
      <c r="Q134" s="6">
        <v>9814</v>
      </c>
      <c r="R134" s="6">
        <v>6545</v>
      </c>
      <c r="S134" s="6">
        <v>3436</v>
      </c>
      <c r="T134" s="6">
        <v>781</v>
      </c>
      <c r="U134" s="6">
        <v>251</v>
      </c>
      <c r="V134" s="6">
        <v>84</v>
      </c>
      <c r="W134" s="6">
        <v>16</v>
      </c>
      <c r="X134" s="10" t="s">
        <v>55</v>
      </c>
      <c r="Y134" s="6">
        <v>95929</v>
      </c>
      <c r="Z134" s="6">
        <v>11113</v>
      </c>
      <c r="AA134" s="6">
        <v>1132</v>
      </c>
      <c r="AB134" s="6">
        <v>100</v>
      </c>
      <c r="AC134" s="6">
        <v>101115</v>
      </c>
      <c r="AD134" s="7">
        <v>46.324629999999999</v>
      </c>
    </row>
    <row r="135" spans="1:30">
      <c r="A135" s="9" t="s">
        <v>27</v>
      </c>
      <c r="B135" s="9" t="s">
        <v>57</v>
      </c>
      <c r="C135" s="9" t="s">
        <v>58</v>
      </c>
      <c r="D135" s="9" t="s">
        <v>53</v>
      </c>
      <c r="E135" s="9" t="s">
        <v>55</v>
      </c>
      <c r="F135" s="9" t="s">
        <v>148</v>
      </c>
      <c r="G135" s="6">
        <v>224785</v>
      </c>
      <c r="H135" s="6">
        <v>3237</v>
      </c>
      <c r="I135" s="6">
        <v>13574</v>
      </c>
      <c r="J135" s="6">
        <v>16648</v>
      </c>
      <c r="K135" s="6">
        <v>19798</v>
      </c>
      <c r="L135" s="6">
        <v>22964</v>
      </c>
      <c r="M135" s="6">
        <v>24789</v>
      </c>
      <c r="N135" s="6">
        <v>26206</v>
      </c>
      <c r="O135" s="6">
        <v>23097</v>
      </c>
      <c r="P135" s="6">
        <v>24043</v>
      </c>
      <c r="Q135" s="6">
        <v>22533</v>
      </c>
      <c r="R135" s="6">
        <v>15667</v>
      </c>
      <c r="S135" s="6">
        <v>8665</v>
      </c>
      <c r="T135" s="6">
        <v>2504</v>
      </c>
      <c r="U135" s="6">
        <v>753</v>
      </c>
      <c r="V135" s="6">
        <v>240</v>
      </c>
      <c r="W135" s="6">
        <v>60</v>
      </c>
      <c r="X135" s="6">
        <v>7</v>
      </c>
      <c r="Y135" s="6">
        <v>196889</v>
      </c>
      <c r="Z135" s="6">
        <v>27896</v>
      </c>
      <c r="AA135" s="6">
        <v>3564</v>
      </c>
      <c r="AB135" s="6">
        <v>307</v>
      </c>
      <c r="AC135" s="6">
        <v>209319</v>
      </c>
      <c r="AD135" s="7">
        <v>47.133409999999998</v>
      </c>
    </row>
    <row r="136" spans="1:30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55</v>
      </c>
      <c r="F136" s="9" t="s">
        <v>6</v>
      </c>
      <c r="G136" s="6">
        <v>333726</v>
      </c>
      <c r="H136" s="6">
        <v>4954</v>
      </c>
      <c r="I136" s="6">
        <v>21969</v>
      </c>
      <c r="J136" s="6">
        <v>26460</v>
      </c>
      <c r="K136" s="6">
        <v>29080</v>
      </c>
      <c r="L136" s="6">
        <v>34014</v>
      </c>
      <c r="M136" s="6">
        <v>38187</v>
      </c>
      <c r="N136" s="6">
        <v>40873</v>
      </c>
      <c r="O136" s="6">
        <v>36919</v>
      </c>
      <c r="P136" s="6">
        <v>35964</v>
      </c>
      <c r="Q136" s="6">
        <v>30454</v>
      </c>
      <c r="R136" s="6">
        <v>20171</v>
      </c>
      <c r="S136" s="6">
        <v>10579</v>
      </c>
      <c r="T136" s="6">
        <v>2867</v>
      </c>
      <c r="U136" s="6">
        <v>890</v>
      </c>
      <c r="V136" s="6">
        <v>262</v>
      </c>
      <c r="W136" s="6">
        <v>68</v>
      </c>
      <c r="X136" s="6">
        <v>15</v>
      </c>
      <c r="Y136" s="6">
        <v>298874</v>
      </c>
      <c r="Z136" s="6">
        <v>34852</v>
      </c>
      <c r="AA136" s="6">
        <v>4102</v>
      </c>
      <c r="AB136" s="6">
        <v>345</v>
      </c>
      <c r="AC136" s="6">
        <v>314091</v>
      </c>
      <c r="AD136" s="7">
        <v>46.316070000000003</v>
      </c>
    </row>
    <row r="137" spans="1:30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122</v>
      </c>
      <c r="F137" s="9" t="s">
        <v>123</v>
      </c>
      <c r="G137" s="6">
        <v>7644</v>
      </c>
      <c r="H137" s="6">
        <v>77</v>
      </c>
      <c r="I137" s="6">
        <v>779</v>
      </c>
      <c r="J137" s="6">
        <v>811</v>
      </c>
      <c r="K137" s="6">
        <v>764</v>
      </c>
      <c r="L137" s="6">
        <v>706</v>
      </c>
      <c r="M137" s="6">
        <v>682</v>
      </c>
      <c r="N137" s="6">
        <v>599</v>
      </c>
      <c r="O137" s="6">
        <v>503</v>
      </c>
      <c r="P137" s="6">
        <v>555</v>
      </c>
      <c r="Q137" s="6">
        <v>681</v>
      </c>
      <c r="R137" s="6">
        <v>663</v>
      </c>
      <c r="S137" s="6">
        <v>555</v>
      </c>
      <c r="T137" s="6">
        <v>173</v>
      </c>
      <c r="U137" s="6">
        <v>74</v>
      </c>
      <c r="V137" s="6">
        <v>19</v>
      </c>
      <c r="W137" s="6">
        <v>2</v>
      </c>
      <c r="X137" s="6">
        <v>1</v>
      </c>
      <c r="Y137" s="6">
        <v>6157</v>
      </c>
      <c r="Z137" s="6">
        <v>1487</v>
      </c>
      <c r="AA137" s="6">
        <v>269</v>
      </c>
      <c r="AB137" s="6">
        <v>22</v>
      </c>
      <c r="AC137" s="6">
        <v>6743</v>
      </c>
      <c r="AD137" s="7">
        <v>46.700809999999997</v>
      </c>
    </row>
    <row r="138" spans="1:30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122</v>
      </c>
      <c r="F138" s="9" t="s">
        <v>124</v>
      </c>
      <c r="G138" s="6">
        <v>7344</v>
      </c>
      <c r="H138" s="6">
        <v>76</v>
      </c>
      <c r="I138" s="6">
        <v>760</v>
      </c>
      <c r="J138" s="6">
        <v>801</v>
      </c>
      <c r="K138" s="6">
        <v>742</v>
      </c>
      <c r="L138" s="6">
        <v>674</v>
      </c>
      <c r="M138" s="6">
        <v>638</v>
      </c>
      <c r="N138" s="6">
        <v>554</v>
      </c>
      <c r="O138" s="6">
        <v>477</v>
      </c>
      <c r="P138" s="6">
        <v>518</v>
      </c>
      <c r="Q138" s="6">
        <v>651</v>
      </c>
      <c r="R138" s="6">
        <v>647</v>
      </c>
      <c r="S138" s="6">
        <v>542</v>
      </c>
      <c r="T138" s="6">
        <v>170</v>
      </c>
      <c r="U138" s="6">
        <v>72</v>
      </c>
      <c r="V138" s="6">
        <v>19</v>
      </c>
      <c r="W138" s="6">
        <v>2</v>
      </c>
      <c r="X138" s="6">
        <v>1</v>
      </c>
      <c r="Y138" s="6">
        <v>5891</v>
      </c>
      <c r="Z138" s="6">
        <v>1453</v>
      </c>
      <c r="AA138" s="6">
        <v>264</v>
      </c>
      <c r="AB138" s="6">
        <v>22</v>
      </c>
      <c r="AC138" s="6">
        <v>6462</v>
      </c>
      <c r="AD138" s="7">
        <v>46.643250000000002</v>
      </c>
    </row>
    <row r="139" spans="1:30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122</v>
      </c>
      <c r="F139" s="9" t="s">
        <v>125</v>
      </c>
      <c r="G139" s="6">
        <v>328</v>
      </c>
      <c r="H139" s="6">
        <v>1</v>
      </c>
      <c r="I139" s="6">
        <v>2</v>
      </c>
      <c r="J139" s="6">
        <v>13</v>
      </c>
      <c r="K139" s="6">
        <v>23</v>
      </c>
      <c r="L139" s="6">
        <v>20</v>
      </c>
      <c r="M139" s="6">
        <v>29</v>
      </c>
      <c r="N139" s="6">
        <v>25</v>
      </c>
      <c r="O139" s="6">
        <v>31</v>
      </c>
      <c r="P139" s="6">
        <v>38</v>
      </c>
      <c r="Q139" s="6">
        <v>47</v>
      </c>
      <c r="R139" s="6">
        <v>53</v>
      </c>
      <c r="S139" s="6">
        <v>29</v>
      </c>
      <c r="T139" s="6">
        <v>11</v>
      </c>
      <c r="U139" s="6">
        <v>2</v>
      </c>
      <c r="V139" s="6">
        <v>2</v>
      </c>
      <c r="W139" s="6">
        <v>2</v>
      </c>
      <c r="X139" s="10" t="s">
        <v>55</v>
      </c>
      <c r="Y139" s="6">
        <v>229</v>
      </c>
      <c r="Z139" s="6">
        <v>99</v>
      </c>
      <c r="AA139" s="6">
        <v>17</v>
      </c>
      <c r="AB139" s="6">
        <v>4</v>
      </c>
      <c r="AC139" s="6">
        <v>281</v>
      </c>
      <c r="AD139" s="7">
        <v>55.338410000000003</v>
      </c>
    </row>
    <row r="140" spans="1:30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126</v>
      </c>
      <c r="F140" s="9" t="s">
        <v>127</v>
      </c>
      <c r="G140" s="6">
        <v>54</v>
      </c>
      <c r="H140" s="6">
        <v>1</v>
      </c>
      <c r="I140" s="6">
        <v>2</v>
      </c>
      <c r="J140" s="6">
        <v>2</v>
      </c>
      <c r="K140" s="6">
        <v>2</v>
      </c>
      <c r="L140" s="6">
        <v>6</v>
      </c>
      <c r="M140" s="6">
        <v>5</v>
      </c>
      <c r="N140" s="6">
        <v>7</v>
      </c>
      <c r="O140" s="6">
        <v>7</v>
      </c>
      <c r="P140" s="6">
        <v>6</v>
      </c>
      <c r="Q140" s="6">
        <v>4</v>
      </c>
      <c r="R140" s="6">
        <v>9</v>
      </c>
      <c r="S140" s="6">
        <v>2</v>
      </c>
      <c r="T140" s="6">
        <v>1</v>
      </c>
      <c r="U140" s="10" t="s">
        <v>55</v>
      </c>
      <c r="V140" s="10" t="s">
        <v>55</v>
      </c>
      <c r="W140" s="10" t="s">
        <v>55</v>
      </c>
      <c r="X140" s="10" t="s">
        <v>55</v>
      </c>
      <c r="Y140" s="6">
        <v>42</v>
      </c>
      <c r="Z140" s="6">
        <v>12</v>
      </c>
      <c r="AA140" s="6">
        <v>1</v>
      </c>
      <c r="AB140" s="10" t="s">
        <v>55</v>
      </c>
      <c r="AC140" s="6">
        <v>50</v>
      </c>
      <c r="AD140" s="7">
        <v>50.870370000000001</v>
      </c>
    </row>
    <row r="141" spans="1:30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126</v>
      </c>
      <c r="F141" s="9" t="s">
        <v>128</v>
      </c>
      <c r="G141" s="6">
        <v>9799</v>
      </c>
      <c r="H141" s="6">
        <v>52</v>
      </c>
      <c r="I141" s="6">
        <v>372</v>
      </c>
      <c r="J141" s="6">
        <v>572</v>
      </c>
      <c r="K141" s="6">
        <v>756</v>
      </c>
      <c r="L141" s="6">
        <v>1016</v>
      </c>
      <c r="M141" s="6">
        <v>1325</v>
      </c>
      <c r="N141" s="6">
        <v>1290</v>
      </c>
      <c r="O141" s="6">
        <v>1008</v>
      </c>
      <c r="P141" s="6">
        <v>922</v>
      </c>
      <c r="Q141" s="6">
        <v>864</v>
      </c>
      <c r="R141" s="6">
        <v>846</v>
      </c>
      <c r="S141" s="6">
        <v>505</v>
      </c>
      <c r="T141" s="6">
        <v>181</v>
      </c>
      <c r="U141" s="6">
        <v>60</v>
      </c>
      <c r="V141" s="6">
        <v>25</v>
      </c>
      <c r="W141" s="6">
        <v>3</v>
      </c>
      <c r="X141" s="6">
        <v>2</v>
      </c>
      <c r="Y141" s="6">
        <v>8177</v>
      </c>
      <c r="Z141" s="6">
        <v>1622</v>
      </c>
      <c r="AA141" s="6">
        <v>271</v>
      </c>
      <c r="AB141" s="6">
        <v>30</v>
      </c>
      <c r="AC141" s="6">
        <v>8971</v>
      </c>
      <c r="AD141" s="7">
        <v>49.058019999999999</v>
      </c>
    </row>
    <row r="142" spans="1:30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126</v>
      </c>
      <c r="F142" s="9" t="s">
        <v>129</v>
      </c>
      <c r="G142" s="6">
        <v>32970</v>
      </c>
      <c r="H142" s="6">
        <v>474</v>
      </c>
      <c r="I142" s="6">
        <v>2443</v>
      </c>
      <c r="J142" s="6">
        <v>2675</v>
      </c>
      <c r="K142" s="6">
        <v>3154</v>
      </c>
      <c r="L142" s="6">
        <v>3481</v>
      </c>
      <c r="M142" s="6">
        <v>3909</v>
      </c>
      <c r="N142" s="6">
        <v>4278</v>
      </c>
      <c r="O142" s="6">
        <v>3659</v>
      </c>
      <c r="P142" s="6">
        <v>3516</v>
      </c>
      <c r="Q142" s="6">
        <v>2736</v>
      </c>
      <c r="R142" s="6">
        <v>1626</v>
      </c>
      <c r="S142" s="6">
        <v>728</v>
      </c>
      <c r="T142" s="6">
        <v>197</v>
      </c>
      <c r="U142" s="6">
        <v>71</v>
      </c>
      <c r="V142" s="6">
        <v>19</v>
      </c>
      <c r="W142" s="6">
        <v>4</v>
      </c>
      <c r="X142" s="10" t="s">
        <v>55</v>
      </c>
      <c r="Y142" s="6">
        <v>30325</v>
      </c>
      <c r="Z142" s="6">
        <v>2645</v>
      </c>
      <c r="AA142" s="6">
        <v>291</v>
      </c>
      <c r="AB142" s="6">
        <v>23</v>
      </c>
      <c r="AC142" s="6">
        <v>31477</v>
      </c>
      <c r="AD142" s="7">
        <v>45.186050000000002</v>
      </c>
    </row>
    <row r="143" spans="1:30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130</v>
      </c>
      <c r="F143" s="9" t="s">
        <v>131</v>
      </c>
      <c r="G143" s="6">
        <v>512</v>
      </c>
      <c r="H143" s="6">
        <v>6</v>
      </c>
      <c r="I143" s="6">
        <v>33</v>
      </c>
      <c r="J143" s="6">
        <v>47</v>
      </c>
      <c r="K143" s="6">
        <v>48</v>
      </c>
      <c r="L143" s="6">
        <v>39</v>
      </c>
      <c r="M143" s="6">
        <v>72</v>
      </c>
      <c r="N143" s="6">
        <v>76</v>
      </c>
      <c r="O143" s="6">
        <v>76</v>
      </c>
      <c r="P143" s="6">
        <v>61</v>
      </c>
      <c r="Q143" s="6">
        <v>31</v>
      </c>
      <c r="R143" s="6">
        <v>11</v>
      </c>
      <c r="S143" s="6">
        <v>7</v>
      </c>
      <c r="T143" s="6">
        <v>3</v>
      </c>
      <c r="U143" s="10" t="s">
        <v>55</v>
      </c>
      <c r="V143" s="6">
        <v>2</v>
      </c>
      <c r="W143" s="10" t="s">
        <v>55</v>
      </c>
      <c r="X143" s="10" t="s">
        <v>55</v>
      </c>
      <c r="Y143" s="6">
        <v>489</v>
      </c>
      <c r="Z143" s="6">
        <v>23</v>
      </c>
      <c r="AA143" s="6">
        <v>5</v>
      </c>
      <c r="AB143" s="6">
        <v>2</v>
      </c>
      <c r="AC143" s="6">
        <v>494</v>
      </c>
      <c r="AD143" s="7">
        <v>44.798830000000002</v>
      </c>
    </row>
    <row r="144" spans="1:30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130</v>
      </c>
      <c r="F144" s="9" t="s">
        <v>132</v>
      </c>
      <c r="G144" s="6">
        <v>2920</v>
      </c>
      <c r="H144" s="6">
        <v>11</v>
      </c>
      <c r="I144" s="6">
        <v>290</v>
      </c>
      <c r="J144" s="6">
        <v>418</v>
      </c>
      <c r="K144" s="6">
        <v>380</v>
      </c>
      <c r="L144" s="6">
        <v>360</v>
      </c>
      <c r="M144" s="6">
        <v>415</v>
      </c>
      <c r="N144" s="6">
        <v>375</v>
      </c>
      <c r="O144" s="6">
        <v>317</v>
      </c>
      <c r="P144" s="6">
        <v>181</v>
      </c>
      <c r="Q144" s="6">
        <v>98</v>
      </c>
      <c r="R144" s="6">
        <v>42</v>
      </c>
      <c r="S144" s="6">
        <v>21</v>
      </c>
      <c r="T144" s="6">
        <v>6</v>
      </c>
      <c r="U144" s="6">
        <v>5</v>
      </c>
      <c r="V144" s="10" t="s">
        <v>55</v>
      </c>
      <c r="W144" s="6">
        <v>1</v>
      </c>
      <c r="X144" s="10" t="s">
        <v>55</v>
      </c>
      <c r="Y144" s="6">
        <v>2845</v>
      </c>
      <c r="Z144" s="6">
        <v>75</v>
      </c>
      <c r="AA144" s="6">
        <v>12</v>
      </c>
      <c r="AB144" s="6">
        <v>1</v>
      </c>
      <c r="AC144" s="6">
        <v>2876</v>
      </c>
      <c r="AD144" s="7">
        <v>40.424999999999997</v>
      </c>
    </row>
    <row r="145" spans="1:30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130</v>
      </c>
      <c r="F145" s="9" t="s">
        <v>133</v>
      </c>
      <c r="G145" s="6">
        <v>5124</v>
      </c>
      <c r="H145" s="6">
        <v>54</v>
      </c>
      <c r="I145" s="6">
        <v>252</v>
      </c>
      <c r="J145" s="6">
        <v>309</v>
      </c>
      <c r="K145" s="6">
        <v>402</v>
      </c>
      <c r="L145" s="6">
        <v>478</v>
      </c>
      <c r="M145" s="6">
        <v>628</v>
      </c>
      <c r="N145" s="6">
        <v>718</v>
      </c>
      <c r="O145" s="6">
        <v>672</v>
      </c>
      <c r="P145" s="6">
        <v>656</v>
      </c>
      <c r="Q145" s="6">
        <v>475</v>
      </c>
      <c r="R145" s="6">
        <v>270</v>
      </c>
      <c r="S145" s="6">
        <v>145</v>
      </c>
      <c r="T145" s="6">
        <v>45</v>
      </c>
      <c r="U145" s="6">
        <v>15</v>
      </c>
      <c r="V145" s="6">
        <v>4</v>
      </c>
      <c r="W145" s="6">
        <v>1</v>
      </c>
      <c r="X145" s="10" t="s">
        <v>55</v>
      </c>
      <c r="Y145" s="6">
        <v>4644</v>
      </c>
      <c r="Z145" s="6">
        <v>480</v>
      </c>
      <c r="AA145" s="6">
        <v>65</v>
      </c>
      <c r="AB145" s="6">
        <v>5</v>
      </c>
      <c r="AC145" s="6">
        <v>4860</v>
      </c>
      <c r="AD145" s="7">
        <v>47.508000000000003</v>
      </c>
    </row>
    <row r="146" spans="1:30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130</v>
      </c>
      <c r="F146" s="9" t="s">
        <v>134</v>
      </c>
      <c r="G146" s="6">
        <v>58492</v>
      </c>
      <c r="H146" s="6">
        <v>1412</v>
      </c>
      <c r="I146" s="6">
        <v>3981</v>
      </c>
      <c r="J146" s="6">
        <v>4029</v>
      </c>
      <c r="K146" s="6">
        <v>4748</v>
      </c>
      <c r="L146" s="6">
        <v>5569</v>
      </c>
      <c r="M146" s="6">
        <v>6187</v>
      </c>
      <c r="N146" s="6">
        <v>6943</v>
      </c>
      <c r="O146" s="6">
        <v>6495</v>
      </c>
      <c r="P146" s="6">
        <v>6468</v>
      </c>
      <c r="Q146" s="6">
        <v>5975</v>
      </c>
      <c r="R146" s="6">
        <v>3932</v>
      </c>
      <c r="S146" s="6">
        <v>1949</v>
      </c>
      <c r="T146" s="6">
        <v>523</v>
      </c>
      <c r="U146" s="6">
        <v>201</v>
      </c>
      <c r="V146" s="6">
        <v>54</v>
      </c>
      <c r="W146" s="6">
        <v>22</v>
      </c>
      <c r="X146" s="6">
        <v>4</v>
      </c>
      <c r="Y146" s="6">
        <v>51807</v>
      </c>
      <c r="Z146" s="6">
        <v>6685</v>
      </c>
      <c r="AA146" s="6">
        <v>804</v>
      </c>
      <c r="AB146" s="6">
        <v>80</v>
      </c>
      <c r="AC146" s="6">
        <v>54327</v>
      </c>
      <c r="AD146" s="7">
        <v>46.807270000000003</v>
      </c>
    </row>
    <row r="147" spans="1:30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130</v>
      </c>
      <c r="F147" s="9" t="s">
        <v>135</v>
      </c>
      <c r="G147" s="6">
        <v>8641</v>
      </c>
      <c r="H147" s="6">
        <v>41</v>
      </c>
      <c r="I147" s="6">
        <v>461</v>
      </c>
      <c r="J147" s="6">
        <v>855</v>
      </c>
      <c r="K147" s="6">
        <v>751</v>
      </c>
      <c r="L147" s="6">
        <v>892</v>
      </c>
      <c r="M147" s="6">
        <v>934</v>
      </c>
      <c r="N147" s="6">
        <v>1336</v>
      </c>
      <c r="O147" s="6">
        <v>1209</v>
      </c>
      <c r="P147" s="6">
        <v>1028</v>
      </c>
      <c r="Q147" s="6">
        <v>599</v>
      </c>
      <c r="R147" s="6">
        <v>291</v>
      </c>
      <c r="S147" s="6">
        <v>184</v>
      </c>
      <c r="T147" s="6">
        <v>46</v>
      </c>
      <c r="U147" s="6">
        <v>12</v>
      </c>
      <c r="V147" s="6">
        <v>2</v>
      </c>
      <c r="W147" s="10" t="s">
        <v>55</v>
      </c>
      <c r="X147" s="10" t="s">
        <v>55</v>
      </c>
      <c r="Y147" s="6">
        <v>8106</v>
      </c>
      <c r="Z147" s="6">
        <v>535</v>
      </c>
      <c r="AA147" s="6">
        <v>60</v>
      </c>
      <c r="AB147" s="6">
        <v>2</v>
      </c>
      <c r="AC147" s="6">
        <v>8356</v>
      </c>
      <c r="AD147" s="7">
        <v>45.519559999999998</v>
      </c>
    </row>
    <row r="148" spans="1:30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130</v>
      </c>
      <c r="F148" s="9" t="s">
        <v>136</v>
      </c>
      <c r="G148" s="6">
        <v>4496</v>
      </c>
      <c r="H148" s="6">
        <v>34</v>
      </c>
      <c r="I148" s="6">
        <v>203</v>
      </c>
      <c r="J148" s="6">
        <v>313</v>
      </c>
      <c r="K148" s="6">
        <v>354</v>
      </c>
      <c r="L148" s="6">
        <v>392</v>
      </c>
      <c r="M148" s="6">
        <v>510</v>
      </c>
      <c r="N148" s="6">
        <v>520</v>
      </c>
      <c r="O148" s="6">
        <v>412</v>
      </c>
      <c r="P148" s="6">
        <v>429</v>
      </c>
      <c r="Q148" s="6">
        <v>428</v>
      </c>
      <c r="R148" s="6">
        <v>428</v>
      </c>
      <c r="S148" s="6">
        <v>276</v>
      </c>
      <c r="T148" s="6">
        <v>119</v>
      </c>
      <c r="U148" s="6">
        <v>53</v>
      </c>
      <c r="V148" s="6">
        <v>17</v>
      </c>
      <c r="W148" s="6">
        <v>7</v>
      </c>
      <c r="X148" s="6">
        <v>1</v>
      </c>
      <c r="Y148" s="6">
        <v>3595</v>
      </c>
      <c r="Z148" s="6">
        <v>901</v>
      </c>
      <c r="AA148" s="6">
        <v>197</v>
      </c>
      <c r="AB148" s="6">
        <v>25</v>
      </c>
      <c r="AC148" s="6">
        <v>3989</v>
      </c>
      <c r="AD148" s="7">
        <v>49.782249999999998</v>
      </c>
    </row>
    <row r="149" spans="1:30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130</v>
      </c>
      <c r="F149" s="9" t="s">
        <v>137</v>
      </c>
      <c r="G149" s="6">
        <v>6188</v>
      </c>
      <c r="H149" s="6">
        <v>34</v>
      </c>
      <c r="I149" s="6">
        <v>344</v>
      </c>
      <c r="J149" s="6">
        <v>555</v>
      </c>
      <c r="K149" s="6">
        <v>591</v>
      </c>
      <c r="L149" s="6">
        <v>779</v>
      </c>
      <c r="M149" s="6">
        <v>909</v>
      </c>
      <c r="N149" s="6">
        <v>946</v>
      </c>
      <c r="O149" s="6">
        <v>687</v>
      </c>
      <c r="P149" s="6">
        <v>548</v>
      </c>
      <c r="Q149" s="6">
        <v>402</v>
      </c>
      <c r="R149" s="6">
        <v>233</v>
      </c>
      <c r="S149" s="6">
        <v>111</v>
      </c>
      <c r="T149" s="6">
        <v>38</v>
      </c>
      <c r="U149" s="6">
        <v>8</v>
      </c>
      <c r="V149" s="6">
        <v>2</v>
      </c>
      <c r="W149" s="6">
        <v>1</v>
      </c>
      <c r="X149" s="10" t="s">
        <v>55</v>
      </c>
      <c r="Y149" s="6">
        <v>5795</v>
      </c>
      <c r="Z149" s="6">
        <v>393</v>
      </c>
      <c r="AA149" s="6">
        <v>49</v>
      </c>
      <c r="AB149" s="6">
        <v>3</v>
      </c>
      <c r="AC149" s="6">
        <v>5994</v>
      </c>
      <c r="AD149" s="7">
        <v>44.58484</v>
      </c>
    </row>
    <row r="150" spans="1:30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130</v>
      </c>
      <c r="F150" s="9" t="s">
        <v>138</v>
      </c>
      <c r="G150" s="6">
        <v>22618</v>
      </c>
      <c r="H150" s="6">
        <v>1539</v>
      </c>
      <c r="I150" s="6">
        <v>2535</v>
      </c>
      <c r="J150" s="6">
        <v>1231</v>
      </c>
      <c r="K150" s="6">
        <v>1515</v>
      </c>
      <c r="L150" s="6">
        <v>1801</v>
      </c>
      <c r="M150" s="6">
        <v>2038</v>
      </c>
      <c r="N150" s="6">
        <v>2118</v>
      </c>
      <c r="O150" s="6">
        <v>1906</v>
      </c>
      <c r="P150" s="6">
        <v>1977</v>
      </c>
      <c r="Q150" s="6">
        <v>2201</v>
      </c>
      <c r="R150" s="6">
        <v>2030</v>
      </c>
      <c r="S150" s="6">
        <v>1315</v>
      </c>
      <c r="T150" s="6">
        <v>320</v>
      </c>
      <c r="U150" s="6">
        <v>68</v>
      </c>
      <c r="V150" s="6">
        <v>19</v>
      </c>
      <c r="W150" s="6">
        <v>5</v>
      </c>
      <c r="X150" s="10" t="s">
        <v>55</v>
      </c>
      <c r="Y150" s="6">
        <v>18861</v>
      </c>
      <c r="Z150" s="6">
        <v>3757</v>
      </c>
      <c r="AA150" s="6">
        <v>412</v>
      </c>
      <c r="AB150" s="6">
        <v>24</v>
      </c>
      <c r="AC150" s="6">
        <v>19352</v>
      </c>
      <c r="AD150" s="7">
        <v>45.906759999999998</v>
      </c>
    </row>
    <row r="151" spans="1:30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130</v>
      </c>
      <c r="F151" s="9" t="s">
        <v>139</v>
      </c>
      <c r="G151" s="6">
        <v>12183</v>
      </c>
      <c r="H151" s="6">
        <v>148</v>
      </c>
      <c r="I151" s="6">
        <v>1045</v>
      </c>
      <c r="J151" s="6">
        <v>1175</v>
      </c>
      <c r="K151" s="6">
        <v>1131</v>
      </c>
      <c r="L151" s="6">
        <v>1258</v>
      </c>
      <c r="M151" s="6">
        <v>1232</v>
      </c>
      <c r="N151" s="6">
        <v>1157</v>
      </c>
      <c r="O151" s="6">
        <v>1135</v>
      </c>
      <c r="P151" s="6">
        <v>1173</v>
      </c>
      <c r="Q151" s="6">
        <v>1077</v>
      </c>
      <c r="R151" s="6">
        <v>897</v>
      </c>
      <c r="S151" s="6">
        <v>536</v>
      </c>
      <c r="T151" s="6">
        <v>156</v>
      </c>
      <c r="U151" s="6">
        <v>54</v>
      </c>
      <c r="V151" s="6">
        <v>9</v>
      </c>
      <c r="W151" s="10" t="s">
        <v>55</v>
      </c>
      <c r="X151" s="10" t="s">
        <v>55</v>
      </c>
      <c r="Y151" s="6">
        <v>10531</v>
      </c>
      <c r="Z151" s="6">
        <v>1652</v>
      </c>
      <c r="AA151" s="6">
        <v>219</v>
      </c>
      <c r="AB151" s="6">
        <v>9</v>
      </c>
      <c r="AC151" s="6">
        <v>11280</v>
      </c>
      <c r="AD151" s="7">
        <v>46.010550000000002</v>
      </c>
    </row>
    <row r="152" spans="1:30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130</v>
      </c>
      <c r="F152" s="9" t="s">
        <v>140</v>
      </c>
      <c r="G152" s="6">
        <v>20994</v>
      </c>
      <c r="H152" s="6">
        <v>220</v>
      </c>
      <c r="I152" s="6">
        <v>1367</v>
      </c>
      <c r="J152" s="6">
        <v>1923</v>
      </c>
      <c r="K152" s="6">
        <v>1695</v>
      </c>
      <c r="L152" s="6">
        <v>2027</v>
      </c>
      <c r="M152" s="6">
        <v>2560</v>
      </c>
      <c r="N152" s="6">
        <v>3109</v>
      </c>
      <c r="O152" s="6">
        <v>2879</v>
      </c>
      <c r="P152" s="6">
        <v>2733</v>
      </c>
      <c r="Q152" s="6">
        <v>1576</v>
      </c>
      <c r="R152" s="6">
        <v>600</v>
      </c>
      <c r="S152" s="6">
        <v>214</v>
      </c>
      <c r="T152" s="6">
        <v>67</v>
      </c>
      <c r="U152" s="6">
        <v>17</v>
      </c>
      <c r="V152" s="6">
        <v>4</v>
      </c>
      <c r="W152" s="6">
        <v>3</v>
      </c>
      <c r="X152" s="10" t="s">
        <v>55</v>
      </c>
      <c r="Y152" s="6">
        <v>20089</v>
      </c>
      <c r="Z152" s="6">
        <v>905</v>
      </c>
      <c r="AA152" s="6">
        <v>91</v>
      </c>
      <c r="AB152" s="6">
        <v>7</v>
      </c>
      <c r="AC152" s="6">
        <v>20469</v>
      </c>
      <c r="AD152" s="7">
        <v>45.020719999999997</v>
      </c>
    </row>
    <row r="153" spans="1:30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130</v>
      </c>
      <c r="F153" s="9" t="s">
        <v>141</v>
      </c>
      <c r="G153" s="6">
        <v>105148</v>
      </c>
      <c r="H153" s="6">
        <v>334</v>
      </c>
      <c r="I153" s="6">
        <v>5778</v>
      </c>
      <c r="J153" s="6">
        <v>8801</v>
      </c>
      <c r="K153" s="6">
        <v>9776</v>
      </c>
      <c r="L153" s="6">
        <v>11832</v>
      </c>
      <c r="M153" s="6">
        <v>12649</v>
      </c>
      <c r="N153" s="6">
        <v>12557</v>
      </c>
      <c r="O153" s="6">
        <v>11770</v>
      </c>
      <c r="P153" s="6">
        <v>11903</v>
      </c>
      <c r="Q153" s="6">
        <v>10184</v>
      </c>
      <c r="R153" s="6">
        <v>6074</v>
      </c>
      <c r="S153" s="6">
        <v>2749</v>
      </c>
      <c r="T153" s="6">
        <v>572</v>
      </c>
      <c r="U153" s="6">
        <v>121</v>
      </c>
      <c r="V153" s="6">
        <v>36</v>
      </c>
      <c r="W153" s="6">
        <v>9</v>
      </c>
      <c r="X153" s="6">
        <v>3</v>
      </c>
      <c r="Y153" s="6">
        <v>95584</v>
      </c>
      <c r="Z153" s="6">
        <v>9564</v>
      </c>
      <c r="AA153" s="6">
        <v>741</v>
      </c>
      <c r="AB153" s="6">
        <v>48</v>
      </c>
      <c r="AC153" s="6">
        <v>101324</v>
      </c>
      <c r="AD153" s="7">
        <v>46.408209999999997</v>
      </c>
    </row>
    <row r="154" spans="1:30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130</v>
      </c>
      <c r="F154" s="9" t="s">
        <v>142</v>
      </c>
      <c r="G154" s="6">
        <v>3812</v>
      </c>
      <c r="H154" s="6">
        <v>70</v>
      </c>
      <c r="I154" s="6">
        <v>234</v>
      </c>
      <c r="J154" s="6">
        <v>279</v>
      </c>
      <c r="K154" s="6">
        <v>342</v>
      </c>
      <c r="L154" s="6">
        <v>376</v>
      </c>
      <c r="M154" s="6">
        <v>411</v>
      </c>
      <c r="N154" s="6">
        <v>619</v>
      </c>
      <c r="O154" s="6">
        <v>515</v>
      </c>
      <c r="P154" s="6">
        <v>438</v>
      </c>
      <c r="Q154" s="6">
        <v>330</v>
      </c>
      <c r="R154" s="6">
        <v>128</v>
      </c>
      <c r="S154" s="6">
        <v>48</v>
      </c>
      <c r="T154" s="6">
        <v>21</v>
      </c>
      <c r="U154" s="10" t="s">
        <v>55</v>
      </c>
      <c r="V154" s="6">
        <v>1</v>
      </c>
      <c r="W154" s="10" t="s">
        <v>55</v>
      </c>
      <c r="X154" s="10" t="s">
        <v>55</v>
      </c>
      <c r="Y154" s="6">
        <v>3614</v>
      </c>
      <c r="Z154" s="6">
        <v>198</v>
      </c>
      <c r="AA154" s="6">
        <v>22</v>
      </c>
      <c r="AB154" s="6">
        <v>1</v>
      </c>
      <c r="AC154" s="6">
        <v>3672</v>
      </c>
      <c r="AD154" s="7">
        <v>45.387720000000002</v>
      </c>
    </row>
    <row r="155" spans="1:30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130</v>
      </c>
      <c r="F155" s="9" t="s">
        <v>143</v>
      </c>
      <c r="G155" s="6">
        <v>17269</v>
      </c>
      <c r="H155" s="6">
        <v>125</v>
      </c>
      <c r="I155" s="6">
        <v>741</v>
      </c>
      <c r="J155" s="6">
        <v>1109</v>
      </c>
      <c r="K155" s="6">
        <v>1259</v>
      </c>
      <c r="L155" s="6">
        <v>1483</v>
      </c>
      <c r="M155" s="6">
        <v>1837</v>
      </c>
      <c r="N155" s="6">
        <v>2115</v>
      </c>
      <c r="O155" s="6">
        <v>1989</v>
      </c>
      <c r="P155" s="6">
        <v>1937</v>
      </c>
      <c r="Q155" s="6">
        <v>1752</v>
      </c>
      <c r="R155" s="6">
        <v>1583</v>
      </c>
      <c r="S155" s="6">
        <v>953</v>
      </c>
      <c r="T155" s="6">
        <v>286</v>
      </c>
      <c r="U155" s="6">
        <v>76</v>
      </c>
      <c r="V155" s="6">
        <v>19</v>
      </c>
      <c r="W155" s="6">
        <v>4</v>
      </c>
      <c r="X155" s="6">
        <v>1</v>
      </c>
      <c r="Y155" s="6">
        <v>14347</v>
      </c>
      <c r="Z155" s="6">
        <v>2922</v>
      </c>
      <c r="AA155" s="6">
        <v>386</v>
      </c>
      <c r="AB155" s="6">
        <v>24</v>
      </c>
      <c r="AC155" s="6">
        <v>15805</v>
      </c>
      <c r="AD155" s="7">
        <v>49.572560000000003</v>
      </c>
    </row>
    <row r="156" spans="1:30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130</v>
      </c>
      <c r="F156" s="9" t="s">
        <v>144</v>
      </c>
      <c r="G156" s="6">
        <v>11174</v>
      </c>
      <c r="H156" s="6">
        <v>153</v>
      </c>
      <c r="I156" s="6">
        <v>777</v>
      </c>
      <c r="J156" s="6">
        <v>1079</v>
      </c>
      <c r="K156" s="6">
        <v>1070</v>
      </c>
      <c r="L156" s="6">
        <v>1163</v>
      </c>
      <c r="M156" s="6">
        <v>1494</v>
      </c>
      <c r="N156" s="6">
        <v>1735</v>
      </c>
      <c r="O156" s="6">
        <v>1371</v>
      </c>
      <c r="P156" s="6">
        <v>1182</v>
      </c>
      <c r="Q156" s="6">
        <v>745</v>
      </c>
      <c r="R156" s="6">
        <v>268</v>
      </c>
      <c r="S156" s="6">
        <v>106</v>
      </c>
      <c r="T156" s="6">
        <v>21</v>
      </c>
      <c r="U156" s="6">
        <v>8</v>
      </c>
      <c r="V156" s="6">
        <v>2</v>
      </c>
      <c r="W156" s="10" t="s">
        <v>55</v>
      </c>
      <c r="X156" s="10" t="s">
        <v>55</v>
      </c>
      <c r="Y156" s="6">
        <v>10769</v>
      </c>
      <c r="Z156" s="6">
        <v>405</v>
      </c>
      <c r="AA156" s="6">
        <v>31</v>
      </c>
      <c r="AB156" s="6">
        <v>2</v>
      </c>
      <c r="AC156" s="6">
        <v>10884</v>
      </c>
      <c r="AD156" s="7">
        <v>43.777430000000003</v>
      </c>
    </row>
    <row r="157" spans="1:30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55</v>
      </c>
      <c r="F157" s="9" t="s">
        <v>145</v>
      </c>
      <c r="G157" s="6">
        <v>3360</v>
      </c>
      <c r="H157" s="6">
        <v>168</v>
      </c>
      <c r="I157" s="6">
        <v>330</v>
      </c>
      <c r="J157" s="6">
        <v>264</v>
      </c>
      <c r="K157" s="6">
        <v>319</v>
      </c>
      <c r="L157" s="6">
        <v>336</v>
      </c>
      <c r="M157" s="6">
        <v>361</v>
      </c>
      <c r="N157" s="6">
        <v>350</v>
      </c>
      <c r="O157" s="6">
        <v>278</v>
      </c>
      <c r="P157" s="6">
        <v>213</v>
      </c>
      <c r="Q157" s="6">
        <v>249</v>
      </c>
      <c r="R157" s="6">
        <v>187</v>
      </c>
      <c r="S157" s="6">
        <v>146</v>
      </c>
      <c r="T157" s="6">
        <v>81</v>
      </c>
      <c r="U157" s="6">
        <v>45</v>
      </c>
      <c r="V157" s="6">
        <v>26</v>
      </c>
      <c r="W157" s="6">
        <v>4</v>
      </c>
      <c r="X157" s="6">
        <v>3</v>
      </c>
      <c r="Y157" s="6">
        <v>2868</v>
      </c>
      <c r="Z157" s="6">
        <v>492</v>
      </c>
      <c r="AA157" s="6">
        <v>159</v>
      </c>
      <c r="AB157" s="6">
        <v>33</v>
      </c>
      <c r="AC157" s="6">
        <v>2887</v>
      </c>
      <c r="AD157" s="7">
        <v>44.991669999999999</v>
      </c>
    </row>
    <row r="158" spans="1:30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55</v>
      </c>
      <c r="F158" s="9" t="s">
        <v>146</v>
      </c>
      <c r="G158" s="6">
        <v>7972</v>
      </c>
      <c r="H158" s="6">
        <v>78</v>
      </c>
      <c r="I158" s="6">
        <v>781</v>
      </c>
      <c r="J158" s="6">
        <v>824</v>
      </c>
      <c r="K158" s="6">
        <v>787</v>
      </c>
      <c r="L158" s="6">
        <v>726</v>
      </c>
      <c r="M158" s="6">
        <v>711</v>
      </c>
      <c r="N158" s="6">
        <v>624</v>
      </c>
      <c r="O158" s="6">
        <v>534</v>
      </c>
      <c r="P158" s="6">
        <v>593</v>
      </c>
      <c r="Q158" s="6">
        <v>728</v>
      </c>
      <c r="R158" s="6">
        <v>716</v>
      </c>
      <c r="S158" s="6">
        <v>584</v>
      </c>
      <c r="T158" s="6">
        <v>184</v>
      </c>
      <c r="U158" s="6">
        <v>76</v>
      </c>
      <c r="V158" s="6">
        <v>21</v>
      </c>
      <c r="W158" s="6">
        <v>4</v>
      </c>
      <c r="X158" s="6">
        <v>1</v>
      </c>
      <c r="Y158" s="6">
        <v>6386</v>
      </c>
      <c r="Z158" s="6">
        <v>1586</v>
      </c>
      <c r="AA158" s="6">
        <v>286</v>
      </c>
      <c r="AB158" s="6">
        <v>26</v>
      </c>
      <c r="AC158" s="6">
        <v>7024</v>
      </c>
      <c r="AD158" s="7">
        <v>47.056199999999997</v>
      </c>
    </row>
    <row r="159" spans="1:30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55</v>
      </c>
      <c r="F159" s="9" t="s">
        <v>147</v>
      </c>
      <c r="G159" s="6">
        <v>42823</v>
      </c>
      <c r="H159" s="6">
        <v>527</v>
      </c>
      <c r="I159" s="6">
        <v>2817</v>
      </c>
      <c r="J159" s="6">
        <v>3249</v>
      </c>
      <c r="K159" s="6">
        <v>3912</v>
      </c>
      <c r="L159" s="6">
        <v>4503</v>
      </c>
      <c r="M159" s="6">
        <v>5239</v>
      </c>
      <c r="N159" s="6">
        <v>5575</v>
      </c>
      <c r="O159" s="6">
        <v>4674</v>
      </c>
      <c r="P159" s="6">
        <v>4444</v>
      </c>
      <c r="Q159" s="6">
        <v>3604</v>
      </c>
      <c r="R159" s="6">
        <v>2481</v>
      </c>
      <c r="S159" s="6">
        <v>1235</v>
      </c>
      <c r="T159" s="6">
        <v>379</v>
      </c>
      <c r="U159" s="6">
        <v>131</v>
      </c>
      <c r="V159" s="6">
        <v>44</v>
      </c>
      <c r="W159" s="6">
        <v>7</v>
      </c>
      <c r="X159" s="6">
        <v>2</v>
      </c>
      <c r="Y159" s="6">
        <v>38544</v>
      </c>
      <c r="Z159" s="6">
        <v>4279</v>
      </c>
      <c r="AA159" s="6">
        <v>563</v>
      </c>
      <c r="AB159" s="6">
        <v>53</v>
      </c>
      <c r="AC159" s="6">
        <v>40498</v>
      </c>
      <c r="AD159" s="7">
        <v>46.079219999999999</v>
      </c>
    </row>
    <row r="160" spans="1:30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55</v>
      </c>
      <c r="F160" s="9" t="s">
        <v>148</v>
      </c>
      <c r="G160" s="6">
        <v>279571</v>
      </c>
      <c r="H160" s="6">
        <v>4181</v>
      </c>
      <c r="I160" s="6">
        <v>18041</v>
      </c>
      <c r="J160" s="6">
        <v>22123</v>
      </c>
      <c r="K160" s="6">
        <v>24062</v>
      </c>
      <c r="L160" s="6">
        <v>28449</v>
      </c>
      <c r="M160" s="6">
        <v>31876</v>
      </c>
      <c r="N160" s="6">
        <v>34324</v>
      </c>
      <c r="O160" s="6">
        <v>31433</v>
      </c>
      <c r="P160" s="6">
        <v>30714</v>
      </c>
      <c r="Q160" s="6">
        <v>25873</v>
      </c>
      <c r="R160" s="6">
        <v>16787</v>
      </c>
      <c r="S160" s="6">
        <v>8614</v>
      </c>
      <c r="T160" s="6">
        <v>2223</v>
      </c>
      <c r="U160" s="6">
        <v>638</v>
      </c>
      <c r="V160" s="6">
        <v>171</v>
      </c>
      <c r="W160" s="6">
        <v>53</v>
      </c>
      <c r="X160" s="6">
        <v>9</v>
      </c>
      <c r="Y160" s="6">
        <v>251076</v>
      </c>
      <c r="Z160" s="6">
        <v>28495</v>
      </c>
      <c r="AA160" s="6">
        <v>3094</v>
      </c>
      <c r="AB160" s="6">
        <v>233</v>
      </c>
      <c r="AC160" s="6">
        <v>263682</v>
      </c>
      <c r="AD160" s="7">
        <v>46.347160000000002</v>
      </c>
    </row>
    <row r="161" spans="1:30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55</v>
      </c>
      <c r="F161" s="9" t="s">
        <v>6</v>
      </c>
      <c r="G161" s="6">
        <v>46011</v>
      </c>
      <c r="H161" s="6">
        <v>584</v>
      </c>
      <c r="I161" s="6">
        <v>2863</v>
      </c>
      <c r="J161" s="6">
        <v>3568</v>
      </c>
      <c r="K161" s="6">
        <v>3959</v>
      </c>
      <c r="L161" s="6">
        <v>4606</v>
      </c>
      <c r="M161" s="6">
        <v>5023</v>
      </c>
      <c r="N161" s="6">
        <v>5501</v>
      </c>
      <c r="O161" s="6">
        <v>5064</v>
      </c>
      <c r="P161" s="6">
        <v>5156</v>
      </c>
      <c r="Q161" s="6">
        <v>4424</v>
      </c>
      <c r="R161" s="6">
        <v>2954</v>
      </c>
      <c r="S161" s="6">
        <v>1666</v>
      </c>
      <c r="T161" s="6">
        <v>449</v>
      </c>
      <c r="U161" s="6">
        <v>145</v>
      </c>
      <c r="V161" s="6">
        <v>36</v>
      </c>
      <c r="W161" s="6">
        <v>12</v>
      </c>
      <c r="X161" s="6">
        <v>1</v>
      </c>
      <c r="Y161" s="6">
        <v>40748</v>
      </c>
      <c r="Z161" s="6">
        <v>5263</v>
      </c>
      <c r="AA161" s="6">
        <v>643</v>
      </c>
      <c r="AB161" s="6">
        <v>49</v>
      </c>
      <c r="AC161" s="6">
        <v>43118</v>
      </c>
      <c r="AD161" s="7">
        <v>46.915419999999997</v>
      </c>
    </row>
    <row r="162" spans="1:30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122</v>
      </c>
      <c r="F162" s="9" t="s">
        <v>123</v>
      </c>
      <c r="G162" s="6">
        <v>2376</v>
      </c>
      <c r="H162" s="6">
        <v>28</v>
      </c>
      <c r="I162" s="6">
        <v>428</v>
      </c>
      <c r="J162" s="6">
        <v>456</v>
      </c>
      <c r="K162" s="6">
        <v>310</v>
      </c>
      <c r="L162" s="6">
        <v>183</v>
      </c>
      <c r="M162" s="6">
        <v>168</v>
      </c>
      <c r="N162" s="6">
        <v>120</v>
      </c>
      <c r="O162" s="6">
        <v>89</v>
      </c>
      <c r="P162" s="6">
        <v>128</v>
      </c>
      <c r="Q162" s="6">
        <v>164</v>
      </c>
      <c r="R162" s="6">
        <v>158</v>
      </c>
      <c r="S162" s="6">
        <v>105</v>
      </c>
      <c r="T162" s="6">
        <v>26</v>
      </c>
      <c r="U162" s="6">
        <v>8</v>
      </c>
      <c r="V162" s="6">
        <v>3</v>
      </c>
      <c r="W162" s="6">
        <v>2</v>
      </c>
      <c r="X162" s="10" t="s">
        <v>55</v>
      </c>
      <c r="Y162" s="6">
        <v>2074</v>
      </c>
      <c r="Z162" s="6">
        <v>302</v>
      </c>
      <c r="AA162" s="6">
        <v>39</v>
      </c>
      <c r="AB162" s="6">
        <v>5</v>
      </c>
      <c r="AC162" s="6">
        <v>2204</v>
      </c>
      <c r="AD162" s="7">
        <v>40.414560000000002</v>
      </c>
    </row>
    <row r="163" spans="1:30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122</v>
      </c>
      <c r="F163" s="9" t="s">
        <v>124</v>
      </c>
      <c r="G163" s="6">
        <v>2245</v>
      </c>
      <c r="H163" s="6">
        <v>28</v>
      </c>
      <c r="I163" s="6">
        <v>425</v>
      </c>
      <c r="J163" s="6">
        <v>452</v>
      </c>
      <c r="K163" s="6">
        <v>304</v>
      </c>
      <c r="L163" s="6">
        <v>176</v>
      </c>
      <c r="M163" s="6">
        <v>153</v>
      </c>
      <c r="N163" s="6">
        <v>108</v>
      </c>
      <c r="O163" s="6">
        <v>85</v>
      </c>
      <c r="P163" s="6">
        <v>111</v>
      </c>
      <c r="Q163" s="6">
        <v>139</v>
      </c>
      <c r="R163" s="6">
        <v>136</v>
      </c>
      <c r="S163" s="6">
        <v>93</v>
      </c>
      <c r="T163" s="6">
        <v>22</v>
      </c>
      <c r="U163" s="6">
        <v>8</v>
      </c>
      <c r="V163" s="6">
        <v>3</v>
      </c>
      <c r="W163" s="6">
        <v>2</v>
      </c>
      <c r="X163" s="10" t="s">
        <v>55</v>
      </c>
      <c r="Y163" s="6">
        <v>1981</v>
      </c>
      <c r="Z163" s="6">
        <v>264</v>
      </c>
      <c r="AA163" s="6">
        <v>35</v>
      </c>
      <c r="AB163" s="6">
        <v>5</v>
      </c>
      <c r="AC163" s="6">
        <v>2089</v>
      </c>
      <c r="AD163" s="7">
        <v>39.5441</v>
      </c>
    </row>
    <row r="164" spans="1:30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122</v>
      </c>
      <c r="F164" s="9" t="s">
        <v>125</v>
      </c>
      <c r="G164" s="6">
        <v>11</v>
      </c>
      <c r="H164" s="10" t="s">
        <v>55</v>
      </c>
      <c r="I164" s="10" t="s">
        <v>55</v>
      </c>
      <c r="J164" s="10" t="s">
        <v>55</v>
      </c>
      <c r="K164" s="10" t="s">
        <v>55</v>
      </c>
      <c r="L164" s="6">
        <v>4</v>
      </c>
      <c r="M164" s="6">
        <v>3</v>
      </c>
      <c r="N164" s="10" t="s">
        <v>55</v>
      </c>
      <c r="O164" s="6">
        <v>2</v>
      </c>
      <c r="P164" s="6">
        <v>1</v>
      </c>
      <c r="Q164" s="10" t="s">
        <v>55</v>
      </c>
      <c r="R164" s="10" t="s">
        <v>55</v>
      </c>
      <c r="S164" s="6">
        <v>1</v>
      </c>
      <c r="T164" s="10" t="s">
        <v>55</v>
      </c>
      <c r="U164" s="10" t="s">
        <v>55</v>
      </c>
      <c r="V164" s="10" t="s">
        <v>55</v>
      </c>
      <c r="W164" s="10" t="s">
        <v>55</v>
      </c>
      <c r="X164" s="10" t="s">
        <v>55</v>
      </c>
      <c r="Y164" s="6">
        <v>10</v>
      </c>
      <c r="Z164" s="6">
        <v>1</v>
      </c>
      <c r="AA164" s="10" t="s">
        <v>55</v>
      </c>
      <c r="AB164" s="10" t="s">
        <v>55</v>
      </c>
      <c r="AC164" s="6">
        <v>10</v>
      </c>
      <c r="AD164" s="7">
        <v>46.681820000000002</v>
      </c>
    </row>
    <row r="165" spans="1:30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126</v>
      </c>
      <c r="F165" s="9" t="s">
        <v>127</v>
      </c>
      <c r="G165" s="6">
        <v>34</v>
      </c>
      <c r="H165" s="10" t="s">
        <v>55</v>
      </c>
      <c r="I165" s="10" t="s">
        <v>55</v>
      </c>
      <c r="J165" s="6">
        <v>1</v>
      </c>
      <c r="K165" s="10" t="s">
        <v>55</v>
      </c>
      <c r="L165" s="6">
        <v>3</v>
      </c>
      <c r="M165" s="6">
        <v>3</v>
      </c>
      <c r="N165" s="6">
        <v>2</v>
      </c>
      <c r="O165" s="6">
        <v>4</v>
      </c>
      <c r="P165" s="6">
        <v>5</v>
      </c>
      <c r="Q165" s="6">
        <v>2</v>
      </c>
      <c r="R165" s="6">
        <v>9</v>
      </c>
      <c r="S165" s="6">
        <v>2</v>
      </c>
      <c r="T165" s="6">
        <v>2</v>
      </c>
      <c r="U165" s="6">
        <v>1</v>
      </c>
      <c r="V165" s="10" t="s">
        <v>55</v>
      </c>
      <c r="W165" s="10" t="s">
        <v>55</v>
      </c>
      <c r="X165" s="10" t="s">
        <v>55</v>
      </c>
      <c r="Y165" s="6">
        <v>20</v>
      </c>
      <c r="Z165" s="6">
        <v>14</v>
      </c>
      <c r="AA165" s="6">
        <v>3</v>
      </c>
      <c r="AB165" s="10" t="s">
        <v>55</v>
      </c>
      <c r="AC165" s="6">
        <v>29</v>
      </c>
      <c r="AD165" s="7">
        <v>57.676470000000002</v>
      </c>
    </row>
    <row r="166" spans="1:30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126</v>
      </c>
      <c r="F166" s="9" t="s">
        <v>128</v>
      </c>
      <c r="G166" s="6">
        <v>3625</v>
      </c>
      <c r="H166" s="6">
        <v>39</v>
      </c>
      <c r="I166" s="6">
        <v>156</v>
      </c>
      <c r="J166" s="6">
        <v>233</v>
      </c>
      <c r="K166" s="6">
        <v>267</v>
      </c>
      <c r="L166" s="6">
        <v>320</v>
      </c>
      <c r="M166" s="6">
        <v>379</v>
      </c>
      <c r="N166" s="6">
        <v>340</v>
      </c>
      <c r="O166" s="6">
        <v>396</v>
      </c>
      <c r="P166" s="6">
        <v>387</v>
      </c>
      <c r="Q166" s="6">
        <v>440</v>
      </c>
      <c r="R166" s="6">
        <v>362</v>
      </c>
      <c r="S166" s="6">
        <v>221</v>
      </c>
      <c r="T166" s="6">
        <v>53</v>
      </c>
      <c r="U166" s="6">
        <v>24</v>
      </c>
      <c r="V166" s="6">
        <v>5</v>
      </c>
      <c r="W166" s="6">
        <v>3</v>
      </c>
      <c r="X166" s="10" t="s">
        <v>55</v>
      </c>
      <c r="Y166" s="6">
        <v>2957</v>
      </c>
      <c r="Z166" s="6">
        <v>668</v>
      </c>
      <c r="AA166" s="6">
        <v>85</v>
      </c>
      <c r="AB166" s="6">
        <v>8</v>
      </c>
      <c r="AC166" s="6">
        <v>3280</v>
      </c>
      <c r="AD166" s="7">
        <v>50.033239999999999</v>
      </c>
    </row>
    <row r="167" spans="1:30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126</v>
      </c>
      <c r="F167" s="9" t="s">
        <v>129</v>
      </c>
      <c r="G167" s="6">
        <v>7184</v>
      </c>
      <c r="H167" s="6">
        <v>151</v>
      </c>
      <c r="I167" s="6">
        <v>547</v>
      </c>
      <c r="J167" s="6">
        <v>549</v>
      </c>
      <c r="K167" s="6">
        <v>602</v>
      </c>
      <c r="L167" s="6">
        <v>755</v>
      </c>
      <c r="M167" s="6">
        <v>800</v>
      </c>
      <c r="N167" s="6">
        <v>1059</v>
      </c>
      <c r="O167" s="6">
        <v>824</v>
      </c>
      <c r="P167" s="6">
        <v>880</v>
      </c>
      <c r="Q167" s="6">
        <v>536</v>
      </c>
      <c r="R167" s="6">
        <v>300</v>
      </c>
      <c r="S167" s="6">
        <v>131</v>
      </c>
      <c r="T167" s="6">
        <v>33</v>
      </c>
      <c r="U167" s="6">
        <v>12</v>
      </c>
      <c r="V167" s="6">
        <v>5</v>
      </c>
      <c r="W167" s="10" t="s">
        <v>55</v>
      </c>
      <c r="X167" s="10" t="s">
        <v>55</v>
      </c>
      <c r="Y167" s="6">
        <v>6703</v>
      </c>
      <c r="Z167" s="6">
        <v>481</v>
      </c>
      <c r="AA167" s="6">
        <v>50</v>
      </c>
      <c r="AB167" s="6">
        <v>5</v>
      </c>
      <c r="AC167" s="6">
        <v>6852</v>
      </c>
      <c r="AD167" s="7">
        <v>44.991930000000004</v>
      </c>
    </row>
    <row r="168" spans="1:30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130</v>
      </c>
      <c r="F168" s="9" t="s">
        <v>131</v>
      </c>
      <c r="G168" s="6">
        <v>191</v>
      </c>
      <c r="H168" s="6">
        <v>1</v>
      </c>
      <c r="I168" s="6">
        <v>8</v>
      </c>
      <c r="J168" s="6">
        <v>14</v>
      </c>
      <c r="K168" s="6">
        <v>11</v>
      </c>
      <c r="L168" s="6">
        <v>7</v>
      </c>
      <c r="M168" s="6">
        <v>27</v>
      </c>
      <c r="N168" s="6">
        <v>31</v>
      </c>
      <c r="O168" s="6">
        <v>34</v>
      </c>
      <c r="P168" s="6">
        <v>30</v>
      </c>
      <c r="Q168" s="6">
        <v>18</v>
      </c>
      <c r="R168" s="6">
        <v>4</v>
      </c>
      <c r="S168" s="6">
        <v>3</v>
      </c>
      <c r="T168" s="6">
        <v>3</v>
      </c>
      <c r="U168" s="10" t="s">
        <v>55</v>
      </c>
      <c r="V168" s="10" t="s">
        <v>55</v>
      </c>
      <c r="W168" s="10" t="s">
        <v>55</v>
      </c>
      <c r="X168" s="10" t="s">
        <v>55</v>
      </c>
      <c r="Y168" s="6">
        <v>181</v>
      </c>
      <c r="Z168" s="6">
        <v>10</v>
      </c>
      <c r="AA168" s="6">
        <v>3</v>
      </c>
      <c r="AB168" s="10" t="s">
        <v>55</v>
      </c>
      <c r="AC168" s="6">
        <v>184</v>
      </c>
      <c r="AD168" s="7">
        <v>47.955500000000001</v>
      </c>
    </row>
    <row r="169" spans="1:30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130</v>
      </c>
      <c r="F169" s="9" t="s">
        <v>132</v>
      </c>
      <c r="G169" s="6">
        <v>184</v>
      </c>
      <c r="H169" s="6">
        <v>1</v>
      </c>
      <c r="I169" s="6">
        <v>11</v>
      </c>
      <c r="J169" s="6">
        <v>24</v>
      </c>
      <c r="K169" s="6">
        <v>23</v>
      </c>
      <c r="L169" s="6">
        <v>22</v>
      </c>
      <c r="M169" s="6">
        <v>17</v>
      </c>
      <c r="N169" s="6">
        <v>25</v>
      </c>
      <c r="O169" s="6">
        <v>18</v>
      </c>
      <c r="P169" s="6">
        <v>14</v>
      </c>
      <c r="Q169" s="6">
        <v>21</v>
      </c>
      <c r="R169" s="6">
        <v>5</v>
      </c>
      <c r="S169" s="6">
        <v>3</v>
      </c>
      <c r="T169" s="10" t="s">
        <v>55</v>
      </c>
      <c r="U169" s="10" t="s">
        <v>55</v>
      </c>
      <c r="V169" s="10" t="s">
        <v>55</v>
      </c>
      <c r="W169" s="10" t="s">
        <v>55</v>
      </c>
      <c r="X169" s="10" t="s">
        <v>55</v>
      </c>
      <c r="Y169" s="6">
        <v>176</v>
      </c>
      <c r="Z169" s="6">
        <v>8</v>
      </c>
      <c r="AA169" s="10" t="s">
        <v>55</v>
      </c>
      <c r="AB169" s="10" t="s">
        <v>55</v>
      </c>
      <c r="AC169" s="6">
        <v>180</v>
      </c>
      <c r="AD169" s="7">
        <v>43.690219999999997</v>
      </c>
    </row>
    <row r="170" spans="1:30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130</v>
      </c>
      <c r="F170" s="9" t="s">
        <v>133</v>
      </c>
      <c r="G170" s="6">
        <v>2853</v>
      </c>
      <c r="H170" s="6">
        <v>16</v>
      </c>
      <c r="I170" s="6">
        <v>98</v>
      </c>
      <c r="J170" s="6">
        <v>138</v>
      </c>
      <c r="K170" s="6">
        <v>197</v>
      </c>
      <c r="L170" s="6">
        <v>277</v>
      </c>
      <c r="M170" s="6">
        <v>321</v>
      </c>
      <c r="N170" s="6">
        <v>329</v>
      </c>
      <c r="O170" s="6">
        <v>414</v>
      </c>
      <c r="P170" s="6">
        <v>410</v>
      </c>
      <c r="Q170" s="6">
        <v>319</v>
      </c>
      <c r="R170" s="6">
        <v>201</v>
      </c>
      <c r="S170" s="6">
        <v>111</v>
      </c>
      <c r="T170" s="6">
        <v>19</v>
      </c>
      <c r="U170" s="6">
        <v>3</v>
      </c>
      <c r="V170" s="10" t="s">
        <v>55</v>
      </c>
      <c r="W170" s="10" t="s">
        <v>55</v>
      </c>
      <c r="X170" s="10" t="s">
        <v>55</v>
      </c>
      <c r="Y170" s="6">
        <v>2519</v>
      </c>
      <c r="Z170" s="6">
        <v>334</v>
      </c>
      <c r="AA170" s="6">
        <v>22</v>
      </c>
      <c r="AB170" s="10" t="s">
        <v>55</v>
      </c>
      <c r="AC170" s="6">
        <v>2704</v>
      </c>
      <c r="AD170" s="7">
        <v>49.394849999999998</v>
      </c>
    </row>
    <row r="171" spans="1:30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130</v>
      </c>
      <c r="F171" s="9" t="s">
        <v>134</v>
      </c>
      <c r="G171" s="6">
        <v>7886</v>
      </c>
      <c r="H171" s="6">
        <v>145</v>
      </c>
      <c r="I171" s="6">
        <v>434</v>
      </c>
      <c r="J171" s="6">
        <v>496</v>
      </c>
      <c r="K171" s="6">
        <v>658</v>
      </c>
      <c r="L171" s="6">
        <v>824</v>
      </c>
      <c r="M171" s="6">
        <v>813</v>
      </c>
      <c r="N171" s="6">
        <v>916</v>
      </c>
      <c r="O171" s="6">
        <v>824</v>
      </c>
      <c r="P171" s="6">
        <v>869</v>
      </c>
      <c r="Q171" s="6">
        <v>867</v>
      </c>
      <c r="R171" s="6">
        <v>593</v>
      </c>
      <c r="S171" s="6">
        <v>317</v>
      </c>
      <c r="T171" s="6">
        <v>82</v>
      </c>
      <c r="U171" s="6">
        <v>33</v>
      </c>
      <c r="V171" s="6">
        <v>10</v>
      </c>
      <c r="W171" s="6">
        <v>4</v>
      </c>
      <c r="X171" s="6">
        <v>1</v>
      </c>
      <c r="Y171" s="6">
        <v>6846</v>
      </c>
      <c r="Z171" s="6">
        <v>1040</v>
      </c>
      <c r="AA171" s="6">
        <v>130</v>
      </c>
      <c r="AB171" s="6">
        <v>15</v>
      </c>
      <c r="AC171" s="6">
        <v>7294</v>
      </c>
      <c r="AD171" s="7">
        <v>47.79571</v>
      </c>
    </row>
    <row r="172" spans="1:30">
      <c r="A172" s="9" t="s">
        <v>56</v>
      </c>
      <c r="B172" s="9" t="s">
        <v>57</v>
      </c>
      <c r="C172" s="9" t="s">
        <v>59</v>
      </c>
      <c r="D172" s="9" t="s">
        <v>6</v>
      </c>
      <c r="E172" s="9" t="s">
        <v>130</v>
      </c>
      <c r="F172" s="9" t="s">
        <v>135</v>
      </c>
      <c r="G172" s="6">
        <v>791</v>
      </c>
      <c r="H172" s="6">
        <v>1</v>
      </c>
      <c r="I172" s="6">
        <v>41</v>
      </c>
      <c r="J172" s="6">
        <v>67</v>
      </c>
      <c r="K172" s="6">
        <v>65</v>
      </c>
      <c r="L172" s="6">
        <v>69</v>
      </c>
      <c r="M172" s="6">
        <v>93</v>
      </c>
      <c r="N172" s="6">
        <v>110</v>
      </c>
      <c r="O172" s="6">
        <v>111</v>
      </c>
      <c r="P172" s="6">
        <v>88</v>
      </c>
      <c r="Q172" s="6">
        <v>75</v>
      </c>
      <c r="R172" s="6">
        <v>41</v>
      </c>
      <c r="S172" s="6">
        <v>19</v>
      </c>
      <c r="T172" s="6">
        <v>4</v>
      </c>
      <c r="U172" s="6">
        <v>7</v>
      </c>
      <c r="V172" s="10" t="s">
        <v>55</v>
      </c>
      <c r="W172" s="10" t="s">
        <v>55</v>
      </c>
      <c r="X172" s="10" t="s">
        <v>55</v>
      </c>
      <c r="Y172" s="6">
        <v>720</v>
      </c>
      <c r="Z172" s="6">
        <v>71</v>
      </c>
      <c r="AA172" s="6">
        <v>11</v>
      </c>
      <c r="AB172" s="10" t="s">
        <v>55</v>
      </c>
      <c r="AC172" s="6">
        <v>760</v>
      </c>
      <c r="AD172" s="7">
        <v>47.153599999999997</v>
      </c>
    </row>
    <row r="173" spans="1:30">
      <c r="A173" s="9" t="s">
        <v>56</v>
      </c>
      <c r="B173" s="9" t="s">
        <v>57</v>
      </c>
      <c r="C173" s="9" t="s">
        <v>59</v>
      </c>
      <c r="D173" s="9" t="s">
        <v>6</v>
      </c>
      <c r="E173" s="9" t="s">
        <v>130</v>
      </c>
      <c r="F173" s="9" t="s">
        <v>136</v>
      </c>
      <c r="G173" s="6">
        <v>462</v>
      </c>
      <c r="H173" s="6">
        <v>2</v>
      </c>
      <c r="I173" s="6">
        <v>25</v>
      </c>
      <c r="J173" s="6">
        <v>42</v>
      </c>
      <c r="K173" s="6">
        <v>48</v>
      </c>
      <c r="L173" s="6">
        <v>45</v>
      </c>
      <c r="M173" s="6">
        <v>42</v>
      </c>
      <c r="N173" s="6">
        <v>49</v>
      </c>
      <c r="O173" s="6">
        <v>37</v>
      </c>
      <c r="P173" s="6">
        <v>42</v>
      </c>
      <c r="Q173" s="6">
        <v>44</v>
      </c>
      <c r="R173" s="6">
        <v>41</v>
      </c>
      <c r="S173" s="6">
        <v>28</v>
      </c>
      <c r="T173" s="6">
        <v>8</v>
      </c>
      <c r="U173" s="6">
        <v>9</v>
      </c>
      <c r="V173" s="10" t="s">
        <v>55</v>
      </c>
      <c r="W173" s="10" t="s">
        <v>55</v>
      </c>
      <c r="X173" s="10" t="s">
        <v>55</v>
      </c>
      <c r="Y173" s="6">
        <v>376</v>
      </c>
      <c r="Z173" s="6">
        <v>86</v>
      </c>
      <c r="AA173" s="6">
        <v>17</v>
      </c>
      <c r="AB173" s="10" t="s">
        <v>55</v>
      </c>
      <c r="AC173" s="6">
        <v>415</v>
      </c>
      <c r="AD173" s="7">
        <v>48.43723</v>
      </c>
    </row>
    <row r="174" spans="1:30">
      <c r="A174" s="9" t="s">
        <v>56</v>
      </c>
      <c r="B174" s="9" t="s">
        <v>57</v>
      </c>
      <c r="C174" s="9" t="s">
        <v>59</v>
      </c>
      <c r="D174" s="9" t="s">
        <v>6</v>
      </c>
      <c r="E174" s="9" t="s">
        <v>130</v>
      </c>
      <c r="F174" s="9" t="s">
        <v>137</v>
      </c>
      <c r="G174" s="6">
        <v>729</v>
      </c>
      <c r="H174" s="6">
        <v>4</v>
      </c>
      <c r="I174" s="6">
        <v>29</v>
      </c>
      <c r="J174" s="6">
        <v>42</v>
      </c>
      <c r="K174" s="6">
        <v>60</v>
      </c>
      <c r="L174" s="6">
        <v>74</v>
      </c>
      <c r="M174" s="6">
        <v>85</v>
      </c>
      <c r="N174" s="6">
        <v>107</v>
      </c>
      <c r="O174" s="6">
        <v>86</v>
      </c>
      <c r="P174" s="6">
        <v>87</v>
      </c>
      <c r="Q174" s="6">
        <v>75</v>
      </c>
      <c r="R174" s="6">
        <v>39</v>
      </c>
      <c r="S174" s="6">
        <v>30</v>
      </c>
      <c r="T174" s="6">
        <v>8</v>
      </c>
      <c r="U174" s="6">
        <v>3</v>
      </c>
      <c r="V174" s="10" t="s">
        <v>55</v>
      </c>
      <c r="W174" s="10" t="s">
        <v>55</v>
      </c>
      <c r="X174" s="10" t="s">
        <v>55</v>
      </c>
      <c r="Y174" s="6">
        <v>649</v>
      </c>
      <c r="Z174" s="6">
        <v>80</v>
      </c>
      <c r="AA174" s="6">
        <v>11</v>
      </c>
      <c r="AB174" s="10" t="s">
        <v>55</v>
      </c>
      <c r="AC174" s="6">
        <v>684</v>
      </c>
      <c r="AD174" s="7">
        <v>48.286009999999997</v>
      </c>
    </row>
    <row r="175" spans="1:30">
      <c r="A175" s="9" t="s">
        <v>56</v>
      </c>
      <c r="B175" s="9" t="s">
        <v>57</v>
      </c>
      <c r="C175" s="9" t="s">
        <v>59</v>
      </c>
      <c r="D175" s="9" t="s">
        <v>6</v>
      </c>
      <c r="E175" s="9" t="s">
        <v>130</v>
      </c>
      <c r="F175" s="9" t="s">
        <v>138</v>
      </c>
      <c r="G175" s="6">
        <v>1638</v>
      </c>
      <c r="H175" s="6">
        <v>93</v>
      </c>
      <c r="I175" s="6">
        <v>144</v>
      </c>
      <c r="J175" s="6">
        <v>87</v>
      </c>
      <c r="K175" s="6">
        <v>124</v>
      </c>
      <c r="L175" s="6">
        <v>144</v>
      </c>
      <c r="M175" s="6">
        <v>155</v>
      </c>
      <c r="N175" s="6">
        <v>154</v>
      </c>
      <c r="O175" s="6">
        <v>162</v>
      </c>
      <c r="P175" s="6">
        <v>165</v>
      </c>
      <c r="Q175" s="6">
        <v>164</v>
      </c>
      <c r="R175" s="6">
        <v>120</v>
      </c>
      <c r="S175" s="6">
        <v>99</v>
      </c>
      <c r="T175" s="6">
        <v>23</v>
      </c>
      <c r="U175" s="6">
        <v>3</v>
      </c>
      <c r="V175" s="10" t="s">
        <v>55</v>
      </c>
      <c r="W175" s="6">
        <v>1</v>
      </c>
      <c r="X175" s="10" t="s">
        <v>55</v>
      </c>
      <c r="Y175" s="6">
        <v>1392</v>
      </c>
      <c r="Z175" s="6">
        <v>246</v>
      </c>
      <c r="AA175" s="6">
        <v>27</v>
      </c>
      <c r="AB175" s="6">
        <v>1</v>
      </c>
      <c r="AC175" s="6">
        <v>1419</v>
      </c>
      <c r="AD175" s="7">
        <v>46.532359999999997</v>
      </c>
    </row>
    <row r="176" spans="1:30">
      <c r="A176" s="9" t="s">
        <v>56</v>
      </c>
      <c r="B176" s="9" t="s">
        <v>57</v>
      </c>
      <c r="C176" s="9" t="s">
        <v>59</v>
      </c>
      <c r="D176" s="9" t="s">
        <v>6</v>
      </c>
      <c r="E176" s="9" t="s">
        <v>130</v>
      </c>
      <c r="F176" s="9" t="s">
        <v>139</v>
      </c>
      <c r="G176" s="6">
        <v>1275</v>
      </c>
      <c r="H176" s="6">
        <v>13</v>
      </c>
      <c r="I176" s="6">
        <v>65</v>
      </c>
      <c r="J176" s="6">
        <v>100</v>
      </c>
      <c r="K176" s="6">
        <v>124</v>
      </c>
      <c r="L176" s="6">
        <v>137</v>
      </c>
      <c r="M176" s="6">
        <v>168</v>
      </c>
      <c r="N176" s="6">
        <v>134</v>
      </c>
      <c r="O176" s="6">
        <v>117</v>
      </c>
      <c r="P176" s="6">
        <v>124</v>
      </c>
      <c r="Q176" s="6">
        <v>126</v>
      </c>
      <c r="R176" s="6">
        <v>84</v>
      </c>
      <c r="S176" s="6">
        <v>55</v>
      </c>
      <c r="T176" s="6">
        <v>26</v>
      </c>
      <c r="U176" s="6">
        <v>2</v>
      </c>
      <c r="V176" s="10" t="s">
        <v>55</v>
      </c>
      <c r="W176" s="10" t="s">
        <v>55</v>
      </c>
      <c r="X176" s="10" t="s">
        <v>55</v>
      </c>
      <c r="Y176" s="6">
        <v>1108</v>
      </c>
      <c r="Z176" s="6">
        <v>167</v>
      </c>
      <c r="AA176" s="6">
        <v>28</v>
      </c>
      <c r="AB176" s="10" t="s">
        <v>55</v>
      </c>
      <c r="AC176" s="6">
        <v>1179</v>
      </c>
      <c r="AD176" s="7">
        <v>47.14</v>
      </c>
    </row>
    <row r="177" spans="1:30">
      <c r="A177" s="9" t="s">
        <v>56</v>
      </c>
      <c r="B177" s="9" t="s">
        <v>57</v>
      </c>
      <c r="C177" s="9" t="s">
        <v>59</v>
      </c>
      <c r="D177" s="9" t="s">
        <v>6</v>
      </c>
      <c r="E177" s="9" t="s">
        <v>130</v>
      </c>
      <c r="F177" s="9" t="s">
        <v>140</v>
      </c>
      <c r="G177" s="6">
        <v>2093</v>
      </c>
      <c r="H177" s="6">
        <v>18</v>
      </c>
      <c r="I177" s="6">
        <v>97</v>
      </c>
      <c r="J177" s="6">
        <v>154</v>
      </c>
      <c r="K177" s="6">
        <v>157</v>
      </c>
      <c r="L177" s="6">
        <v>184</v>
      </c>
      <c r="M177" s="6">
        <v>223</v>
      </c>
      <c r="N177" s="6">
        <v>294</v>
      </c>
      <c r="O177" s="6">
        <v>295</v>
      </c>
      <c r="P177" s="6">
        <v>319</v>
      </c>
      <c r="Q177" s="6">
        <v>224</v>
      </c>
      <c r="R177" s="6">
        <v>79</v>
      </c>
      <c r="S177" s="6">
        <v>37</v>
      </c>
      <c r="T177" s="6">
        <v>11</v>
      </c>
      <c r="U177" s="10" t="s">
        <v>55</v>
      </c>
      <c r="V177" s="6">
        <v>1</v>
      </c>
      <c r="W177" s="10" t="s">
        <v>55</v>
      </c>
      <c r="X177" s="10" t="s">
        <v>55</v>
      </c>
      <c r="Y177" s="6">
        <v>1965</v>
      </c>
      <c r="Z177" s="6">
        <v>128</v>
      </c>
      <c r="AA177" s="6">
        <v>12</v>
      </c>
      <c r="AB177" s="6">
        <v>1</v>
      </c>
      <c r="AC177" s="6">
        <v>2026</v>
      </c>
      <c r="AD177" s="7">
        <v>47.265410000000003</v>
      </c>
    </row>
    <row r="178" spans="1:30">
      <c r="A178" s="9" t="s">
        <v>56</v>
      </c>
      <c r="B178" s="9" t="s">
        <v>57</v>
      </c>
      <c r="C178" s="9" t="s">
        <v>59</v>
      </c>
      <c r="D178" s="9" t="s">
        <v>6</v>
      </c>
      <c r="E178" s="9" t="s">
        <v>130</v>
      </c>
      <c r="F178" s="9" t="s">
        <v>141</v>
      </c>
      <c r="G178" s="6">
        <v>9735</v>
      </c>
      <c r="H178" s="6">
        <v>34</v>
      </c>
      <c r="I178" s="6">
        <v>542</v>
      </c>
      <c r="J178" s="6">
        <v>799</v>
      </c>
      <c r="K178" s="6">
        <v>943</v>
      </c>
      <c r="L178" s="6">
        <v>1104</v>
      </c>
      <c r="M178" s="6">
        <v>1166</v>
      </c>
      <c r="N178" s="6">
        <v>1136</v>
      </c>
      <c r="O178" s="6">
        <v>1086</v>
      </c>
      <c r="P178" s="6">
        <v>1043</v>
      </c>
      <c r="Q178" s="6">
        <v>830</v>
      </c>
      <c r="R178" s="6">
        <v>613</v>
      </c>
      <c r="S178" s="6">
        <v>312</v>
      </c>
      <c r="T178" s="6">
        <v>94</v>
      </c>
      <c r="U178" s="6">
        <v>23</v>
      </c>
      <c r="V178" s="6">
        <v>9</v>
      </c>
      <c r="W178" s="6">
        <v>1</v>
      </c>
      <c r="X178" s="10" t="s">
        <v>55</v>
      </c>
      <c r="Y178" s="6">
        <v>8683</v>
      </c>
      <c r="Z178" s="6">
        <v>1052</v>
      </c>
      <c r="AA178" s="6">
        <v>127</v>
      </c>
      <c r="AB178" s="6">
        <v>10</v>
      </c>
      <c r="AC178" s="6">
        <v>9262</v>
      </c>
      <c r="AD178" s="7">
        <v>46.548279999999998</v>
      </c>
    </row>
    <row r="179" spans="1:30">
      <c r="A179" s="9" t="s">
        <v>56</v>
      </c>
      <c r="B179" s="9" t="s">
        <v>57</v>
      </c>
      <c r="C179" s="9" t="s">
        <v>59</v>
      </c>
      <c r="D179" s="9" t="s">
        <v>6</v>
      </c>
      <c r="E179" s="9" t="s">
        <v>130</v>
      </c>
      <c r="F179" s="9" t="s">
        <v>142</v>
      </c>
      <c r="G179" s="6">
        <v>558</v>
      </c>
      <c r="H179" s="6">
        <v>8</v>
      </c>
      <c r="I179" s="6">
        <v>31</v>
      </c>
      <c r="J179" s="6">
        <v>40</v>
      </c>
      <c r="K179" s="6">
        <v>50</v>
      </c>
      <c r="L179" s="6">
        <v>55</v>
      </c>
      <c r="M179" s="6">
        <v>75</v>
      </c>
      <c r="N179" s="6">
        <v>99</v>
      </c>
      <c r="O179" s="6">
        <v>74</v>
      </c>
      <c r="P179" s="6">
        <v>70</v>
      </c>
      <c r="Q179" s="6">
        <v>41</v>
      </c>
      <c r="R179" s="6">
        <v>7</v>
      </c>
      <c r="S179" s="6">
        <v>4</v>
      </c>
      <c r="T179" s="6">
        <v>3</v>
      </c>
      <c r="U179" s="6">
        <v>1</v>
      </c>
      <c r="V179" s="10" t="s">
        <v>55</v>
      </c>
      <c r="W179" s="10" t="s">
        <v>55</v>
      </c>
      <c r="X179" s="10" t="s">
        <v>55</v>
      </c>
      <c r="Y179" s="6">
        <v>543</v>
      </c>
      <c r="Z179" s="6">
        <v>15</v>
      </c>
      <c r="AA179" s="6">
        <v>4</v>
      </c>
      <c r="AB179" s="10" t="s">
        <v>55</v>
      </c>
      <c r="AC179" s="6">
        <v>542</v>
      </c>
      <c r="AD179" s="7">
        <v>44.892470000000003</v>
      </c>
    </row>
    <row r="180" spans="1:30">
      <c r="A180" s="9" t="s">
        <v>56</v>
      </c>
      <c r="B180" s="9" t="s">
        <v>57</v>
      </c>
      <c r="C180" s="9" t="s">
        <v>59</v>
      </c>
      <c r="D180" s="9" t="s">
        <v>6</v>
      </c>
      <c r="E180" s="9" t="s">
        <v>130</v>
      </c>
      <c r="F180" s="9" t="s">
        <v>143</v>
      </c>
      <c r="G180" s="6">
        <v>2303</v>
      </c>
      <c r="H180" s="6">
        <v>14</v>
      </c>
      <c r="I180" s="6">
        <v>83</v>
      </c>
      <c r="J180" s="6">
        <v>128</v>
      </c>
      <c r="K180" s="6">
        <v>137</v>
      </c>
      <c r="L180" s="6">
        <v>211</v>
      </c>
      <c r="M180" s="6">
        <v>234</v>
      </c>
      <c r="N180" s="6">
        <v>260</v>
      </c>
      <c r="O180" s="6">
        <v>231</v>
      </c>
      <c r="P180" s="6">
        <v>238</v>
      </c>
      <c r="Q180" s="6">
        <v>298</v>
      </c>
      <c r="R180" s="6">
        <v>233</v>
      </c>
      <c r="S180" s="6">
        <v>171</v>
      </c>
      <c r="T180" s="6">
        <v>48</v>
      </c>
      <c r="U180" s="6">
        <v>13</v>
      </c>
      <c r="V180" s="6">
        <v>3</v>
      </c>
      <c r="W180" s="6">
        <v>1</v>
      </c>
      <c r="X180" s="10" t="s">
        <v>55</v>
      </c>
      <c r="Y180" s="6">
        <v>1834</v>
      </c>
      <c r="Z180" s="6">
        <v>469</v>
      </c>
      <c r="AA180" s="6">
        <v>65</v>
      </c>
      <c r="AB180" s="6">
        <v>4</v>
      </c>
      <c r="AC180" s="6">
        <v>2053</v>
      </c>
      <c r="AD180" s="7">
        <v>51.25423</v>
      </c>
    </row>
    <row r="181" spans="1:30">
      <c r="A181" s="9" t="s">
        <v>56</v>
      </c>
      <c r="B181" s="9" t="s">
        <v>57</v>
      </c>
      <c r="C181" s="9" t="s">
        <v>59</v>
      </c>
      <c r="D181" s="9" t="s">
        <v>6</v>
      </c>
      <c r="E181" s="9" t="s">
        <v>130</v>
      </c>
      <c r="F181" s="9" t="s">
        <v>144</v>
      </c>
      <c r="G181" s="6">
        <v>1911</v>
      </c>
      <c r="H181" s="6">
        <v>9</v>
      </c>
      <c r="I181" s="6">
        <v>111</v>
      </c>
      <c r="J181" s="6">
        <v>176</v>
      </c>
      <c r="K181" s="6">
        <v>167</v>
      </c>
      <c r="L181" s="6">
        <v>166</v>
      </c>
      <c r="M181" s="6">
        <v>239</v>
      </c>
      <c r="N181" s="6">
        <v>319</v>
      </c>
      <c r="O181" s="6">
        <v>249</v>
      </c>
      <c r="P181" s="6">
        <v>242</v>
      </c>
      <c r="Q181" s="6">
        <v>160</v>
      </c>
      <c r="R181" s="6">
        <v>53</v>
      </c>
      <c r="S181" s="6">
        <v>15</v>
      </c>
      <c r="T181" s="6">
        <v>4</v>
      </c>
      <c r="U181" s="6">
        <v>1</v>
      </c>
      <c r="V181" s="10" t="s">
        <v>55</v>
      </c>
      <c r="W181" s="10" t="s">
        <v>55</v>
      </c>
      <c r="X181" s="10" t="s">
        <v>55</v>
      </c>
      <c r="Y181" s="6">
        <v>1838</v>
      </c>
      <c r="Z181" s="6">
        <v>73</v>
      </c>
      <c r="AA181" s="6">
        <v>5</v>
      </c>
      <c r="AB181" s="10" t="s">
        <v>55</v>
      </c>
      <c r="AC181" s="6">
        <v>1882</v>
      </c>
      <c r="AD181" s="7">
        <v>45.280740000000002</v>
      </c>
    </row>
    <row r="182" spans="1:30">
      <c r="A182" s="9" t="s">
        <v>56</v>
      </c>
      <c r="B182" s="9" t="s">
        <v>57</v>
      </c>
      <c r="C182" s="9" t="s">
        <v>59</v>
      </c>
      <c r="D182" s="9" t="s">
        <v>6</v>
      </c>
      <c r="E182" s="9" t="s">
        <v>55</v>
      </c>
      <c r="F182" s="9" t="s">
        <v>145</v>
      </c>
      <c r="G182" s="6">
        <v>172</v>
      </c>
      <c r="H182" s="6">
        <v>7</v>
      </c>
      <c r="I182" s="6">
        <v>13</v>
      </c>
      <c r="J182" s="6">
        <v>22</v>
      </c>
      <c r="K182" s="6">
        <v>16</v>
      </c>
      <c r="L182" s="6">
        <v>22</v>
      </c>
      <c r="M182" s="6">
        <v>12</v>
      </c>
      <c r="N182" s="6">
        <v>17</v>
      </c>
      <c r="O182" s="6">
        <v>11</v>
      </c>
      <c r="P182" s="6">
        <v>14</v>
      </c>
      <c r="Q182" s="6">
        <v>20</v>
      </c>
      <c r="R182" s="6">
        <v>12</v>
      </c>
      <c r="S182" s="6">
        <v>2</v>
      </c>
      <c r="T182" s="6">
        <v>2</v>
      </c>
      <c r="U182" s="6">
        <v>2</v>
      </c>
      <c r="V182" s="10" t="s">
        <v>55</v>
      </c>
      <c r="W182" s="10" t="s">
        <v>55</v>
      </c>
      <c r="X182" s="10" t="s">
        <v>55</v>
      </c>
      <c r="Y182" s="6">
        <v>154</v>
      </c>
      <c r="Z182" s="6">
        <v>18</v>
      </c>
      <c r="AA182" s="6">
        <v>4</v>
      </c>
      <c r="AB182" s="10" t="s">
        <v>55</v>
      </c>
      <c r="AC182" s="6">
        <v>159</v>
      </c>
      <c r="AD182" s="7">
        <v>44.186050000000002</v>
      </c>
    </row>
    <row r="183" spans="1:30">
      <c r="A183" s="9" t="s">
        <v>56</v>
      </c>
      <c r="B183" s="9" t="s">
        <v>57</v>
      </c>
      <c r="C183" s="9" t="s">
        <v>59</v>
      </c>
      <c r="D183" s="9" t="s">
        <v>6</v>
      </c>
      <c r="E183" s="9" t="s">
        <v>55</v>
      </c>
      <c r="F183" s="9" t="s">
        <v>146</v>
      </c>
      <c r="G183" s="6">
        <v>2387</v>
      </c>
      <c r="H183" s="6">
        <v>28</v>
      </c>
      <c r="I183" s="6">
        <v>428</v>
      </c>
      <c r="J183" s="6">
        <v>456</v>
      </c>
      <c r="K183" s="6">
        <v>310</v>
      </c>
      <c r="L183" s="6">
        <v>187</v>
      </c>
      <c r="M183" s="6">
        <v>171</v>
      </c>
      <c r="N183" s="6">
        <v>120</v>
      </c>
      <c r="O183" s="6">
        <v>91</v>
      </c>
      <c r="P183" s="6">
        <v>129</v>
      </c>
      <c r="Q183" s="6">
        <v>164</v>
      </c>
      <c r="R183" s="6">
        <v>158</v>
      </c>
      <c r="S183" s="6">
        <v>106</v>
      </c>
      <c r="T183" s="6">
        <v>26</v>
      </c>
      <c r="U183" s="6">
        <v>8</v>
      </c>
      <c r="V183" s="6">
        <v>3</v>
      </c>
      <c r="W183" s="6">
        <v>2</v>
      </c>
      <c r="X183" s="10" t="s">
        <v>55</v>
      </c>
      <c r="Y183" s="6">
        <v>2084</v>
      </c>
      <c r="Z183" s="6">
        <v>303</v>
      </c>
      <c r="AA183" s="6">
        <v>39</v>
      </c>
      <c r="AB183" s="6">
        <v>5</v>
      </c>
      <c r="AC183" s="6">
        <v>2214</v>
      </c>
      <c r="AD183" s="7">
        <v>40.443440000000002</v>
      </c>
    </row>
    <row r="184" spans="1:30">
      <c r="A184" s="9" t="s">
        <v>56</v>
      </c>
      <c r="B184" s="9" t="s">
        <v>57</v>
      </c>
      <c r="C184" s="9" t="s">
        <v>59</v>
      </c>
      <c r="D184" s="9" t="s">
        <v>6</v>
      </c>
      <c r="E184" s="9" t="s">
        <v>55</v>
      </c>
      <c r="F184" s="9" t="s">
        <v>147</v>
      </c>
      <c r="G184" s="6">
        <v>10843</v>
      </c>
      <c r="H184" s="6">
        <v>190</v>
      </c>
      <c r="I184" s="6">
        <v>703</v>
      </c>
      <c r="J184" s="6">
        <v>783</v>
      </c>
      <c r="K184" s="6">
        <v>869</v>
      </c>
      <c r="L184" s="6">
        <v>1078</v>
      </c>
      <c r="M184" s="6">
        <v>1182</v>
      </c>
      <c r="N184" s="6">
        <v>1401</v>
      </c>
      <c r="O184" s="6">
        <v>1224</v>
      </c>
      <c r="P184" s="6">
        <v>1272</v>
      </c>
      <c r="Q184" s="6">
        <v>978</v>
      </c>
      <c r="R184" s="6">
        <v>671</v>
      </c>
      <c r="S184" s="6">
        <v>354</v>
      </c>
      <c r="T184" s="6">
        <v>88</v>
      </c>
      <c r="U184" s="6">
        <v>37</v>
      </c>
      <c r="V184" s="6">
        <v>10</v>
      </c>
      <c r="W184" s="6">
        <v>3</v>
      </c>
      <c r="X184" s="10" t="s">
        <v>55</v>
      </c>
      <c r="Y184" s="6">
        <v>9680</v>
      </c>
      <c r="Z184" s="6">
        <v>1163</v>
      </c>
      <c r="AA184" s="6">
        <v>138</v>
      </c>
      <c r="AB184" s="6">
        <v>13</v>
      </c>
      <c r="AC184" s="6">
        <v>10161</v>
      </c>
      <c r="AD184" s="7">
        <v>46.717100000000002</v>
      </c>
    </row>
    <row r="185" spans="1:30">
      <c r="A185" s="9" t="s">
        <v>56</v>
      </c>
      <c r="B185" s="9" t="s">
        <v>57</v>
      </c>
      <c r="C185" s="9" t="s">
        <v>59</v>
      </c>
      <c r="D185" s="9" t="s">
        <v>6</v>
      </c>
      <c r="E185" s="9" t="s">
        <v>55</v>
      </c>
      <c r="F185" s="9" t="s">
        <v>148</v>
      </c>
      <c r="G185" s="6">
        <v>32609</v>
      </c>
      <c r="H185" s="6">
        <v>359</v>
      </c>
      <c r="I185" s="6">
        <v>1719</v>
      </c>
      <c r="J185" s="6">
        <v>2307</v>
      </c>
      <c r="K185" s="6">
        <v>2764</v>
      </c>
      <c r="L185" s="6">
        <v>3319</v>
      </c>
      <c r="M185" s="6">
        <v>3658</v>
      </c>
      <c r="N185" s="6">
        <v>3963</v>
      </c>
      <c r="O185" s="6">
        <v>3738</v>
      </c>
      <c r="P185" s="6">
        <v>3741</v>
      </c>
      <c r="Q185" s="6">
        <v>3262</v>
      </c>
      <c r="R185" s="6">
        <v>2113</v>
      </c>
      <c r="S185" s="6">
        <v>1204</v>
      </c>
      <c r="T185" s="6">
        <v>333</v>
      </c>
      <c r="U185" s="6">
        <v>98</v>
      </c>
      <c r="V185" s="6">
        <v>23</v>
      </c>
      <c r="W185" s="6">
        <v>7</v>
      </c>
      <c r="X185" s="6">
        <v>1</v>
      </c>
      <c r="Y185" s="6">
        <v>28830</v>
      </c>
      <c r="Z185" s="6">
        <v>3779</v>
      </c>
      <c r="AA185" s="6">
        <v>462</v>
      </c>
      <c r="AB185" s="6">
        <v>31</v>
      </c>
      <c r="AC185" s="6">
        <v>30584</v>
      </c>
      <c r="AD185" s="7">
        <v>47.469520000000003</v>
      </c>
    </row>
    <row r="186" spans="1:30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55</v>
      </c>
      <c r="F186" s="9" t="s">
        <v>6</v>
      </c>
      <c r="G186" s="6">
        <v>22828</v>
      </c>
      <c r="H186" s="6">
        <v>316</v>
      </c>
      <c r="I186" s="6">
        <v>1277</v>
      </c>
      <c r="J186" s="6">
        <v>1665</v>
      </c>
      <c r="K186" s="6">
        <v>1945</v>
      </c>
      <c r="L186" s="6">
        <v>2243</v>
      </c>
      <c r="M186" s="6">
        <v>2482</v>
      </c>
      <c r="N186" s="6">
        <v>2714</v>
      </c>
      <c r="O186" s="6">
        <v>2478</v>
      </c>
      <c r="P186" s="6">
        <v>2610</v>
      </c>
      <c r="Q186" s="6">
        <v>2345</v>
      </c>
      <c r="R186" s="6">
        <v>1522</v>
      </c>
      <c r="S186" s="6">
        <v>886</v>
      </c>
      <c r="T186" s="6">
        <v>239</v>
      </c>
      <c r="U186" s="6">
        <v>82</v>
      </c>
      <c r="V186" s="6">
        <v>18</v>
      </c>
      <c r="W186" s="6">
        <v>6</v>
      </c>
      <c r="X186" s="10" t="s">
        <v>55</v>
      </c>
      <c r="Y186" s="6">
        <v>20075</v>
      </c>
      <c r="Z186" s="6">
        <v>2753</v>
      </c>
      <c r="AA186" s="6">
        <v>345</v>
      </c>
      <c r="AB186" s="6">
        <v>24</v>
      </c>
      <c r="AC186" s="6">
        <v>21281</v>
      </c>
      <c r="AD186" s="7">
        <v>47.432450000000003</v>
      </c>
    </row>
    <row r="187" spans="1:30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122</v>
      </c>
      <c r="F187" s="9" t="s">
        <v>123</v>
      </c>
      <c r="G187" s="6">
        <v>649</v>
      </c>
      <c r="H187" s="6">
        <v>8</v>
      </c>
      <c r="I187" s="6">
        <v>78</v>
      </c>
      <c r="J187" s="6">
        <v>74</v>
      </c>
      <c r="K187" s="6">
        <v>69</v>
      </c>
      <c r="L187" s="6">
        <v>42</v>
      </c>
      <c r="M187" s="6">
        <v>54</v>
      </c>
      <c r="N187" s="6">
        <v>40</v>
      </c>
      <c r="O187" s="6">
        <v>39</v>
      </c>
      <c r="P187" s="6">
        <v>53</v>
      </c>
      <c r="Q187" s="6">
        <v>65</v>
      </c>
      <c r="R187" s="6">
        <v>69</v>
      </c>
      <c r="S187" s="6">
        <v>45</v>
      </c>
      <c r="T187" s="6">
        <v>8</v>
      </c>
      <c r="U187" s="6">
        <v>3</v>
      </c>
      <c r="V187" s="6">
        <v>1</v>
      </c>
      <c r="W187" s="6">
        <v>1</v>
      </c>
      <c r="X187" s="10" t="s">
        <v>55</v>
      </c>
      <c r="Y187" s="6">
        <v>522</v>
      </c>
      <c r="Z187" s="6">
        <v>127</v>
      </c>
      <c r="AA187" s="6">
        <v>13</v>
      </c>
      <c r="AB187" s="6">
        <v>2</v>
      </c>
      <c r="AC187" s="6">
        <v>583</v>
      </c>
      <c r="AD187" s="7">
        <v>46.313560000000003</v>
      </c>
    </row>
    <row r="188" spans="1:30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122</v>
      </c>
      <c r="F188" s="9" t="s">
        <v>124</v>
      </c>
      <c r="G188" s="6">
        <v>541</v>
      </c>
      <c r="H188" s="6">
        <v>8</v>
      </c>
      <c r="I188" s="6">
        <v>75</v>
      </c>
      <c r="J188" s="6">
        <v>70</v>
      </c>
      <c r="K188" s="6">
        <v>65</v>
      </c>
      <c r="L188" s="6">
        <v>37</v>
      </c>
      <c r="M188" s="6">
        <v>43</v>
      </c>
      <c r="N188" s="6">
        <v>29</v>
      </c>
      <c r="O188" s="6">
        <v>36</v>
      </c>
      <c r="P188" s="6">
        <v>40</v>
      </c>
      <c r="Q188" s="6">
        <v>44</v>
      </c>
      <c r="R188" s="6">
        <v>48</v>
      </c>
      <c r="S188" s="6">
        <v>36</v>
      </c>
      <c r="T188" s="6">
        <v>5</v>
      </c>
      <c r="U188" s="6">
        <v>3</v>
      </c>
      <c r="V188" s="6">
        <v>1</v>
      </c>
      <c r="W188" s="6">
        <v>1</v>
      </c>
      <c r="X188" s="10" t="s">
        <v>55</v>
      </c>
      <c r="Y188" s="6">
        <v>447</v>
      </c>
      <c r="Z188" s="6">
        <v>94</v>
      </c>
      <c r="AA188" s="6">
        <v>10</v>
      </c>
      <c r="AB188" s="6">
        <v>2</v>
      </c>
      <c r="AC188" s="6">
        <v>487</v>
      </c>
      <c r="AD188" s="7">
        <v>44.474119999999999</v>
      </c>
    </row>
    <row r="189" spans="1:30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122</v>
      </c>
      <c r="F189" s="9" t="s">
        <v>125</v>
      </c>
      <c r="G189" s="6">
        <v>8</v>
      </c>
      <c r="H189" s="10" t="s">
        <v>55</v>
      </c>
      <c r="I189" s="10" t="s">
        <v>55</v>
      </c>
      <c r="J189" s="10" t="s">
        <v>55</v>
      </c>
      <c r="K189" s="10" t="s">
        <v>55</v>
      </c>
      <c r="L189" s="6">
        <v>4</v>
      </c>
      <c r="M189" s="6">
        <v>2</v>
      </c>
      <c r="N189" s="10" t="s">
        <v>55</v>
      </c>
      <c r="O189" s="6">
        <v>1</v>
      </c>
      <c r="P189" s="10" t="s">
        <v>55</v>
      </c>
      <c r="Q189" s="10" t="s">
        <v>55</v>
      </c>
      <c r="R189" s="10" t="s">
        <v>55</v>
      </c>
      <c r="S189" s="6">
        <v>1</v>
      </c>
      <c r="T189" s="10" t="s">
        <v>55</v>
      </c>
      <c r="U189" s="10" t="s">
        <v>55</v>
      </c>
      <c r="V189" s="10" t="s">
        <v>55</v>
      </c>
      <c r="W189" s="10" t="s">
        <v>55</v>
      </c>
      <c r="X189" s="10" t="s">
        <v>55</v>
      </c>
      <c r="Y189" s="6">
        <v>7</v>
      </c>
      <c r="Z189" s="6">
        <v>1</v>
      </c>
      <c r="AA189" s="10" t="s">
        <v>55</v>
      </c>
      <c r="AB189" s="10" t="s">
        <v>55</v>
      </c>
      <c r="AC189" s="6">
        <v>7</v>
      </c>
      <c r="AD189" s="7">
        <v>45.125</v>
      </c>
    </row>
    <row r="190" spans="1:30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126</v>
      </c>
      <c r="F190" s="9" t="s">
        <v>127</v>
      </c>
      <c r="G190" s="6">
        <v>29</v>
      </c>
      <c r="H190" s="10" t="s">
        <v>55</v>
      </c>
      <c r="I190" s="10" t="s">
        <v>55</v>
      </c>
      <c r="J190" s="6">
        <v>1</v>
      </c>
      <c r="K190" s="10" t="s">
        <v>55</v>
      </c>
      <c r="L190" s="6">
        <v>1</v>
      </c>
      <c r="M190" s="6">
        <v>3</v>
      </c>
      <c r="N190" s="6">
        <v>1</v>
      </c>
      <c r="O190" s="6">
        <v>3</v>
      </c>
      <c r="P190" s="6">
        <v>5</v>
      </c>
      <c r="Q190" s="6">
        <v>2</v>
      </c>
      <c r="R190" s="6">
        <v>8</v>
      </c>
      <c r="S190" s="6">
        <v>2</v>
      </c>
      <c r="T190" s="6">
        <v>2</v>
      </c>
      <c r="U190" s="6">
        <v>1</v>
      </c>
      <c r="V190" s="10" t="s">
        <v>55</v>
      </c>
      <c r="W190" s="10" t="s">
        <v>55</v>
      </c>
      <c r="X190" s="10" t="s">
        <v>55</v>
      </c>
      <c r="Y190" s="6">
        <v>16</v>
      </c>
      <c r="Z190" s="6">
        <v>13</v>
      </c>
      <c r="AA190" s="6">
        <v>3</v>
      </c>
      <c r="AB190" s="10" t="s">
        <v>55</v>
      </c>
      <c r="AC190" s="6">
        <v>24</v>
      </c>
      <c r="AD190" s="7">
        <v>59.258620000000001</v>
      </c>
    </row>
    <row r="191" spans="1:30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126</v>
      </c>
      <c r="F191" s="9" t="s">
        <v>128</v>
      </c>
      <c r="G191" s="6">
        <v>2979</v>
      </c>
      <c r="H191" s="6">
        <v>37</v>
      </c>
      <c r="I191" s="6">
        <v>138</v>
      </c>
      <c r="J191" s="6">
        <v>198</v>
      </c>
      <c r="K191" s="6">
        <v>228</v>
      </c>
      <c r="L191" s="6">
        <v>259</v>
      </c>
      <c r="M191" s="6">
        <v>305</v>
      </c>
      <c r="N191" s="6">
        <v>258</v>
      </c>
      <c r="O191" s="6">
        <v>312</v>
      </c>
      <c r="P191" s="6">
        <v>310</v>
      </c>
      <c r="Q191" s="6">
        <v>380</v>
      </c>
      <c r="R191" s="6">
        <v>313</v>
      </c>
      <c r="S191" s="6">
        <v>186</v>
      </c>
      <c r="T191" s="6">
        <v>34</v>
      </c>
      <c r="U191" s="6">
        <v>17</v>
      </c>
      <c r="V191" s="6">
        <v>3</v>
      </c>
      <c r="W191" s="6">
        <v>1</v>
      </c>
      <c r="X191" s="10" t="s">
        <v>55</v>
      </c>
      <c r="Y191" s="6">
        <v>2425</v>
      </c>
      <c r="Z191" s="6">
        <v>554</v>
      </c>
      <c r="AA191" s="6">
        <v>55</v>
      </c>
      <c r="AB191" s="6">
        <v>4</v>
      </c>
      <c r="AC191" s="6">
        <v>2701</v>
      </c>
      <c r="AD191" s="7">
        <v>49.850119999999997</v>
      </c>
    </row>
    <row r="192" spans="1:30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126</v>
      </c>
      <c r="F192" s="9" t="s">
        <v>129</v>
      </c>
      <c r="G192" s="6">
        <v>5117</v>
      </c>
      <c r="H192" s="6">
        <v>110</v>
      </c>
      <c r="I192" s="6">
        <v>371</v>
      </c>
      <c r="J192" s="6">
        <v>408</v>
      </c>
      <c r="K192" s="6">
        <v>451</v>
      </c>
      <c r="L192" s="6">
        <v>519</v>
      </c>
      <c r="M192" s="6">
        <v>561</v>
      </c>
      <c r="N192" s="6">
        <v>766</v>
      </c>
      <c r="O192" s="6">
        <v>601</v>
      </c>
      <c r="P192" s="6">
        <v>646</v>
      </c>
      <c r="Q192" s="6">
        <v>395</v>
      </c>
      <c r="R192" s="6">
        <v>177</v>
      </c>
      <c r="S192" s="6">
        <v>80</v>
      </c>
      <c r="T192" s="6">
        <v>22</v>
      </c>
      <c r="U192" s="6">
        <v>7</v>
      </c>
      <c r="V192" s="6">
        <v>3</v>
      </c>
      <c r="W192" s="10" t="s">
        <v>55</v>
      </c>
      <c r="X192" s="10" t="s">
        <v>55</v>
      </c>
      <c r="Y192" s="6">
        <v>4828</v>
      </c>
      <c r="Z192" s="6">
        <v>289</v>
      </c>
      <c r="AA192" s="6">
        <v>32</v>
      </c>
      <c r="AB192" s="6">
        <v>3</v>
      </c>
      <c r="AC192" s="6">
        <v>4895</v>
      </c>
      <c r="AD192" s="7">
        <v>44.863489999999999</v>
      </c>
    </row>
    <row r="193" spans="1:30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130</v>
      </c>
      <c r="F193" s="9" t="s">
        <v>131</v>
      </c>
      <c r="G193" s="6">
        <v>163</v>
      </c>
      <c r="H193" s="6">
        <v>1</v>
      </c>
      <c r="I193" s="6">
        <v>4</v>
      </c>
      <c r="J193" s="6">
        <v>13</v>
      </c>
      <c r="K193" s="6">
        <v>9</v>
      </c>
      <c r="L193" s="6">
        <v>5</v>
      </c>
      <c r="M193" s="6">
        <v>23</v>
      </c>
      <c r="N193" s="6">
        <v>26</v>
      </c>
      <c r="O193" s="6">
        <v>32</v>
      </c>
      <c r="P193" s="6">
        <v>25</v>
      </c>
      <c r="Q193" s="6">
        <v>15</v>
      </c>
      <c r="R193" s="6">
        <v>4</v>
      </c>
      <c r="S193" s="6">
        <v>3</v>
      </c>
      <c r="T193" s="6">
        <v>3</v>
      </c>
      <c r="U193" s="10" t="s">
        <v>55</v>
      </c>
      <c r="V193" s="10" t="s">
        <v>55</v>
      </c>
      <c r="W193" s="10" t="s">
        <v>55</v>
      </c>
      <c r="X193" s="10" t="s">
        <v>55</v>
      </c>
      <c r="Y193" s="6">
        <v>153</v>
      </c>
      <c r="Z193" s="6">
        <v>10</v>
      </c>
      <c r="AA193" s="6">
        <v>3</v>
      </c>
      <c r="AB193" s="10" t="s">
        <v>55</v>
      </c>
      <c r="AC193" s="6">
        <v>156</v>
      </c>
      <c r="AD193" s="7">
        <v>48.585889999999999</v>
      </c>
    </row>
    <row r="194" spans="1:30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130</v>
      </c>
      <c r="F194" s="9" t="s">
        <v>132</v>
      </c>
      <c r="G194" s="6">
        <v>118</v>
      </c>
      <c r="H194" s="6">
        <v>1</v>
      </c>
      <c r="I194" s="6">
        <v>8</v>
      </c>
      <c r="J194" s="6">
        <v>14</v>
      </c>
      <c r="K194" s="6">
        <v>14</v>
      </c>
      <c r="L194" s="6">
        <v>9</v>
      </c>
      <c r="M194" s="6">
        <v>12</v>
      </c>
      <c r="N194" s="6">
        <v>16</v>
      </c>
      <c r="O194" s="6">
        <v>11</v>
      </c>
      <c r="P194" s="6">
        <v>11</v>
      </c>
      <c r="Q194" s="6">
        <v>16</v>
      </c>
      <c r="R194" s="6">
        <v>4</v>
      </c>
      <c r="S194" s="6">
        <v>2</v>
      </c>
      <c r="T194" s="10" t="s">
        <v>55</v>
      </c>
      <c r="U194" s="10" t="s">
        <v>55</v>
      </c>
      <c r="V194" s="10" t="s">
        <v>55</v>
      </c>
      <c r="W194" s="10" t="s">
        <v>55</v>
      </c>
      <c r="X194" s="10" t="s">
        <v>55</v>
      </c>
      <c r="Y194" s="6">
        <v>112</v>
      </c>
      <c r="Z194" s="6">
        <v>6</v>
      </c>
      <c r="AA194" s="10" t="s">
        <v>55</v>
      </c>
      <c r="AB194" s="10" t="s">
        <v>55</v>
      </c>
      <c r="AC194" s="6">
        <v>115</v>
      </c>
      <c r="AD194" s="7">
        <v>44.661020000000001</v>
      </c>
    </row>
    <row r="195" spans="1:30">
      <c r="A195" s="9" t="s">
        <v>56</v>
      </c>
      <c r="B195" s="9" t="s">
        <v>57</v>
      </c>
      <c r="C195" s="9" t="s">
        <v>59</v>
      </c>
      <c r="D195" s="9" t="s">
        <v>53</v>
      </c>
      <c r="E195" s="9" t="s">
        <v>130</v>
      </c>
      <c r="F195" s="9" t="s">
        <v>133</v>
      </c>
      <c r="G195" s="6">
        <v>2336</v>
      </c>
      <c r="H195" s="6">
        <v>12</v>
      </c>
      <c r="I195" s="6">
        <v>78</v>
      </c>
      <c r="J195" s="6">
        <v>109</v>
      </c>
      <c r="K195" s="6">
        <v>155</v>
      </c>
      <c r="L195" s="6">
        <v>218</v>
      </c>
      <c r="M195" s="6">
        <v>262</v>
      </c>
      <c r="N195" s="6">
        <v>272</v>
      </c>
      <c r="O195" s="6">
        <v>334</v>
      </c>
      <c r="P195" s="6">
        <v>334</v>
      </c>
      <c r="Q195" s="6">
        <v>275</v>
      </c>
      <c r="R195" s="6">
        <v>174</v>
      </c>
      <c r="S195" s="6">
        <v>95</v>
      </c>
      <c r="T195" s="6">
        <v>16</v>
      </c>
      <c r="U195" s="6">
        <v>2</v>
      </c>
      <c r="V195" s="10" t="s">
        <v>55</v>
      </c>
      <c r="W195" s="10" t="s">
        <v>55</v>
      </c>
      <c r="X195" s="10" t="s">
        <v>55</v>
      </c>
      <c r="Y195" s="6">
        <v>2049</v>
      </c>
      <c r="Z195" s="6">
        <v>287</v>
      </c>
      <c r="AA195" s="6">
        <v>18</v>
      </c>
      <c r="AB195" s="10" t="s">
        <v>55</v>
      </c>
      <c r="AC195" s="6">
        <v>2211</v>
      </c>
      <c r="AD195" s="7">
        <v>49.760269999999998</v>
      </c>
    </row>
    <row r="196" spans="1:30">
      <c r="A196" s="9" t="s">
        <v>56</v>
      </c>
      <c r="B196" s="9" t="s">
        <v>57</v>
      </c>
      <c r="C196" s="9" t="s">
        <v>59</v>
      </c>
      <c r="D196" s="9" t="s">
        <v>53</v>
      </c>
      <c r="E196" s="9" t="s">
        <v>130</v>
      </c>
      <c r="F196" s="9" t="s">
        <v>134</v>
      </c>
      <c r="G196" s="6">
        <v>3370</v>
      </c>
      <c r="H196" s="6">
        <v>65</v>
      </c>
      <c r="I196" s="6">
        <v>176</v>
      </c>
      <c r="J196" s="6">
        <v>213</v>
      </c>
      <c r="K196" s="6">
        <v>307</v>
      </c>
      <c r="L196" s="6">
        <v>374</v>
      </c>
      <c r="M196" s="6">
        <v>349</v>
      </c>
      <c r="N196" s="6">
        <v>383</v>
      </c>
      <c r="O196" s="6">
        <v>325</v>
      </c>
      <c r="P196" s="6">
        <v>339</v>
      </c>
      <c r="Q196" s="6">
        <v>366</v>
      </c>
      <c r="R196" s="6">
        <v>241</v>
      </c>
      <c r="S196" s="6">
        <v>161</v>
      </c>
      <c r="T196" s="6">
        <v>48</v>
      </c>
      <c r="U196" s="6">
        <v>14</v>
      </c>
      <c r="V196" s="6">
        <v>6</v>
      </c>
      <c r="W196" s="6">
        <v>3</v>
      </c>
      <c r="X196" s="10" t="s">
        <v>55</v>
      </c>
      <c r="Y196" s="6">
        <v>2897</v>
      </c>
      <c r="Z196" s="6">
        <v>473</v>
      </c>
      <c r="AA196" s="6">
        <v>71</v>
      </c>
      <c r="AB196" s="6">
        <v>9</v>
      </c>
      <c r="AC196" s="6">
        <v>3073</v>
      </c>
      <c r="AD196" s="7">
        <v>47.757570000000001</v>
      </c>
    </row>
    <row r="197" spans="1:30">
      <c r="A197" s="9" t="s">
        <v>56</v>
      </c>
      <c r="B197" s="9" t="s">
        <v>57</v>
      </c>
      <c r="C197" s="9" t="s">
        <v>59</v>
      </c>
      <c r="D197" s="9" t="s">
        <v>53</v>
      </c>
      <c r="E197" s="9" t="s">
        <v>130</v>
      </c>
      <c r="F197" s="9" t="s">
        <v>135</v>
      </c>
      <c r="G197" s="6">
        <v>265</v>
      </c>
      <c r="H197" s="10" t="s">
        <v>55</v>
      </c>
      <c r="I197" s="6">
        <v>13</v>
      </c>
      <c r="J197" s="6">
        <v>21</v>
      </c>
      <c r="K197" s="6">
        <v>23</v>
      </c>
      <c r="L197" s="6">
        <v>21</v>
      </c>
      <c r="M197" s="6">
        <v>31</v>
      </c>
      <c r="N197" s="6">
        <v>33</v>
      </c>
      <c r="O197" s="6">
        <v>32</v>
      </c>
      <c r="P197" s="6">
        <v>27</v>
      </c>
      <c r="Q197" s="6">
        <v>33</v>
      </c>
      <c r="R197" s="6">
        <v>16</v>
      </c>
      <c r="S197" s="6">
        <v>8</v>
      </c>
      <c r="T197" s="6">
        <v>2</v>
      </c>
      <c r="U197" s="6">
        <v>5</v>
      </c>
      <c r="V197" s="10" t="s">
        <v>55</v>
      </c>
      <c r="W197" s="10" t="s">
        <v>55</v>
      </c>
      <c r="X197" s="10" t="s">
        <v>55</v>
      </c>
      <c r="Y197" s="6">
        <v>234</v>
      </c>
      <c r="Z197" s="6">
        <v>31</v>
      </c>
      <c r="AA197" s="6">
        <v>7</v>
      </c>
      <c r="AB197" s="10" t="s">
        <v>55</v>
      </c>
      <c r="AC197" s="6">
        <v>250</v>
      </c>
      <c r="AD197" s="7">
        <v>48.383020000000002</v>
      </c>
    </row>
    <row r="198" spans="1:30">
      <c r="A198" s="9" t="s">
        <v>56</v>
      </c>
      <c r="B198" s="9" t="s">
        <v>57</v>
      </c>
      <c r="C198" s="9" t="s">
        <v>59</v>
      </c>
      <c r="D198" s="9" t="s">
        <v>53</v>
      </c>
      <c r="E198" s="9" t="s">
        <v>130</v>
      </c>
      <c r="F198" s="9" t="s">
        <v>136</v>
      </c>
      <c r="G198" s="6">
        <v>250</v>
      </c>
      <c r="H198" s="10" t="s">
        <v>55</v>
      </c>
      <c r="I198" s="6">
        <v>15</v>
      </c>
      <c r="J198" s="6">
        <v>24</v>
      </c>
      <c r="K198" s="6">
        <v>26</v>
      </c>
      <c r="L198" s="6">
        <v>26</v>
      </c>
      <c r="M198" s="6">
        <v>22</v>
      </c>
      <c r="N198" s="6">
        <v>25</v>
      </c>
      <c r="O198" s="6">
        <v>17</v>
      </c>
      <c r="P198" s="6">
        <v>21</v>
      </c>
      <c r="Q198" s="6">
        <v>29</v>
      </c>
      <c r="R198" s="6">
        <v>23</v>
      </c>
      <c r="S198" s="6">
        <v>14</v>
      </c>
      <c r="T198" s="6">
        <v>3</v>
      </c>
      <c r="U198" s="6">
        <v>5</v>
      </c>
      <c r="V198" s="10" t="s">
        <v>55</v>
      </c>
      <c r="W198" s="10" t="s">
        <v>55</v>
      </c>
      <c r="X198" s="10" t="s">
        <v>55</v>
      </c>
      <c r="Y198" s="6">
        <v>205</v>
      </c>
      <c r="Z198" s="6">
        <v>45</v>
      </c>
      <c r="AA198" s="6">
        <v>8</v>
      </c>
      <c r="AB198" s="10" t="s">
        <v>55</v>
      </c>
      <c r="AC198" s="6">
        <v>228</v>
      </c>
      <c r="AD198" s="7">
        <v>48.292000000000002</v>
      </c>
    </row>
    <row r="199" spans="1:30">
      <c r="A199" s="9" t="s">
        <v>56</v>
      </c>
      <c r="B199" s="9" t="s">
        <v>57</v>
      </c>
      <c r="C199" s="9" t="s">
        <v>59</v>
      </c>
      <c r="D199" s="9" t="s">
        <v>53</v>
      </c>
      <c r="E199" s="9" t="s">
        <v>130</v>
      </c>
      <c r="F199" s="9" t="s">
        <v>137</v>
      </c>
      <c r="G199" s="6">
        <v>428</v>
      </c>
      <c r="H199" s="6">
        <v>4</v>
      </c>
      <c r="I199" s="6">
        <v>16</v>
      </c>
      <c r="J199" s="6">
        <v>23</v>
      </c>
      <c r="K199" s="6">
        <v>28</v>
      </c>
      <c r="L199" s="6">
        <v>42</v>
      </c>
      <c r="M199" s="6">
        <v>45</v>
      </c>
      <c r="N199" s="6">
        <v>62</v>
      </c>
      <c r="O199" s="6">
        <v>46</v>
      </c>
      <c r="P199" s="6">
        <v>51</v>
      </c>
      <c r="Q199" s="6">
        <v>51</v>
      </c>
      <c r="R199" s="6">
        <v>27</v>
      </c>
      <c r="S199" s="6">
        <v>25</v>
      </c>
      <c r="T199" s="6">
        <v>5</v>
      </c>
      <c r="U199" s="6">
        <v>3</v>
      </c>
      <c r="V199" s="10" t="s">
        <v>55</v>
      </c>
      <c r="W199" s="10" t="s">
        <v>55</v>
      </c>
      <c r="X199" s="10" t="s">
        <v>55</v>
      </c>
      <c r="Y199" s="6">
        <v>368</v>
      </c>
      <c r="Z199" s="6">
        <v>60</v>
      </c>
      <c r="AA199" s="6">
        <v>8</v>
      </c>
      <c r="AB199" s="10" t="s">
        <v>55</v>
      </c>
      <c r="AC199" s="6">
        <v>391</v>
      </c>
      <c r="AD199" s="7">
        <v>49.619160000000001</v>
      </c>
    </row>
    <row r="200" spans="1:30">
      <c r="A200" s="9" t="s">
        <v>56</v>
      </c>
      <c r="B200" s="9" t="s">
        <v>57</v>
      </c>
      <c r="C200" s="9" t="s">
        <v>59</v>
      </c>
      <c r="D200" s="9" t="s">
        <v>53</v>
      </c>
      <c r="E200" s="9" t="s">
        <v>130</v>
      </c>
      <c r="F200" s="9" t="s">
        <v>138</v>
      </c>
      <c r="G200" s="6">
        <v>472</v>
      </c>
      <c r="H200" s="6">
        <v>38</v>
      </c>
      <c r="I200" s="6">
        <v>65</v>
      </c>
      <c r="J200" s="6">
        <v>28</v>
      </c>
      <c r="K200" s="6">
        <v>41</v>
      </c>
      <c r="L200" s="6">
        <v>42</v>
      </c>
      <c r="M200" s="6">
        <v>43</v>
      </c>
      <c r="N200" s="6">
        <v>35</v>
      </c>
      <c r="O200" s="6">
        <v>35</v>
      </c>
      <c r="P200" s="6">
        <v>35</v>
      </c>
      <c r="Q200" s="6">
        <v>46</v>
      </c>
      <c r="R200" s="6">
        <v>33</v>
      </c>
      <c r="S200" s="6">
        <v>20</v>
      </c>
      <c r="T200" s="6">
        <v>9</v>
      </c>
      <c r="U200" s="6">
        <v>2</v>
      </c>
      <c r="V200" s="10" t="s">
        <v>55</v>
      </c>
      <c r="W200" s="10" t="s">
        <v>55</v>
      </c>
      <c r="X200" s="10" t="s">
        <v>55</v>
      </c>
      <c r="Y200" s="6">
        <v>408</v>
      </c>
      <c r="Z200" s="6">
        <v>64</v>
      </c>
      <c r="AA200" s="6">
        <v>11</v>
      </c>
      <c r="AB200" s="10" t="s">
        <v>55</v>
      </c>
      <c r="AC200" s="6">
        <v>403</v>
      </c>
      <c r="AD200" s="7">
        <v>43.544490000000003</v>
      </c>
    </row>
    <row r="201" spans="1:30">
      <c r="A201" s="9" t="s">
        <v>56</v>
      </c>
      <c r="B201" s="9" t="s">
        <v>57</v>
      </c>
      <c r="C201" s="9" t="s">
        <v>59</v>
      </c>
      <c r="D201" s="9" t="s">
        <v>53</v>
      </c>
      <c r="E201" s="9" t="s">
        <v>130</v>
      </c>
      <c r="F201" s="9" t="s">
        <v>139</v>
      </c>
      <c r="G201" s="6">
        <v>494</v>
      </c>
      <c r="H201" s="6">
        <v>7</v>
      </c>
      <c r="I201" s="6">
        <v>17</v>
      </c>
      <c r="J201" s="6">
        <v>42</v>
      </c>
      <c r="K201" s="6">
        <v>44</v>
      </c>
      <c r="L201" s="6">
        <v>67</v>
      </c>
      <c r="M201" s="6">
        <v>75</v>
      </c>
      <c r="N201" s="6">
        <v>52</v>
      </c>
      <c r="O201" s="6">
        <v>41</v>
      </c>
      <c r="P201" s="6">
        <v>42</v>
      </c>
      <c r="Q201" s="6">
        <v>43</v>
      </c>
      <c r="R201" s="6">
        <v>37</v>
      </c>
      <c r="S201" s="6">
        <v>16</v>
      </c>
      <c r="T201" s="6">
        <v>10</v>
      </c>
      <c r="U201" s="6">
        <v>1</v>
      </c>
      <c r="V201" s="10" t="s">
        <v>55</v>
      </c>
      <c r="W201" s="10" t="s">
        <v>55</v>
      </c>
      <c r="X201" s="10" t="s">
        <v>55</v>
      </c>
      <c r="Y201" s="6">
        <v>430</v>
      </c>
      <c r="Z201" s="6">
        <v>64</v>
      </c>
      <c r="AA201" s="6">
        <v>11</v>
      </c>
      <c r="AB201" s="10" t="s">
        <v>55</v>
      </c>
      <c r="AC201" s="6">
        <v>460</v>
      </c>
      <c r="AD201" s="7">
        <v>46.65587</v>
      </c>
    </row>
    <row r="202" spans="1:30">
      <c r="A202" s="9" t="s">
        <v>56</v>
      </c>
      <c r="B202" s="9" t="s">
        <v>57</v>
      </c>
      <c r="C202" s="9" t="s">
        <v>59</v>
      </c>
      <c r="D202" s="9" t="s">
        <v>53</v>
      </c>
      <c r="E202" s="9" t="s">
        <v>130</v>
      </c>
      <c r="F202" s="9" t="s">
        <v>140</v>
      </c>
      <c r="G202" s="6">
        <v>942</v>
      </c>
      <c r="H202" s="6">
        <v>9</v>
      </c>
      <c r="I202" s="6">
        <v>44</v>
      </c>
      <c r="J202" s="6">
        <v>62</v>
      </c>
      <c r="K202" s="6">
        <v>69</v>
      </c>
      <c r="L202" s="6">
        <v>78</v>
      </c>
      <c r="M202" s="6">
        <v>88</v>
      </c>
      <c r="N202" s="6">
        <v>96</v>
      </c>
      <c r="O202" s="6">
        <v>119</v>
      </c>
      <c r="P202" s="6">
        <v>165</v>
      </c>
      <c r="Q202" s="6">
        <v>124</v>
      </c>
      <c r="R202" s="6">
        <v>55</v>
      </c>
      <c r="S202" s="6">
        <v>24</v>
      </c>
      <c r="T202" s="6">
        <v>8</v>
      </c>
      <c r="U202" s="10" t="s">
        <v>55</v>
      </c>
      <c r="V202" s="6">
        <v>1</v>
      </c>
      <c r="W202" s="10" t="s">
        <v>55</v>
      </c>
      <c r="X202" s="10" t="s">
        <v>55</v>
      </c>
      <c r="Y202" s="6">
        <v>854</v>
      </c>
      <c r="Z202" s="6">
        <v>88</v>
      </c>
      <c r="AA202" s="6">
        <v>9</v>
      </c>
      <c r="AB202" s="6">
        <v>1</v>
      </c>
      <c r="AC202" s="6">
        <v>900</v>
      </c>
      <c r="AD202" s="7">
        <v>48.77919</v>
      </c>
    </row>
    <row r="203" spans="1:30">
      <c r="A203" s="9" t="s">
        <v>56</v>
      </c>
      <c r="B203" s="9" t="s">
        <v>57</v>
      </c>
      <c r="C203" s="9" t="s">
        <v>59</v>
      </c>
      <c r="D203" s="9" t="s">
        <v>53</v>
      </c>
      <c r="E203" s="9" t="s">
        <v>130</v>
      </c>
      <c r="F203" s="9" t="s">
        <v>141</v>
      </c>
      <c r="G203" s="6">
        <v>2091</v>
      </c>
      <c r="H203" s="6">
        <v>5</v>
      </c>
      <c r="I203" s="6">
        <v>103</v>
      </c>
      <c r="J203" s="6">
        <v>215</v>
      </c>
      <c r="K203" s="6">
        <v>238</v>
      </c>
      <c r="L203" s="6">
        <v>261</v>
      </c>
      <c r="M203" s="6">
        <v>268</v>
      </c>
      <c r="N203" s="6">
        <v>219</v>
      </c>
      <c r="O203" s="6">
        <v>187</v>
      </c>
      <c r="P203" s="6">
        <v>160</v>
      </c>
      <c r="Q203" s="6">
        <v>146</v>
      </c>
      <c r="R203" s="6">
        <v>150</v>
      </c>
      <c r="S203" s="6">
        <v>88</v>
      </c>
      <c r="T203" s="6">
        <v>37</v>
      </c>
      <c r="U203" s="6">
        <v>10</v>
      </c>
      <c r="V203" s="6">
        <v>3</v>
      </c>
      <c r="W203" s="6">
        <v>1</v>
      </c>
      <c r="X203" s="10" t="s">
        <v>55</v>
      </c>
      <c r="Y203" s="6">
        <v>1802</v>
      </c>
      <c r="Z203" s="6">
        <v>289</v>
      </c>
      <c r="AA203" s="6">
        <v>51</v>
      </c>
      <c r="AB203" s="6">
        <v>4</v>
      </c>
      <c r="AC203" s="6">
        <v>1947</v>
      </c>
      <c r="AD203" s="7">
        <v>46.022239999999996</v>
      </c>
    </row>
    <row r="204" spans="1:30">
      <c r="A204" s="9" t="s">
        <v>56</v>
      </c>
      <c r="B204" s="9" t="s">
        <v>57</v>
      </c>
      <c r="C204" s="9" t="s">
        <v>59</v>
      </c>
      <c r="D204" s="9" t="s">
        <v>53</v>
      </c>
      <c r="E204" s="9" t="s">
        <v>130</v>
      </c>
      <c r="F204" s="9" t="s">
        <v>142</v>
      </c>
      <c r="G204" s="6">
        <v>337</v>
      </c>
      <c r="H204" s="6">
        <v>2</v>
      </c>
      <c r="I204" s="6">
        <v>10</v>
      </c>
      <c r="J204" s="6">
        <v>21</v>
      </c>
      <c r="K204" s="6">
        <v>34</v>
      </c>
      <c r="L204" s="6">
        <v>42</v>
      </c>
      <c r="M204" s="6">
        <v>46</v>
      </c>
      <c r="N204" s="6">
        <v>49</v>
      </c>
      <c r="O204" s="6">
        <v>46</v>
      </c>
      <c r="P204" s="6">
        <v>49</v>
      </c>
      <c r="Q204" s="6">
        <v>27</v>
      </c>
      <c r="R204" s="6">
        <v>5</v>
      </c>
      <c r="S204" s="6">
        <v>3</v>
      </c>
      <c r="T204" s="6">
        <v>2</v>
      </c>
      <c r="U204" s="6">
        <v>1</v>
      </c>
      <c r="V204" s="10" t="s">
        <v>55</v>
      </c>
      <c r="W204" s="10" t="s">
        <v>55</v>
      </c>
      <c r="X204" s="10" t="s">
        <v>55</v>
      </c>
      <c r="Y204" s="6">
        <v>326</v>
      </c>
      <c r="Z204" s="6">
        <v>11</v>
      </c>
      <c r="AA204" s="6">
        <v>3</v>
      </c>
      <c r="AB204" s="10" t="s">
        <v>55</v>
      </c>
      <c r="AC204" s="6">
        <v>329</v>
      </c>
      <c r="AD204" s="7">
        <v>45.974780000000003</v>
      </c>
    </row>
    <row r="205" spans="1:30">
      <c r="A205" s="9" t="s">
        <v>56</v>
      </c>
      <c r="B205" s="9" t="s">
        <v>57</v>
      </c>
      <c r="C205" s="9" t="s">
        <v>59</v>
      </c>
      <c r="D205" s="9" t="s">
        <v>53</v>
      </c>
      <c r="E205" s="9" t="s">
        <v>130</v>
      </c>
      <c r="F205" s="9" t="s">
        <v>143</v>
      </c>
      <c r="G205" s="6">
        <v>1397</v>
      </c>
      <c r="H205" s="6">
        <v>9</v>
      </c>
      <c r="I205" s="6">
        <v>56</v>
      </c>
      <c r="J205" s="6">
        <v>74</v>
      </c>
      <c r="K205" s="6">
        <v>79</v>
      </c>
      <c r="L205" s="6">
        <v>121</v>
      </c>
      <c r="M205" s="6">
        <v>138</v>
      </c>
      <c r="N205" s="6">
        <v>162</v>
      </c>
      <c r="O205" s="6">
        <v>136</v>
      </c>
      <c r="P205" s="6">
        <v>143</v>
      </c>
      <c r="Q205" s="6">
        <v>202</v>
      </c>
      <c r="R205" s="6">
        <v>140</v>
      </c>
      <c r="S205" s="6">
        <v>100</v>
      </c>
      <c r="T205" s="6">
        <v>26</v>
      </c>
      <c r="U205" s="6">
        <v>10</v>
      </c>
      <c r="V205" s="6">
        <v>1</v>
      </c>
      <c r="W205" s="10" t="s">
        <v>55</v>
      </c>
      <c r="X205" s="10" t="s">
        <v>55</v>
      </c>
      <c r="Y205" s="6">
        <v>1120</v>
      </c>
      <c r="Z205" s="6">
        <v>277</v>
      </c>
      <c r="AA205" s="6">
        <v>37</v>
      </c>
      <c r="AB205" s="6">
        <v>1</v>
      </c>
      <c r="AC205" s="6">
        <v>1251</v>
      </c>
      <c r="AD205" s="7">
        <v>51.360419999999998</v>
      </c>
    </row>
    <row r="206" spans="1:30">
      <c r="A206" s="9" t="s">
        <v>56</v>
      </c>
      <c r="B206" s="9" t="s">
        <v>57</v>
      </c>
      <c r="C206" s="9" t="s">
        <v>59</v>
      </c>
      <c r="D206" s="9" t="s">
        <v>53</v>
      </c>
      <c r="E206" s="9" t="s">
        <v>130</v>
      </c>
      <c r="F206" s="9" t="s">
        <v>144</v>
      </c>
      <c r="G206" s="6">
        <v>1293</v>
      </c>
      <c r="H206" s="6">
        <v>5</v>
      </c>
      <c r="I206" s="6">
        <v>81</v>
      </c>
      <c r="J206" s="6">
        <v>110</v>
      </c>
      <c r="K206" s="6">
        <v>120</v>
      </c>
      <c r="L206" s="6">
        <v>101</v>
      </c>
      <c r="M206" s="6">
        <v>151</v>
      </c>
      <c r="N206" s="6">
        <v>215</v>
      </c>
      <c r="O206" s="6">
        <v>154</v>
      </c>
      <c r="P206" s="6">
        <v>185</v>
      </c>
      <c r="Q206" s="6">
        <v>116</v>
      </c>
      <c r="R206" s="6">
        <v>39</v>
      </c>
      <c r="S206" s="6">
        <v>12</v>
      </c>
      <c r="T206" s="6">
        <v>4</v>
      </c>
      <c r="U206" s="10" t="s">
        <v>55</v>
      </c>
      <c r="V206" s="10" t="s">
        <v>55</v>
      </c>
      <c r="W206" s="10" t="s">
        <v>55</v>
      </c>
      <c r="X206" s="10" t="s">
        <v>55</v>
      </c>
      <c r="Y206" s="6">
        <v>1238</v>
      </c>
      <c r="Z206" s="6">
        <v>55</v>
      </c>
      <c r="AA206" s="6">
        <v>4</v>
      </c>
      <c r="AB206" s="10" t="s">
        <v>55</v>
      </c>
      <c r="AC206" s="6">
        <v>1272</v>
      </c>
      <c r="AD206" s="7">
        <v>45.637659999999997</v>
      </c>
    </row>
    <row r="207" spans="1:30">
      <c r="A207" s="9" t="s">
        <v>56</v>
      </c>
      <c r="B207" s="9" t="s">
        <v>57</v>
      </c>
      <c r="C207" s="9" t="s">
        <v>59</v>
      </c>
      <c r="D207" s="9" t="s">
        <v>53</v>
      </c>
      <c r="E207" s="9" t="s">
        <v>55</v>
      </c>
      <c r="F207" s="9" t="s">
        <v>145</v>
      </c>
      <c r="G207" s="6">
        <v>90</v>
      </c>
      <c r="H207" s="6">
        <v>3</v>
      </c>
      <c r="I207" s="6">
        <v>4</v>
      </c>
      <c r="J207" s="6">
        <v>15</v>
      </c>
      <c r="K207" s="6">
        <v>10</v>
      </c>
      <c r="L207" s="6">
        <v>11</v>
      </c>
      <c r="M207" s="6">
        <v>4</v>
      </c>
      <c r="N207" s="6">
        <v>4</v>
      </c>
      <c r="O207" s="6">
        <v>7</v>
      </c>
      <c r="P207" s="6">
        <v>9</v>
      </c>
      <c r="Q207" s="6">
        <v>14</v>
      </c>
      <c r="R207" s="6">
        <v>7</v>
      </c>
      <c r="S207" s="6">
        <v>1</v>
      </c>
      <c r="T207" s="10" t="s">
        <v>55</v>
      </c>
      <c r="U207" s="6">
        <v>1</v>
      </c>
      <c r="V207" s="10" t="s">
        <v>55</v>
      </c>
      <c r="W207" s="10" t="s">
        <v>55</v>
      </c>
      <c r="X207" s="10" t="s">
        <v>55</v>
      </c>
      <c r="Y207" s="6">
        <v>81</v>
      </c>
      <c r="Z207" s="6">
        <v>9</v>
      </c>
      <c r="AA207" s="6">
        <v>1</v>
      </c>
      <c r="AB207" s="10" t="s">
        <v>55</v>
      </c>
      <c r="AC207" s="6">
        <v>85</v>
      </c>
      <c r="AD207" s="7">
        <v>44.888890000000004</v>
      </c>
    </row>
    <row r="208" spans="1:30">
      <c r="A208" s="9" t="s">
        <v>56</v>
      </c>
      <c r="B208" s="9" t="s">
        <v>57</v>
      </c>
      <c r="C208" s="9" t="s">
        <v>59</v>
      </c>
      <c r="D208" s="9" t="s">
        <v>53</v>
      </c>
      <c r="E208" s="9" t="s">
        <v>55</v>
      </c>
      <c r="F208" s="9" t="s">
        <v>146</v>
      </c>
      <c r="G208" s="6">
        <v>657</v>
      </c>
      <c r="H208" s="6">
        <v>8</v>
      </c>
      <c r="I208" s="6">
        <v>78</v>
      </c>
      <c r="J208" s="6">
        <v>74</v>
      </c>
      <c r="K208" s="6">
        <v>69</v>
      </c>
      <c r="L208" s="6">
        <v>46</v>
      </c>
      <c r="M208" s="6">
        <v>56</v>
      </c>
      <c r="N208" s="6">
        <v>40</v>
      </c>
      <c r="O208" s="6">
        <v>40</v>
      </c>
      <c r="P208" s="6">
        <v>53</v>
      </c>
      <c r="Q208" s="6">
        <v>65</v>
      </c>
      <c r="R208" s="6">
        <v>69</v>
      </c>
      <c r="S208" s="6">
        <v>46</v>
      </c>
      <c r="T208" s="6">
        <v>8</v>
      </c>
      <c r="U208" s="6">
        <v>3</v>
      </c>
      <c r="V208" s="6">
        <v>1</v>
      </c>
      <c r="W208" s="6">
        <v>1</v>
      </c>
      <c r="X208" s="10" t="s">
        <v>55</v>
      </c>
      <c r="Y208" s="6">
        <v>529</v>
      </c>
      <c r="Z208" s="6">
        <v>128</v>
      </c>
      <c r="AA208" s="6">
        <v>13</v>
      </c>
      <c r="AB208" s="6">
        <v>2</v>
      </c>
      <c r="AC208" s="6">
        <v>590</v>
      </c>
      <c r="AD208" s="7">
        <v>46.29909</v>
      </c>
    </row>
    <row r="209" spans="1:30">
      <c r="A209" s="9" t="s">
        <v>56</v>
      </c>
      <c r="B209" s="9" t="s">
        <v>57</v>
      </c>
      <c r="C209" s="9" t="s">
        <v>59</v>
      </c>
      <c r="D209" s="9" t="s">
        <v>53</v>
      </c>
      <c r="E209" s="9" t="s">
        <v>55</v>
      </c>
      <c r="F209" s="9" t="s">
        <v>147</v>
      </c>
      <c r="G209" s="6">
        <v>8125</v>
      </c>
      <c r="H209" s="6">
        <v>147</v>
      </c>
      <c r="I209" s="6">
        <v>509</v>
      </c>
      <c r="J209" s="6">
        <v>607</v>
      </c>
      <c r="K209" s="6">
        <v>679</v>
      </c>
      <c r="L209" s="6">
        <v>779</v>
      </c>
      <c r="M209" s="6">
        <v>869</v>
      </c>
      <c r="N209" s="6">
        <v>1025</v>
      </c>
      <c r="O209" s="6">
        <v>916</v>
      </c>
      <c r="P209" s="6">
        <v>961</v>
      </c>
      <c r="Q209" s="6">
        <v>777</v>
      </c>
      <c r="R209" s="6">
        <v>498</v>
      </c>
      <c r="S209" s="6">
        <v>268</v>
      </c>
      <c r="T209" s="6">
        <v>58</v>
      </c>
      <c r="U209" s="6">
        <v>25</v>
      </c>
      <c r="V209" s="6">
        <v>6</v>
      </c>
      <c r="W209" s="6">
        <v>1</v>
      </c>
      <c r="X209" s="10" t="s">
        <v>55</v>
      </c>
      <c r="Y209" s="6">
        <v>7269</v>
      </c>
      <c r="Z209" s="6">
        <v>856</v>
      </c>
      <c r="AA209" s="6">
        <v>90</v>
      </c>
      <c r="AB209" s="6">
        <v>7</v>
      </c>
      <c r="AC209" s="6">
        <v>7620</v>
      </c>
      <c r="AD209" s="7">
        <v>46.743200000000002</v>
      </c>
    </row>
    <row r="210" spans="1:30">
      <c r="A210" s="9" t="s">
        <v>56</v>
      </c>
      <c r="B210" s="9" t="s">
        <v>57</v>
      </c>
      <c r="C210" s="9" t="s">
        <v>59</v>
      </c>
      <c r="D210" s="9" t="s">
        <v>53</v>
      </c>
      <c r="E210" s="9" t="s">
        <v>55</v>
      </c>
      <c r="F210" s="9" t="s">
        <v>148</v>
      </c>
      <c r="G210" s="6">
        <v>13956</v>
      </c>
      <c r="H210" s="6">
        <v>158</v>
      </c>
      <c r="I210" s="6">
        <v>686</v>
      </c>
      <c r="J210" s="6">
        <v>969</v>
      </c>
      <c r="K210" s="6">
        <v>1187</v>
      </c>
      <c r="L210" s="6">
        <v>1407</v>
      </c>
      <c r="M210" s="6">
        <v>1553</v>
      </c>
      <c r="N210" s="6">
        <v>1645</v>
      </c>
      <c r="O210" s="6">
        <v>1515</v>
      </c>
      <c r="P210" s="6">
        <v>1587</v>
      </c>
      <c r="Q210" s="6">
        <v>1489</v>
      </c>
      <c r="R210" s="6">
        <v>948</v>
      </c>
      <c r="S210" s="6">
        <v>571</v>
      </c>
      <c r="T210" s="6">
        <v>173</v>
      </c>
      <c r="U210" s="6">
        <v>53</v>
      </c>
      <c r="V210" s="6">
        <v>11</v>
      </c>
      <c r="W210" s="6">
        <v>4</v>
      </c>
      <c r="X210" s="10" t="s">
        <v>55</v>
      </c>
      <c r="Y210" s="6">
        <v>12196</v>
      </c>
      <c r="Z210" s="6">
        <v>1760</v>
      </c>
      <c r="AA210" s="6">
        <v>241</v>
      </c>
      <c r="AB210" s="6">
        <v>15</v>
      </c>
      <c r="AC210" s="6">
        <v>12986</v>
      </c>
      <c r="AD210" s="7">
        <v>47.903480000000002</v>
      </c>
    </row>
    <row r="211" spans="1:30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55</v>
      </c>
      <c r="F211" s="9" t="s">
        <v>6</v>
      </c>
      <c r="G211" s="6">
        <v>23183</v>
      </c>
      <c r="H211" s="6">
        <v>268</v>
      </c>
      <c r="I211" s="6">
        <v>1586</v>
      </c>
      <c r="J211" s="6">
        <v>1903</v>
      </c>
      <c r="K211" s="6">
        <v>2014</v>
      </c>
      <c r="L211" s="6">
        <v>2363</v>
      </c>
      <c r="M211" s="6">
        <v>2541</v>
      </c>
      <c r="N211" s="6">
        <v>2787</v>
      </c>
      <c r="O211" s="6">
        <v>2586</v>
      </c>
      <c r="P211" s="6">
        <v>2546</v>
      </c>
      <c r="Q211" s="6">
        <v>2079</v>
      </c>
      <c r="R211" s="6">
        <v>1432</v>
      </c>
      <c r="S211" s="6">
        <v>780</v>
      </c>
      <c r="T211" s="6">
        <v>210</v>
      </c>
      <c r="U211" s="6">
        <v>63</v>
      </c>
      <c r="V211" s="6">
        <v>18</v>
      </c>
      <c r="W211" s="6">
        <v>6</v>
      </c>
      <c r="X211" s="6">
        <v>1</v>
      </c>
      <c r="Y211" s="6">
        <v>20673</v>
      </c>
      <c r="Z211" s="6">
        <v>2510</v>
      </c>
      <c r="AA211" s="6">
        <v>298</v>
      </c>
      <c r="AB211" s="6">
        <v>25</v>
      </c>
      <c r="AC211" s="6">
        <v>21837</v>
      </c>
      <c r="AD211" s="7">
        <v>46.406309999999998</v>
      </c>
    </row>
    <row r="212" spans="1:30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122</v>
      </c>
      <c r="F212" s="9" t="s">
        <v>123</v>
      </c>
      <c r="G212" s="6">
        <v>1727</v>
      </c>
      <c r="H212" s="6">
        <v>20</v>
      </c>
      <c r="I212" s="6">
        <v>350</v>
      </c>
      <c r="J212" s="6">
        <v>382</v>
      </c>
      <c r="K212" s="6">
        <v>241</v>
      </c>
      <c r="L212" s="6">
        <v>141</v>
      </c>
      <c r="M212" s="6">
        <v>114</v>
      </c>
      <c r="N212" s="6">
        <v>80</v>
      </c>
      <c r="O212" s="6">
        <v>50</v>
      </c>
      <c r="P212" s="6">
        <v>75</v>
      </c>
      <c r="Q212" s="6">
        <v>99</v>
      </c>
      <c r="R212" s="6">
        <v>89</v>
      </c>
      <c r="S212" s="6">
        <v>60</v>
      </c>
      <c r="T212" s="6">
        <v>18</v>
      </c>
      <c r="U212" s="6">
        <v>5</v>
      </c>
      <c r="V212" s="6">
        <v>2</v>
      </c>
      <c r="W212" s="6">
        <v>1</v>
      </c>
      <c r="X212" s="10" t="s">
        <v>55</v>
      </c>
      <c r="Y212" s="6">
        <v>1552</v>
      </c>
      <c r="Z212" s="6">
        <v>175</v>
      </c>
      <c r="AA212" s="6">
        <v>26</v>
      </c>
      <c r="AB212" s="6">
        <v>3</v>
      </c>
      <c r="AC212" s="6">
        <v>1621</v>
      </c>
      <c r="AD212" s="7">
        <v>38.197740000000003</v>
      </c>
    </row>
    <row r="213" spans="1:30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122</v>
      </c>
      <c r="F213" s="9" t="s">
        <v>124</v>
      </c>
      <c r="G213" s="6">
        <v>1704</v>
      </c>
      <c r="H213" s="6">
        <v>20</v>
      </c>
      <c r="I213" s="6">
        <v>350</v>
      </c>
      <c r="J213" s="6">
        <v>382</v>
      </c>
      <c r="K213" s="6">
        <v>239</v>
      </c>
      <c r="L213" s="6">
        <v>139</v>
      </c>
      <c r="M213" s="6">
        <v>110</v>
      </c>
      <c r="N213" s="6">
        <v>79</v>
      </c>
      <c r="O213" s="6">
        <v>49</v>
      </c>
      <c r="P213" s="6">
        <v>71</v>
      </c>
      <c r="Q213" s="6">
        <v>95</v>
      </c>
      <c r="R213" s="6">
        <v>88</v>
      </c>
      <c r="S213" s="6">
        <v>57</v>
      </c>
      <c r="T213" s="6">
        <v>17</v>
      </c>
      <c r="U213" s="6">
        <v>5</v>
      </c>
      <c r="V213" s="6">
        <v>2</v>
      </c>
      <c r="W213" s="6">
        <v>1</v>
      </c>
      <c r="X213" s="10" t="s">
        <v>55</v>
      </c>
      <c r="Y213" s="6">
        <v>1534</v>
      </c>
      <c r="Z213" s="6">
        <v>170</v>
      </c>
      <c r="AA213" s="6">
        <v>25</v>
      </c>
      <c r="AB213" s="6">
        <v>3</v>
      </c>
      <c r="AC213" s="6">
        <v>1602</v>
      </c>
      <c r="AD213" s="7">
        <v>37.978870000000001</v>
      </c>
    </row>
    <row r="214" spans="1:30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122</v>
      </c>
      <c r="F214" s="9" t="s">
        <v>125</v>
      </c>
      <c r="G214" s="6">
        <v>3</v>
      </c>
      <c r="H214" s="10" t="s">
        <v>55</v>
      </c>
      <c r="I214" s="10" t="s">
        <v>55</v>
      </c>
      <c r="J214" s="10" t="s">
        <v>55</v>
      </c>
      <c r="K214" s="10" t="s">
        <v>55</v>
      </c>
      <c r="L214" s="10" t="s">
        <v>55</v>
      </c>
      <c r="M214" s="6">
        <v>1</v>
      </c>
      <c r="N214" s="10" t="s">
        <v>55</v>
      </c>
      <c r="O214" s="6">
        <v>1</v>
      </c>
      <c r="P214" s="6">
        <v>1</v>
      </c>
      <c r="Q214" s="10" t="s">
        <v>55</v>
      </c>
      <c r="R214" s="10" t="s">
        <v>55</v>
      </c>
      <c r="S214" s="10" t="s">
        <v>55</v>
      </c>
      <c r="T214" s="10" t="s">
        <v>55</v>
      </c>
      <c r="U214" s="10" t="s">
        <v>55</v>
      </c>
      <c r="V214" s="10" t="s">
        <v>55</v>
      </c>
      <c r="W214" s="10" t="s">
        <v>55</v>
      </c>
      <c r="X214" s="10" t="s">
        <v>55</v>
      </c>
      <c r="Y214" s="6">
        <v>3</v>
      </c>
      <c r="Z214" s="10" t="s">
        <v>55</v>
      </c>
      <c r="AA214" s="10" t="s">
        <v>55</v>
      </c>
      <c r="AB214" s="10" t="s">
        <v>55</v>
      </c>
      <c r="AC214" s="6">
        <v>3</v>
      </c>
      <c r="AD214" s="7">
        <v>50.833329999999997</v>
      </c>
    </row>
    <row r="215" spans="1:30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126</v>
      </c>
      <c r="F215" s="9" t="s">
        <v>127</v>
      </c>
      <c r="G215" s="6">
        <v>5</v>
      </c>
      <c r="H215" s="10" t="s">
        <v>55</v>
      </c>
      <c r="I215" s="10" t="s">
        <v>55</v>
      </c>
      <c r="J215" s="10" t="s">
        <v>55</v>
      </c>
      <c r="K215" s="10" t="s">
        <v>55</v>
      </c>
      <c r="L215" s="6">
        <v>2</v>
      </c>
      <c r="M215" s="10" t="s">
        <v>55</v>
      </c>
      <c r="N215" s="6">
        <v>1</v>
      </c>
      <c r="O215" s="6">
        <v>1</v>
      </c>
      <c r="P215" s="10" t="s">
        <v>55</v>
      </c>
      <c r="Q215" s="10" t="s">
        <v>55</v>
      </c>
      <c r="R215" s="6">
        <v>1</v>
      </c>
      <c r="S215" s="10" t="s">
        <v>55</v>
      </c>
      <c r="T215" s="10" t="s">
        <v>55</v>
      </c>
      <c r="U215" s="10" t="s">
        <v>55</v>
      </c>
      <c r="V215" s="10" t="s">
        <v>55</v>
      </c>
      <c r="W215" s="10" t="s">
        <v>55</v>
      </c>
      <c r="X215" s="10" t="s">
        <v>55</v>
      </c>
      <c r="Y215" s="6">
        <v>4</v>
      </c>
      <c r="Z215" s="6">
        <v>1</v>
      </c>
      <c r="AA215" s="10" t="s">
        <v>55</v>
      </c>
      <c r="AB215" s="10" t="s">
        <v>55</v>
      </c>
      <c r="AC215" s="6">
        <v>5</v>
      </c>
      <c r="AD215" s="7">
        <v>48.5</v>
      </c>
    </row>
    <row r="216" spans="1:30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126</v>
      </c>
      <c r="F216" s="9" t="s">
        <v>128</v>
      </c>
      <c r="G216" s="6">
        <v>646</v>
      </c>
      <c r="H216" s="6">
        <v>2</v>
      </c>
      <c r="I216" s="6">
        <v>18</v>
      </c>
      <c r="J216" s="6">
        <v>35</v>
      </c>
      <c r="K216" s="6">
        <v>39</v>
      </c>
      <c r="L216" s="6">
        <v>61</v>
      </c>
      <c r="M216" s="6">
        <v>74</v>
      </c>
      <c r="N216" s="6">
        <v>82</v>
      </c>
      <c r="O216" s="6">
        <v>84</v>
      </c>
      <c r="P216" s="6">
        <v>77</v>
      </c>
      <c r="Q216" s="6">
        <v>60</v>
      </c>
      <c r="R216" s="6">
        <v>49</v>
      </c>
      <c r="S216" s="6">
        <v>35</v>
      </c>
      <c r="T216" s="6">
        <v>19</v>
      </c>
      <c r="U216" s="6">
        <v>7</v>
      </c>
      <c r="V216" s="6">
        <v>2</v>
      </c>
      <c r="W216" s="6">
        <v>2</v>
      </c>
      <c r="X216" s="10" t="s">
        <v>55</v>
      </c>
      <c r="Y216" s="6">
        <v>532</v>
      </c>
      <c r="Z216" s="6">
        <v>114</v>
      </c>
      <c r="AA216" s="6">
        <v>30</v>
      </c>
      <c r="AB216" s="6">
        <v>4</v>
      </c>
      <c r="AC216" s="6">
        <v>579</v>
      </c>
      <c r="AD216" s="7">
        <v>50.87771</v>
      </c>
    </row>
    <row r="217" spans="1:30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126</v>
      </c>
      <c r="F217" s="9" t="s">
        <v>129</v>
      </c>
      <c r="G217" s="6">
        <v>2067</v>
      </c>
      <c r="H217" s="6">
        <v>41</v>
      </c>
      <c r="I217" s="6">
        <v>176</v>
      </c>
      <c r="J217" s="6">
        <v>141</v>
      </c>
      <c r="K217" s="6">
        <v>151</v>
      </c>
      <c r="L217" s="6">
        <v>236</v>
      </c>
      <c r="M217" s="6">
        <v>239</v>
      </c>
      <c r="N217" s="6">
        <v>293</v>
      </c>
      <c r="O217" s="6">
        <v>223</v>
      </c>
      <c r="P217" s="6">
        <v>234</v>
      </c>
      <c r="Q217" s="6">
        <v>141</v>
      </c>
      <c r="R217" s="6">
        <v>123</v>
      </c>
      <c r="S217" s="6">
        <v>51</v>
      </c>
      <c r="T217" s="6">
        <v>11</v>
      </c>
      <c r="U217" s="6">
        <v>5</v>
      </c>
      <c r="V217" s="6">
        <v>2</v>
      </c>
      <c r="W217" s="10" t="s">
        <v>55</v>
      </c>
      <c r="X217" s="10" t="s">
        <v>55</v>
      </c>
      <c r="Y217" s="6">
        <v>1875</v>
      </c>
      <c r="Z217" s="6">
        <v>192</v>
      </c>
      <c r="AA217" s="6">
        <v>18</v>
      </c>
      <c r="AB217" s="6">
        <v>2</v>
      </c>
      <c r="AC217" s="6">
        <v>1957</v>
      </c>
      <c r="AD217" s="7">
        <v>45.309869999999997</v>
      </c>
    </row>
    <row r="218" spans="1:30">
      <c r="A218" s="9" t="s">
        <v>56</v>
      </c>
      <c r="B218" s="9" t="s">
        <v>57</v>
      </c>
      <c r="C218" s="9" t="s">
        <v>59</v>
      </c>
      <c r="D218" s="9" t="s">
        <v>54</v>
      </c>
      <c r="E218" s="9" t="s">
        <v>130</v>
      </c>
      <c r="F218" s="9" t="s">
        <v>131</v>
      </c>
      <c r="G218" s="6">
        <v>28</v>
      </c>
      <c r="H218" s="10" t="s">
        <v>55</v>
      </c>
      <c r="I218" s="6">
        <v>4</v>
      </c>
      <c r="J218" s="6">
        <v>1</v>
      </c>
      <c r="K218" s="6">
        <v>2</v>
      </c>
      <c r="L218" s="6">
        <v>2</v>
      </c>
      <c r="M218" s="6">
        <v>4</v>
      </c>
      <c r="N218" s="6">
        <v>5</v>
      </c>
      <c r="O218" s="6">
        <v>2</v>
      </c>
      <c r="P218" s="6">
        <v>5</v>
      </c>
      <c r="Q218" s="6">
        <v>3</v>
      </c>
      <c r="R218" s="10" t="s">
        <v>55</v>
      </c>
      <c r="S218" s="10" t="s">
        <v>55</v>
      </c>
      <c r="T218" s="10" t="s">
        <v>55</v>
      </c>
      <c r="U218" s="10" t="s">
        <v>55</v>
      </c>
      <c r="V218" s="10" t="s">
        <v>55</v>
      </c>
      <c r="W218" s="10" t="s">
        <v>55</v>
      </c>
      <c r="X218" s="10" t="s">
        <v>55</v>
      </c>
      <c r="Y218" s="6">
        <v>28</v>
      </c>
      <c r="Z218" s="10" t="s">
        <v>55</v>
      </c>
      <c r="AA218" s="10" t="s">
        <v>55</v>
      </c>
      <c r="AB218" s="10" t="s">
        <v>55</v>
      </c>
      <c r="AC218" s="6">
        <v>28</v>
      </c>
      <c r="AD218" s="7">
        <v>44.285710000000002</v>
      </c>
    </row>
    <row r="219" spans="1:30">
      <c r="A219" s="9" t="s">
        <v>56</v>
      </c>
      <c r="B219" s="9" t="s">
        <v>57</v>
      </c>
      <c r="C219" s="9" t="s">
        <v>59</v>
      </c>
      <c r="D219" s="9" t="s">
        <v>54</v>
      </c>
      <c r="E219" s="9" t="s">
        <v>130</v>
      </c>
      <c r="F219" s="9" t="s">
        <v>132</v>
      </c>
      <c r="G219" s="6">
        <v>66</v>
      </c>
      <c r="H219" s="10" t="s">
        <v>55</v>
      </c>
      <c r="I219" s="6">
        <v>3</v>
      </c>
      <c r="J219" s="6">
        <v>10</v>
      </c>
      <c r="K219" s="6">
        <v>9</v>
      </c>
      <c r="L219" s="6">
        <v>13</v>
      </c>
      <c r="M219" s="6">
        <v>5</v>
      </c>
      <c r="N219" s="6">
        <v>9</v>
      </c>
      <c r="O219" s="6">
        <v>7</v>
      </c>
      <c r="P219" s="6">
        <v>3</v>
      </c>
      <c r="Q219" s="6">
        <v>5</v>
      </c>
      <c r="R219" s="6">
        <v>1</v>
      </c>
      <c r="S219" s="6">
        <v>1</v>
      </c>
      <c r="T219" s="10" t="s">
        <v>55</v>
      </c>
      <c r="U219" s="10" t="s">
        <v>55</v>
      </c>
      <c r="V219" s="10" t="s">
        <v>55</v>
      </c>
      <c r="W219" s="10" t="s">
        <v>55</v>
      </c>
      <c r="X219" s="10" t="s">
        <v>55</v>
      </c>
      <c r="Y219" s="6">
        <v>64</v>
      </c>
      <c r="Z219" s="6">
        <v>2</v>
      </c>
      <c r="AA219" s="10" t="s">
        <v>55</v>
      </c>
      <c r="AB219" s="10" t="s">
        <v>55</v>
      </c>
      <c r="AC219" s="6">
        <v>65</v>
      </c>
      <c r="AD219" s="7">
        <v>41.954549999999998</v>
      </c>
    </row>
    <row r="220" spans="1:30">
      <c r="A220" s="9" t="s">
        <v>56</v>
      </c>
      <c r="B220" s="9" t="s">
        <v>57</v>
      </c>
      <c r="C220" s="9" t="s">
        <v>59</v>
      </c>
      <c r="D220" s="9" t="s">
        <v>54</v>
      </c>
      <c r="E220" s="9" t="s">
        <v>130</v>
      </c>
      <c r="F220" s="9" t="s">
        <v>133</v>
      </c>
      <c r="G220" s="6">
        <v>517</v>
      </c>
      <c r="H220" s="6">
        <v>4</v>
      </c>
      <c r="I220" s="6">
        <v>20</v>
      </c>
      <c r="J220" s="6">
        <v>29</v>
      </c>
      <c r="K220" s="6">
        <v>42</v>
      </c>
      <c r="L220" s="6">
        <v>59</v>
      </c>
      <c r="M220" s="6">
        <v>59</v>
      </c>
      <c r="N220" s="6">
        <v>57</v>
      </c>
      <c r="O220" s="6">
        <v>80</v>
      </c>
      <c r="P220" s="6">
        <v>76</v>
      </c>
      <c r="Q220" s="6">
        <v>44</v>
      </c>
      <c r="R220" s="6">
        <v>27</v>
      </c>
      <c r="S220" s="6">
        <v>16</v>
      </c>
      <c r="T220" s="6">
        <v>3</v>
      </c>
      <c r="U220" s="6">
        <v>1</v>
      </c>
      <c r="V220" s="10" t="s">
        <v>55</v>
      </c>
      <c r="W220" s="10" t="s">
        <v>55</v>
      </c>
      <c r="X220" s="10" t="s">
        <v>55</v>
      </c>
      <c r="Y220" s="6">
        <v>470</v>
      </c>
      <c r="Z220" s="6">
        <v>47</v>
      </c>
      <c r="AA220" s="6">
        <v>4</v>
      </c>
      <c r="AB220" s="10" t="s">
        <v>55</v>
      </c>
      <c r="AC220" s="6">
        <v>493</v>
      </c>
      <c r="AD220" s="7">
        <v>47.74371</v>
      </c>
    </row>
    <row r="221" spans="1:30">
      <c r="A221" s="9" t="s">
        <v>56</v>
      </c>
      <c r="B221" s="9" t="s">
        <v>57</v>
      </c>
      <c r="C221" s="9" t="s">
        <v>59</v>
      </c>
      <c r="D221" s="9" t="s">
        <v>54</v>
      </c>
      <c r="E221" s="9" t="s">
        <v>130</v>
      </c>
      <c r="F221" s="9" t="s">
        <v>134</v>
      </c>
      <c r="G221" s="6">
        <v>4516</v>
      </c>
      <c r="H221" s="6">
        <v>80</v>
      </c>
      <c r="I221" s="6">
        <v>258</v>
      </c>
      <c r="J221" s="6">
        <v>283</v>
      </c>
      <c r="K221" s="6">
        <v>351</v>
      </c>
      <c r="L221" s="6">
        <v>450</v>
      </c>
      <c r="M221" s="6">
        <v>464</v>
      </c>
      <c r="N221" s="6">
        <v>533</v>
      </c>
      <c r="O221" s="6">
        <v>499</v>
      </c>
      <c r="P221" s="6">
        <v>530</v>
      </c>
      <c r="Q221" s="6">
        <v>501</v>
      </c>
      <c r="R221" s="6">
        <v>352</v>
      </c>
      <c r="S221" s="6">
        <v>156</v>
      </c>
      <c r="T221" s="6">
        <v>34</v>
      </c>
      <c r="U221" s="6">
        <v>19</v>
      </c>
      <c r="V221" s="6">
        <v>4</v>
      </c>
      <c r="W221" s="6">
        <v>1</v>
      </c>
      <c r="X221" s="6">
        <v>1</v>
      </c>
      <c r="Y221" s="6">
        <v>3949</v>
      </c>
      <c r="Z221" s="6">
        <v>567</v>
      </c>
      <c r="AA221" s="6">
        <v>59</v>
      </c>
      <c r="AB221" s="6">
        <v>6</v>
      </c>
      <c r="AC221" s="6">
        <v>4221</v>
      </c>
      <c r="AD221" s="7">
        <v>47.824179999999998</v>
      </c>
    </row>
    <row r="222" spans="1:30">
      <c r="A222" s="9" t="s">
        <v>56</v>
      </c>
      <c r="B222" s="9" t="s">
        <v>57</v>
      </c>
      <c r="C222" s="9" t="s">
        <v>59</v>
      </c>
      <c r="D222" s="9" t="s">
        <v>54</v>
      </c>
      <c r="E222" s="9" t="s">
        <v>130</v>
      </c>
      <c r="F222" s="9" t="s">
        <v>135</v>
      </c>
      <c r="G222" s="6">
        <v>526</v>
      </c>
      <c r="H222" s="6">
        <v>1</v>
      </c>
      <c r="I222" s="6">
        <v>28</v>
      </c>
      <c r="J222" s="6">
        <v>46</v>
      </c>
      <c r="K222" s="6">
        <v>42</v>
      </c>
      <c r="L222" s="6">
        <v>48</v>
      </c>
      <c r="M222" s="6">
        <v>62</v>
      </c>
      <c r="N222" s="6">
        <v>77</v>
      </c>
      <c r="O222" s="6">
        <v>79</v>
      </c>
      <c r="P222" s="6">
        <v>61</v>
      </c>
      <c r="Q222" s="6">
        <v>42</v>
      </c>
      <c r="R222" s="6">
        <v>25</v>
      </c>
      <c r="S222" s="6">
        <v>11</v>
      </c>
      <c r="T222" s="6">
        <v>2</v>
      </c>
      <c r="U222" s="6">
        <v>2</v>
      </c>
      <c r="V222" s="10" t="s">
        <v>55</v>
      </c>
      <c r="W222" s="10" t="s">
        <v>55</v>
      </c>
      <c r="X222" s="10" t="s">
        <v>55</v>
      </c>
      <c r="Y222" s="6">
        <v>486</v>
      </c>
      <c r="Z222" s="6">
        <v>40</v>
      </c>
      <c r="AA222" s="6">
        <v>4</v>
      </c>
      <c r="AB222" s="10" t="s">
        <v>55</v>
      </c>
      <c r="AC222" s="6">
        <v>510</v>
      </c>
      <c r="AD222" s="7">
        <v>46.534219999999998</v>
      </c>
    </row>
    <row r="223" spans="1:30">
      <c r="A223" s="9" t="s">
        <v>56</v>
      </c>
      <c r="B223" s="9" t="s">
        <v>57</v>
      </c>
      <c r="C223" s="9" t="s">
        <v>59</v>
      </c>
      <c r="D223" s="9" t="s">
        <v>54</v>
      </c>
      <c r="E223" s="9" t="s">
        <v>130</v>
      </c>
      <c r="F223" s="9" t="s">
        <v>136</v>
      </c>
      <c r="G223" s="6">
        <v>212</v>
      </c>
      <c r="H223" s="6">
        <v>2</v>
      </c>
      <c r="I223" s="6">
        <v>10</v>
      </c>
      <c r="J223" s="6">
        <v>18</v>
      </c>
      <c r="K223" s="6">
        <v>22</v>
      </c>
      <c r="L223" s="6">
        <v>19</v>
      </c>
      <c r="M223" s="6">
        <v>20</v>
      </c>
      <c r="N223" s="6">
        <v>24</v>
      </c>
      <c r="O223" s="6">
        <v>20</v>
      </c>
      <c r="P223" s="6">
        <v>21</v>
      </c>
      <c r="Q223" s="6">
        <v>15</v>
      </c>
      <c r="R223" s="6">
        <v>18</v>
      </c>
      <c r="S223" s="6">
        <v>14</v>
      </c>
      <c r="T223" s="6">
        <v>5</v>
      </c>
      <c r="U223" s="6">
        <v>4</v>
      </c>
      <c r="V223" s="10" t="s">
        <v>55</v>
      </c>
      <c r="W223" s="10" t="s">
        <v>55</v>
      </c>
      <c r="X223" s="10" t="s">
        <v>55</v>
      </c>
      <c r="Y223" s="6">
        <v>171</v>
      </c>
      <c r="Z223" s="6">
        <v>41</v>
      </c>
      <c r="AA223" s="6">
        <v>9</v>
      </c>
      <c r="AB223" s="10" t="s">
        <v>55</v>
      </c>
      <c r="AC223" s="6">
        <v>187</v>
      </c>
      <c r="AD223" s="7">
        <v>48.608490000000003</v>
      </c>
    </row>
    <row r="224" spans="1:30">
      <c r="A224" s="9" t="s">
        <v>56</v>
      </c>
      <c r="B224" s="9" t="s">
        <v>57</v>
      </c>
      <c r="C224" s="9" t="s">
        <v>59</v>
      </c>
      <c r="D224" s="9" t="s">
        <v>54</v>
      </c>
      <c r="E224" s="9" t="s">
        <v>130</v>
      </c>
      <c r="F224" s="9" t="s">
        <v>137</v>
      </c>
      <c r="G224" s="6">
        <v>301</v>
      </c>
      <c r="H224" s="10" t="s">
        <v>55</v>
      </c>
      <c r="I224" s="6">
        <v>13</v>
      </c>
      <c r="J224" s="6">
        <v>19</v>
      </c>
      <c r="K224" s="6">
        <v>32</v>
      </c>
      <c r="L224" s="6">
        <v>32</v>
      </c>
      <c r="M224" s="6">
        <v>40</v>
      </c>
      <c r="N224" s="6">
        <v>45</v>
      </c>
      <c r="O224" s="6">
        <v>40</v>
      </c>
      <c r="P224" s="6">
        <v>36</v>
      </c>
      <c r="Q224" s="6">
        <v>24</v>
      </c>
      <c r="R224" s="6">
        <v>12</v>
      </c>
      <c r="S224" s="6">
        <v>5</v>
      </c>
      <c r="T224" s="6">
        <v>3</v>
      </c>
      <c r="U224" s="10" t="s">
        <v>55</v>
      </c>
      <c r="V224" s="10" t="s">
        <v>55</v>
      </c>
      <c r="W224" s="10" t="s">
        <v>55</v>
      </c>
      <c r="X224" s="10" t="s">
        <v>55</v>
      </c>
      <c r="Y224" s="6">
        <v>281</v>
      </c>
      <c r="Z224" s="6">
        <v>20</v>
      </c>
      <c r="AA224" s="6">
        <v>3</v>
      </c>
      <c r="AB224" s="10" t="s">
        <v>55</v>
      </c>
      <c r="AC224" s="6">
        <v>293</v>
      </c>
      <c r="AD224" s="7">
        <v>46.390369999999997</v>
      </c>
    </row>
    <row r="225" spans="1:30">
      <c r="A225" s="9" t="s">
        <v>56</v>
      </c>
      <c r="B225" s="9" t="s">
        <v>57</v>
      </c>
      <c r="C225" s="9" t="s">
        <v>59</v>
      </c>
      <c r="D225" s="9" t="s">
        <v>54</v>
      </c>
      <c r="E225" s="9" t="s">
        <v>130</v>
      </c>
      <c r="F225" s="9" t="s">
        <v>138</v>
      </c>
      <c r="G225" s="6">
        <v>1166</v>
      </c>
      <c r="H225" s="6">
        <v>55</v>
      </c>
      <c r="I225" s="6">
        <v>79</v>
      </c>
      <c r="J225" s="6">
        <v>59</v>
      </c>
      <c r="K225" s="6">
        <v>83</v>
      </c>
      <c r="L225" s="6">
        <v>102</v>
      </c>
      <c r="M225" s="6">
        <v>112</v>
      </c>
      <c r="N225" s="6">
        <v>119</v>
      </c>
      <c r="O225" s="6">
        <v>127</v>
      </c>
      <c r="P225" s="6">
        <v>130</v>
      </c>
      <c r="Q225" s="6">
        <v>118</v>
      </c>
      <c r="R225" s="6">
        <v>87</v>
      </c>
      <c r="S225" s="6">
        <v>79</v>
      </c>
      <c r="T225" s="6">
        <v>14</v>
      </c>
      <c r="U225" s="6">
        <v>1</v>
      </c>
      <c r="V225" s="10" t="s">
        <v>55</v>
      </c>
      <c r="W225" s="6">
        <v>1</v>
      </c>
      <c r="X225" s="10" t="s">
        <v>55</v>
      </c>
      <c r="Y225" s="6">
        <v>984</v>
      </c>
      <c r="Z225" s="6">
        <v>182</v>
      </c>
      <c r="AA225" s="6">
        <v>16</v>
      </c>
      <c r="AB225" s="6">
        <v>1</v>
      </c>
      <c r="AC225" s="6">
        <v>1016</v>
      </c>
      <c r="AD225" s="7">
        <v>47.741849999999999</v>
      </c>
    </row>
    <row r="226" spans="1:30">
      <c r="A226" s="9" t="s">
        <v>56</v>
      </c>
      <c r="B226" s="9" t="s">
        <v>57</v>
      </c>
      <c r="C226" s="9" t="s">
        <v>59</v>
      </c>
      <c r="D226" s="9" t="s">
        <v>54</v>
      </c>
      <c r="E226" s="9" t="s">
        <v>130</v>
      </c>
      <c r="F226" s="9" t="s">
        <v>139</v>
      </c>
      <c r="G226" s="6">
        <v>781</v>
      </c>
      <c r="H226" s="6">
        <v>6</v>
      </c>
      <c r="I226" s="6">
        <v>48</v>
      </c>
      <c r="J226" s="6">
        <v>58</v>
      </c>
      <c r="K226" s="6">
        <v>80</v>
      </c>
      <c r="L226" s="6">
        <v>70</v>
      </c>
      <c r="M226" s="6">
        <v>93</v>
      </c>
      <c r="N226" s="6">
        <v>82</v>
      </c>
      <c r="O226" s="6">
        <v>76</v>
      </c>
      <c r="P226" s="6">
        <v>82</v>
      </c>
      <c r="Q226" s="6">
        <v>83</v>
      </c>
      <c r="R226" s="6">
        <v>47</v>
      </c>
      <c r="S226" s="6">
        <v>39</v>
      </c>
      <c r="T226" s="6">
        <v>16</v>
      </c>
      <c r="U226" s="6">
        <v>1</v>
      </c>
      <c r="V226" s="10" t="s">
        <v>55</v>
      </c>
      <c r="W226" s="10" t="s">
        <v>55</v>
      </c>
      <c r="X226" s="10" t="s">
        <v>55</v>
      </c>
      <c r="Y226" s="6">
        <v>678</v>
      </c>
      <c r="Z226" s="6">
        <v>103</v>
      </c>
      <c r="AA226" s="6">
        <v>17</v>
      </c>
      <c r="AB226" s="10" t="s">
        <v>55</v>
      </c>
      <c r="AC226" s="6">
        <v>719</v>
      </c>
      <c r="AD226" s="7">
        <v>47.446219999999997</v>
      </c>
    </row>
    <row r="227" spans="1:30">
      <c r="A227" s="9" t="s">
        <v>56</v>
      </c>
      <c r="B227" s="9" t="s">
        <v>57</v>
      </c>
      <c r="C227" s="9" t="s">
        <v>59</v>
      </c>
      <c r="D227" s="9" t="s">
        <v>54</v>
      </c>
      <c r="E227" s="9" t="s">
        <v>130</v>
      </c>
      <c r="F227" s="9" t="s">
        <v>140</v>
      </c>
      <c r="G227" s="6">
        <v>1151</v>
      </c>
      <c r="H227" s="6">
        <v>9</v>
      </c>
      <c r="I227" s="6">
        <v>53</v>
      </c>
      <c r="J227" s="6">
        <v>92</v>
      </c>
      <c r="K227" s="6">
        <v>88</v>
      </c>
      <c r="L227" s="6">
        <v>106</v>
      </c>
      <c r="M227" s="6">
        <v>135</v>
      </c>
      <c r="N227" s="6">
        <v>198</v>
      </c>
      <c r="O227" s="6">
        <v>176</v>
      </c>
      <c r="P227" s="6">
        <v>154</v>
      </c>
      <c r="Q227" s="6">
        <v>100</v>
      </c>
      <c r="R227" s="6">
        <v>24</v>
      </c>
      <c r="S227" s="6">
        <v>13</v>
      </c>
      <c r="T227" s="6">
        <v>3</v>
      </c>
      <c r="U227" s="10" t="s">
        <v>55</v>
      </c>
      <c r="V227" s="10" t="s">
        <v>55</v>
      </c>
      <c r="W227" s="10" t="s">
        <v>55</v>
      </c>
      <c r="X227" s="10" t="s">
        <v>55</v>
      </c>
      <c r="Y227" s="6">
        <v>1111</v>
      </c>
      <c r="Z227" s="6">
        <v>40</v>
      </c>
      <c r="AA227" s="6">
        <v>3</v>
      </c>
      <c r="AB227" s="10" t="s">
        <v>55</v>
      </c>
      <c r="AC227" s="6">
        <v>1126</v>
      </c>
      <c r="AD227" s="7">
        <v>46.026499999999999</v>
      </c>
    </row>
    <row r="228" spans="1:30">
      <c r="A228" s="9" t="s">
        <v>56</v>
      </c>
      <c r="B228" s="9" t="s">
        <v>57</v>
      </c>
      <c r="C228" s="9" t="s">
        <v>59</v>
      </c>
      <c r="D228" s="9" t="s">
        <v>54</v>
      </c>
      <c r="E228" s="9" t="s">
        <v>130</v>
      </c>
      <c r="F228" s="9" t="s">
        <v>141</v>
      </c>
      <c r="G228" s="6">
        <v>7644</v>
      </c>
      <c r="H228" s="6">
        <v>29</v>
      </c>
      <c r="I228" s="6">
        <v>439</v>
      </c>
      <c r="J228" s="6">
        <v>584</v>
      </c>
      <c r="K228" s="6">
        <v>705</v>
      </c>
      <c r="L228" s="6">
        <v>843</v>
      </c>
      <c r="M228" s="6">
        <v>898</v>
      </c>
      <c r="N228" s="6">
        <v>917</v>
      </c>
      <c r="O228" s="6">
        <v>899</v>
      </c>
      <c r="P228" s="6">
        <v>883</v>
      </c>
      <c r="Q228" s="6">
        <v>684</v>
      </c>
      <c r="R228" s="6">
        <v>463</v>
      </c>
      <c r="S228" s="6">
        <v>224</v>
      </c>
      <c r="T228" s="6">
        <v>57</v>
      </c>
      <c r="U228" s="6">
        <v>13</v>
      </c>
      <c r="V228" s="6">
        <v>6</v>
      </c>
      <c r="W228" s="10" t="s">
        <v>55</v>
      </c>
      <c r="X228" s="10" t="s">
        <v>55</v>
      </c>
      <c r="Y228" s="6">
        <v>6881</v>
      </c>
      <c r="Z228" s="6">
        <v>763</v>
      </c>
      <c r="AA228" s="6">
        <v>76</v>
      </c>
      <c r="AB228" s="6">
        <v>6</v>
      </c>
      <c r="AC228" s="6">
        <v>7315</v>
      </c>
      <c r="AD228" s="7">
        <v>46.69218</v>
      </c>
    </row>
    <row r="229" spans="1:30">
      <c r="A229" s="9" t="s">
        <v>56</v>
      </c>
      <c r="B229" s="9" t="s">
        <v>57</v>
      </c>
      <c r="C229" s="9" t="s">
        <v>59</v>
      </c>
      <c r="D229" s="9" t="s">
        <v>54</v>
      </c>
      <c r="E229" s="9" t="s">
        <v>130</v>
      </c>
      <c r="F229" s="9" t="s">
        <v>142</v>
      </c>
      <c r="G229" s="6">
        <v>221</v>
      </c>
      <c r="H229" s="6">
        <v>6</v>
      </c>
      <c r="I229" s="6">
        <v>21</v>
      </c>
      <c r="J229" s="6">
        <v>19</v>
      </c>
      <c r="K229" s="6">
        <v>16</v>
      </c>
      <c r="L229" s="6">
        <v>13</v>
      </c>
      <c r="M229" s="6">
        <v>29</v>
      </c>
      <c r="N229" s="6">
        <v>50</v>
      </c>
      <c r="O229" s="6">
        <v>28</v>
      </c>
      <c r="P229" s="6">
        <v>21</v>
      </c>
      <c r="Q229" s="6">
        <v>14</v>
      </c>
      <c r="R229" s="6">
        <v>2</v>
      </c>
      <c r="S229" s="6">
        <v>1</v>
      </c>
      <c r="T229" s="6">
        <v>1</v>
      </c>
      <c r="U229" s="10" t="s">
        <v>55</v>
      </c>
      <c r="V229" s="10" t="s">
        <v>55</v>
      </c>
      <c r="W229" s="10" t="s">
        <v>55</v>
      </c>
      <c r="X229" s="10" t="s">
        <v>55</v>
      </c>
      <c r="Y229" s="6">
        <v>217</v>
      </c>
      <c r="Z229" s="6">
        <v>4</v>
      </c>
      <c r="AA229" s="6">
        <v>1</v>
      </c>
      <c r="AB229" s="10" t="s">
        <v>55</v>
      </c>
      <c r="AC229" s="6">
        <v>213</v>
      </c>
      <c r="AD229" s="7">
        <v>43.242080000000001</v>
      </c>
    </row>
    <row r="230" spans="1:30">
      <c r="A230" s="9" t="s">
        <v>56</v>
      </c>
      <c r="B230" s="9" t="s">
        <v>57</v>
      </c>
      <c r="C230" s="9" t="s">
        <v>59</v>
      </c>
      <c r="D230" s="9" t="s">
        <v>54</v>
      </c>
      <c r="E230" s="9" t="s">
        <v>130</v>
      </c>
      <c r="F230" s="9" t="s">
        <v>143</v>
      </c>
      <c r="G230" s="6">
        <v>906</v>
      </c>
      <c r="H230" s="6">
        <v>5</v>
      </c>
      <c r="I230" s="6">
        <v>27</v>
      </c>
      <c r="J230" s="6">
        <v>54</v>
      </c>
      <c r="K230" s="6">
        <v>58</v>
      </c>
      <c r="L230" s="6">
        <v>90</v>
      </c>
      <c r="M230" s="6">
        <v>96</v>
      </c>
      <c r="N230" s="6">
        <v>98</v>
      </c>
      <c r="O230" s="6">
        <v>95</v>
      </c>
      <c r="P230" s="6">
        <v>95</v>
      </c>
      <c r="Q230" s="6">
        <v>96</v>
      </c>
      <c r="R230" s="6">
        <v>93</v>
      </c>
      <c r="S230" s="6">
        <v>71</v>
      </c>
      <c r="T230" s="6">
        <v>22</v>
      </c>
      <c r="U230" s="6">
        <v>3</v>
      </c>
      <c r="V230" s="6">
        <v>2</v>
      </c>
      <c r="W230" s="6">
        <v>1</v>
      </c>
      <c r="X230" s="10" t="s">
        <v>55</v>
      </c>
      <c r="Y230" s="6">
        <v>714</v>
      </c>
      <c r="Z230" s="6">
        <v>192</v>
      </c>
      <c r="AA230" s="6">
        <v>28</v>
      </c>
      <c r="AB230" s="6">
        <v>3</v>
      </c>
      <c r="AC230" s="6">
        <v>802</v>
      </c>
      <c r="AD230" s="7">
        <v>51.090510000000002</v>
      </c>
    </row>
    <row r="231" spans="1:30">
      <c r="A231" s="9" t="s">
        <v>56</v>
      </c>
      <c r="B231" s="9" t="s">
        <v>57</v>
      </c>
      <c r="C231" s="9" t="s">
        <v>59</v>
      </c>
      <c r="D231" s="9" t="s">
        <v>54</v>
      </c>
      <c r="E231" s="9" t="s">
        <v>130</v>
      </c>
      <c r="F231" s="9" t="s">
        <v>144</v>
      </c>
      <c r="G231" s="6">
        <v>618</v>
      </c>
      <c r="H231" s="6">
        <v>4</v>
      </c>
      <c r="I231" s="6">
        <v>30</v>
      </c>
      <c r="J231" s="6">
        <v>66</v>
      </c>
      <c r="K231" s="6">
        <v>47</v>
      </c>
      <c r="L231" s="6">
        <v>65</v>
      </c>
      <c r="M231" s="6">
        <v>88</v>
      </c>
      <c r="N231" s="6">
        <v>104</v>
      </c>
      <c r="O231" s="6">
        <v>95</v>
      </c>
      <c r="P231" s="6">
        <v>57</v>
      </c>
      <c r="Q231" s="6">
        <v>44</v>
      </c>
      <c r="R231" s="6">
        <v>14</v>
      </c>
      <c r="S231" s="6">
        <v>3</v>
      </c>
      <c r="T231" s="10" t="s">
        <v>55</v>
      </c>
      <c r="U231" s="6">
        <v>1</v>
      </c>
      <c r="V231" s="10" t="s">
        <v>55</v>
      </c>
      <c r="W231" s="10" t="s">
        <v>55</v>
      </c>
      <c r="X231" s="10" t="s">
        <v>55</v>
      </c>
      <c r="Y231" s="6">
        <v>600</v>
      </c>
      <c r="Z231" s="6">
        <v>18</v>
      </c>
      <c r="AA231" s="6">
        <v>1</v>
      </c>
      <c r="AB231" s="10" t="s">
        <v>55</v>
      </c>
      <c r="AC231" s="6">
        <v>610</v>
      </c>
      <c r="AD231" s="7">
        <v>44.53398</v>
      </c>
    </row>
    <row r="232" spans="1:30">
      <c r="A232" s="9" t="s">
        <v>56</v>
      </c>
      <c r="B232" s="9" t="s">
        <v>57</v>
      </c>
      <c r="C232" s="9" t="s">
        <v>59</v>
      </c>
      <c r="D232" s="9" t="s">
        <v>54</v>
      </c>
      <c r="E232" s="9" t="s">
        <v>55</v>
      </c>
      <c r="F232" s="9" t="s">
        <v>145</v>
      </c>
      <c r="G232" s="6">
        <v>82</v>
      </c>
      <c r="H232" s="6">
        <v>4</v>
      </c>
      <c r="I232" s="6">
        <v>9</v>
      </c>
      <c r="J232" s="6">
        <v>7</v>
      </c>
      <c r="K232" s="6">
        <v>6</v>
      </c>
      <c r="L232" s="6">
        <v>11</v>
      </c>
      <c r="M232" s="6">
        <v>8</v>
      </c>
      <c r="N232" s="6">
        <v>13</v>
      </c>
      <c r="O232" s="6">
        <v>4</v>
      </c>
      <c r="P232" s="6">
        <v>5</v>
      </c>
      <c r="Q232" s="6">
        <v>6</v>
      </c>
      <c r="R232" s="6">
        <v>5</v>
      </c>
      <c r="S232" s="6">
        <v>1</v>
      </c>
      <c r="T232" s="6">
        <v>2</v>
      </c>
      <c r="U232" s="6">
        <v>1</v>
      </c>
      <c r="V232" s="10" t="s">
        <v>55</v>
      </c>
      <c r="W232" s="10" t="s">
        <v>55</v>
      </c>
      <c r="X232" s="10" t="s">
        <v>55</v>
      </c>
      <c r="Y232" s="6">
        <v>73</v>
      </c>
      <c r="Z232" s="6">
        <v>9</v>
      </c>
      <c r="AA232" s="6">
        <v>3</v>
      </c>
      <c r="AB232" s="10" t="s">
        <v>55</v>
      </c>
      <c r="AC232" s="6">
        <v>74</v>
      </c>
      <c r="AD232" s="7">
        <v>43.414630000000002</v>
      </c>
    </row>
    <row r="233" spans="1:30">
      <c r="A233" s="9" t="s">
        <v>56</v>
      </c>
      <c r="B233" s="9" t="s">
        <v>57</v>
      </c>
      <c r="C233" s="9" t="s">
        <v>59</v>
      </c>
      <c r="D233" s="9" t="s">
        <v>54</v>
      </c>
      <c r="E233" s="9" t="s">
        <v>55</v>
      </c>
      <c r="F233" s="9" t="s">
        <v>146</v>
      </c>
      <c r="G233" s="6">
        <v>1730</v>
      </c>
      <c r="H233" s="6">
        <v>20</v>
      </c>
      <c r="I233" s="6">
        <v>350</v>
      </c>
      <c r="J233" s="6">
        <v>382</v>
      </c>
      <c r="K233" s="6">
        <v>241</v>
      </c>
      <c r="L233" s="6">
        <v>141</v>
      </c>
      <c r="M233" s="6">
        <v>115</v>
      </c>
      <c r="N233" s="6">
        <v>80</v>
      </c>
      <c r="O233" s="6">
        <v>51</v>
      </c>
      <c r="P233" s="6">
        <v>76</v>
      </c>
      <c r="Q233" s="6">
        <v>99</v>
      </c>
      <c r="R233" s="6">
        <v>89</v>
      </c>
      <c r="S233" s="6">
        <v>60</v>
      </c>
      <c r="T233" s="6">
        <v>18</v>
      </c>
      <c r="U233" s="6">
        <v>5</v>
      </c>
      <c r="V233" s="6">
        <v>2</v>
      </c>
      <c r="W233" s="6">
        <v>1</v>
      </c>
      <c r="X233" s="10" t="s">
        <v>55</v>
      </c>
      <c r="Y233" s="6">
        <v>1555</v>
      </c>
      <c r="Z233" s="6">
        <v>175</v>
      </c>
      <c r="AA233" s="6">
        <v>26</v>
      </c>
      <c r="AB233" s="6">
        <v>3</v>
      </c>
      <c r="AC233" s="6">
        <v>1624</v>
      </c>
      <c r="AD233" s="7">
        <v>38.219650000000001</v>
      </c>
    </row>
    <row r="234" spans="1:30">
      <c r="A234" s="9" t="s">
        <v>56</v>
      </c>
      <c r="B234" s="9" t="s">
        <v>57</v>
      </c>
      <c r="C234" s="9" t="s">
        <v>59</v>
      </c>
      <c r="D234" s="9" t="s">
        <v>54</v>
      </c>
      <c r="E234" s="9" t="s">
        <v>55</v>
      </c>
      <c r="F234" s="9" t="s">
        <v>147</v>
      </c>
      <c r="G234" s="6">
        <v>2718</v>
      </c>
      <c r="H234" s="6">
        <v>43</v>
      </c>
      <c r="I234" s="6">
        <v>194</v>
      </c>
      <c r="J234" s="6">
        <v>176</v>
      </c>
      <c r="K234" s="6">
        <v>190</v>
      </c>
      <c r="L234" s="6">
        <v>299</v>
      </c>
      <c r="M234" s="6">
        <v>313</v>
      </c>
      <c r="N234" s="6">
        <v>376</v>
      </c>
      <c r="O234" s="6">
        <v>308</v>
      </c>
      <c r="P234" s="6">
        <v>311</v>
      </c>
      <c r="Q234" s="6">
        <v>201</v>
      </c>
      <c r="R234" s="6">
        <v>173</v>
      </c>
      <c r="S234" s="6">
        <v>86</v>
      </c>
      <c r="T234" s="6">
        <v>30</v>
      </c>
      <c r="U234" s="6">
        <v>12</v>
      </c>
      <c r="V234" s="6">
        <v>4</v>
      </c>
      <c r="W234" s="6">
        <v>2</v>
      </c>
      <c r="X234" s="10" t="s">
        <v>55</v>
      </c>
      <c r="Y234" s="6">
        <v>2411</v>
      </c>
      <c r="Z234" s="6">
        <v>307</v>
      </c>
      <c r="AA234" s="6">
        <v>48</v>
      </c>
      <c r="AB234" s="6">
        <v>6</v>
      </c>
      <c r="AC234" s="6">
        <v>2541</v>
      </c>
      <c r="AD234" s="7">
        <v>46.639069999999997</v>
      </c>
    </row>
    <row r="235" spans="1:30">
      <c r="A235" s="9" t="s">
        <v>56</v>
      </c>
      <c r="B235" s="9" t="s">
        <v>57</v>
      </c>
      <c r="C235" s="9" t="s">
        <v>59</v>
      </c>
      <c r="D235" s="9" t="s">
        <v>54</v>
      </c>
      <c r="E235" s="9" t="s">
        <v>55</v>
      </c>
      <c r="F235" s="9" t="s">
        <v>148</v>
      </c>
      <c r="G235" s="6">
        <v>18653</v>
      </c>
      <c r="H235" s="6">
        <v>201</v>
      </c>
      <c r="I235" s="6">
        <v>1033</v>
      </c>
      <c r="J235" s="6">
        <v>1338</v>
      </c>
      <c r="K235" s="6">
        <v>1577</v>
      </c>
      <c r="L235" s="6">
        <v>1912</v>
      </c>
      <c r="M235" s="6">
        <v>2105</v>
      </c>
      <c r="N235" s="6">
        <v>2318</v>
      </c>
      <c r="O235" s="6">
        <v>2223</v>
      </c>
      <c r="P235" s="6">
        <v>2154</v>
      </c>
      <c r="Q235" s="6">
        <v>1773</v>
      </c>
      <c r="R235" s="6">
        <v>1165</v>
      </c>
      <c r="S235" s="6">
        <v>633</v>
      </c>
      <c r="T235" s="6">
        <v>160</v>
      </c>
      <c r="U235" s="6">
        <v>45</v>
      </c>
      <c r="V235" s="6">
        <v>12</v>
      </c>
      <c r="W235" s="6">
        <v>3</v>
      </c>
      <c r="X235" s="6">
        <v>1</v>
      </c>
      <c r="Y235" s="6">
        <v>16634</v>
      </c>
      <c r="Z235" s="6">
        <v>2019</v>
      </c>
      <c r="AA235" s="6">
        <v>221</v>
      </c>
      <c r="AB235" s="6">
        <v>16</v>
      </c>
      <c r="AC235" s="6">
        <v>17598</v>
      </c>
      <c r="AD235" s="7">
        <v>47.144829999999999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4" orientation="portrait" r:id="rId1"/>
</worksheet>
</file>

<file path=xl/worksheets/sheet1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C9EF452-25CB-4FDC-A363-D30410DD35C8}">
  <sheetPr>
    <pageSetUpPr fitToPage="1"/>
  </sheetPr>
  <dimension ref="A1:AB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 outlineLevelRow="1"/>
  <cols>
    <col min="1" max="1" width="8.125" style="11" customWidth="1"/>
    <col min="2" max="2" width="3.75" style="11" customWidth="1"/>
    <col min="3" max="3" width="8.75" style="11" customWidth="1"/>
    <col min="4" max="4" width="11.25" style="11" customWidth="1"/>
    <col min="5" max="16384" width="12.625" style="11"/>
  </cols>
  <sheetData>
    <row r="1" spans="1:28" s="1" customFormat="1">
      <c r="A1" s="1" t="s">
        <v>0</v>
      </c>
    </row>
    <row r="2" spans="1:28" s="1" customFormat="1">
      <c r="A2" s="1" t="s">
        <v>155</v>
      </c>
    </row>
    <row r="3" spans="1:28" s="1" customFormat="1"/>
    <row r="4" spans="1:28" s="1" customFormat="1" outlineLevel="1">
      <c r="A4" s="1" t="s">
        <v>156</v>
      </c>
    </row>
    <row r="5" spans="1:28" s="1" customFormat="1" ht="24">
      <c r="E5" s="3" t="s">
        <v>157</v>
      </c>
      <c r="F5" s="3" t="s">
        <v>157</v>
      </c>
      <c r="G5" s="3" t="s">
        <v>157</v>
      </c>
      <c r="H5" s="3" t="s">
        <v>157</v>
      </c>
      <c r="I5" s="3" t="s">
        <v>157</v>
      </c>
      <c r="J5" s="3" t="s">
        <v>157</v>
      </c>
      <c r="K5" s="3" t="s">
        <v>157</v>
      </c>
      <c r="L5" s="3" t="s">
        <v>157</v>
      </c>
      <c r="M5" s="3" t="s">
        <v>157</v>
      </c>
      <c r="N5" s="3" t="s">
        <v>157</v>
      </c>
      <c r="O5" s="3" t="s">
        <v>157</v>
      </c>
      <c r="P5" s="3" t="s">
        <v>157</v>
      </c>
      <c r="Q5" s="3" t="s">
        <v>157</v>
      </c>
      <c r="R5" s="3" t="s">
        <v>157</v>
      </c>
      <c r="S5" s="3" t="s">
        <v>157</v>
      </c>
      <c r="T5" s="3" t="s">
        <v>157</v>
      </c>
      <c r="U5" s="3" t="s">
        <v>157</v>
      </c>
      <c r="V5" s="3" t="s">
        <v>157</v>
      </c>
      <c r="W5" s="3" t="s">
        <v>157</v>
      </c>
      <c r="X5" s="3" t="s">
        <v>157</v>
      </c>
      <c r="Y5" s="3" t="s">
        <v>157</v>
      </c>
      <c r="Z5" s="3" t="s">
        <v>157</v>
      </c>
      <c r="AA5" s="3" t="s">
        <v>157</v>
      </c>
      <c r="AB5" s="3" t="s">
        <v>157</v>
      </c>
    </row>
    <row r="6" spans="1:28" s="1" customFormat="1">
      <c r="E6" s="3" t="s">
        <v>121</v>
      </c>
      <c r="F6" s="3" t="s">
        <v>121</v>
      </c>
      <c r="G6" s="3" t="s">
        <v>121</v>
      </c>
      <c r="H6" s="3" t="s">
        <v>121</v>
      </c>
      <c r="I6" s="3" t="s">
        <v>121</v>
      </c>
      <c r="J6" s="3" t="s">
        <v>121</v>
      </c>
      <c r="K6" s="3" t="s">
        <v>121</v>
      </c>
      <c r="L6" s="3" t="s">
        <v>121</v>
      </c>
      <c r="M6" s="3" t="s">
        <v>121</v>
      </c>
      <c r="N6" s="3" t="s">
        <v>121</v>
      </c>
      <c r="O6" s="3" t="s">
        <v>121</v>
      </c>
      <c r="P6" s="3" t="s">
        <v>121</v>
      </c>
      <c r="Q6" s="3" t="s">
        <v>121</v>
      </c>
      <c r="R6" s="3" t="s">
        <v>121</v>
      </c>
      <c r="S6" s="3" t="s">
        <v>121</v>
      </c>
      <c r="T6" s="3" t="s">
        <v>121</v>
      </c>
      <c r="U6" s="3" t="s">
        <v>121</v>
      </c>
      <c r="V6" s="3" t="s">
        <v>121</v>
      </c>
      <c r="W6" s="3" t="s">
        <v>121</v>
      </c>
      <c r="X6" s="3" t="s">
        <v>121</v>
      </c>
      <c r="Y6" s="3" t="s">
        <v>121</v>
      </c>
      <c r="Z6" s="3" t="s">
        <v>121</v>
      </c>
      <c r="AA6" s="3" t="s">
        <v>121</v>
      </c>
      <c r="AB6" s="3" t="s">
        <v>121</v>
      </c>
    </row>
    <row r="7" spans="1:28" s="1" customFormat="1">
      <c r="E7" s="3">
        <v>1</v>
      </c>
      <c r="F7" s="3">
        <v>2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  <c r="W7" s="3">
        <v>1</v>
      </c>
      <c r="X7" s="3">
        <v>1</v>
      </c>
      <c r="Y7" s="3">
        <v>1</v>
      </c>
      <c r="Z7" s="3">
        <v>1</v>
      </c>
      <c r="AA7" s="3">
        <v>1</v>
      </c>
      <c r="AB7" s="3">
        <v>1</v>
      </c>
    </row>
    <row r="8" spans="1:28" s="1" customFormat="1" ht="36">
      <c r="E8" s="3" t="s">
        <v>123</v>
      </c>
      <c r="F8" s="3" t="s">
        <v>124</v>
      </c>
      <c r="G8" s="3" t="s">
        <v>125</v>
      </c>
      <c r="H8" s="3" t="s">
        <v>127</v>
      </c>
      <c r="I8" s="3" t="s">
        <v>128</v>
      </c>
      <c r="J8" s="3" t="s">
        <v>129</v>
      </c>
      <c r="K8" s="3" t="s">
        <v>131</v>
      </c>
      <c r="L8" s="3" t="s">
        <v>132</v>
      </c>
      <c r="M8" s="3" t="s">
        <v>133</v>
      </c>
      <c r="N8" s="3" t="s">
        <v>134</v>
      </c>
      <c r="O8" s="3" t="s">
        <v>135</v>
      </c>
      <c r="P8" s="3" t="s">
        <v>136</v>
      </c>
      <c r="Q8" s="3" t="s">
        <v>137</v>
      </c>
      <c r="R8" s="3" t="s">
        <v>138</v>
      </c>
      <c r="S8" s="3" t="s">
        <v>139</v>
      </c>
      <c r="T8" s="3" t="s">
        <v>140</v>
      </c>
      <c r="U8" s="3" t="s">
        <v>141</v>
      </c>
      <c r="V8" s="3" t="s">
        <v>142</v>
      </c>
      <c r="W8" s="3" t="s">
        <v>143</v>
      </c>
      <c r="X8" s="3" t="s">
        <v>144</v>
      </c>
      <c r="Y8" s="3" t="s">
        <v>145</v>
      </c>
      <c r="Z8" s="3" t="s">
        <v>146</v>
      </c>
      <c r="AA8" s="3" t="s">
        <v>147</v>
      </c>
      <c r="AB8" s="3" t="s">
        <v>148</v>
      </c>
    </row>
    <row r="9" spans="1:28" s="1" customFormat="1">
      <c r="E9" s="4" t="s">
        <v>20</v>
      </c>
      <c r="F9" s="4" t="s">
        <v>20</v>
      </c>
      <c r="G9" s="4" t="s">
        <v>20</v>
      </c>
      <c r="H9" s="4" t="s">
        <v>20</v>
      </c>
      <c r="I9" s="4" t="s">
        <v>20</v>
      </c>
      <c r="J9" s="4" t="s">
        <v>20</v>
      </c>
      <c r="K9" s="4" t="s">
        <v>20</v>
      </c>
      <c r="L9" s="4" t="s">
        <v>20</v>
      </c>
      <c r="M9" s="4" t="s">
        <v>20</v>
      </c>
      <c r="N9" s="4" t="s">
        <v>20</v>
      </c>
      <c r="O9" s="4" t="s">
        <v>20</v>
      </c>
      <c r="P9" s="4" t="s">
        <v>20</v>
      </c>
      <c r="Q9" s="4" t="s">
        <v>20</v>
      </c>
      <c r="R9" s="4" t="s">
        <v>20</v>
      </c>
      <c r="S9" s="4" t="s">
        <v>20</v>
      </c>
      <c r="T9" s="4" t="s">
        <v>20</v>
      </c>
      <c r="U9" s="4" t="s">
        <v>20</v>
      </c>
      <c r="V9" s="4" t="s">
        <v>20</v>
      </c>
      <c r="W9" s="4" t="s">
        <v>20</v>
      </c>
      <c r="X9" s="4" t="s">
        <v>20</v>
      </c>
      <c r="Y9" s="4" t="s">
        <v>20</v>
      </c>
      <c r="Z9" s="4" t="s">
        <v>20</v>
      </c>
      <c r="AA9" s="4" t="s">
        <v>20</v>
      </c>
      <c r="AB9" s="4" t="s">
        <v>20</v>
      </c>
    </row>
    <row r="10" spans="1:28" s="1" customFormat="1">
      <c r="A10" s="2" t="s">
        <v>24</v>
      </c>
      <c r="B10" s="2" t="s">
        <v>21</v>
      </c>
      <c r="C10" s="2" t="s">
        <v>22</v>
      </c>
      <c r="D10" s="2" t="s">
        <v>23</v>
      </c>
      <c r="E10" s="2" t="s">
        <v>26</v>
      </c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6</v>
      </c>
      <c r="B11" s="5" t="s">
        <v>27</v>
      </c>
      <c r="C11" s="5" t="s">
        <v>28</v>
      </c>
      <c r="D11" s="5" t="s">
        <v>29</v>
      </c>
      <c r="E11" s="7">
        <v>3.17591</v>
      </c>
      <c r="F11" s="7">
        <v>3.0705399999999998</v>
      </c>
      <c r="G11" s="7">
        <v>0.22911000000000001</v>
      </c>
      <c r="H11" s="7">
        <v>3.2770000000000001E-2</v>
      </c>
      <c r="I11" s="7">
        <v>7.2585300000000004</v>
      </c>
      <c r="J11" s="7">
        <v>15.711360000000001</v>
      </c>
      <c r="K11" s="7">
        <v>0.47810000000000002</v>
      </c>
      <c r="L11" s="7">
        <v>3.39263</v>
      </c>
      <c r="M11" s="7">
        <v>5.40848</v>
      </c>
      <c r="N11" s="7">
        <v>15.27599</v>
      </c>
      <c r="O11" s="7">
        <v>2.3509500000000001</v>
      </c>
      <c r="P11" s="7">
        <v>2.1752899999999999</v>
      </c>
      <c r="Q11" s="7">
        <v>3.6484299999999998</v>
      </c>
      <c r="R11" s="7">
        <v>5.3699899999999996</v>
      </c>
      <c r="S11" s="7">
        <v>3.4339599999999999</v>
      </c>
      <c r="T11" s="7">
        <v>4.9089799999999997</v>
      </c>
      <c r="U11" s="7">
        <v>13.242089999999999</v>
      </c>
      <c r="V11" s="7">
        <v>0.76612000000000002</v>
      </c>
      <c r="W11" s="7">
        <v>6.5943899999999998</v>
      </c>
      <c r="X11" s="7">
        <v>3.5254799999999999</v>
      </c>
      <c r="Y11" s="7">
        <v>3.0214300000000001</v>
      </c>
      <c r="Z11" s="7">
        <v>3.5110999999999999</v>
      </c>
      <c r="AA11" s="7">
        <v>23.719329999999999</v>
      </c>
      <c r="AB11" s="7">
        <v>72.769570000000002</v>
      </c>
    </row>
    <row r="12" spans="1:28">
      <c r="A12" s="9" t="s">
        <v>6</v>
      </c>
      <c r="B12" s="9" t="s">
        <v>27</v>
      </c>
      <c r="C12" s="9" t="s">
        <v>57</v>
      </c>
      <c r="D12" s="9" t="s">
        <v>58</v>
      </c>
      <c r="E12" s="7">
        <v>8.2968899999999994</v>
      </c>
      <c r="F12" s="7">
        <v>8.0041799999999999</v>
      </c>
      <c r="G12" s="7">
        <v>0.46322000000000002</v>
      </c>
      <c r="H12" s="7">
        <v>4.0280000000000003E-2</v>
      </c>
      <c r="I12" s="7">
        <v>8.1352799999999998</v>
      </c>
      <c r="J12" s="7">
        <v>12.57063</v>
      </c>
      <c r="K12" s="7">
        <v>0.39450000000000002</v>
      </c>
      <c r="L12" s="7">
        <v>1.20939</v>
      </c>
      <c r="M12" s="7">
        <v>3.9018199999999998</v>
      </c>
      <c r="N12" s="7">
        <v>14.714029999999999</v>
      </c>
      <c r="O12" s="7">
        <v>1.86608</v>
      </c>
      <c r="P12" s="7">
        <v>1.5361400000000001</v>
      </c>
      <c r="Q12" s="7">
        <v>2.5007999999999999</v>
      </c>
      <c r="R12" s="7">
        <v>5.1541699999999997</v>
      </c>
      <c r="S12" s="7">
        <v>3.4959600000000002</v>
      </c>
      <c r="T12" s="7">
        <v>4.8275300000000003</v>
      </c>
      <c r="U12" s="7">
        <v>17.325780000000002</v>
      </c>
      <c r="V12" s="7">
        <v>1.23221</v>
      </c>
      <c r="W12" s="7">
        <v>5.8207500000000003</v>
      </c>
      <c r="X12" s="7">
        <v>4.4791699999999999</v>
      </c>
      <c r="Y12" s="7">
        <v>2.03538</v>
      </c>
      <c r="Z12" s="7">
        <v>8.9421199999999992</v>
      </c>
      <c r="AA12" s="7">
        <v>21.177219999999998</v>
      </c>
      <c r="AB12" s="7">
        <v>69.880660000000006</v>
      </c>
    </row>
    <row r="13" spans="1:28">
      <c r="A13" s="9" t="s">
        <v>6</v>
      </c>
      <c r="B13" s="9" t="s">
        <v>56</v>
      </c>
      <c r="C13" s="9" t="s">
        <v>57</v>
      </c>
      <c r="D13" s="9" t="s">
        <v>59</v>
      </c>
      <c r="E13" s="7">
        <v>13.392390000000001</v>
      </c>
      <c r="F13" s="7">
        <v>13.12876</v>
      </c>
      <c r="G13" s="7">
        <v>0.23375000000000001</v>
      </c>
      <c r="H13" s="7">
        <v>5.9760000000000001E-2</v>
      </c>
      <c r="I13" s="7">
        <v>8.1180400000000006</v>
      </c>
      <c r="J13" s="7">
        <v>13.34493</v>
      </c>
      <c r="K13" s="7">
        <v>0.33745000000000003</v>
      </c>
      <c r="L13" s="7">
        <v>0.39017000000000002</v>
      </c>
      <c r="M13" s="7">
        <v>5.1460499999999998</v>
      </c>
      <c r="N13" s="7">
        <v>15.721109999999999</v>
      </c>
      <c r="O13" s="7">
        <v>1.4552400000000001</v>
      </c>
      <c r="P13" s="7">
        <v>1.01058</v>
      </c>
      <c r="Q13" s="7">
        <v>1.76983</v>
      </c>
      <c r="R13" s="7">
        <v>3.9439000000000002</v>
      </c>
      <c r="S13" s="7">
        <v>3.2778</v>
      </c>
      <c r="T13" s="7">
        <v>3.97905</v>
      </c>
      <c r="U13" s="7">
        <v>17.66846</v>
      </c>
      <c r="V13" s="7">
        <v>1.00179</v>
      </c>
      <c r="W13" s="7">
        <v>5.01248</v>
      </c>
      <c r="X13" s="7">
        <v>3.3586399999999998</v>
      </c>
      <c r="Y13" s="7">
        <v>0.77859</v>
      </c>
      <c r="Z13" s="7">
        <v>13.73306</v>
      </c>
      <c r="AA13" s="7">
        <v>21.691610000000001</v>
      </c>
      <c r="AB13" s="7">
        <v>64.575329999999994</v>
      </c>
    </row>
    <row r="14" spans="1:28">
      <c r="A14" s="9" t="s">
        <v>53</v>
      </c>
      <c r="B14" s="9" t="s">
        <v>27</v>
      </c>
      <c r="C14" s="9" t="s">
        <v>28</v>
      </c>
      <c r="D14" s="9" t="s">
        <v>29</v>
      </c>
      <c r="E14" s="7">
        <v>3.51084</v>
      </c>
      <c r="F14" s="7">
        <v>3.34782</v>
      </c>
      <c r="G14" s="7">
        <v>0.31613999999999998</v>
      </c>
      <c r="H14" s="7">
        <v>5.0139999999999997E-2</v>
      </c>
      <c r="I14" s="7">
        <v>10.943860000000001</v>
      </c>
      <c r="J14" s="7">
        <v>19.71949</v>
      </c>
      <c r="K14" s="7">
        <v>0.72714999999999996</v>
      </c>
      <c r="L14" s="7">
        <v>4.3853999999999997</v>
      </c>
      <c r="M14" s="7">
        <v>7.6917600000000004</v>
      </c>
      <c r="N14" s="7">
        <v>13.0875</v>
      </c>
      <c r="O14" s="7">
        <v>1.85128</v>
      </c>
      <c r="P14" s="7">
        <v>2.3314699999999999</v>
      </c>
      <c r="Q14" s="7">
        <v>4.2163700000000004</v>
      </c>
      <c r="R14" s="7">
        <v>3.6878000000000002</v>
      </c>
      <c r="S14" s="7">
        <v>2.4795699999999998</v>
      </c>
      <c r="T14" s="7">
        <v>3.7108300000000001</v>
      </c>
      <c r="U14" s="7">
        <v>5.9046900000000004</v>
      </c>
      <c r="V14" s="7">
        <v>0.82008000000000003</v>
      </c>
      <c r="W14" s="7">
        <v>7.2065000000000001</v>
      </c>
      <c r="X14" s="7">
        <v>4.4886600000000003</v>
      </c>
      <c r="Y14" s="7">
        <v>2.8704800000000001</v>
      </c>
      <c r="Z14" s="7">
        <v>3.94008</v>
      </c>
      <c r="AA14" s="7">
        <v>31.621169999999999</v>
      </c>
      <c r="AB14" s="7">
        <v>64.438749999999999</v>
      </c>
    </row>
    <row r="15" spans="1:28">
      <c r="A15" s="9" t="s">
        <v>53</v>
      </c>
      <c r="B15" s="9" t="s">
        <v>27</v>
      </c>
      <c r="C15" s="9" t="s">
        <v>57</v>
      </c>
      <c r="D15" s="9" t="s">
        <v>58</v>
      </c>
      <c r="E15" s="7">
        <v>9.2354299999999991</v>
      </c>
      <c r="F15" s="7">
        <v>8.7684700000000007</v>
      </c>
      <c r="G15" s="7">
        <v>0.64629999999999999</v>
      </c>
      <c r="H15" s="7">
        <v>6.3810000000000006E-2</v>
      </c>
      <c r="I15" s="7">
        <v>12.80044</v>
      </c>
      <c r="J15" s="7">
        <v>15.75013</v>
      </c>
      <c r="K15" s="7">
        <v>0.62975999999999999</v>
      </c>
      <c r="L15" s="7">
        <v>1.5602</v>
      </c>
      <c r="M15" s="7">
        <v>6.20167</v>
      </c>
      <c r="N15" s="7">
        <v>13.033810000000001</v>
      </c>
      <c r="O15" s="7">
        <v>1.4875400000000001</v>
      </c>
      <c r="P15" s="7">
        <v>1.6559200000000001</v>
      </c>
      <c r="Q15" s="7">
        <v>2.92313</v>
      </c>
      <c r="R15" s="7">
        <v>3.6046</v>
      </c>
      <c r="S15" s="7">
        <v>2.6615899999999999</v>
      </c>
      <c r="T15" s="7">
        <v>3.8405300000000002</v>
      </c>
      <c r="U15" s="7">
        <v>7.9919799999999999</v>
      </c>
      <c r="V15" s="7">
        <v>1.4341999999999999</v>
      </c>
      <c r="W15" s="7">
        <v>6.5100300000000004</v>
      </c>
      <c r="X15" s="7">
        <v>5.9438500000000003</v>
      </c>
      <c r="Y15" s="7">
        <v>2.0250699999999999</v>
      </c>
      <c r="Z15" s="7">
        <v>10.085979999999999</v>
      </c>
      <c r="AA15" s="7">
        <v>29.205819999999999</v>
      </c>
      <c r="AB15" s="7">
        <v>60.708199999999998</v>
      </c>
    </row>
    <row r="16" spans="1:28">
      <c r="A16" s="9" t="s">
        <v>53</v>
      </c>
      <c r="B16" s="9" t="s">
        <v>56</v>
      </c>
      <c r="C16" s="9" t="s">
        <v>57</v>
      </c>
      <c r="D16" s="9" t="s">
        <v>59</v>
      </c>
      <c r="E16" s="7">
        <v>12.54716</v>
      </c>
      <c r="F16" s="7">
        <v>12.13556</v>
      </c>
      <c r="G16" s="7">
        <v>0.31557000000000002</v>
      </c>
      <c r="H16" s="7">
        <v>9.9470000000000003E-2</v>
      </c>
      <c r="I16" s="7">
        <v>13.12684</v>
      </c>
      <c r="J16" s="7">
        <v>18.3474</v>
      </c>
      <c r="K16" s="7">
        <v>0.55910000000000004</v>
      </c>
      <c r="L16" s="7">
        <v>0.51107999999999998</v>
      </c>
      <c r="M16" s="7">
        <v>8.2252899999999993</v>
      </c>
      <c r="N16" s="7">
        <v>13.5213</v>
      </c>
      <c r="O16" s="7">
        <v>0.97757000000000005</v>
      </c>
      <c r="P16" s="7">
        <v>1.08047</v>
      </c>
      <c r="Q16" s="7">
        <v>2.0820500000000002</v>
      </c>
      <c r="R16" s="7">
        <v>2.4730699999999999</v>
      </c>
      <c r="S16" s="7">
        <v>2.4319099999999998</v>
      </c>
      <c r="T16" s="7">
        <v>3.3820399999999999</v>
      </c>
      <c r="U16" s="7">
        <v>7.7793799999999997</v>
      </c>
      <c r="V16" s="7">
        <v>1.1765099999999999</v>
      </c>
      <c r="W16" s="7">
        <v>6.0643500000000001</v>
      </c>
      <c r="X16" s="7">
        <v>4.4350699999999996</v>
      </c>
      <c r="Y16" s="7">
        <v>0.86438000000000004</v>
      </c>
      <c r="Z16" s="7">
        <v>12.974880000000001</v>
      </c>
      <c r="AA16" s="7">
        <v>31.84901</v>
      </c>
      <c r="AB16" s="7">
        <v>55.176110000000001</v>
      </c>
    </row>
    <row r="17" spans="1:28">
      <c r="A17" s="9" t="s">
        <v>54</v>
      </c>
      <c r="B17" s="9" t="s">
        <v>27</v>
      </c>
      <c r="C17" s="9" t="s">
        <v>28</v>
      </c>
      <c r="D17" s="9" t="s">
        <v>29</v>
      </c>
      <c r="E17" s="7">
        <v>2.7723100000000001</v>
      </c>
      <c r="F17" s="7">
        <v>2.7364199999999999</v>
      </c>
      <c r="G17" s="7">
        <v>0.12424</v>
      </c>
      <c r="H17" s="7">
        <v>1.184E-2</v>
      </c>
      <c r="I17" s="7">
        <v>2.8176700000000001</v>
      </c>
      <c r="J17" s="7">
        <v>10.88153</v>
      </c>
      <c r="K17" s="7">
        <v>0.17799999999999999</v>
      </c>
      <c r="L17" s="7">
        <v>2.1963200000000001</v>
      </c>
      <c r="M17" s="7">
        <v>2.6571099999999999</v>
      </c>
      <c r="N17" s="7">
        <v>17.913160000000001</v>
      </c>
      <c r="O17" s="7">
        <v>2.9530500000000002</v>
      </c>
      <c r="P17" s="7">
        <v>1.98708</v>
      </c>
      <c r="Q17" s="7">
        <v>2.9640599999999999</v>
      </c>
      <c r="R17" s="7">
        <v>7.3970399999999996</v>
      </c>
      <c r="S17" s="7">
        <v>4.5840100000000001</v>
      </c>
      <c r="T17" s="7">
        <v>6.3527699999999996</v>
      </c>
      <c r="U17" s="7">
        <v>22.083739999999999</v>
      </c>
      <c r="V17" s="7">
        <v>0.70109999999999995</v>
      </c>
      <c r="W17" s="7">
        <v>5.8567900000000002</v>
      </c>
      <c r="X17" s="7">
        <v>2.3648400000000001</v>
      </c>
      <c r="Y17" s="7">
        <v>3.2033299999999998</v>
      </c>
      <c r="Z17" s="7">
        <v>2.9923999999999999</v>
      </c>
      <c r="AA17" s="7">
        <v>14.16479</v>
      </c>
      <c r="AB17" s="7">
        <v>82.84281</v>
      </c>
    </row>
    <row r="18" spans="1:28">
      <c r="A18" s="9" t="s">
        <v>54</v>
      </c>
      <c r="B18" s="9" t="s">
        <v>27</v>
      </c>
      <c r="C18" s="9" t="s">
        <v>57</v>
      </c>
      <c r="D18" s="9" t="s">
        <v>58</v>
      </c>
      <c r="E18" s="7">
        <v>7.2633099999999997</v>
      </c>
      <c r="F18" s="7">
        <v>7.1625100000000002</v>
      </c>
      <c r="G18" s="7">
        <v>0.26161000000000001</v>
      </c>
      <c r="H18" s="7">
        <v>1.436E-2</v>
      </c>
      <c r="I18" s="7">
        <v>2.99776</v>
      </c>
      <c r="J18" s="7">
        <v>9.0692000000000004</v>
      </c>
      <c r="K18" s="7">
        <v>0.13542000000000001</v>
      </c>
      <c r="L18" s="7">
        <v>0.82304999999999995</v>
      </c>
      <c r="M18" s="7">
        <v>1.3691</v>
      </c>
      <c r="N18" s="7">
        <v>16.56437</v>
      </c>
      <c r="O18" s="7">
        <v>2.28295</v>
      </c>
      <c r="P18" s="7">
        <v>1.4042399999999999</v>
      </c>
      <c r="Q18" s="7">
        <v>2.0356999999999998</v>
      </c>
      <c r="R18" s="7">
        <v>6.8606400000000001</v>
      </c>
      <c r="S18" s="7">
        <v>4.4148199999999997</v>
      </c>
      <c r="T18" s="7">
        <v>5.9144699999999997</v>
      </c>
      <c r="U18" s="7">
        <v>27.60464</v>
      </c>
      <c r="V18" s="7">
        <v>1.0097700000000001</v>
      </c>
      <c r="W18" s="7">
        <v>5.0616700000000003</v>
      </c>
      <c r="X18" s="7">
        <v>2.86619</v>
      </c>
      <c r="Y18" s="7">
        <v>2.0467300000000002</v>
      </c>
      <c r="Z18" s="7">
        <v>7.6821599999999997</v>
      </c>
      <c r="AA18" s="7">
        <v>12.33376</v>
      </c>
      <c r="AB18" s="7">
        <v>79.984080000000006</v>
      </c>
    </row>
    <row r="19" spans="1:28">
      <c r="A19" s="9" t="s">
        <v>54</v>
      </c>
      <c r="B19" s="9" t="s">
        <v>56</v>
      </c>
      <c r="C19" s="9" t="s">
        <v>57</v>
      </c>
      <c r="D19" s="9" t="s">
        <v>59</v>
      </c>
      <c r="E19" s="7">
        <v>14.280570000000001</v>
      </c>
      <c r="F19" s="7">
        <v>14.17243</v>
      </c>
      <c r="G19" s="7">
        <v>0.14777999999999999</v>
      </c>
      <c r="H19" s="7">
        <v>1.8020000000000001E-2</v>
      </c>
      <c r="I19" s="7">
        <v>2.85467</v>
      </c>
      <c r="J19" s="7">
        <v>8.0882400000000008</v>
      </c>
      <c r="K19" s="7">
        <v>0.10453</v>
      </c>
      <c r="L19" s="7">
        <v>0.26312000000000002</v>
      </c>
      <c r="M19" s="7">
        <v>1.91032</v>
      </c>
      <c r="N19" s="7">
        <v>18.032730000000001</v>
      </c>
      <c r="O19" s="7">
        <v>1.9571799999999999</v>
      </c>
      <c r="P19" s="7">
        <v>0.93713999999999997</v>
      </c>
      <c r="Q19" s="7">
        <v>1.4417500000000001</v>
      </c>
      <c r="R19" s="7">
        <v>5.4894800000000004</v>
      </c>
      <c r="S19" s="7">
        <v>4.1666699999999999</v>
      </c>
      <c r="T19" s="7">
        <v>4.6063999999999998</v>
      </c>
      <c r="U19" s="7">
        <v>28.060120000000001</v>
      </c>
      <c r="V19" s="7">
        <v>0.81818999999999997</v>
      </c>
      <c r="W19" s="7">
        <v>3.9071500000000001</v>
      </c>
      <c r="X19" s="7">
        <v>2.2275100000000001</v>
      </c>
      <c r="Y19" s="7">
        <v>0.68844000000000005</v>
      </c>
      <c r="Z19" s="7">
        <v>14.528359999999999</v>
      </c>
      <c r="AA19" s="7">
        <v>11.036910000000001</v>
      </c>
      <c r="AB19" s="7">
        <v>74.434730000000002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6" orientation="portrait" r:id="rId1"/>
</worksheet>
</file>

<file path=xl/worksheets/sheet1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E8E595-228E-42A1-9105-617B5A943ADD}">
  <sheetPr>
    <pageSetUpPr fitToPage="1"/>
  </sheetPr>
  <dimension ref="A1:U361"/>
  <sheetViews>
    <sheetView zoomScaleNormal="100" workbookViewId="0">
      <pane xSplit="9" ySplit="10" topLeftCell="J11" activePane="bottomRight" state="frozen"/>
      <selection pane="topRight" activeCell="AD1" sqref="AD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3.75" style="1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8" width="8.125" style="11" customWidth="1"/>
    <col min="9" max="9" width="26.25" style="11" customWidth="1"/>
    <col min="10" max="16384" width="12.625" style="11"/>
  </cols>
  <sheetData>
    <row r="1" spans="1:21" s="1" customFormat="1">
      <c r="A1" s="1" t="s">
        <v>0</v>
      </c>
    </row>
    <row r="2" spans="1:21" s="1" customFormat="1">
      <c r="A2" s="1" t="s">
        <v>158</v>
      </c>
    </row>
    <row r="3" spans="1:21" s="1" customFormat="1"/>
    <row r="4" spans="1:21" s="1" customFormat="1" outlineLevel="1">
      <c r="A4" s="1" t="s">
        <v>63</v>
      </c>
    </row>
    <row r="5" spans="1:21" s="1" customFormat="1"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  <c r="T5" s="3" t="s">
        <v>106</v>
      </c>
      <c r="U5" s="3" t="s">
        <v>106</v>
      </c>
    </row>
    <row r="6" spans="1:21" s="1" customFormat="1">
      <c r="J6" s="3" t="s">
        <v>107</v>
      </c>
      <c r="K6" s="3" t="s">
        <v>107</v>
      </c>
      <c r="L6" s="3" t="s">
        <v>107</v>
      </c>
      <c r="M6" s="3" t="s">
        <v>107</v>
      </c>
      <c r="N6" s="3" t="s">
        <v>107</v>
      </c>
      <c r="O6" s="3" t="s">
        <v>107</v>
      </c>
      <c r="P6" s="3" t="s">
        <v>107</v>
      </c>
      <c r="Q6" s="3" t="s">
        <v>107</v>
      </c>
      <c r="R6" s="3" t="s">
        <v>107</v>
      </c>
      <c r="S6" s="3" t="s">
        <v>107</v>
      </c>
      <c r="T6" s="3" t="s">
        <v>107</v>
      </c>
      <c r="U6" s="3" t="s">
        <v>107</v>
      </c>
    </row>
    <row r="7" spans="1:21" s="1" customFormat="1">
      <c r="J7" s="3">
        <v>1</v>
      </c>
      <c r="K7" s="3">
        <v>1</v>
      </c>
      <c r="L7" s="3">
        <v>2</v>
      </c>
      <c r="M7" s="3">
        <v>2</v>
      </c>
      <c r="N7" s="3">
        <v>2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</row>
    <row r="8" spans="1:21" s="1" customFormat="1" ht="48">
      <c r="J8" s="3" t="s">
        <v>6</v>
      </c>
      <c r="K8" s="3" t="s">
        <v>108</v>
      </c>
      <c r="L8" s="3" t="s">
        <v>109</v>
      </c>
      <c r="M8" s="3" t="s">
        <v>110</v>
      </c>
      <c r="N8" s="3" t="s">
        <v>111</v>
      </c>
      <c r="O8" s="3" t="s">
        <v>112</v>
      </c>
      <c r="P8" s="3" t="s">
        <v>113</v>
      </c>
      <c r="Q8" s="3" t="s">
        <v>114</v>
      </c>
      <c r="R8" s="3" t="s">
        <v>115</v>
      </c>
      <c r="S8" s="3" t="s">
        <v>116</v>
      </c>
      <c r="T8" s="3" t="s">
        <v>117</v>
      </c>
      <c r="U8" s="3" t="s">
        <v>118</v>
      </c>
    </row>
    <row r="9" spans="1:21" s="1" customFormat="1"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</row>
    <row r="10" spans="1:21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24</v>
      </c>
      <c r="I10" s="2" t="s">
        <v>159</v>
      </c>
      <c r="J10" s="2" t="s">
        <v>26</v>
      </c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</row>
    <row r="11" spans="1:21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6</v>
      </c>
      <c r="I11" s="5" t="s">
        <v>6</v>
      </c>
      <c r="J11" s="6">
        <v>57643225</v>
      </c>
      <c r="K11" s="6">
        <v>46942221</v>
      </c>
      <c r="L11" s="6">
        <v>30796831</v>
      </c>
      <c r="M11" s="6">
        <v>1522141</v>
      </c>
      <c r="N11" s="6">
        <v>14623249</v>
      </c>
      <c r="O11" s="6">
        <v>3134199</v>
      </c>
      <c r="P11" s="6">
        <v>1064884</v>
      </c>
      <c r="Q11" s="6">
        <v>3716463</v>
      </c>
      <c r="R11" s="6">
        <v>1605742</v>
      </c>
      <c r="S11" s="6">
        <v>83529</v>
      </c>
      <c r="T11" s="6">
        <v>1096187</v>
      </c>
      <c r="U11" s="6">
        <v>50076420</v>
      </c>
    </row>
    <row r="12" spans="1:21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6</v>
      </c>
      <c r="I12" s="9" t="s">
        <v>160</v>
      </c>
      <c r="J12" s="6">
        <v>1170866</v>
      </c>
      <c r="K12" s="6">
        <v>176271</v>
      </c>
      <c r="L12" s="6">
        <v>170530</v>
      </c>
      <c r="M12" s="10" t="s">
        <v>55</v>
      </c>
      <c r="N12" s="6">
        <v>5741</v>
      </c>
      <c r="O12" s="6">
        <v>928151</v>
      </c>
      <c r="P12" s="6">
        <v>63464</v>
      </c>
      <c r="Q12" s="10" t="s">
        <v>55</v>
      </c>
      <c r="R12" s="6">
        <v>570</v>
      </c>
      <c r="S12" s="10" t="s">
        <v>55</v>
      </c>
      <c r="T12" s="6">
        <v>2410</v>
      </c>
      <c r="U12" s="6">
        <v>1104422</v>
      </c>
    </row>
    <row r="13" spans="1:21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6</v>
      </c>
      <c r="I13" s="9" t="s">
        <v>161</v>
      </c>
      <c r="J13" s="6">
        <v>10275114</v>
      </c>
      <c r="K13" s="6">
        <v>8767384</v>
      </c>
      <c r="L13" s="6">
        <v>7021622</v>
      </c>
      <c r="M13" s="6">
        <v>142284</v>
      </c>
      <c r="N13" s="6">
        <v>1603478</v>
      </c>
      <c r="O13" s="6">
        <v>413213</v>
      </c>
      <c r="P13" s="6">
        <v>257020</v>
      </c>
      <c r="Q13" s="6">
        <v>729807</v>
      </c>
      <c r="R13" s="6">
        <v>59736</v>
      </c>
      <c r="S13" s="10" t="s">
        <v>55</v>
      </c>
      <c r="T13" s="6">
        <v>47954</v>
      </c>
      <c r="U13" s="6">
        <v>9180597</v>
      </c>
    </row>
    <row r="14" spans="1:21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6</v>
      </c>
      <c r="I14" s="9" t="s">
        <v>162</v>
      </c>
      <c r="J14" s="6">
        <v>11670626</v>
      </c>
      <c r="K14" s="6">
        <v>10755306</v>
      </c>
      <c r="L14" s="6">
        <v>7696244</v>
      </c>
      <c r="M14" s="6">
        <v>496147</v>
      </c>
      <c r="N14" s="6">
        <v>2562915</v>
      </c>
      <c r="O14" s="6">
        <v>521562</v>
      </c>
      <c r="P14" s="6">
        <v>12868</v>
      </c>
      <c r="Q14" s="6">
        <v>39206</v>
      </c>
      <c r="R14" s="6">
        <v>290011</v>
      </c>
      <c r="S14" s="6">
        <v>190</v>
      </c>
      <c r="T14" s="6">
        <v>51483</v>
      </c>
      <c r="U14" s="6">
        <v>11276868</v>
      </c>
    </row>
    <row r="15" spans="1:21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6</v>
      </c>
      <c r="I15" s="9" t="s">
        <v>163</v>
      </c>
      <c r="J15" s="6">
        <v>6862265</v>
      </c>
      <c r="K15" s="6">
        <v>5722797</v>
      </c>
      <c r="L15" s="6">
        <v>3497090</v>
      </c>
      <c r="M15" s="6">
        <v>79734</v>
      </c>
      <c r="N15" s="6">
        <v>2145973</v>
      </c>
      <c r="O15" s="6">
        <v>455955</v>
      </c>
      <c r="P15" s="6">
        <v>103760</v>
      </c>
      <c r="Q15" s="6">
        <v>398206</v>
      </c>
      <c r="R15" s="6">
        <v>138266</v>
      </c>
      <c r="S15" s="10" t="s">
        <v>55</v>
      </c>
      <c r="T15" s="6">
        <v>43281</v>
      </c>
      <c r="U15" s="6">
        <v>6178752</v>
      </c>
    </row>
    <row r="16" spans="1:21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6</v>
      </c>
      <c r="I16" s="9" t="s">
        <v>164</v>
      </c>
      <c r="J16" s="6">
        <v>6802033</v>
      </c>
      <c r="K16" s="6">
        <v>5690877</v>
      </c>
      <c r="L16" s="6">
        <v>2334585</v>
      </c>
      <c r="M16" s="6">
        <v>102955</v>
      </c>
      <c r="N16" s="6">
        <v>3253337</v>
      </c>
      <c r="O16" s="6">
        <v>125721</v>
      </c>
      <c r="P16" s="6">
        <v>214314</v>
      </c>
      <c r="Q16" s="6">
        <v>470454</v>
      </c>
      <c r="R16" s="6">
        <v>249294</v>
      </c>
      <c r="S16" s="10" t="s">
        <v>55</v>
      </c>
      <c r="T16" s="6">
        <v>51373</v>
      </c>
      <c r="U16" s="6">
        <v>5816598</v>
      </c>
    </row>
    <row r="17" spans="1:21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6</v>
      </c>
      <c r="I17" s="9" t="s">
        <v>165</v>
      </c>
      <c r="J17" s="6">
        <v>1097989</v>
      </c>
      <c r="K17" s="6">
        <v>1081221</v>
      </c>
      <c r="L17" s="6">
        <v>885345</v>
      </c>
      <c r="M17" s="10" t="s">
        <v>55</v>
      </c>
      <c r="N17" s="6">
        <v>195876</v>
      </c>
      <c r="O17" s="6">
        <v>2356</v>
      </c>
      <c r="P17" s="6">
        <v>183</v>
      </c>
      <c r="Q17" s="6">
        <v>8044</v>
      </c>
      <c r="R17" s="6">
        <v>57</v>
      </c>
      <c r="S17" s="10" t="s">
        <v>55</v>
      </c>
      <c r="T17" s="6">
        <v>6128</v>
      </c>
      <c r="U17" s="6">
        <v>1083577</v>
      </c>
    </row>
    <row r="18" spans="1:21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6</v>
      </c>
      <c r="I18" s="9" t="s">
        <v>166</v>
      </c>
      <c r="J18" s="6">
        <v>1895441</v>
      </c>
      <c r="K18" s="6">
        <v>435265</v>
      </c>
      <c r="L18" s="6">
        <v>222121</v>
      </c>
      <c r="M18" s="6">
        <v>7539</v>
      </c>
      <c r="N18" s="6">
        <v>205605</v>
      </c>
      <c r="O18" s="6">
        <v>39187</v>
      </c>
      <c r="P18" s="6">
        <v>124685</v>
      </c>
      <c r="Q18" s="6">
        <v>701928</v>
      </c>
      <c r="R18" s="6">
        <v>588029</v>
      </c>
      <c r="S18" s="10" t="s">
        <v>55</v>
      </c>
      <c r="T18" s="6">
        <v>6347</v>
      </c>
      <c r="U18" s="6">
        <v>474452</v>
      </c>
    </row>
    <row r="19" spans="1:21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6</v>
      </c>
      <c r="I19" s="9" t="s">
        <v>167</v>
      </c>
      <c r="J19" s="6">
        <v>7641867</v>
      </c>
      <c r="K19" s="6">
        <v>6603254</v>
      </c>
      <c r="L19" s="6">
        <v>4634617</v>
      </c>
      <c r="M19" s="6">
        <v>386357</v>
      </c>
      <c r="N19" s="6">
        <v>1582280</v>
      </c>
      <c r="O19" s="6">
        <v>275629</v>
      </c>
      <c r="P19" s="6">
        <v>115562</v>
      </c>
      <c r="Q19" s="6">
        <v>395394</v>
      </c>
      <c r="R19" s="6">
        <v>113514</v>
      </c>
      <c r="S19" s="6">
        <v>75870</v>
      </c>
      <c r="T19" s="6">
        <v>62644</v>
      </c>
      <c r="U19" s="6">
        <v>6878883</v>
      </c>
    </row>
    <row r="20" spans="1:21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6</v>
      </c>
      <c r="I20" s="9" t="s">
        <v>168</v>
      </c>
      <c r="J20" s="6">
        <v>1945557</v>
      </c>
      <c r="K20" s="6">
        <v>1791860</v>
      </c>
      <c r="L20" s="6">
        <v>1430911</v>
      </c>
      <c r="M20" s="6">
        <v>51591</v>
      </c>
      <c r="N20" s="6">
        <v>309358</v>
      </c>
      <c r="O20" s="6">
        <v>40572</v>
      </c>
      <c r="P20" s="6">
        <v>13164</v>
      </c>
      <c r="Q20" s="6">
        <v>71039</v>
      </c>
      <c r="R20" s="6">
        <v>5284</v>
      </c>
      <c r="S20" s="10" t="s">
        <v>55</v>
      </c>
      <c r="T20" s="6">
        <v>23638</v>
      </c>
      <c r="U20" s="6">
        <v>1832432</v>
      </c>
    </row>
    <row r="21" spans="1:21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6</v>
      </c>
      <c r="I21" s="9" t="s">
        <v>169</v>
      </c>
      <c r="J21" s="6">
        <v>2461426</v>
      </c>
      <c r="K21" s="6">
        <v>1553572</v>
      </c>
      <c r="L21" s="6">
        <v>1407425</v>
      </c>
      <c r="M21" s="6">
        <v>1075</v>
      </c>
      <c r="N21" s="6">
        <v>145072</v>
      </c>
      <c r="O21" s="6">
        <v>249677</v>
      </c>
      <c r="P21" s="6">
        <v>118771</v>
      </c>
      <c r="Q21" s="6">
        <v>458955</v>
      </c>
      <c r="R21" s="6">
        <v>53489</v>
      </c>
      <c r="S21" s="10" t="s">
        <v>55</v>
      </c>
      <c r="T21" s="6">
        <v>26962</v>
      </c>
      <c r="U21" s="6">
        <v>1803249</v>
      </c>
    </row>
    <row r="22" spans="1:21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6</v>
      </c>
      <c r="I22" s="9" t="s">
        <v>170</v>
      </c>
      <c r="J22" s="6">
        <v>4194830</v>
      </c>
      <c r="K22" s="6">
        <v>3757309</v>
      </c>
      <c r="L22" s="6">
        <v>1252404</v>
      </c>
      <c r="M22" s="6">
        <v>205315</v>
      </c>
      <c r="N22" s="6">
        <v>2299590</v>
      </c>
      <c r="O22" s="6">
        <v>63340</v>
      </c>
      <c r="P22" s="6">
        <v>21592</v>
      </c>
      <c r="Q22" s="6">
        <v>262126</v>
      </c>
      <c r="R22" s="6">
        <v>45406</v>
      </c>
      <c r="S22" s="6">
        <v>7469</v>
      </c>
      <c r="T22" s="6">
        <v>37588</v>
      </c>
      <c r="U22" s="6">
        <v>3820649</v>
      </c>
    </row>
    <row r="23" spans="1:21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6</v>
      </c>
      <c r="I23" s="9" t="s">
        <v>171</v>
      </c>
      <c r="J23" s="6">
        <v>1625211</v>
      </c>
      <c r="K23" s="6">
        <v>607105</v>
      </c>
      <c r="L23" s="6">
        <v>243937</v>
      </c>
      <c r="M23" s="6">
        <v>49144</v>
      </c>
      <c r="N23" s="6">
        <v>314024</v>
      </c>
      <c r="O23" s="6">
        <v>18836</v>
      </c>
      <c r="P23" s="6">
        <v>19501</v>
      </c>
      <c r="Q23" s="6">
        <v>181304</v>
      </c>
      <c r="R23" s="6">
        <v>62086</v>
      </c>
      <c r="S23" s="10" t="s">
        <v>55</v>
      </c>
      <c r="T23" s="6">
        <v>736379</v>
      </c>
      <c r="U23" s="6">
        <v>625941</v>
      </c>
    </row>
    <row r="24" spans="1:21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53</v>
      </c>
      <c r="I24" s="9" t="s">
        <v>6</v>
      </c>
      <c r="J24" s="6">
        <v>31501307</v>
      </c>
      <c r="K24" s="6">
        <v>24581181</v>
      </c>
      <c r="L24" s="6">
        <v>20065078</v>
      </c>
      <c r="M24" s="6">
        <v>638324</v>
      </c>
      <c r="N24" s="6">
        <v>3877779</v>
      </c>
      <c r="O24" s="6">
        <v>2364280</v>
      </c>
      <c r="P24" s="6">
        <v>868525</v>
      </c>
      <c r="Q24" s="6">
        <v>2721299</v>
      </c>
      <c r="R24" s="6">
        <v>325629</v>
      </c>
      <c r="S24" s="6">
        <v>10753</v>
      </c>
      <c r="T24" s="6">
        <v>629640</v>
      </c>
      <c r="U24" s="6">
        <v>26945461</v>
      </c>
    </row>
    <row r="25" spans="1:21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53</v>
      </c>
      <c r="I25" s="9" t="s">
        <v>160</v>
      </c>
      <c r="J25" s="6">
        <v>987417</v>
      </c>
      <c r="K25" s="6">
        <v>158941</v>
      </c>
      <c r="L25" s="6">
        <v>154268</v>
      </c>
      <c r="M25" s="10" t="s">
        <v>55</v>
      </c>
      <c r="N25" s="6">
        <v>4673</v>
      </c>
      <c r="O25" s="6">
        <v>777400</v>
      </c>
      <c r="P25" s="6">
        <v>48947</v>
      </c>
      <c r="Q25" s="10" t="s">
        <v>55</v>
      </c>
      <c r="R25" s="6">
        <v>77</v>
      </c>
      <c r="S25" s="10" t="s">
        <v>55</v>
      </c>
      <c r="T25" s="6">
        <v>2052</v>
      </c>
      <c r="U25" s="6">
        <v>936341</v>
      </c>
    </row>
    <row r="26" spans="1:21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53</v>
      </c>
      <c r="I26" s="9" t="s">
        <v>161</v>
      </c>
      <c r="J26" s="6">
        <v>5212775</v>
      </c>
      <c r="K26" s="6">
        <v>4192042</v>
      </c>
      <c r="L26" s="6">
        <v>3775050</v>
      </c>
      <c r="M26" s="6">
        <v>75509</v>
      </c>
      <c r="N26" s="6">
        <v>341483</v>
      </c>
      <c r="O26" s="6">
        <v>331831</v>
      </c>
      <c r="P26" s="6">
        <v>207351</v>
      </c>
      <c r="Q26" s="6">
        <v>446257</v>
      </c>
      <c r="R26" s="6">
        <v>13425</v>
      </c>
      <c r="S26" s="10" t="s">
        <v>55</v>
      </c>
      <c r="T26" s="6">
        <v>21869</v>
      </c>
      <c r="U26" s="6">
        <v>4523873</v>
      </c>
    </row>
    <row r="27" spans="1:21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53</v>
      </c>
      <c r="I27" s="9" t="s">
        <v>162</v>
      </c>
      <c r="J27" s="6">
        <v>4549030</v>
      </c>
      <c r="K27" s="6">
        <v>4307843</v>
      </c>
      <c r="L27" s="6">
        <v>3828852</v>
      </c>
      <c r="M27" s="6">
        <v>76658</v>
      </c>
      <c r="N27" s="6">
        <v>402333</v>
      </c>
      <c r="O27" s="6">
        <v>183556</v>
      </c>
      <c r="P27" s="6">
        <v>6985</v>
      </c>
      <c r="Q27" s="6">
        <v>17543</v>
      </c>
      <c r="R27" s="6">
        <v>13116</v>
      </c>
      <c r="S27" s="6">
        <v>12</v>
      </c>
      <c r="T27" s="6">
        <v>19975</v>
      </c>
      <c r="U27" s="6">
        <v>4491399</v>
      </c>
    </row>
    <row r="28" spans="1:21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53</v>
      </c>
      <c r="I28" s="9" t="s">
        <v>163</v>
      </c>
      <c r="J28" s="6">
        <v>3724422</v>
      </c>
      <c r="K28" s="6">
        <v>2963981</v>
      </c>
      <c r="L28" s="6">
        <v>2497021</v>
      </c>
      <c r="M28" s="6">
        <v>27217</v>
      </c>
      <c r="N28" s="6">
        <v>439743</v>
      </c>
      <c r="O28" s="6">
        <v>370176</v>
      </c>
      <c r="P28" s="6">
        <v>79655</v>
      </c>
      <c r="Q28" s="6">
        <v>260546</v>
      </c>
      <c r="R28" s="6">
        <v>25720</v>
      </c>
      <c r="S28" s="10" t="s">
        <v>55</v>
      </c>
      <c r="T28" s="6">
        <v>24344</v>
      </c>
      <c r="U28" s="6">
        <v>3334157</v>
      </c>
    </row>
    <row r="29" spans="1:21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53</v>
      </c>
      <c r="I29" s="9" t="s">
        <v>164</v>
      </c>
      <c r="J29" s="6">
        <v>2113623</v>
      </c>
      <c r="K29" s="6">
        <v>1618010</v>
      </c>
      <c r="L29" s="6">
        <v>969821</v>
      </c>
      <c r="M29" s="6">
        <v>30759</v>
      </c>
      <c r="N29" s="6">
        <v>617430</v>
      </c>
      <c r="O29" s="6">
        <v>74872</v>
      </c>
      <c r="P29" s="6">
        <v>137233</v>
      </c>
      <c r="Q29" s="6">
        <v>222334</v>
      </c>
      <c r="R29" s="6">
        <v>42523</v>
      </c>
      <c r="S29" s="10" t="s">
        <v>55</v>
      </c>
      <c r="T29" s="6">
        <v>18651</v>
      </c>
      <c r="U29" s="6">
        <v>1692882</v>
      </c>
    </row>
    <row r="30" spans="1:21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53</v>
      </c>
      <c r="I30" s="9" t="s">
        <v>165</v>
      </c>
      <c r="J30" s="6">
        <v>1011738</v>
      </c>
      <c r="K30" s="6">
        <v>995990</v>
      </c>
      <c r="L30" s="6">
        <v>817893</v>
      </c>
      <c r="M30" s="10" t="s">
        <v>55</v>
      </c>
      <c r="N30" s="6">
        <v>178097</v>
      </c>
      <c r="O30" s="6">
        <v>2258</v>
      </c>
      <c r="P30" s="6">
        <v>170</v>
      </c>
      <c r="Q30" s="6">
        <v>7414</v>
      </c>
      <c r="R30" s="6">
        <v>33</v>
      </c>
      <c r="S30" s="10" t="s">
        <v>55</v>
      </c>
      <c r="T30" s="6">
        <v>5873</v>
      </c>
      <c r="U30" s="6">
        <v>998248</v>
      </c>
    </row>
    <row r="31" spans="1:21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53</v>
      </c>
      <c r="I31" s="9" t="s">
        <v>166</v>
      </c>
      <c r="J31" s="6">
        <v>1202637</v>
      </c>
      <c r="K31" s="6">
        <v>285793</v>
      </c>
      <c r="L31" s="6">
        <v>181617</v>
      </c>
      <c r="M31" s="6">
        <v>5526</v>
      </c>
      <c r="N31" s="6">
        <v>98650</v>
      </c>
      <c r="O31" s="6">
        <v>32793</v>
      </c>
      <c r="P31" s="6">
        <v>117535</v>
      </c>
      <c r="Q31" s="6">
        <v>633232</v>
      </c>
      <c r="R31" s="6">
        <v>128309</v>
      </c>
      <c r="S31" s="10" t="s">
        <v>55</v>
      </c>
      <c r="T31" s="6">
        <v>4975</v>
      </c>
      <c r="U31" s="6">
        <v>318586</v>
      </c>
    </row>
    <row r="32" spans="1:21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53</v>
      </c>
      <c r="I32" s="9" t="s">
        <v>167</v>
      </c>
      <c r="J32" s="6">
        <v>5341606</v>
      </c>
      <c r="K32" s="6">
        <v>4564629</v>
      </c>
      <c r="L32" s="6">
        <v>3876633</v>
      </c>
      <c r="M32" s="6">
        <v>226492</v>
      </c>
      <c r="N32" s="6">
        <v>461504</v>
      </c>
      <c r="O32" s="6">
        <v>246101</v>
      </c>
      <c r="P32" s="6">
        <v>106489</v>
      </c>
      <c r="Q32" s="6">
        <v>325980</v>
      </c>
      <c r="R32" s="6">
        <v>42420</v>
      </c>
      <c r="S32" s="6">
        <v>9908</v>
      </c>
      <c r="T32" s="6">
        <v>46079</v>
      </c>
      <c r="U32" s="6">
        <v>4810730</v>
      </c>
    </row>
    <row r="33" spans="1:21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53</v>
      </c>
      <c r="I33" s="9" t="s">
        <v>168</v>
      </c>
      <c r="J33" s="6">
        <v>1867544</v>
      </c>
      <c r="K33" s="6">
        <v>1721444</v>
      </c>
      <c r="L33" s="6">
        <v>1387206</v>
      </c>
      <c r="M33" s="6">
        <v>49270</v>
      </c>
      <c r="N33" s="6">
        <v>284968</v>
      </c>
      <c r="O33" s="6">
        <v>38797</v>
      </c>
      <c r="P33" s="6">
        <v>12650</v>
      </c>
      <c r="Q33" s="6">
        <v>68839</v>
      </c>
      <c r="R33" s="6">
        <v>2964</v>
      </c>
      <c r="S33" s="10" t="s">
        <v>55</v>
      </c>
      <c r="T33" s="6">
        <v>22850</v>
      </c>
      <c r="U33" s="6">
        <v>1760241</v>
      </c>
    </row>
    <row r="34" spans="1:21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53</v>
      </c>
      <c r="I34" s="9" t="s">
        <v>169</v>
      </c>
      <c r="J34" s="6">
        <v>2391224</v>
      </c>
      <c r="K34" s="6">
        <v>1511986</v>
      </c>
      <c r="L34" s="6">
        <v>1375863</v>
      </c>
      <c r="M34" s="6">
        <v>991</v>
      </c>
      <c r="N34" s="6">
        <v>135132</v>
      </c>
      <c r="O34" s="6">
        <v>244000</v>
      </c>
      <c r="P34" s="6">
        <v>118032</v>
      </c>
      <c r="Q34" s="6">
        <v>455385</v>
      </c>
      <c r="R34" s="6">
        <v>35444</v>
      </c>
      <c r="S34" s="10" t="s">
        <v>55</v>
      </c>
      <c r="T34" s="6">
        <v>26377</v>
      </c>
      <c r="U34" s="6">
        <v>1755986</v>
      </c>
    </row>
    <row r="35" spans="1:21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53</v>
      </c>
      <c r="I35" s="9" t="s">
        <v>170</v>
      </c>
      <c r="J35" s="6">
        <v>2233295</v>
      </c>
      <c r="K35" s="6">
        <v>1958459</v>
      </c>
      <c r="L35" s="6">
        <v>1039546</v>
      </c>
      <c r="M35" s="6">
        <v>119723</v>
      </c>
      <c r="N35" s="6">
        <v>799190</v>
      </c>
      <c r="O35" s="6">
        <v>49239</v>
      </c>
      <c r="P35" s="6">
        <v>18486</v>
      </c>
      <c r="Q35" s="6">
        <v>171439</v>
      </c>
      <c r="R35" s="6">
        <v>10791</v>
      </c>
      <c r="S35" s="6">
        <v>833</v>
      </c>
      <c r="T35" s="6">
        <v>24048</v>
      </c>
      <c r="U35" s="6">
        <v>2007698</v>
      </c>
    </row>
    <row r="36" spans="1:21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53</v>
      </c>
      <c r="I36" s="9" t="s">
        <v>171</v>
      </c>
      <c r="J36" s="6">
        <v>865996</v>
      </c>
      <c r="K36" s="6">
        <v>302063</v>
      </c>
      <c r="L36" s="6">
        <v>161308</v>
      </c>
      <c r="M36" s="6">
        <v>26179</v>
      </c>
      <c r="N36" s="6">
        <v>114576</v>
      </c>
      <c r="O36" s="6">
        <v>13257</v>
      </c>
      <c r="P36" s="6">
        <v>14992</v>
      </c>
      <c r="Q36" s="6">
        <v>112330</v>
      </c>
      <c r="R36" s="6">
        <v>10807</v>
      </c>
      <c r="S36" s="10" t="s">
        <v>55</v>
      </c>
      <c r="T36" s="6">
        <v>412547</v>
      </c>
      <c r="U36" s="6">
        <v>315320</v>
      </c>
    </row>
    <row r="37" spans="1:21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54</v>
      </c>
      <c r="I37" s="9" t="s">
        <v>6</v>
      </c>
      <c r="J37" s="6">
        <v>26141918</v>
      </c>
      <c r="K37" s="6">
        <v>22361040</v>
      </c>
      <c r="L37" s="6">
        <v>10731753</v>
      </c>
      <c r="M37" s="6">
        <v>883817</v>
      </c>
      <c r="N37" s="6">
        <v>10745470</v>
      </c>
      <c r="O37" s="6">
        <v>769919</v>
      </c>
      <c r="P37" s="6">
        <v>196359</v>
      </c>
      <c r="Q37" s="6">
        <v>995164</v>
      </c>
      <c r="R37" s="6">
        <v>1280113</v>
      </c>
      <c r="S37" s="6">
        <v>72776</v>
      </c>
      <c r="T37" s="6">
        <v>466547</v>
      </c>
      <c r="U37" s="6">
        <v>23130959</v>
      </c>
    </row>
    <row r="38" spans="1:21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54</v>
      </c>
      <c r="I38" s="9" t="s">
        <v>160</v>
      </c>
      <c r="J38" s="6">
        <v>183449</v>
      </c>
      <c r="K38" s="6">
        <v>17330</v>
      </c>
      <c r="L38" s="6">
        <v>16262</v>
      </c>
      <c r="M38" s="10" t="s">
        <v>55</v>
      </c>
      <c r="N38" s="6">
        <v>1068</v>
      </c>
      <c r="O38" s="6">
        <v>150751</v>
      </c>
      <c r="P38" s="6">
        <v>14517</v>
      </c>
      <c r="Q38" s="10" t="s">
        <v>55</v>
      </c>
      <c r="R38" s="6">
        <v>493</v>
      </c>
      <c r="S38" s="10" t="s">
        <v>55</v>
      </c>
      <c r="T38" s="6">
        <v>358</v>
      </c>
      <c r="U38" s="6">
        <v>168081</v>
      </c>
    </row>
    <row r="39" spans="1:21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54</v>
      </c>
      <c r="I39" s="9" t="s">
        <v>161</v>
      </c>
      <c r="J39" s="6">
        <v>5062339</v>
      </c>
      <c r="K39" s="6">
        <v>4575342</v>
      </c>
      <c r="L39" s="6">
        <v>3246572</v>
      </c>
      <c r="M39" s="6">
        <v>66775</v>
      </c>
      <c r="N39" s="6">
        <v>1261995</v>
      </c>
      <c r="O39" s="6">
        <v>81382</v>
      </c>
      <c r="P39" s="6">
        <v>49669</v>
      </c>
      <c r="Q39" s="6">
        <v>283550</v>
      </c>
      <c r="R39" s="6">
        <v>46311</v>
      </c>
      <c r="S39" s="10" t="s">
        <v>55</v>
      </c>
      <c r="T39" s="6">
        <v>26085</v>
      </c>
      <c r="U39" s="6">
        <v>4656724</v>
      </c>
    </row>
    <row r="40" spans="1:21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54</v>
      </c>
      <c r="I40" s="9" t="s">
        <v>162</v>
      </c>
      <c r="J40" s="6">
        <v>7121596</v>
      </c>
      <c r="K40" s="6">
        <v>6447463</v>
      </c>
      <c r="L40" s="6">
        <v>3867392</v>
      </c>
      <c r="M40" s="6">
        <v>419489</v>
      </c>
      <c r="N40" s="6">
        <v>2160582</v>
      </c>
      <c r="O40" s="6">
        <v>338006</v>
      </c>
      <c r="P40" s="6">
        <v>5883</v>
      </c>
      <c r="Q40" s="6">
        <v>21663</v>
      </c>
      <c r="R40" s="6">
        <v>276895</v>
      </c>
      <c r="S40" s="6">
        <v>178</v>
      </c>
      <c r="T40" s="6">
        <v>31508</v>
      </c>
      <c r="U40" s="6">
        <v>6785469</v>
      </c>
    </row>
    <row r="41" spans="1:21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54</v>
      </c>
      <c r="I41" s="9" t="s">
        <v>163</v>
      </c>
      <c r="J41" s="6">
        <v>3137843</v>
      </c>
      <c r="K41" s="6">
        <v>2758816</v>
      </c>
      <c r="L41" s="6">
        <v>1000069</v>
      </c>
      <c r="M41" s="6">
        <v>52517</v>
      </c>
      <c r="N41" s="6">
        <v>1706230</v>
      </c>
      <c r="O41" s="6">
        <v>85779</v>
      </c>
      <c r="P41" s="6">
        <v>24105</v>
      </c>
      <c r="Q41" s="6">
        <v>137660</v>
      </c>
      <c r="R41" s="6">
        <v>112546</v>
      </c>
      <c r="S41" s="10" t="s">
        <v>55</v>
      </c>
      <c r="T41" s="6">
        <v>18937</v>
      </c>
      <c r="U41" s="6">
        <v>2844595</v>
      </c>
    </row>
    <row r="42" spans="1:21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54</v>
      </c>
      <c r="I42" s="9" t="s">
        <v>164</v>
      </c>
      <c r="J42" s="6">
        <v>4688410</v>
      </c>
      <c r="K42" s="6">
        <v>4072867</v>
      </c>
      <c r="L42" s="6">
        <v>1364764</v>
      </c>
      <c r="M42" s="6">
        <v>72196</v>
      </c>
      <c r="N42" s="6">
        <v>2635907</v>
      </c>
      <c r="O42" s="6">
        <v>50849</v>
      </c>
      <c r="P42" s="6">
        <v>77081</v>
      </c>
      <c r="Q42" s="6">
        <v>248120</v>
      </c>
      <c r="R42" s="6">
        <v>206771</v>
      </c>
      <c r="S42" s="10" t="s">
        <v>55</v>
      </c>
      <c r="T42" s="6">
        <v>32722</v>
      </c>
      <c r="U42" s="6">
        <v>4123716</v>
      </c>
    </row>
    <row r="43" spans="1:21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54</v>
      </c>
      <c r="I43" s="9" t="s">
        <v>165</v>
      </c>
      <c r="J43" s="6">
        <v>86251</v>
      </c>
      <c r="K43" s="6">
        <v>85231</v>
      </c>
      <c r="L43" s="6">
        <v>67452</v>
      </c>
      <c r="M43" s="10" t="s">
        <v>55</v>
      </c>
      <c r="N43" s="6">
        <v>17779</v>
      </c>
      <c r="O43" s="6">
        <v>98</v>
      </c>
      <c r="P43" s="6">
        <v>13</v>
      </c>
      <c r="Q43" s="6">
        <v>630</v>
      </c>
      <c r="R43" s="6">
        <v>24</v>
      </c>
      <c r="S43" s="10" t="s">
        <v>55</v>
      </c>
      <c r="T43" s="6">
        <v>255</v>
      </c>
      <c r="U43" s="6">
        <v>85329</v>
      </c>
    </row>
    <row r="44" spans="1:21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54</v>
      </c>
      <c r="I44" s="9" t="s">
        <v>166</v>
      </c>
      <c r="J44" s="6">
        <v>692804</v>
      </c>
      <c r="K44" s="6">
        <v>149472</v>
      </c>
      <c r="L44" s="6">
        <v>40504</v>
      </c>
      <c r="M44" s="6">
        <v>2013</v>
      </c>
      <c r="N44" s="6">
        <v>106955</v>
      </c>
      <c r="O44" s="6">
        <v>6394</v>
      </c>
      <c r="P44" s="6">
        <v>7150</v>
      </c>
      <c r="Q44" s="6">
        <v>68696</v>
      </c>
      <c r="R44" s="6">
        <v>459720</v>
      </c>
      <c r="S44" s="10" t="s">
        <v>55</v>
      </c>
      <c r="T44" s="6">
        <v>1372</v>
      </c>
      <c r="U44" s="6">
        <v>155866</v>
      </c>
    </row>
    <row r="45" spans="1:21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54</v>
      </c>
      <c r="I45" s="9" t="s">
        <v>167</v>
      </c>
      <c r="J45" s="6">
        <v>2300261</v>
      </c>
      <c r="K45" s="6">
        <v>2038625</v>
      </c>
      <c r="L45" s="6">
        <v>757984</v>
      </c>
      <c r="M45" s="6">
        <v>159865</v>
      </c>
      <c r="N45" s="6">
        <v>1120776</v>
      </c>
      <c r="O45" s="6">
        <v>29528</v>
      </c>
      <c r="P45" s="6">
        <v>9073</v>
      </c>
      <c r="Q45" s="6">
        <v>69414</v>
      </c>
      <c r="R45" s="6">
        <v>71094</v>
      </c>
      <c r="S45" s="6">
        <v>65962</v>
      </c>
      <c r="T45" s="6">
        <v>16565</v>
      </c>
      <c r="U45" s="6">
        <v>2068153</v>
      </c>
    </row>
    <row r="46" spans="1:21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54</v>
      </c>
      <c r="I46" s="9" t="s">
        <v>168</v>
      </c>
      <c r="J46" s="6">
        <v>78013</v>
      </c>
      <c r="K46" s="6">
        <v>70416</v>
      </c>
      <c r="L46" s="6">
        <v>43705</v>
      </c>
      <c r="M46" s="6">
        <v>2321</v>
      </c>
      <c r="N46" s="6">
        <v>24390</v>
      </c>
      <c r="O46" s="6">
        <v>1775</v>
      </c>
      <c r="P46" s="6">
        <v>514</v>
      </c>
      <c r="Q46" s="6">
        <v>2200</v>
      </c>
      <c r="R46" s="6">
        <v>2320</v>
      </c>
      <c r="S46" s="10" t="s">
        <v>55</v>
      </c>
      <c r="T46" s="6">
        <v>788</v>
      </c>
      <c r="U46" s="6">
        <v>72191</v>
      </c>
    </row>
    <row r="47" spans="1:21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54</v>
      </c>
      <c r="I47" s="9" t="s">
        <v>169</v>
      </c>
      <c r="J47" s="6">
        <v>70202</v>
      </c>
      <c r="K47" s="6">
        <v>41586</v>
      </c>
      <c r="L47" s="6">
        <v>31562</v>
      </c>
      <c r="M47" s="6">
        <v>84</v>
      </c>
      <c r="N47" s="6">
        <v>9940</v>
      </c>
      <c r="O47" s="6">
        <v>5677</v>
      </c>
      <c r="P47" s="6">
        <v>739</v>
      </c>
      <c r="Q47" s="6">
        <v>3570</v>
      </c>
      <c r="R47" s="6">
        <v>18045</v>
      </c>
      <c r="S47" s="10" t="s">
        <v>55</v>
      </c>
      <c r="T47" s="6">
        <v>585</v>
      </c>
      <c r="U47" s="6">
        <v>47263</v>
      </c>
    </row>
    <row r="48" spans="1:21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54</v>
      </c>
      <c r="I48" s="9" t="s">
        <v>170</v>
      </c>
      <c r="J48" s="6">
        <v>1961535</v>
      </c>
      <c r="K48" s="6">
        <v>1798850</v>
      </c>
      <c r="L48" s="6">
        <v>212858</v>
      </c>
      <c r="M48" s="6">
        <v>85592</v>
      </c>
      <c r="N48" s="6">
        <v>1500400</v>
      </c>
      <c r="O48" s="6">
        <v>14101</v>
      </c>
      <c r="P48" s="6">
        <v>3106</v>
      </c>
      <c r="Q48" s="6">
        <v>90687</v>
      </c>
      <c r="R48" s="6">
        <v>34615</v>
      </c>
      <c r="S48" s="6">
        <v>6636</v>
      </c>
      <c r="T48" s="6">
        <v>13540</v>
      </c>
      <c r="U48" s="6">
        <v>1812951</v>
      </c>
    </row>
    <row r="49" spans="1:21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54</v>
      </c>
      <c r="I49" s="9" t="s">
        <v>171</v>
      </c>
      <c r="J49" s="6">
        <v>759215</v>
      </c>
      <c r="K49" s="6">
        <v>305042</v>
      </c>
      <c r="L49" s="6">
        <v>82629</v>
      </c>
      <c r="M49" s="6">
        <v>22965</v>
      </c>
      <c r="N49" s="6">
        <v>199448</v>
      </c>
      <c r="O49" s="6">
        <v>5579</v>
      </c>
      <c r="P49" s="6">
        <v>4509</v>
      </c>
      <c r="Q49" s="6">
        <v>68974</v>
      </c>
      <c r="R49" s="6">
        <v>51279</v>
      </c>
      <c r="S49" s="10" t="s">
        <v>55</v>
      </c>
      <c r="T49" s="6">
        <v>323832</v>
      </c>
      <c r="U49" s="6">
        <v>310621</v>
      </c>
    </row>
    <row r="50" spans="1:21">
      <c r="A50" s="9" t="s">
        <v>27</v>
      </c>
      <c r="B50" s="9" t="s">
        <v>57</v>
      </c>
      <c r="C50" s="9" t="s">
        <v>79</v>
      </c>
      <c r="D50" s="9" t="s">
        <v>77</v>
      </c>
      <c r="E50" s="9" t="s">
        <v>57</v>
      </c>
      <c r="F50" s="9" t="s">
        <v>79</v>
      </c>
      <c r="G50" s="9" t="s">
        <v>80</v>
      </c>
      <c r="H50" s="9" t="s">
        <v>6</v>
      </c>
      <c r="I50" s="9" t="s">
        <v>6</v>
      </c>
      <c r="J50" s="6">
        <v>819259</v>
      </c>
      <c r="K50" s="6">
        <v>635766</v>
      </c>
      <c r="L50" s="6">
        <v>424419</v>
      </c>
      <c r="M50" s="6">
        <v>16888</v>
      </c>
      <c r="N50" s="6">
        <v>194459</v>
      </c>
      <c r="O50" s="6">
        <v>42518</v>
      </c>
      <c r="P50" s="6">
        <v>20084</v>
      </c>
      <c r="Q50" s="6">
        <v>67253</v>
      </c>
      <c r="R50" s="6">
        <v>41988</v>
      </c>
      <c r="S50" s="6">
        <v>736</v>
      </c>
      <c r="T50" s="6">
        <v>10914</v>
      </c>
      <c r="U50" s="6">
        <v>678284</v>
      </c>
    </row>
    <row r="51" spans="1:21">
      <c r="A51" s="9" t="s">
        <v>27</v>
      </c>
      <c r="B51" s="9" t="s">
        <v>57</v>
      </c>
      <c r="C51" s="9" t="s">
        <v>79</v>
      </c>
      <c r="D51" s="9" t="s">
        <v>77</v>
      </c>
      <c r="E51" s="9" t="s">
        <v>57</v>
      </c>
      <c r="F51" s="9" t="s">
        <v>79</v>
      </c>
      <c r="G51" s="9" t="s">
        <v>80</v>
      </c>
      <c r="H51" s="9" t="s">
        <v>6</v>
      </c>
      <c r="I51" s="9" t="s">
        <v>160</v>
      </c>
      <c r="J51" s="6">
        <v>16188</v>
      </c>
      <c r="K51" s="6">
        <v>3102</v>
      </c>
      <c r="L51" s="6">
        <v>3018</v>
      </c>
      <c r="M51" s="10" t="s">
        <v>55</v>
      </c>
      <c r="N51" s="6">
        <v>84</v>
      </c>
      <c r="O51" s="6">
        <v>12027</v>
      </c>
      <c r="P51" s="6">
        <v>1017</v>
      </c>
      <c r="Q51" s="10" t="s">
        <v>55</v>
      </c>
      <c r="R51" s="6">
        <v>11</v>
      </c>
      <c r="S51" s="10" t="s">
        <v>55</v>
      </c>
      <c r="T51" s="6">
        <v>31</v>
      </c>
      <c r="U51" s="6">
        <v>15129</v>
      </c>
    </row>
    <row r="52" spans="1:21">
      <c r="A52" s="9" t="s">
        <v>27</v>
      </c>
      <c r="B52" s="9" t="s">
        <v>57</v>
      </c>
      <c r="C52" s="9" t="s">
        <v>79</v>
      </c>
      <c r="D52" s="9" t="s">
        <v>77</v>
      </c>
      <c r="E52" s="9" t="s">
        <v>57</v>
      </c>
      <c r="F52" s="9" t="s">
        <v>79</v>
      </c>
      <c r="G52" s="9" t="s">
        <v>80</v>
      </c>
      <c r="H52" s="9" t="s">
        <v>6</v>
      </c>
      <c r="I52" s="9" t="s">
        <v>161</v>
      </c>
      <c r="J52" s="6">
        <v>142959</v>
      </c>
      <c r="K52" s="6">
        <v>124358</v>
      </c>
      <c r="L52" s="6">
        <v>99991</v>
      </c>
      <c r="M52" s="6">
        <v>1377</v>
      </c>
      <c r="N52" s="6">
        <v>22990</v>
      </c>
      <c r="O52" s="6">
        <v>5570</v>
      </c>
      <c r="P52" s="6">
        <v>3460</v>
      </c>
      <c r="Q52" s="6">
        <v>8058</v>
      </c>
      <c r="R52" s="6">
        <v>888</v>
      </c>
      <c r="S52" s="10" t="s">
        <v>55</v>
      </c>
      <c r="T52" s="6">
        <v>625</v>
      </c>
      <c r="U52" s="6">
        <v>129928</v>
      </c>
    </row>
    <row r="53" spans="1:21">
      <c r="A53" s="9" t="s">
        <v>27</v>
      </c>
      <c r="B53" s="9" t="s">
        <v>57</v>
      </c>
      <c r="C53" s="9" t="s">
        <v>79</v>
      </c>
      <c r="D53" s="9" t="s">
        <v>77</v>
      </c>
      <c r="E53" s="9" t="s">
        <v>57</v>
      </c>
      <c r="F53" s="9" t="s">
        <v>79</v>
      </c>
      <c r="G53" s="9" t="s">
        <v>80</v>
      </c>
      <c r="H53" s="9" t="s">
        <v>6</v>
      </c>
      <c r="I53" s="9" t="s">
        <v>162</v>
      </c>
      <c r="J53" s="6">
        <v>142476</v>
      </c>
      <c r="K53" s="6">
        <v>128740</v>
      </c>
      <c r="L53" s="6">
        <v>91418</v>
      </c>
      <c r="M53" s="6">
        <v>4270</v>
      </c>
      <c r="N53" s="6">
        <v>33052</v>
      </c>
      <c r="O53" s="6">
        <v>7321</v>
      </c>
      <c r="P53" s="6">
        <v>263</v>
      </c>
      <c r="Q53" s="6">
        <v>555</v>
      </c>
      <c r="R53" s="6">
        <v>5009</v>
      </c>
      <c r="S53" s="6">
        <v>10</v>
      </c>
      <c r="T53" s="6">
        <v>578</v>
      </c>
      <c r="U53" s="6">
        <v>136061</v>
      </c>
    </row>
    <row r="54" spans="1:21">
      <c r="A54" s="9" t="s">
        <v>27</v>
      </c>
      <c r="B54" s="9" t="s">
        <v>57</v>
      </c>
      <c r="C54" s="9" t="s">
        <v>79</v>
      </c>
      <c r="D54" s="9" t="s">
        <v>77</v>
      </c>
      <c r="E54" s="9" t="s">
        <v>57</v>
      </c>
      <c r="F54" s="9" t="s">
        <v>79</v>
      </c>
      <c r="G54" s="9" t="s">
        <v>80</v>
      </c>
      <c r="H54" s="9" t="s">
        <v>6</v>
      </c>
      <c r="I54" s="9" t="s">
        <v>163</v>
      </c>
      <c r="J54" s="6">
        <v>89990</v>
      </c>
      <c r="K54" s="6">
        <v>73268</v>
      </c>
      <c r="L54" s="6">
        <v>43093</v>
      </c>
      <c r="M54" s="6">
        <v>929</v>
      </c>
      <c r="N54" s="6">
        <v>29246</v>
      </c>
      <c r="O54" s="6">
        <v>6045</v>
      </c>
      <c r="P54" s="6">
        <v>1902</v>
      </c>
      <c r="Q54" s="6">
        <v>6005</v>
      </c>
      <c r="R54" s="6">
        <v>2278</v>
      </c>
      <c r="S54" s="10" t="s">
        <v>55</v>
      </c>
      <c r="T54" s="6">
        <v>492</v>
      </c>
      <c r="U54" s="6">
        <v>79313</v>
      </c>
    </row>
    <row r="55" spans="1:21">
      <c r="A55" s="9" t="s">
        <v>27</v>
      </c>
      <c r="B55" s="9" t="s">
        <v>57</v>
      </c>
      <c r="C55" s="9" t="s">
        <v>79</v>
      </c>
      <c r="D55" s="9" t="s">
        <v>77</v>
      </c>
      <c r="E55" s="9" t="s">
        <v>57</v>
      </c>
      <c r="F55" s="9" t="s">
        <v>79</v>
      </c>
      <c r="G55" s="9" t="s">
        <v>80</v>
      </c>
      <c r="H55" s="9" t="s">
        <v>6</v>
      </c>
      <c r="I55" s="9" t="s">
        <v>164</v>
      </c>
      <c r="J55" s="6">
        <v>104583</v>
      </c>
      <c r="K55" s="6">
        <v>87008</v>
      </c>
      <c r="L55" s="6">
        <v>42234</v>
      </c>
      <c r="M55" s="6">
        <v>1582</v>
      </c>
      <c r="N55" s="6">
        <v>43192</v>
      </c>
      <c r="O55" s="6">
        <v>1986</v>
      </c>
      <c r="P55" s="6">
        <v>3565</v>
      </c>
      <c r="Q55" s="6">
        <v>7406</v>
      </c>
      <c r="R55" s="6">
        <v>4002</v>
      </c>
      <c r="S55" s="10" t="s">
        <v>55</v>
      </c>
      <c r="T55" s="6">
        <v>616</v>
      </c>
      <c r="U55" s="6">
        <v>88994</v>
      </c>
    </row>
    <row r="56" spans="1:21">
      <c r="A56" s="9" t="s">
        <v>27</v>
      </c>
      <c r="B56" s="9" t="s">
        <v>57</v>
      </c>
      <c r="C56" s="9" t="s">
        <v>79</v>
      </c>
      <c r="D56" s="9" t="s">
        <v>77</v>
      </c>
      <c r="E56" s="9" t="s">
        <v>57</v>
      </c>
      <c r="F56" s="9" t="s">
        <v>79</v>
      </c>
      <c r="G56" s="9" t="s">
        <v>80</v>
      </c>
      <c r="H56" s="9" t="s">
        <v>6</v>
      </c>
      <c r="I56" s="9" t="s">
        <v>165</v>
      </c>
      <c r="J56" s="6">
        <v>15986</v>
      </c>
      <c r="K56" s="6">
        <v>15765</v>
      </c>
      <c r="L56" s="6">
        <v>13763</v>
      </c>
      <c r="M56" s="10" t="s">
        <v>55</v>
      </c>
      <c r="N56" s="6">
        <v>2002</v>
      </c>
      <c r="O56" s="6">
        <v>29</v>
      </c>
      <c r="P56" s="6">
        <v>4</v>
      </c>
      <c r="Q56" s="6">
        <v>121</v>
      </c>
      <c r="R56" s="6">
        <v>2</v>
      </c>
      <c r="S56" s="10" t="s">
        <v>55</v>
      </c>
      <c r="T56" s="6">
        <v>65</v>
      </c>
      <c r="U56" s="6">
        <v>15794</v>
      </c>
    </row>
    <row r="57" spans="1:21">
      <c r="A57" s="9" t="s">
        <v>27</v>
      </c>
      <c r="B57" s="9" t="s">
        <v>57</v>
      </c>
      <c r="C57" s="9" t="s">
        <v>79</v>
      </c>
      <c r="D57" s="9" t="s">
        <v>77</v>
      </c>
      <c r="E57" s="9" t="s">
        <v>57</v>
      </c>
      <c r="F57" s="9" t="s">
        <v>79</v>
      </c>
      <c r="G57" s="9" t="s">
        <v>80</v>
      </c>
      <c r="H57" s="9" t="s">
        <v>6</v>
      </c>
      <c r="I57" s="9" t="s">
        <v>166</v>
      </c>
      <c r="J57" s="6">
        <v>68682</v>
      </c>
      <c r="K57" s="6">
        <v>13470</v>
      </c>
      <c r="L57" s="6">
        <v>7043</v>
      </c>
      <c r="M57" s="6">
        <v>210</v>
      </c>
      <c r="N57" s="6">
        <v>6217</v>
      </c>
      <c r="O57" s="6">
        <v>1304</v>
      </c>
      <c r="P57" s="6">
        <v>4982</v>
      </c>
      <c r="Q57" s="6">
        <v>23766</v>
      </c>
      <c r="R57" s="6">
        <v>25021</v>
      </c>
      <c r="S57" s="10" t="s">
        <v>55</v>
      </c>
      <c r="T57" s="6">
        <v>139</v>
      </c>
      <c r="U57" s="6">
        <v>14774</v>
      </c>
    </row>
    <row r="58" spans="1:21">
      <c r="A58" s="9" t="s">
        <v>27</v>
      </c>
      <c r="B58" s="9" t="s">
        <v>57</v>
      </c>
      <c r="C58" s="9" t="s">
        <v>79</v>
      </c>
      <c r="D58" s="9" t="s">
        <v>77</v>
      </c>
      <c r="E58" s="9" t="s">
        <v>57</v>
      </c>
      <c r="F58" s="9" t="s">
        <v>79</v>
      </c>
      <c r="G58" s="9" t="s">
        <v>80</v>
      </c>
      <c r="H58" s="9" t="s">
        <v>6</v>
      </c>
      <c r="I58" s="9" t="s">
        <v>167</v>
      </c>
      <c r="J58" s="6">
        <v>100501</v>
      </c>
      <c r="K58" s="6">
        <v>86490</v>
      </c>
      <c r="L58" s="6">
        <v>60324</v>
      </c>
      <c r="M58" s="6">
        <v>5360</v>
      </c>
      <c r="N58" s="6">
        <v>20806</v>
      </c>
      <c r="O58" s="6">
        <v>2880</v>
      </c>
      <c r="P58" s="6">
        <v>1759</v>
      </c>
      <c r="Q58" s="6">
        <v>6180</v>
      </c>
      <c r="R58" s="6">
        <v>1930</v>
      </c>
      <c r="S58" s="6">
        <v>683</v>
      </c>
      <c r="T58" s="6">
        <v>579</v>
      </c>
      <c r="U58" s="6">
        <v>89370</v>
      </c>
    </row>
    <row r="59" spans="1:21">
      <c r="A59" s="9" t="s">
        <v>27</v>
      </c>
      <c r="B59" s="9" t="s">
        <v>57</v>
      </c>
      <c r="C59" s="9" t="s">
        <v>79</v>
      </c>
      <c r="D59" s="9" t="s">
        <v>77</v>
      </c>
      <c r="E59" s="9" t="s">
        <v>57</v>
      </c>
      <c r="F59" s="9" t="s">
        <v>79</v>
      </c>
      <c r="G59" s="9" t="s">
        <v>80</v>
      </c>
      <c r="H59" s="9" t="s">
        <v>6</v>
      </c>
      <c r="I59" s="9" t="s">
        <v>168</v>
      </c>
      <c r="J59" s="6">
        <v>27302</v>
      </c>
      <c r="K59" s="6">
        <v>25014</v>
      </c>
      <c r="L59" s="6">
        <v>20515</v>
      </c>
      <c r="M59" s="6">
        <v>481</v>
      </c>
      <c r="N59" s="6">
        <v>4018</v>
      </c>
      <c r="O59" s="6">
        <v>638</v>
      </c>
      <c r="P59" s="6">
        <v>273</v>
      </c>
      <c r="Q59" s="6">
        <v>991</v>
      </c>
      <c r="R59" s="6">
        <v>126</v>
      </c>
      <c r="S59" s="10" t="s">
        <v>55</v>
      </c>
      <c r="T59" s="6">
        <v>260</v>
      </c>
      <c r="U59" s="6">
        <v>25652</v>
      </c>
    </row>
    <row r="60" spans="1:21">
      <c r="A60" s="9" t="s">
        <v>27</v>
      </c>
      <c r="B60" s="9" t="s">
        <v>57</v>
      </c>
      <c r="C60" s="9" t="s">
        <v>79</v>
      </c>
      <c r="D60" s="9" t="s">
        <v>77</v>
      </c>
      <c r="E60" s="9" t="s">
        <v>57</v>
      </c>
      <c r="F60" s="9" t="s">
        <v>79</v>
      </c>
      <c r="G60" s="9" t="s">
        <v>80</v>
      </c>
      <c r="H60" s="9" t="s">
        <v>6</v>
      </c>
      <c r="I60" s="9" t="s">
        <v>169</v>
      </c>
      <c r="J60" s="6">
        <v>41529</v>
      </c>
      <c r="K60" s="6">
        <v>26200</v>
      </c>
      <c r="L60" s="6">
        <v>23263</v>
      </c>
      <c r="M60" s="6">
        <v>20</v>
      </c>
      <c r="N60" s="6">
        <v>2917</v>
      </c>
      <c r="O60" s="6">
        <v>3622</v>
      </c>
      <c r="P60" s="6">
        <v>2258</v>
      </c>
      <c r="Q60" s="6">
        <v>7901</v>
      </c>
      <c r="R60" s="6">
        <v>1245</v>
      </c>
      <c r="S60" s="10" t="s">
        <v>55</v>
      </c>
      <c r="T60" s="6">
        <v>303</v>
      </c>
      <c r="U60" s="6">
        <v>29822</v>
      </c>
    </row>
    <row r="61" spans="1:21">
      <c r="A61" s="9" t="s">
        <v>27</v>
      </c>
      <c r="B61" s="9" t="s">
        <v>57</v>
      </c>
      <c r="C61" s="9" t="s">
        <v>79</v>
      </c>
      <c r="D61" s="9" t="s">
        <v>77</v>
      </c>
      <c r="E61" s="9" t="s">
        <v>57</v>
      </c>
      <c r="F61" s="9" t="s">
        <v>79</v>
      </c>
      <c r="G61" s="9" t="s">
        <v>80</v>
      </c>
      <c r="H61" s="9" t="s">
        <v>6</v>
      </c>
      <c r="I61" s="9" t="s">
        <v>170</v>
      </c>
      <c r="J61" s="6">
        <v>53177</v>
      </c>
      <c r="K61" s="6">
        <v>46795</v>
      </c>
      <c r="L61" s="6">
        <v>17473</v>
      </c>
      <c r="M61" s="6">
        <v>2249</v>
      </c>
      <c r="N61" s="6">
        <v>27073</v>
      </c>
      <c r="O61" s="6">
        <v>867</v>
      </c>
      <c r="P61" s="6">
        <v>315</v>
      </c>
      <c r="Q61" s="6">
        <v>4074</v>
      </c>
      <c r="R61" s="6">
        <v>697</v>
      </c>
      <c r="S61" s="6">
        <v>43</v>
      </c>
      <c r="T61" s="6">
        <v>386</v>
      </c>
      <c r="U61" s="6">
        <v>47662</v>
      </c>
    </row>
    <row r="62" spans="1:21">
      <c r="A62" s="9" t="s">
        <v>27</v>
      </c>
      <c r="B62" s="9" t="s">
        <v>57</v>
      </c>
      <c r="C62" s="9" t="s">
        <v>79</v>
      </c>
      <c r="D62" s="9" t="s">
        <v>77</v>
      </c>
      <c r="E62" s="9" t="s">
        <v>57</v>
      </c>
      <c r="F62" s="9" t="s">
        <v>79</v>
      </c>
      <c r="G62" s="9" t="s">
        <v>80</v>
      </c>
      <c r="H62" s="9" t="s">
        <v>6</v>
      </c>
      <c r="I62" s="9" t="s">
        <v>171</v>
      </c>
      <c r="J62" s="6">
        <v>15886</v>
      </c>
      <c r="K62" s="6">
        <v>5556</v>
      </c>
      <c r="L62" s="6">
        <v>2284</v>
      </c>
      <c r="M62" s="6">
        <v>410</v>
      </c>
      <c r="N62" s="6">
        <v>2862</v>
      </c>
      <c r="O62" s="6">
        <v>229</v>
      </c>
      <c r="P62" s="6">
        <v>286</v>
      </c>
      <c r="Q62" s="6">
        <v>2196</v>
      </c>
      <c r="R62" s="6">
        <v>779</v>
      </c>
      <c r="S62" s="10" t="s">
        <v>55</v>
      </c>
      <c r="T62" s="6">
        <v>6840</v>
      </c>
      <c r="U62" s="6">
        <v>5785</v>
      </c>
    </row>
    <row r="63" spans="1:21">
      <c r="A63" s="9" t="s">
        <v>27</v>
      </c>
      <c r="B63" s="9" t="s">
        <v>57</v>
      </c>
      <c r="C63" s="9" t="s">
        <v>79</v>
      </c>
      <c r="D63" s="9" t="s">
        <v>77</v>
      </c>
      <c r="E63" s="9" t="s">
        <v>57</v>
      </c>
      <c r="F63" s="9" t="s">
        <v>79</v>
      </c>
      <c r="G63" s="9" t="s">
        <v>80</v>
      </c>
      <c r="H63" s="9" t="s">
        <v>53</v>
      </c>
      <c r="I63" s="9" t="s">
        <v>6</v>
      </c>
      <c r="J63" s="6">
        <v>429368</v>
      </c>
      <c r="K63" s="6">
        <v>314234</v>
      </c>
      <c r="L63" s="6">
        <v>257340</v>
      </c>
      <c r="M63" s="6">
        <v>7312</v>
      </c>
      <c r="N63" s="6">
        <v>49582</v>
      </c>
      <c r="O63" s="6">
        <v>30324</v>
      </c>
      <c r="P63" s="6">
        <v>16777</v>
      </c>
      <c r="Q63" s="6">
        <v>52334</v>
      </c>
      <c r="R63" s="6">
        <v>9655</v>
      </c>
      <c r="S63" s="6">
        <v>64</v>
      </c>
      <c r="T63" s="6">
        <v>5980</v>
      </c>
      <c r="U63" s="6">
        <v>344558</v>
      </c>
    </row>
    <row r="64" spans="1:21">
      <c r="A64" s="9" t="s">
        <v>27</v>
      </c>
      <c r="B64" s="9" t="s">
        <v>57</v>
      </c>
      <c r="C64" s="9" t="s">
        <v>79</v>
      </c>
      <c r="D64" s="9" t="s">
        <v>77</v>
      </c>
      <c r="E64" s="9" t="s">
        <v>57</v>
      </c>
      <c r="F64" s="9" t="s">
        <v>79</v>
      </c>
      <c r="G64" s="9" t="s">
        <v>80</v>
      </c>
      <c r="H64" s="9" t="s">
        <v>53</v>
      </c>
      <c r="I64" s="9" t="s">
        <v>160</v>
      </c>
      <c r="J64" s="6">
        <v>13342</v>
      </c>
      <c r="K64" s="6">
        <v>2790</v>
      </c>
      <c r="L64" s="6">
        <v>2725</v>
      </c>
      <c r="M64" s="10" t="s">
        <v>55</v>
      </c>
      <c r="N64" s="6">
        <v>65</v>
      </c>
      <c r="O64" s="6">
        <v>9746</v>
      </c>
      <c r="P64" s="6">
        <v>783</v>
      </c>
      <c r="Q64" s="10" t="s">
        <v>55</v>
      </c>
      <c r="R64" s="10" t="s">
        <v>55</v>
      </c>
      <c r="S64" s="10" t="s">
        <v>55</v>
      </c>
      <c r="T64" s="6">
        <v>23</v>
      </c>
      <c r="U64" s="6">
        <v>12536</v>
      </c>
    </row>
    <row r="65" spans="1:21">
      <c r="A65" s="9" t="s">
        <v>27</v>
      </c>
      <c r="B65" s="9" t="s">
        <v>57</v>
      </c>
      <c r="C65" s="9" t="s">
        <v>79</v>
      </c>
      <c r="D65" s="9" t="s">
        <v>77</v>
      </c>
      <c r="E65" s="9" t="s">
        <v>57</v>
      </c>
      <c r="F65" s="9" t="s">
        <v>79</v>
      </c>
      <c r="G65" s="9" t="s">
        <v>80</v>
      </c>
      <c r="H65" s="9" t="s">
        <v>53</v>
      </c>
      <c r="I65" s="9" t="s">
        <v>161</v>
      </c>
      <c r="J65" s="6">
        <v>60271</v>
      </c>
      <c r="K65" s="6">
        <v>47643</v>
      </c>
      <c r="L65" s="6">
        <v>42990</v>
      </c>
      <c r="M65" s="6">
        <v>734</v>
      </c>
      <c r="N65" s="6">
        <v>3919</v>
      </c>
      <c r="O65" s="6">
        <v>4330</v>
      </c>
      <c r="P65" s="6">
        <v>2853</v>
      </c>
      <c r="Q65" s="6">
        <v>4969</v>
      </c>
      <c r="R65" s="6">
        <v>237</v>
      </c>
      <c r="S65" s="10" t="s">
        <v>55</v>
      </c>
      <c r="T65" s="6">
        <v>239</v>
      </c>
      <c r="U65" s="6">
        <v>51973</v>
      </c>
    </row>
    <row r="66" spans="1:21">
      <c r="A66" s="9" t="s">
        <v>27</v>
      </c>
      <c r="B66" s="9" t="s">
        <v>57</v>
      </c>
      <c r="C66" s="9" t="s">
        <v>79</v>
      </c>
      <c r="D66" s="9" t="s">
        <v>77</v>
      </c>
      <c r="E66" s="9" t="s">
        <v>57</v>
      </c>
      <c r="F66" s="9" t="s">
        <v>79</v>
      </c>
      <c r="G66" s="9" t="s">
        <v>80</v>
      </c>
      <c r="H66" s="9" t="s">
        <v>53</v>
      </c>
      <c r="I66" s="9" t="s">
        <v>162</v>
      </c>
      <c r="J66" s="6">
        <v>49669</v>
      </c>
      <c r="K66" s="6">
        <v>46853</v>
      </c>
      <c r="L66" s="6">
        <v>41392</v>
      </c>
      <c r="M66" s="6">
        <v>700</v>
      </c>
      <c r="N66" s="6">
        <v>4761</v>
      </c>
      <c r="O66" s="6">
        <v>1948</v>
      </c>
      <c r="P66" s="6">
        <v>130</v>
      </c>
      <c r="Q66" s="6">
        <v>322</v>
      </c>
      <c r="R66" s="6">
        <v>213</v>
      </c>
      <c r="S66" s="10" t="s">
        <v>55</v>
      </c>
      <c r="T66" s="6">
        <v>203</v>
      </c>
      <c r="U66" s="6">
        <v>48801</v>
      </c>
    </row>
    <row r="67" spans="1:21">
      <c r="A67" s="9" t="s">
        <v>27</v>
      </c>
      <c r="B67" s="9" t="s">
        <v>57</v>
      </c>
      <c r="C67" s="9" t="s">
        <v>79</v>
      </c>
      <c r="D67" s="9" t="s">
        <v>77</v>
      </c>
      <c r="E67" s="9" t="s">
        <v>57</v>
      </c>
      <c r="F67" s="9" t="s">
        <v>79</v>
      </c>
      <c r="G67" s="9" t="s">
        <v>80</v>
      </c>
      <c r="H67" s="9" t="s">
        <v>53</v>
      </c>
      <c r="I67" s="9" t="s">
        <v>163</v>
      </c>
      <c r="J67" s="6">
        <v>46511</v>
      </c>
      <c r="K67" s="6">
        <v>35721</v>
      </c>
      <c r="L67" s="6">
        <v>29402</v>
      </c>
      <c r="M67" s="6">
        <v>279</v>
      </c>
      <c r="N67" s="6">
        <v>6040</v>
      </c>
      <c r="O67" s="6">
        <v>4687</v>
      </c>
      <c r="P67" s="6">
        <v>1453</v>
      </c>
      <c r="Q67" s="6">
        <v>3908</v>
      </c>
      <c r="R67" s="6">
        <v>466</v>
      </c>
      <c r="S67" s="10" t="s">
        <v>55</v>
      </c>
      <c r="T67" s="6">
        <v>276</v>
      </c>
      <c r="U67" s="6">
        <v>40408</v>
      </c>
    </row>
    <row r="68" spans="1:21">
      <c r="A68" s="9" t="s">
        <v>27</v>
      </c>
      <c r="B68" s="9" t="s">
        <v>57</v>
      </c>
      <c r="C68" s="9" t="s">
        <v>79</v>
      </c>
      <c r="D68" s="9" t="s">
        <v>77</v>
      </c>
      <c r="E68" s="9" t="s">
        <v>57</v>
      </c>
      <c r="F68" s="9" t="s">
        <v>79</v>
      </c>
      <c r="G68" s="9" t="s">
        <v>80</v>
      </c>
      <c r="H68" s="9" t="s">
        <v>53</v>
      </c>
      <c r="I68" s="9" t="s">
        <v>164</v>
      </c>
      <c r="J68" s="6">
        <v>31628</v>
      </c>
      <c r="K68" s="6">
        <v>23949</v>
      </c>
      <c r="L68" s="6">
        <v>15998</v>
      </c>
      <c r="M68" s="6">
        <v>405</v>
      </c>
      <c r="N68" s="6">
        <v>7546</v>
      </c>
      <c r="O68" s="6">
        <v>1097</v>
      </c>
      <c r="P68" s="6">
        <v>2211</v>
      </c>
      <c r="Q68" s="6">
        <v>3474</v>
      </c>
      <c r="R68" s="6">
        <v>681</v>
      </c>
      <c r="S68" s="10" t="s">
        <v>55</v>
      </c>
      <c r="T68" s="6">
        <v>216</v>
      </c>
      <c r="U68" s="6">
        <v>25046</v>
      </c>
    </row>
    <row r="69" spans="1:21">
      <c r="A69" s="9" t="s">
        <v>27</v>
      </c>
      <c r="B69" s="9" t="s">
        <v>57</v>
      </c>
      <c r="C69" s="9" t="s">
        <v>79</v>
      </c>
      <c r="D69" s="9" t="s">
        <v>77</v>
      </c>
      <c r="E69" s="9" t="s">
        <v>57</v>
      </c>
      <c r="F69" s="9" t="s">
        <v>79</v>
      </c>
      <c r="G69" s="9" t="s">
        <v>80</v>
      </c>
      <c r="H69" s="9" t="s">
        <v>53</v>
      </c>
      <c r="I69" s="9" t="s">
        <v>165</v>
      </c>
      <c r="J69" s="6">
        <v>14662</v>
      </c>
      <c r="K69" s="6">
        <v>14449</v>
      </c>
      <c r="L69" s="6">
        <v>12595</v>
      </c>
      <c r="M69" s="10" t="s">
        <v>55</v>
      </c>
      <c r="N69" s="6">
        <v>1854</v>
      </c>
      <c r="O69" s="6">
        <v>29</v>
      </c>
      <c r="P69" s="6">
        <v>3</v>
      </c>
      <c r="Q69" s="6">
        <v>116</v>
      </c>
      <c r="R69" s="6">
        <v>1</v>
      </c>
      <c r="S69" s="10" t="s">
        <v>55</v>
      </c>
      <c r="T69" s="6">
        <v>64</v>
      </c>
      <c r="U69" s="6">
        <v>14478</v>
      </c>
    </row>
    <row r="70" spans="1:21">
      <c r="A70" s="9" t="s">
        <v>27</v>
      </c>
      <c r="B70" s="9" t="s">
        <v>57</v>
      </c>
      <c r="C70" s="9" t="s">
        <v>79</v>
      </c>
      <c r="D70" s="9" t="s">
        <v>77</v>
      </c>
      <c r="E70" s="9" t="s">
        <v>57</v>
      </c>
      <c r="F70" s="9" t="s">
        <v>79</v>
      </c>
      <c r="G70" s="9" t="s">
        <v>80</v>
      </c>
      <c r="H70" s="9" t="s">
        <v>53</v>
      </c>
      <c r="I70" s="9" t="s">
        <v>166</v>
      </c>
      <c r="J70" s="6">
        <v>41592</v>
      </c>
      <c r="K70" s="6">
        <v>7723</v>
      </c>
      <c r="L70" s="6">
        <v>5075</v>
      </c>
      <c r="M70" s="6">
        <v>108</v>
      </c>
      <c r="N70" s="6">
        <v>2540</v>
      </c>
      <c r="O70" s="6">
        <v>1039</v>
      </c>
      <c r="P70" s="6">
        <v>4758</v>
      </c>
      <c r="Q70" s="6">
        <v>21863</v>
      </c>
      <c r="R70" s="6">
        <v>6108</v>
      </c>
      <c r="S70" s="10" t="s">
        <v>55</v>
      </c>
      <c r="T70" s="6">
        <v>101</v>
      </c>
      <c r="U70" s="6">
        <v>8762</v>
      </c>
    </row>
    <row r="71" spans="1:21">
      <c r="A71" s="9" t="s">
        <v>27</v>
      </c>
      <c r="B71" s="9" t="s">
        <v>57</v>
      </c>
      <c r="C71" s="9" t="s">
        <v>79</v>
      </c>
      <c r="D71" s="9" t="s">
        <v>77</v>
      </c>
      <c r="E71" s="9" t="s">
        <v>57</v>
      </c>
      <c r="F71" s="9" t="s">
        <v>79</v>
      </c>
      <c r="G71" s="9" t="s">
        <v>80</v>
      </c>
      <c r="H71" s="9" t="s">
        <v>53</v>
      </c>
      <c r="I71" s="9" t="s">
        <v>167</v>
      </c>
      <c r="J71" s="6">
        <v>68271</v>
      </c>
      <c r="K71" s="6">
        <v>57943</v>
      </c>
      <c r="L71" s="6">
        <v>48713</v>
      </c>
      <c r="M71" s="6">
        <v>3176</v>
      </c>
      <c r="N71" s="6">
        <v>6054</v>
      </c>
      <c r="O71" s="6">
        <v>2542</v>
      </c>
      <c r="P71" s="6">
        <v>1594</v>
      </c>
      <c r="Q71" s="6">
        <v>4943</v>
      </c>
      <c r="R71" s="6">
        <v>775</v>
      </c>
      <c r="S71" s="6">
        <v>60</v>
      </c>
      <c r="T71" s="6">
        <v>414</v>
      </c>
      <c r="U71" s="6">
        <v>60485</v>
      </c>
    </row>
    <row r="72" spans="1:21">
      <c r="A72" s="9" t="s">
        <v>27</v>
      </c>
      <c r="B72" s="9" t="s">
        <v>57</v>
      </c>
      <c r="C72" s="9" t="s">
        <v>79</v>
      </c>
      <c r="D72" s="9" t="s">
        <v>77</v>
      </c>
      <c r="E72" s="9" t="s">
        <v>57</v>
      </c>
      <c r="F72" s="9" t="s">
        <v>79</v>
      </c>
      <c r="G72" s="9" t="s">
        <v>80</v>
      </c>
      <c r="H72" s="9" t="s">
        <v>53</v>
      </c>
      <c r="I72" s="9" t="s">
        <v>168</v>
      </c>
      <c r="J72" s="6">
        <v>26425</v>
      </c>
      <c r="K72" s="6">
        <v>24287</v>
      </c>
      <c r="L72" s="6">
        <v>20087</v>
      </c>
      <c r="M72" s="6">
        <v>462</v>
      </c>
      <c r="N72" s="6">
        <v>3738</v>
      </c>
      <c r="O72" s="6">
        <v>605</v>
      </c>
      <c r="P72" s="6">
        <v>257</v>
      </c>
      <c r="Q72" s="6">
        <v>965</v>
      </c>
      <c r="R72" s="6">
        <v>57</v>
      </c>
      <c r="S72" s="10" t="s">
        <v>55</v>
      </c>
      <c r="T72" s="6">
        <v>254</v>
      </c>
      <c r="U72" s="6">
        <v>24892</v>
      </c>
    </row>
    <row r="73" spans="1:21">
      <c r="A73" s="9" t="s">
        <v>27</v>
      </c>
      <c r="B73" s="9" t="s">
        <v>57</v>
      </c>
      <c r="C73" s="9" t="s">
        <v>79</v>
      </c>
      <c r="D73" s="9" t="s">
        <v>77</v>
      </c>
      <c r="E73" s="9" t="s">
        <v>57</v>
      </c>
      <c r="F73" s="9" t="s">
        <v>79</v>
      </c>
      <c r="G73" s="9" t="s">
        <v>80</v>
      </c>
      <c r="H73" s="9" t="s">
        <v>53</v>
      </c>
      <c r="I73" s="9" t="s">
        <v>169</v>
      </c>
      <c r="J73" s="6">
        <v>40169</v>
      </c>
      <c r="K73" s="6">
        <v>25485</v>
      </c>
      <c r="L73" s="6">
        <v>22746</v>
      </c>
      <c r="M73" s="6">
        <v>18</v>
      </c>
      <c r="N73" s="6">
        <v>2721</v>
      </c>
      <c r="O73" s="6">
        <v>3513</v>
      </c>
      <c r="P73" s="6">
        <v>2242</v>
      </c>
      <c r="Q73" s="6">
        <v>7847</v>
      </c>
      <c r="R73" s="6">
        <v>784</v>
      </c>
      <c r="S73" s="10" t="s">
        <v>55</v>
      </c>
      <c r="T73" s="6">
        <v>298</v>
      </c>
      <c r="U73" s="6">
        <v>28998</v>
      </c>
    </row>
    <row r="74" spans="1:21">
      <c r="A74" s="9" t="s">
        <v>27</v>
      </c>
      <c r="B74" s="9" t="s">
        <v>57</v>
      </c>
      <c r="C74" s="9" t="s">
        <v>79</v>
      </c>
      <c r="D74" s="9" t="s">
        <v>77</v>
      </c>
      <c r="E74" s="9" t="s">
        <v>57</v>
      </c>
      <c r="F74" s="9" t="s">
        <v>79</v>
      </c>
      <c r="G74" s="9" t="s">
        <v>80</v>
      </c>
      <c r="H74" s="9" t="s">
        <v>53</v>
      </c>
      <c r="I74" s="9" t="s">
        <v>170</v>
      </c>
      <c r="J74" s="6">
        <v>28410</v>
      </c>
      <c r="K74" s="6">
        <v>24607</v>
      </c>
      <c r="L74" s="6">
        <v>14174</v>
      </c>
      <c r="M74" s="6">
        <v>1206</v>
      </c>
      <c r="N74" s="6">
        <v>9227</v>
      </c>
      <c r="O74" s="6">
        <v>643</v>
      </c>
      <c r="P74" s="6">
        <v>266</v>
      </c>
      <c r="Q74" s="6">
        <v>2489</v>
      </c>
      <c r="R74" s="6">
        <v>166</v>
      </c>
      <c r="S74" s="6">
        <v>4</v>
      </c>
      <c r="T74" s="6">
        <v>235</v>
      </c>
      <c r="U74" s="6">
        <v>25250</v>
      </c>
    </row>
    <row r="75" spans="1:21">
      <c r="A75" s="9" t="s">
        <v>27</v>
      </c>
      <c r="B75" s="9" t="s">
        <v>57</v>
      </c>
      <c r="C75" s="9" t="s">
        <v>79</v>
      </c>
      <c r="D75" s="9" t="s">
        <v>77</v>
      </c>
      <c r="E75" s="9" t="s">
        <v>57</v>
      </c>
      <c r="F75" s="9" t="s">
        <v>79</v>
      </c>
      <c r="G75" s="9" t="s">
        <v>80</v>
      </c>
      <c r="H75" s="9" t="s">
        <v>53</v>
      </c>
      <c r="I75" s="9" t="s">
        <v>171</v>
      </c>
      <c r="J75" s="6">
        <v>8418</v>
      </c>
      <c r="K75" s="6">
        <v>2784</v>
      </c>
      <c r="L75" s="6">
        <v>1443</v>
      </c>
      <c r="M75" s="6">
        <v>224</v>
      </c>
      <c r="N75" s="6">
        <v>1117</v>
      </c>
      <c r="O75" s="6">
        <v>145</v>
      </c>
      <c r="P75" s="6">
        <v>227</v>
      </c>
      <c r="Q75" s="6">
        <v>1438</v>
      </c>
      <c r="R75" s="6">
        <v>167</v>
      </c>
      <c r="S75" s="10" t="s">
        <v>55</v>
      </c>
      <c r="T75" s="6">
        <v>3657</v>
      </c>
      <c r="U75" s="6">
        <v>2929</v>
      </c>
    </row>
    <row r="76" spans="1:21">
      <c r="A76" s="9" t="s">
        <v>27</v>
      </c>
      <c r="B76" s="9" t="s">
        <v>57</v>
      </c>
      <c r="C76" s="9" t="s">
        <v>79</v>
      </c>
      <c r="D76" s="9" t="s">
        <v>77</v>
      </c>
      <c r="E76" s="9" t="s">
        <v>57</v>
      </c>
      <c r="F76" s="9" t="s">
        <v>79</v>
      </c>
      <c r="G76" s="9" t="s">
        <v>80</v>
      </c>
      <c r="H76" s="9" t="s">
        <v>54</v>
      </c>
      <c r="I76" s="9" t="s">
        <v>6</v>
      </c>
      <c r="J76" s="6">
        <v>389891</v>
      </c>
      <c r="K76" s="6">
        <v>321532</v>
      </c>
      <c r="L76" s="6">
        <v>167079</v>
      </c>
      <c r="M76" s="6">
        <v>9576</v>
      </c>
      <c r="N76" s="6">
        <v>144877</v>
      </c>
      <c r="O76" s="6">
        <v>12194</v>
      </c>
      <c r="P76" s="6">
        <v>3307</v>
      </c>
      <c r="Q76" s="6">
        <v>14919</v>
      </c>
      <c r="R76" s="6">
        <v>32333</v>
      </c>
      <c r="S76" s="6">
        <v>672</v>
      </c>
      <c r="T76" s="6">
        <v>4934</v>
      </c>
      <c r="U76" s="6">
        <v>333726</v>
      </c>
    </row>
    <row r="77" spans="1:21">
      <c r="A77" s="9" t="s">
        <v>27</v>
      </c>
      <c r="B77" s="9" t="s">
        <v>57</v>
      </c>
      <c r="C77" s="9" t="s">
        <v>79</v>
      </c>
      <c r="D77" s="9" t="s">
        <v>77</v>
      </c>
      <c r="E77" s="9" t="s">
        <v>57</v>
      </c>
      <c r="F77" s="9" t="s">
        <v>79</v>
      </c>
      <c r="G77" s="9" t="s">
        <v>80</v>
      </c>
      <c r="H77" s="9" t="s">
        <v>54</v>
      </c>
      <c r="I77" s="9" t="s">
        <v>160</v>
      </c>
      <c r="J77" s="6">
        <v>2846</v>
      </c>
      <c r="K77" s="6">
        <v>312</v>
      </c>
      <c r="L77" s="6">
        <v>293</v>
      </c>
      <c r="M77" s="10" t="s">
        <v>55</v>
      </c>
      <c r="N77" s="6">
        <v>19</v>
      </c>
      <c r="O77" s="6">
        <v>2281</v>
      </c>
      <c r="P77" s="6">
        <v>234</v>
      </c>
      <c r="Q77" s="10" t="s">
        <v>55</v>
      </c>
      <c r="R77" s="6">
        <v>11</v>
      </c>
      <c r="S77" s="10" t="s">
        <v>55</v>
      </c>
      <c r="T77" s="6">
        <v>8</v>
      </c>
      <c r="U77" s="6">
        <v>2593</v>
      </c>
    </row>
    <row r="78" spans="1:21">
      <c r="A78" s="9" t="s">
        <v>27</v>
      </c>
      <c r="B78" s="9" t="s">
        <v>57</v>
      </c>
      <c r="C78" s="9" t="s">
        <v>79</v>
      </c>
      <c r="D78" s="9" t="s">
        <v>77</v>
      </c>
      <c r="E78" s="9" t="s">
        <v>57</v>
      </c>
      <c r="F78" s="9" t="s">
        <v>79</v>
      </c>
      <c r="G78" s="9" t="s">
        <v>80</v>
      </c>
      <c r="H78" s="9" t="s">
        <v>54</v>
      </c>
      <c r="I78" s="9" t="s">
        <v>161</v>
      </c>
      <c r="J78" s="6">
        <v>82688</v>
      </c>
      <c r="K78" s="6">
        <v>76715</v>
      </c>
      <c r="L78" s="6">
        <v>57001</v>
      </c>
      <c r="M78" s="6">
        <v>643</v>
      </c>
      <c r="N78" s="6">
        <v>19071</v>
      </c>
      <c r="O78" s="6">
        <v>1240</v>
      </c>
      <c r="P78" s="6">
        <v>607</v>
      </c>
      <c r="Q78" s="6">
        <v>3089</v>
      </c>
      <c r="R78" s="6">
        <v>651</v>
      </c>
      <c r="S78" s="10" t="s">
        <v>55</v>
      </c>
      <c r="T78" s="6">
        <v>386</v>
      </c>
      <c r="U78" s="6">
        <v>77955</v>
      </c>
    </row>
    <row r="79" spans="1:21">
      <c r="A79" s="9" t="s">
        <v>27</v>
      </c>
      <c r="B79" s="9" t="s">
        <v>57</v>
      </c>
      <c r="C79" s="9" t="s">
        <v>79</v>
      </c>
      <c r="D79" s="9" t="s">
        <v>77</v>
      </c>
      <c r="E79" s="9" t="s">
        <v>57</v>
      </c>
      <c r="F79" s="9" t="s">
        <v>79</v>
      </c>
      <c r="G79" s="9" t="s">
        <v>80</v>
      </c>
      <c r="H79" s="9" t="s">
        <v>54</v>
      </c>
      <c r="I79" s="9" t="s">
        <v>162</v>
      </c>
      <c r="J79" s="6">
        <v>92807</v>
      </c>
      <c r="K79" s="6">
        <v>81887</v>
      </c>
      <c r="L79" s="6">
        <v>50026</v>
      </c>
      <c r="M79" s="6">
        <v>3570</v>
      </c>
      <c r="N79" s="6">
        <v>28291</v>
      </c>
      <c r="O79" s="6">
        <v>5373</v>
      </c>
      <c r="P79" s="6">
        <v>133</v>
      </c>
      <c r="Q79" s="6">
        <v>233</v>
      </c>
      <c r="R79" s="6">
        <v>4796</v>
      </c>
      <c r="S79" s="6">
        <v>10</v>
      </c>
      <c r="T79" s="6">
        <v>375</v>
      </c>
      <c r="U79" s="6">
        <v>87260</v>
      </c>
    </row>
    <row r="80" spans="1:21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54</v>
      </c>
      <c r="I80" s="9" t="s">
        <v>163</v>
      </c>
      <c r="J80" s="6">
        <v>43479</v>
      </c>
      <c r="K80" s="6">
        <v>37547</v>
      </c>
      <c r="L80" s="6">
        <v>13691</v>
      </c>
      <c r="M80" s="6">
        <v>650</v>
      </c>
      <c r="N80" s="6">
        <v>23206</v>
      </c>
      <c r="O80" s="6">
        <v>1358</v>
      </c>
      <c r="P80" s="6">
        <v>449</v>
      </c>
      <c r="Q80" s="6">
        <v>2097</v>
      </c>
      <c r="R80" s="6">
        <v>1812</v>
      </c>
      <c r="S80" s="10" t="s">
        <v>55</v>
      </c>
      <c r="T80" s="6">
        <v>216</v>
      </c>
      <c r="U80" s="6">
        <v>38905</v>
      </c>
    </row>
    <row r="81" spans="1:21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54</v>
      </c>
      <c r="I81" s="9" t="s">
        <v>164</v>
      </c>
      <c r="J81" s="6">
        <v>72955</v>
      </c>
      <c r="K81" s="6">
        <v>63059</v>
      </c>
      <c r="L81" s="6">
        <v>26236</v>
      </c>
      <c r="M81" s="6">
        <v>1177</v>
      </c>
      <c r="N81" s="6">
        <v>35646</v>
      </c>
      <c r="O81" s="6">
        <v>889</v>
      </c>
      <c r="P81" s="6">
        <v>1354</v>
      </c>
      <c r="Q81" s="6">
        <v>3932</v>
      </c>
      <c r="R81" s="6">
        <v>3321</v>
      </c>
      <c r="S81" s="10" t="s">
        <v>55</v>
      </c>
      <c r="T81" s="6">
        <v>400</v>
      </c>
      <c r="U81" s="6">
        <v>63948</v>
      </c>
    </row>
    <row r="82" spans="1:21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54</v>
      </c>
      <c r="I82" s="9" t="s">
        <v>165</v>
      </c>
      <c r="J82" s="6">
        <v>1324</v>
      </c>
      <c r="K82" s="6">
        <v>1316</v>
      </c>
      <c r="L82" s="6">
        <v>1168</v>
      </c>
      <c r="M82" s="10" t="s">
        <v>55</v>
      </c>
      <c r="N82" s="6">
        <v>148</v>
      </c>
      <c r="O82" s="10" t="s">
        <v>55</v>
      </c>
      <c r="P82" s="6">
        <v>1</v>
      </c>
      <c r="Q82" s="6">
        <v>5</v>
      </c>
      <c r="R82" s="6">
        <v>1</v>
      </c>
      <c r="S82" s="10" t="s">
        <v>55</v>
      </c>
      <c r="T82" s="6">
        <v>1</v>
      </c>
      <c r="U82" s="6">
        <v>1316</v>
      </c>
    </row>
    <row r="83" spans="1:21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54</v>
      </c>
      <c r="I83" s="9" t="s">
        <v>166</v>
      </c>
      <c r="J83" s="6">
        <v>27090</v>
      </c>
      <c r="K83" s="6">
        <v>5747</v>
      </c>
      <c r="L83" s="6">
        <v>1968</v>
      </c>
      <c r="M83" s="6">
        <v>102</v>
      </c>
      <c r="N83" s="6">
        <v>3677</v>
      </c>
      <c r="O83" s="6">
        <v>265</v>
      </c>
      <c r="P83" s="6">
        <v>224</v>
      </c>
      <c r="Q83" s="6">
        <v>1903</v>
      </c>
      <c r="R83" s="6">
        <v>18913</v>
      </c>
      <c r="S83" s="10" t="s">
        <v>55</v>
      </c>
      <c r="T83" s="6">
        <v>38</v>
      </c>
      <c r="U83" s="6">
        <v>6012</v>
      </c>
    </row>
    <row r="84" spans="1:21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54</v>
      </c>
      <c r="I84" s="9" t="s">
        <v>167</v>
      </c>
      <c r="J84" s="6">
        <v>32230</v>
      </c>
      <c r="K84" s="6">
        <v>28547</v>
      </c>
      <c r="L84" s="6">
        <v>11611</v>
      </c>
      <c r="M84" s="6">
        <v>2184</v>
      </c>
      <c r="N84" s="6">
        <v>14752</v>
      </c>
      <c r="O84" s="6">
        <v>338</v>
      </c>
      <c r="P84" s="6">
        <v>165</v>
      </c>
      <c r="Q84" s="6">
        <v>1237</v>
      </c>
      <c r="R84" s="6">
        <v>1155</v>
      </c>
      <c r="S84" s="6">
        <v>623</v>
      </c>
      <c r="T84" s="6">
        <v>165</v>
      </c>
      <c r="U84" s="6">
        <v>28885</v>
      </c>
    </row>
    <row r="85" spans="1:21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54</v>
      </c>
      <c r="I85" s="9" t="s">
        <v>168</v>
      </c>
      <c r="J85" s="6">
        <v>877</v>
      </c>
      <c r="K85" s="6">
        <v>727</v>
      </c>
      <c r="L85" s="6">
        <v>428</v>
      </c>
      <c r="M85" s="6">
        <v>19</v>
      </c>
      <c r="N85" s="6">
        <v>280</v>
      </c>
      <c r="O85" s="6">
        <v>33</v>
      </c>
      <c r="P85" s="6">
        <v>16</v>
      </c>
      <c r="Q85" s="6">
        <v>26</v>
      </c>
      <c r="R85" s="6">
        <v>69</v>
      </c>
      <c r="S85" s="10" t="s">
        <v>55</v>
      </c>
      <c r="T85" s="6">
        <v>6</v>
      </c>
      <c r="U85" s="6">
        <v>760</v>
      </c>
    </row>
    <row r="86" spans="1:21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54</v>
      </c>
      <c r="I86" s="9" t="s">
        <v>169</v>
      </c>
      <c r="J86" s="6">
        <v>1360</v>
      </c>
      <c r="K86" s="6">
        <v>715</v>
      </c>
      <c r="L86" s="6">
        <v>517</v>
      </c>
      <c r="M86" s="6">
        <v>2</v>
      </c>
      <c r="N86" s="6">
        <v>196</v>
      </c>
      <c r="O86" s="6">
        <v>109</v>
      </c>
      <c r="P86" s="6">
        <v>16</v>
      </c>
      <c r="Q86" s="6">
        <v>54</v>
      </c>
      <c r="R86" s="6">
        <v>461</v>
      </c>
      <c r="S86" s="10" t="s">
        <v>55</v>
      </c>
      <c r="T86" s="6">
        <v>5</v>
      </c>
      <c r="U86" s="6">
        <v>824</v>
      </c>
    </row>
    <row r="87" spans="1:21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54</v>
      </c>
      <c r="I87" s="9" t="s">
        <v>170</v>
      </c>
      <c r="J87" s="6">
        <v>24767</v>
      </c>
      <c r="K87" s="6">
        <v>22188</v>
      </c>
      <c r="L87" s="6">
        <v>3299</v>
      </c>
      <c r="M87" s="6">
        <v>1043</v>
      </c>
      <c r="N87" s="6">
        <v>17846</v>
      </c>
      <c r="O87" s="6">
        <v>224</v>
      </c>
      <c r="P87" s="6">
        <v>49</v>
      </c>
      <c r="Q87" s="6">
        <v>1585</v>
      </c>
      <c r="R87" s="6">
        <v>531</v>
      </c>
      <c r="S87" s="6">
        <v>39</v>
      </c>
      <c r="T87" s="6">
        <v>151</v>
      </c>
      <c r="U87" s="6">
        <v>22412</v>
      </c>
    </row>
    <row r="88" spans="1:21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54</v>
      </c>
      <c r="I88" s="9" t="s">
        <v>171</v>
      </c>
      <c r="J88" s="6">
        <v>7468</v>
      </c>
      <c r="K88" s="6">
        <v>2772</v>
      </c>
      <c r="L88" s="6">
        <v>841</v>
      </c>
      <c r="M88" s="6">
        <v>186</v>
      </c>
      <c r="N88" s="6">
        <v>1745</v>
      </c>
      <c r="O88" s="6">
        <v>84</v>
      </c>
      <c r="P88" s="6">
        <v>59</v>
      </c>
      <c r="Q88" s="6">
        <v>758</v>
      </c>
      <c r="R88" s="6">
        <v>612</v>
      </c>
      <c r="S88" s="10" t="s">
        <v>55</v>
      </c>
      <c r="T88" s="6">
        <v>3183</v>
      </c>
      <c r="U88" s="6">
        <v>2856</v>
      </c>
    </row>
    <row r="89" spans="1:21">
      <c r="A89" s="9" t="s">
        <v>56</v>
      </c>
      <c r="B89" s="9" t="s">
        <v>57</v>
      </c>
      <c r="C89" s="9" t="s">
        <v>81</v>
      </c>
      <c r="D89" s="9"/>
      <c r="E89" s="9" t="s">
        <v>57</v>
      </c>
      <c r="F89" s="9" t="s">
        <v>81</v>
      </c>
      <c r="G89" s="9" t="s">
        <v>82</v>
      </c>
      <c r="H89" s="9" t="s">
        <v>6</v>
      </c>
      <c r="I89" s="9" t="s">
        <v>6</v>
      </c>
      <c r="J89" s="6">
        <v>56898</v>
      </c>
      <c r="K89" s="6">
        <v>43276</v>
      </c>
      <c r="L89" s="6">
        <v>29275</v>
      </c>
      <c r="M89" s="6">
        <v>920</v>
      </c>
      <c r="N89" s="6">
        <v>13081</v>
      </c>
      <c r="O89" s="6">
        <v>2735</v>
      </c>
      <c r="P89" s="6">
        <v>1692</v>
      </c>
      <c r="Q89" s="6">
        <v>4631</v>
      </c>
      <c r="R89" s="6">
        <v>4155</v>
      </c>
      <c r="S89" s="6">
        <v>29</v>
      </c>
      <c r="T89" s="6">
        <v>380</v>
      </c>
      <c r="U89" s="6">
        <v>46011</v>
      </c>
    </row>
    <row r="90" spans="1:21">
      <c r="A90" s="9" t="s">
        <v>56</v>
      </c>
      <c r="B90" s="9" t="s">
        <v>57</v>
      </c>
      <c r="C90" s="9" t="s">
        <v>81</v>
      </c>
      <c r="D90" s="9"/>
      <c r="E90" s="9" t="s">
        <v>57</v>
      </c>
      <c r="F90" s="9" t="s">
        <v>81</v>
      </c>
      <c r="G90" s="9" t="s">
        <v>82</v>
      </c>
      <c r="H90" s="9" t="s">
        <v>6</v>
      </c>
      <c r="I90" s="9" t="s">
        <v>160</v>
      </c>
      <c r="J90" s="6">
        <v>1131</v>
      </c>
      <c r="K90" s="6">
        <v>213</v>
      </c>
      <c r="L90" s="6">
        <v>209</v>
      </c>
      <c r="M90" s="10" t="s">
        <v>55</v>
      </c>
      <c r="N90" s="6">
        <v>4</v>
      </c>
      <c r="O90" s="6">
        <v>808</v>
      </c>
      <c r="P90" s="6">
        <v>108</v>
      </c>
      <c r="Q90" s="10" t="s">
        <v>55</v>
      </c>
      <c r="R90" s="6">
        <v>2</v>
      </c>
      <c r="S90" s="10" t="s">
        <v>55</v>
      </c>
      <c r="T90" s="10" t="s">
        <v>55</v>
      </c>
      <c r="U90" s="6">
        <v>1021</v>
      </c>
    </row>
    <row r="91" spans="1:21">
      <c r="A91" s="9" t="s">
        <v>56</v>
      </c>
      <c r="B91" s="9" t="s">
        <v>57</v>
      </c>
      <c r="C91" s="9" t="s">
        <v>81</v>
      </c>
      <c r="D91" s="9"/>
      <c r="E91" s="9" t="s">
        <v>57</v>
      </c>
      <c r="F91" s="9" t="s">
        <v>81</v>
      </c>
      <c r="G91" s="9" t="s">
        <v>82</v>
      </c>
      <c r="H91" s="9" t="s">
        <v>6</v>
      </c>
      <c r="I91" s="9" t="s">
        <v>161</v>
      </c>
      <c r="J91" s="6">
        <v>8588</v>
      </c>
      <c r="K91" s="6">
        <v>7494</v>
      </c>
      <c r="L91" s="6">
        <v>6140</v>
      </c>
      <c r="M91" s="6">
        <v>43</v>
      </c>
      <c r="N91" s="6">
        <v>1311</v>
      </c>
      <c r="O91" s="6">
        <v>336</v>
      </c>
      <c r="P91" s="6">
        <v>211</v>
      </c>
      <c r="Q91" s="6">
        <v>454</v>
      </c>
      <c r="R91" s="6">
        <v>72</v>
      </c>
      <c r="S91" s="10" t="s">
        <v>55</v>
      </c>
      <c r="T91" s="6">
        <v>21</v>
      </c>
      <c r="U91" s="6">
        <v>7830</v>
      </c>
    </row>
    <row r="92" spans="1:21">
      <c r="A92" s="9" t="s">
        <v>56</v>
      </c>
      <c r="B92" s="9" t="s">
        <v>57</v>
      </c>
      <c r="C92" s="9" t="s">
        <v>81</v>
      </c>
      <c r="D92" s="9"/>
      <c r="E92" s="9" t="s">
        <v>57</v>
      </c>
      <c r="F92" s="9" t="s">
        <v>81</v>
      </c>
      <c r="G92" s="9" t="s">
        <v>82</v>
      </c>
      <c r="H92" s="9" t="s">
        <v>6</v>
      </c>
      <c r="I92" s="9" t="s">
        <v>162</v>
      </c>
      <c r="J92" s="6">
        <v>9181</v>
      </c>
      <c r="K92" s="6">
        <v>8202</v>
      </c>
      <c r="L92" s="6">
        <v>6054</v>
      </c>
      <c r="M92" s="6">
        <v>186</v>
      </c>
      <c r="N92" s="6">
        <v>1962</v>
      </c>
      <c r="O92" s="6">
        <v>522</v>
      </c>
      <c r="P92" s="6">
        <v>12</v>
      </c>
      <c r="Q92" s="6">
        <v>27</v>
      </c>
      <c r="R92" s="6">
        <v>396</v>
      </c>
      <c r="S92" s="10" t="s">
        <v>55</v>
      </c>
      <c r="T92" s="6">
        <v>22</v>
      </c>
      <c r="U92" s="6">
        <v>8724</v>
      </c>
    </row>
    <row r="93" spans="1:21">
      <c r="A93" s="9" t="s">
        <v>56</v>
      </c>
      <c r="B93" s="9" t="s">
        <v>57</v>
      </c>
      <c r="C93" s="9" t="s">
        <v>81</v>
      </c>
      <c r="D93" s="9"/>
      <c r="E93" s="9" t="s">
        <v>57</v>
      </c>
      <c r="F93" s="9" t="s">
        <v>81</v>
      </c>
      <c r="G93" s="9" t="s">
        <v>82</v>
      </c>
      <c r="H93" s="9" t="s">
        <v>6</v>
      </c>
      <c r="I93" s="9" t="s">
        <v>163</v>
      </c>
      <c r="J93" s="6">
        <v>5304</v>
      </c>
      <c r="K93" s="6">
        <v>4232</v>
      </c>
      <c r="L93" s="6">
        <v>2226</v>
      </c>
      <c r="M93" s="6">
        <v>47</v>
      </c>
      <c r="N93" s="6">
        <v>1959</v>
      </c>
      <c r="O93" s="6">
        <v>329</v>
      </c>
      <c r="P93" s="6">
        <v>129</v>
      </c>
      <c r="Q93" s="6">
        <v>421</v>
      </c>
      <c r="R93" s="6">
        <v>175</v>
      </c>
      <c r="S93" s="10" t="s">
        <v>55</v>
      </c>
      <c r="T93" s="6">
        <v>18</v>
      </c>
      <c r="U93" s="6">
        <v>4561</v>
      </c>
    </row>
    <row r="94" spans="1:21">
      <c r="A94" s="9" t="s">
        <v>56</v>
      </c>
      <c r="B94" s="9" t="s">
        <v>57</v>
      </c>
      <c r="C94" s="9" t="s">
        <v>81</v>
      </c>
      <c r="D94" s="9"/>
      <c r="E94" s="9" t="s">
        <v>57</v>
      </c>
      <c r="F94" s="9" t="s">
        <v>81</v>
      </c>
      <c r="G94" s="9" t="s">
        <v>82</v>
      </c>
      <c r="H94" s="9" t="s">
        <v>6</v>
      </c>
      <c r="I94" s="9" t="s">
        <v>164</v>
      </c>
      <c r="J94" s="6">
        <v>6965</v>
      </c>
      <c r="K94" s="6">
        <v>5697</v>
      </c>
      <c r="L94" s="6">
        <v>3056</v>
      </c>
      <c r="M94" s="6">
        <v>87</v>
      </c>
      <c r="N94" s="6">
        <v>2554</v>
      </c>
      <c r="O94" s="6">
        <v>124</v>
      </c>
      <c r="P94" s="6">
        <v>248</v>
      </c>
      <c r="Q94" s="6">
        <v>556</v>
      </c>
      <c r="R94" s="6">
        <v>317</v>
      </c>
      <c r="S94" s="10" t="s">
        <v>55</v>
      </c>
      <c r="T94" s="6">
        <v>23</v>
      </c>
      <c r="U94" s="6">
        <v>5821</v>
      </c>
    </row>
    <row r="95" spans="1:21">
      <c r="A95" s="9" t="s">
        <v>56</v>
      </c>
      <c r="B95" s="9" t="s">
        <v>57</v>
      </c>
      <c r="C95" s="9" t="s">
        <v>81</v>
      </c>
      <c r="D95" s="9"/>
      <c r="E95" s="9" t="s">
        <v>57</v>
      </c>
      <c r="F95" s="9" t="s">
        <v>81</v>
      </c>
      <c r="G95" s="9" t="s">
        <v>82</v>
      </c>
      <c r="H95" s="9" t="s">
        <v>6</v>
      </c>
      <c r="I95" s="9" t="s">
        <v>165</v>
      </c>
      <c r="J95" s="6">
        <v>735</v>
      </c>
      <c r="K95" s="6">
        <v>722</v>
      </c>
      <c r="L95" s="6">
        <v>605</v>
      </c>
      <c r="M95" s="10" t="s">
        <v>55</v>
      </c>
      <c r="N95" s="6">
        <v>117</v>
      </c>
      <c r="O95" s="10" t="s">
        <v>55</v>
      </c>
      <c r="P95" s="10" t="s">
        <v>55</v>
      </c>
      <c r="Q95" s="6">
        <v>10</v>
      </c>
      <c r="R95" s="10" t="s">
        <v>55</v>
      </c>
      <c r="S95" s="10" t="s">
        <v>55</v>
      </c>
      <c r="T95" s="6">
        <v>3</v>
      </c>
      <c r="U95" s="6">
        <v>722</v>
      </c>
    </row>
    <row r="96" spans="1:21">
      <c r="A96" s="9" t="s">
        <v>56</v>
      </c>
      <c r="B96" s="9" t="s">
        <v>57</v>
      </c>
      <c r="C96" s="9" t="s">
        <v>81</v>
      </c>
      <c r="D96" s="9"/>
      <c r="E96" s="9" t="s">
        <v>57</v>
      </c>
      <c r="F96" s="9" t="s">
        <v>81</v>
      </c>
      <c r="G96" s="9" t="s">
        <v>82</v>
      </c>
      <c r="H96" s="9" t="s">
        <v>6</v>
      </c>
      <c r="I96" s="9" t="s">
        <v>166</v>
      </c>
      <c r="J96" s="6">
        <v>7384</v>
      </c>
      <c r="K96" s="6">
        <v>1969</v>
      </c>
      <c r="L96" s="6">
        <v>833</v>
      </c>
      <c r="M96" s="6">
        <v>46</v>
      </c>
      <c r="N96" s="6">
        <v>1090</v>
      </c>
      <c r="O96" s="6">
        <v>97</v>
      </c>
      <c r="P96" s="6">
        <v>666</v>
      </c>
      <c r="Q96" s="6">
        <v>1777</v>
      </c>
      <c r="R96" s="6">
        <v>2865</v>
      </c>
      <c r="S96" s="10" t="s">
        <v>55</v>
      </c>
      <c r="T96" s="6">
        <v>10</v>
      </c>
      <c r="U96" s="6">
        <v>2066</v>
      </c>
    </row>
    <row r="97" spans="1:21">
      <c r="A97" s="9" t="s">
        <v>56</v>
      </c>
      <c r="B97" s="9" t="s">
        <v>57</v>
      </c>
      <c r="C97" s="9" t="s">
        <v>81</v>
      </c>
      <c r="D97" s="9"/>
      <c r="E97" s="9" t="s">
        <v>57</v>
      </c>
      <c r="F97" s="9" t="s">
        <v>81</v>
      </c>
      <c r="G97" s="9" t="s">
        <v>82</v>
      </c>
      <c r="H97" s="9" t="s">
        <v>6</v>
      </c>
      <c r="I97" s="9" t="s">
        <v>167</v>
      </c>
      <c r="J97" s="6">
        <v>7651</v>
      </c>
      <c r="K97" s="6">
        <v>6620</v>
      </c>
      <c r="L97" s="6">
        <v>5002</v>
      </c>
      <c r="M97" s="6">
        <v>294</v>
      </c>
      <c r="N97" s="6">
        <v>1324</v>
      </c>
      <c r="O97" s="6">
        <v>185</v>
      </c>
      <c r="P97" s="6">
        <v>120</v>
      </c>
      <c r="Q97" s="6">
        <v>486</v>
      </c>
      <c r="R97" s="6">
        <v>175</v>
      </c>
      <c r="S97" s="6">
        <v>28</v>
      </c>
      <c r="T97" s="6">
        <v>37</v>
      </c>
      <c r="U97" s="6">
        <v>6805</v>
      </c>
    </row>
    <row r="98" spans="1:21">
      <c r="A98" s="9" t="s">
        <v>56</v>
      </c>
      <c r="B98" s="9" t="s">
        <v>57</v>
      </c>
      <c r="C98" s="9" t="s">
        <v>81</v>
      </c>
      <c r="D98" s="9"/>
      <c r="E98" s="9" t="s">
        <v>57</v>
      </c>
      <c r="F98" s="9" t="s">
        <v>81</v>
      </c>
      <c r="G98" s="9" t="s">
        <v>82</v>
      </c>
      <c r="H98" s="9" t="s">
        <v>6</v>
      </c>
      <c r="I98" s="9" t="s">
        <v>168</v>
      </c>
      <c r="J98" s="6">
        <v>2205</v>
      </c>
      <c r="K98" s="6">
        <v>2092</v>
      </c>
      <c r="L98" s="6">
        <v>1812</v>
      </c>
      <c r="M98" s="6">
        <v>25</v>
      </c>
      <c r="N98" s="6">
        <v>255</v>
      </c>
      <c r="O98" s="6">
        <v>46</v>
      </c>
      <c r="P98" s="6">
        <v>14</v>
      </c>
      <c r="Q98" s="6">
        <v>34</v>
      </c>
      <c r="R98" s="6">
        <v>7</v>
      </c>
      <c r="S98" s="10" t="s">
        <v>55</v>
      </c>
      <c r="T98" s="6">
        <v>12</v>
      </c>
      <c r="U98" s="6">
        <v>2138</v>
      </c>
    </row>
    <row r="99" spans="1:21">
      <c r="A99" s="9" t="s">
        <v>56</v>
      </c>
      <c r="B99" s="9" t="s">
        <v>57</v>
      </c>
      <c r="C99" s="9" t="s">
        <v>81</v>
      </c>
      <c r="D99" s="9"/>
      <c r="E99" s="9" t="s">
        <v>57</v>
      </c>
      <c r="F99" s="9" t="s">
        <v>81</v>
      </c>
      <c r="G99" s="9" t="s">
        <v>82</v>
      </c>
      <c r="H99" s="9" t="s">
        <v>6</v>
      </c>
      <c r="I99" s="9" t="s">
        <v>169</v>
      </c>
      <c r="J99" s="6">
        <v>2910</v>
      </c>
      <c r="K99" s="6">
        <v>1915</v>
      </c>
      <c r="L99" s="6">
        <v>1694</v>
      </c>
      <c r="M99" s="10" t="s">
        <v>55</v>
      </c>
      <c r="N99" s="6">
        <v>221</v>
      </c>
      <c r="O99" s="6">
        <v>221</v>
      </c>
      <c r="P99" s="6">
        <v>150</v>
      </c>
      <c r="Q99" s="6">
        <v>519</v>
      </c>
      <c r="R99" s="6">
        <v>93</v>
      </c>
      <c r="S99" s="10" t="s">
        <v>55</v>
      </c>
      <c r="T99" s="6">
        <v>12</v>
      </c>
      <c r="U99" s="6">
        <v>2136</v>
      </c>
    </row>
    <row r="100" spans="1:21">
      <c r="A100" s="9" t="s">
        <v>56</v>
      </c>
      <c r="B100" s="9" t="s">
        <v>57</v>
      </c>
      <c r="C100" s="9" t="s">
        <v>81</v>
      </c>
      <c r="D100" s="9"/>
      <c r="E100" s="9" t="s">
        <v>57</v>
      </c>
      <c r="F100" s="9" t="s">
        <v>81</v>
      </c>
      <c r="G100" s="9" t="s">
        <v>82</v>
      </c>
      <c r="H100" s="9" t="s">
        <v>6</v>
      </c>
      <c r="I100" s="9" t="s">
        <v>170</v>
      </c>
      <c r="J100" s="6">
        <v>4436</v>
      </c>
      <c r="K100" s="6">
        <v>3997</v>
      </c>
      <c r="L100" s="6">
        <v>1587</v>
      </c>
      <c r="M100" s="6">
        <v>176</v>
      </c>
      <c r="N100" s="6">
        <v>2234</v>
      </c>
      <c r="O100" s="6">
        <v>56</v>
      </c>
      <c r="P100" s="6">
        <v>24</v>
      </c>
      <c r="Q100" s="6">
        <v>297</v>
      </c>
      <c r="R100" s="6">
        <v>40</v>
      </c>
      <c r="S100" s="6">
        <v>1</v>
      </c>
      <c r="T100" s="6">
        <v>21</v>
      </c>
      <c r="U100" s="6">
        <v>4053</v>
      </c>
    </row>
    <row r="101" spans="1:21">
      <c r="A101" s="9" t="s">
        <v>56</v>
      </c>
      <c r="B101" s="9" t="s">
        <v>57</v>
      </c>
      <c r="C101" s="9" t="s">
        <v>81</v>
      </c>
      <c r="D101" s="9"/>
      <c r="E101" s="9" t="s">
        <v>57</v>
      </c>
      <c r="F101" s="9" t="s">
        <v>81</v>
      </c>
      <c r="G101" s="9" t="s">
        <v>82</v>
      </c>
      <c r="H101" s="9" t="s">
        <v>6</v>
      </c>
      <c r="I101" s="9" t="s">
        <v>171</v>
      </c>
      <c r="J101" s="6">
        <v>408</v>
      </c>
      <c r="K101" s="6">
        <v>123</v>
      </c>
      <c r="L101" s="6">
        <v>57</v>
      </c>
      <c r="M101" s="6">
        <v>16</v>
      </c>
      <c r="N101" s="6">
        <v>50</v>
      </c>
      <c r="O101" s="6">
        <v>11</v>
      </c>
      <c r="P101" s="6">
        <v>10</v>
      </c>
      <c r="Q101" s="6">
        <v>50</v>
      </c>
      <c r="R101" s="6">
        <v>13</v>
      </c>
      <c r="S101" s="10" t="s">
        <v>55</v>
      </c>
      <c r="T101" s="6">
        <v>201</v>
      </c>
      <c r="U101" s="6">
        <v>134</v>
      </c>
    </row>
    <row r="102" spans="1:21">
      <c r="A102" s="9" t="s">
        <v>56</v>
      </c>
      <c r="B102" s="9" t="s">
        <v>57</v>
      </c>
      <c r="C102" s="9" t="s">
        <v>81</v>
      </c>
      <c r="D102" s="9"/>
      <c r="E102" s="9" t="s">
        <v>57</v>
      </c>
      <c r="F102" s="9" t="s">
        <v>81</v>
      </c>
      <c r="G102" s="9" t="s">
        <v>82</v>
      </c>
      <c r="H102" s="9" t="s">
        <v>53</v>
      </c>
      <c r="I102" s="9" t="s">
        <v>6</v>
      </c>
      <c r="J102" s="6">
        <v>29154</v>
      </c>
      <c r="K102" s="6">
        <v>20904</v>
      </c>
      <c r="L102" s="6">
        <v>17477</v>
      </c>
      <c r="M102" s="6">
        <v>433</v>
      </c>
      <c r="N102" s="6">
        <v>2994</v>
      </c>
      <c r="O102" s="6">
        <v>1924</v>
      </c>
      <c r="P102" s="6">
        <v>1442</v>
      </c>
      <c r="Q102" s="6">
        <v>3621</v>
      </c>
      <c r="R102" s="6">
        <v>1044</v>
      </c>
      <c r="S102" s="6">
        <v>3</v>
      </c>
      <c r="T102" s="6">
        <v>216</v>
      </c>
      <c r="U102" s="6">
        <v>22828</v>
      </c>
    </row>
    <row r="103" spans="1:21">
      <c r="A103" s="9" t="s">
        <v>56</v>
      </c>
      <c r="B103" s="9" t="s">
        <v>57</v>
      </c>
      <c r="C103" s="9" t="s">
        <v>81</v>
      </c>
      <c r="D103" s="9"/>
      <c r="E103" s="9" t="s">
        <v>57</v>
      </c>
      <c r="F103" s="9" t="s">
        <v>81</v>
      </c>
      <c r="G103" s="9" t="s">
        <v>82</v>
      </c>
      <c r="H103" s="9" t="s">
        <v>53</v>
      </c>
      <c r="I103" s="9" t="s">
        <v>160</v>
      </c>
      <c r="J103" s="6">
        <v>917</v>
      </c>
      <c r="K103" s="6">
        <v>195</v>
      </c>
      <c r="L103" s="6">
        <v>192</v>
      </c>
      <c r="M103" s="10" t="s">
        <v>55</v>
      </c>
      <c r="N103" s="6">
        <v>3</v>
      </c>
      <c r="O103" s="6">
        <v>647</v>
      </c>
      <c r="P103" s="6">
        <v>75</v>
      </c>
      <c r="Q103" s="10" t="s">
        <v>55</v>
      </c>
      <c r="R103" s="10" t="s">
        <v>55</v>
      </c>
      <c r="S103" s="10" t="s">
        <v>55</v>
      </c>
      <c r="T103" s="10" t="s">
        <v>55</v>
      </c>
      <c r="U103" s="6">
        <v>842</v>
      </c>
    </row>
    <row r="104" spans="1:21">
      <c r="A104" s="9" t="s">
        <v>56</v>
      </c>
      <c r="B104" s="9" t="s">
        <v>57</v>
      </c>
      <c r="C104" s="9" t="s">
        <v>81</v>
      </c>
      <c r="D104" s="9"/>
      <c r="E104" s="9" t="s">
        <v>57</v>
      </c>
      <c r="F104" s="9" t="s">
        <v>81</v>
      </c>
      <c r="G104" s="9" t="s">
        <v>82</v>
      </c>
      <c r="H104" s="9" t="s">
        <v>53</v>
      </c>
      <c r="I104" s="9" t="s">
        <v>161</v>
      </c>
      <c r="J104" s="6">
        <v>3346</v>
      </c>
      <c r="K104" s="6">
        <v>2601</v>
      </c>
      <c r="L104" s="6">
        <v>2386</v>
      </c>
      <c r="M104" s="6">
        <v>23</v>
      </c>
      <c r="N104" s="6">
        <v>192</v>
      </c>
      <c r="O104" s="6">
        <v>267</v>
      </c>
      <c r="P104" s="6">
        <v>178</v>
      </c>
      <c r="Q104" s="6">
        <v>273</v>
      </c>
      <c r="R104" s="6">
        <v>24</v>
      </c>
      <c r="S104" s="10" t="s">
        <v>55</v>
      </c>
      <c r="T104" s="6">
        <v>3</v>
      </c>
      <c r="U104" s="6">
        <v>2868</v>
      </c>
    </row>
    <row r="105" spans="1:21">
      <c r="A105" s="9" t="s">
        <v>56</v>
      </c>
      <c r="B105" s="9" t="s">
        <v>57</v>
      </c>
      <c r="C105" s="9" t="s">
        <v>81</v>
      </c>
      <c r="D105" s="9"/>
      <c r="E105" s="9" t="s">
        <v>57</v>
      </c>
      <c r="F105" s="9" t="s">
        <v>81</v>
      </c>
      <c r="G105" s="9" t="s">
        <v>82</v>
      </c>
      <c r="H105" s="9" t="s">
        <v>53</v>
      </c>
      <c r="I105" s="9" t="s">
        <v>162</v>
      </c>
      <c r="J105" s="6">
        <v>3129</v>
      </c>
      <c r="K105" s="6">
        <v>2902</v>
      </c>
      <c r="L105" s="6">
        <v>2603</v>
      </c>
      <c r="M105" s="6">
        <v>39</v>
      </c>
      <c r="N105" s="6">
        <v>260</v>
      </c>
      <c r="O105" s="6">
        <v>165</v>
      </c>
      <c r="P105" s="6">
        <v>9</v>
      </c>
      <c r="Q105" s="6">
        <v>19</v>
      </c>
      <c r="R105" s="6">
        <v>23</v>
      </c>
      <c r="S105" s="10" t="s">
        <v>55</v>
      </c>
      <c r="T105" s="6">
        <v>11</v>
      </c>
      <c r="U105" s="6">
        <v>3067</v>
      </c>
    </row>
    <row r="106" spans="1:21">
      <c r="A106" s="9" t="s">
        <v>56</v>
      </c>
      <c r="B106" s="9" t="s">
        <v>57</v>
      </c>
      <c r="C106" s="9" t="s">
        <v>81</v>
      </c>
      <c r="D106" s="9"/>
      <c r="E106" s="9" t="s">
        <v>57</v>
      </c>
      <c r="F106" s="9" t="s">
        <v>81</v>
      </c>
      <c r="G106" s="9" t="s">
        <v>82</v>
      </c>
      <c r="H106" s="9" t="s">
        <v>53</v>
      </c>
      <c r="I106" s="9" t="s">
        <v>163</v>
      </c>
      <c r="J106" s="6">
        <v>2436</v>
      </c>
      <c r="K106" s="6">
        <v>1767</v>
      </c>
      <c r="L106" s="6">
        <v>1409</v>
      </c>
      <c r="M106" s="6">
        <v>11</v>
      </c>
      <c r="N106" s="6">
        <v>347</v>
      </c>
      <c r="O106" s="6">
        <v>254</v>
      </c>
      <c r="P106" s="6">
        <v>97</v>
      </c>
      <c r="Q106" s="6">
        <v>267</v>
      </c>
      <c r="R106" s="6">
        <v>40</v>
      </c>
      <c r="S106" s="10" t="s">
        <v>55</v>
      </c>
      <c r="T106" s="6">
        <v>11</v>
      </c>
      <c r="U106" s="6">
        <v>2021</v>
      </c>
    </row>
    <row r="107" spans="1:21">
      <c r="A107" s="9" t="s">
        <v>56</v>
      </c>
      <c r="B107" s="9" t="s">
        <v>57</v>
      </c>
      <c r="C107" s="9" t="s">
        <v>81</v>
      </c>
      <c r="D107" s="9"/>
      <c r="E107" s="9" t="s">
        <v>57</v>
      </c>
      <c r="F107" s="9" t="s">
        <v>81</v>
      </c>
      <c r="G107" s="9" t="s">
        <v>82</v>
      </c>
      <c r="H107" s="9" t="s">
        <v>53</v>
      </c>
      <c r="I107" s="9" t="s">
        <v>164</v>
      </c>
      <c r="J107" s="6">
        <v>1922</v>
      </c>
      <c r="K107" s="6">
        <v>1420</v>
      </c>
      <c r="L107" s="6">
        <v>1060</v>
      </c>
      <c r="M107" s="6">
        <v>21</v>
      </c>
      <c r="N107" s="6">
        <v>339</v>
      </c>
      <c r="O107" s="6">
        <v>60</v>
      </c>
      <c r="P107" s="6">
        <v>135</v>
      </c>
      <c r="Q107" s="6">
        <v>244</v>
      </c>
      <c r="R107" s="6">
        <v>56</v>
      </c>
      <c r="S107" s="10" t="s">
        <v>55</v>
      </c>
      <c r="T107" s="6">
        <v>7</v>
      </c>
      <c r="U107" s="6">
        <v>1480</v>
      </c>
    </row>
    <row r="108" spans="1:21">
      <c r="A108" s="9" t="s">
        <v>56</v>
      </c>
      <c r="B108" s="9" t="s">
        <v>57</v>
      </c>
      <c r="C108" s="9" t="s">
        <v>81</v>
      </c>
      <c r="D108" s="9"/>
      <c r="E108" s="9" t="s">
        <v>57</v>
      </c>
      <c r="F108" s="9" t="s">
        <v>81</v>
      </c>
      <c r="G108" s="9" t="s">
        <v>82</v>
      </c>
      <c r="H108" s="9" t="s">
        <v>53</v>
      </c>
      <c r="I108" s="9" t="s">
        <v>165</v>
      </c>
      <c r="J108" s="6">
        <v>696</v>
      </c>
      <c r="K108" s="6">
        <v>683</v>
      </c>
      <c r="L108" s="6">
        <v>570</v>
      </c>
      <c r="M108" s="10" t="s">
        <v>55</v>
      </c>
      <c r="N108" s="6">
        <v>113</v>
      </c>
      <c r="O108" s="10" t="s">
        <v>55</v>
      </c>
      <c r="P108" s="10" t="s">
        <v>55</v>
      </c>
      <c r="Q108" s="6">
        <v>10</v>
      </c>
      <c r="R108" s="10" t="s">
        <v>55</v>
      </c>
      <c r="S108" s="10" t="s">
        <v>55</v>
      </c>
      <c r="T108" s="6">
        <v>3</v>
      </c>
      <c r="U108" s="6">
        <v>683</v>
      </c>
    </row>
    <row r="109" spans="1:21">
      <c r="A109" s="9" t="s">
        <v>56</v>
      </c>
      <c r="B109" s="9" t="s">
        <v>57</v>
      </c>
      <c r="C109" s="9" t="s">
        <v>81</v>
      </c>
      <c r="D109" s="9"/>
      <c r="E109" s="9" t="s">
        <v>57</v>
      </c>
      <c r="F109" s="9" t="s">
        <v>81</v>
      </c>
      <c r="G109" s="9" t="s">
        <v>82</v>
      </c>
      <c r="H109" s="9" t="s">
        <v>53</v>
      </c>
      <c r="I109" s="9" t="s">
        <v>166</v>
      </c>
      <c r="J109" s="6">
        <v>3662</v>
      </c>
      <c r="K109" s="6">
        <v>513</v>
      </c>
      <c r="L109" s="6">
        <v>300</v>
      </c>
      <c r="M109" s="6">
        <v>3</v>
      </c>
      <c r="N109" s="6">
        <v>210</v>
      </c>
      <c r="O109" s="6">
        <v>67</v>
      </c>
      <c r="P109" s="6">
        <v>643</v>
      </c>
      <c r="Q109" s="6">
        <v>1654</v>
      </c>
      <c r="R109" s="6">
        <v>780</v>
      </c>
      <c r="S109" s="10" t="s">
        <v>55</v>
      </c>
      <c r="T109" s="6">
        <v>5</v>
      </c>
      <c r="U109" s="6">
        <v>580</v>
      </c>
    </row>
    <row r="110" spans="1:21">
      <c r="A110" s="9" t="s">
        <v>56</v>
      </c>
      <c r="B110" s="9" t="s">
        <v>57</v>
      </c>
      <c r="C110" s="9" t="s">
        <v>81</v>
      </c>
      <c r="D110" s="9"/>
      <c r="E110" s="9" t="s">
        <v>57</v>
      </c>
      <c r="F110" s="9" t="s">
        <v>81</v>
      </c>
      <c r="G110" s="9" t="s">
        <v>82</v>
      </c>
      <c r="H110" s="9" t="s">
        <v>53</v>
      </c>
      <c r="I110" s="9" t="s">
        <v>167</v>
      </c>
      <c r="J110" s="6">
        <v>5529</v>
      </c>
      <c r="K110" s="6">
        <v>4785</v>
      </c>
      <c r="L110" s="6">
        <v>4224</v>
      </c>
      <c r="M110" s="6">
        <v>203</v>
      </c>
      <c r="N110" s="6">
        <v>358</v>
      </c>
      <c r="O110" s="6">
        <v>158</v>
      </c>
      <c r="P110" s="6">
        <v>111</v>
      </c>
      <c r="Q110" s="6">
        <v>389</v>
      </c>
      <c r="R110" s="6">
        <v>54</v>
      </c>
      <c r="S110" s="6">
        <v>3</v>
      </c>
      <c r="T110" s="6">
        <v>29</v>
      </c>
      <c r="U110" s="6">
        <v>4943</v>
      </c>
    </row>
    <row r="111" spans="1:21">
      <c r="A111" s="9" t="s">
        <v>56</v>
      </c>
      <c r="B111" s="9" t="s">
        <v>57</v>
      </c>
      <c r="C111" s="9" t="s">
        <v>81</v>
      </c>
      <c r="D111" s="9"/>
      <c r="E111" s="9" t="s">
        <v>57</v>
      </c>
      <c r="F111" s="9" t="s">
        <v>81</v>
      </c>
      <c r="G111" s="9" t="s">
        <v>82</v>
      </c>
      <c r="H111" s="9" t="s">
        <v>53</v>
      </c>
      <c r="I111" s="9" t="s">
        <v>168</v>
      </c>
      <c r="J111" s="6">
        <v>2156</v>
      </c>
      <c r="K111" s="6">
        <v>2050</v>
      </c>
      <c r="L111" s="6">
        <v>1783</v>
      </c>
      <c r="M111" s="6">
        <v>25</v>
      </c>
      <c r="N111" s="6">
        <v>242</v>
      </c>
      <c r="O111" s="6">
        <v>44</v>
      </c>
      <c r="P111" s="6">
        <v>14</v>
      </c>
      <c r="Q111" s="6">
        <v>34</v>
      </c>
      <c r="R111" s="6">
        <v>2</v>
      </c>
      <c r="S111" s="10" t="s">
        <v>55</v>
      </c>
      <c r="T111" s="6">
        <v>12</v>
      </c>
      <c r="U111" s="6">
        <v>2094</v>
      </c>
    </row>
    <row r="112" spans="1:21">
      <c r="A112" s="9" t="s">
        <v>56</v>
      </c>
      <c r="B112" s="9" t="s">
        <v>57</v>
      </c>
      <c r="C112" s="9" t="s">
        <v>81</v>
      </c>
      <c r="D112" s="9"/>
      <c r="E112" s="9" t="s">
        <v>57</v>
      </c>
      <c r="F112" s="9" t="s">
        <v>81</v>
      </c>
      <c r="G112" s="9" t="s">
        <v>82</v>
      </c>
      <c r="H112" s="9" t="s">
        <v>53</v>
      </c>
      <c r="I112" s="9" t="s">
        <v>169</v>
      </c>
      <c r="J112" s="6">
        <v>2819</v>
      </c>
      <c r="K112" s="6">
        <v>1875</v>
      </c>
      <c r="L112" s="6">
        <v>1664</v>
      </c>
      <c r="M112" s="10" t="s">
        <v>55</v>
      </c>
      <c r="N112" s="6">
        <v>211</v>
      </c>
      <c r="O112" s="6">
        <v>214</v>
      </c>
      <c r="P112" s="6">
        <v>150</v>
      </c>
      <c r="Q112" s="6">
        <v>518</v>
      </c>
      <c r="R112" s="6">
        <v>51</v>
      </c>
      <c r="S112" s="10" t="s">
        <v>55</v>
      </c>
      <c r="T112" s="6">
        <v>11</v>
      </c>
      <c r="U112" s="6">
        <v>2089</v>
      </c>
    </row>
    <row r="113" spans="1:21">
      <c r="A113" s="9" t="s">
        <v>56</v>
      </c>
      <c r="B113" s="9" t="s">
        <v>57</v>
      </c>
      <c r="C113" s="9" t="s">
        <v>81</v>
      </c>
      <c r="D113" s="9"/>
      <c r="E113" s="9" t="s">
        <v>57</v>
      </c>
      <c r="F113" s="9" t="s">
        <v>81</v>
      </c>
      <c r="G113" s="9" t="s">
        <v>82</v>
      </c>
      <c r="H113" s="9" t="s">
        <v>53</v>
      </c>
      <c r="I113" s="9" t="s">
        <v>170</v>
      </c>
      <c r="J113" s="6">
        <v>2301</v>
      </c>
      <c r="K113" s="6">
        <v>2044</v>
      </c>
      <c r="L113" s="6">
        <v>1251</v>
      </c>
      <c r="M113" s="6">
        <v>95</v>
      </c>
      <c r="N113" s="6">
        <v>698</v>
      </c>
      <c r="O113" s="6">
        <v>40</v>
      </c>
      <c r="P113" s="6">
        <v>23</v>
      </c>
      <c r="Q113" s="6">
        <v>173</v>
      </c>
      <c r="R113" s="6">
        <v>10</v>
      </c>
      <c r="S113" s="10" t="s">
        <v>55</v>
      </c>
      <c r="T113" s="6">
        <v>11</v>
      </c>
      <c r="U113" s="6">
        <v>2084</v>
      </c>
    </row>
    <row r="114" spans="1:21">
      <c r="A114" s="9" t="s">
        <v>56</v>
      </c>
      <c r="B114" s="9" t="s">
        <v>57</v>
      </c>
      <c r="C114" s="9" t="s">
        <v>81</v>
      </c>
      <c r="D114" s="9"/>
      <c r="E114" s="9" t="s">
        <v>57</v>
      </c>
      <c r="F114" s="9" t="s">
        <v>81</v>
      </c>
      <c r="G114" s="9" t="s">
        <v>82</v>
      </c>
      <c r="H114" s="9" t="s">
        <v>53</v>
      </c>
      <c r="I114" s="9" t="s">
        <v>171</v>
      </c>
      <c r="J114" s="6">
        <v>241</v>
      </c>
      <c r="K114" s="6">
        <v>69</v>
      </c>
      <c r="L114" s="6">
        <v>35</v>
      </c>
      <c r="M114" s="6">
        <v>13</v>
      </c>
      <c r="N114" s="6">
        <v>21</v>
      </c>
      <c r="O114" s="6">
        <v>8</v>
      </c>
      <c r="P114" s="6">
        <v>7</v>
      </c>
      <c r="Q114" s="6">
        <v>40</v>
      </c>
      <c r="R114" s="6">
        <v>4</v>
      </c>
      <c r="S114" s="10" t="s">
        <v>55</v>
      </c>
      <c r="T114" s="6">
        <v>113</v>
      </c>
      <c r="U114" s="6">
        <v>77</v>
      </c>
    </row>
    <row r="115" spans="1:21">
      <c r="A115" s="9" t="s">
        <v>56</v>
      </c>
      <c r="B115" s="9" t="s">
        <v>57</v>
      </c>
      <c r="C115" s="9" t="s">
        <v>81</v>
      </c>
      <c r="D115" s="9"/>
      <c r="E115" s="9" t="s">
        <v>57</v>
      </c>
      <c r="F115" s="9" t="s">
        <v>81</v>
      </c>
      <c r="G115" s="9" t="s">
        <v>82</v>
      </c>
      <c r="H115" s="9" t="s">
        <v>54</v>
      </c>
      <c r="I115" s="9" t="s">
        <v>6</v>
      </c>
      <c r="J115" s="6">
        <v>27744</v>
      </c>
      <c r="K115" s="6">
        <v>22372</v>
      </c>
      <c r="L115" s="6">
        <v>11798</v>
      </c>
      <c r="M115" s="6">
        <v>487</v>
      </c>
      <c r="N115" s="6">
        <v>10087</v>
      </c>
      <c r="O115" s="6">
        <v>811</v>
      </c>
      <c r="P115" s="6">
        <v>250</v>
      </c>
      <c r="Q115" s="6">
        <v>1010</v>
      </c>
      <c r="R115" s="6">
        <v>3111</v>
      </c>
      <c r="S115" s="6">
        <v>26</v>
      </c>
      <c r="T115" s="6">
        <v>164</v>
      </c>
      <c r="U115" s="6">
        <v>23183</v>
      </c>
    </row>
    <row r="116" spans="1:21">
      <c r="A116" s="9" t="s">
        <v>56</v>
      </c>
      <c r="B116" s="9" t="s">
        <v>57</v>
      </c>
      <c r="C116" s="9" t="s">
        <v>81</v>
      </c>
      <c r="D116" s="9"/>
      <c r="E116" s="9" t="s">
        <v>57</v>
      </c>
      <c r="F116" s="9" t="s">
        <v>81</v>
      </c>
      <c r="G116" s="9" t="s">
        <v>82</v>
      </c>
      <c r="H116" s="9" t="s">
        <v>54</v>
      </c>
      <c r="I116" s="9" t="s">
        <v>160</v>
      </c>
      <c r="J116" s="6">
        <v>214</v>
      </c>
      <c r="K116" s="6">
        <v>18</v>
      </c>
      <c r="L116" s="6">
        <v>17</v>
      </c>
      <c r="M116" s="10" t="s">
        <v>55</v>
      </c>
      <c r="N116" s="6">
        <v>1</v>
      </c>
      <c r="O116" s="6">
        <v>161</v>
      </c>
      <c r="P116" s="6">
        <v>33</v>
      </c>
      <c r="Q116" s="10" t="s">
        <v>55</v>
      </c>
      <c r="R116" s="6">
        <v>2</v>
      </c>
      <c r="S116" s="10" t="s">
        <v>55</v>
      </c>
      <c r="T116" s="10" t="s">
        <v>55</v>
      </c>
      <c r="U116" s="6">
        <v>179</v>
      </c>
    </row>
    <row r="117" spans="1:21">
      <c r="A117" s="9" t="s">
        <v>56</v>
      </c>
      <c r="B117" s="9" t="s">
        <v>57</v>
      </c>
      <c r="C117" s="9" t="s">
        <v>81</v>
      </c>
      <c r="D117" s="9"/>
      <c r="E117" s="9" t="s">
        <v>57</v>
      </c>
      <c r="F117" s="9" t="s">
        <v>81</v>
      </c>
      <c r="G117" s="9" t="s">
        <v>82</v>
      </c>
      <c r="H117" s="9" t="s">
        <v>54</v>
      </c>
      <c r="I117" s="9" t="s">
        <v>161</v>
      </c>
      <c r="J117" s="6">
        <v>5242</v>
      </c>
      <c r="K117" s="6">
        <v>4893</v>
      </c>
      <c r="L117" s="6">
        <v>3754</v>
      </c>
      <c r="M117" s="6">
        <v>20</v>
      </c>
      <c r="N117" s="6">
        <v>1119</v>
      </c>
      <c r="O117" s="6">
        <v>69</v>
      </c>
      <c r="P117" s="6">
        <v>33</v>
      </c>
      <c r="Q117" s="6">
        <v>181</v>
      </c>
      <c r="R117" s="6">
        <v>48</v>
      </c>
      <c r="S117" s="10" t="s">
        <v>55</v>
      </c>
      <c r="T117" s="6">
        <v>18</v>
      </c>
      <c r="U117" s="6">
        <v>4962</v>
      </c>
    </row>
    <row r="118" spans="1:21">
      <c r="A118" s="9" t="s">
        <v>56</v>
      </c>
      <c r="B118" s="9" t="s">
        <v>57</v>
      </c>
      <c r="C118" s="9" t="s">
        <v>81</v>
      </c>
      <c r="D118" s="9"/>
      <c r="E118" s="9" t="s">
        <v>57</v>
      </c>
      <c r="F118" s="9" t="s">
        <v>81</v>
      </c>
      <c r="G118" s="9" t="s">
        <v>82</v>
      </c>
      <c r="H118" s="9" t="s">
        <v>54</v>
      </c>
      <c r="I118" s="9" t="s">
        <v>162</v>
      </c>
      <c r="J118" s="6">
        <v>6052</v>
      </c>
      <c r="K118" s="6">
        <v>5300</v>
      </c>
      <c r="L118" s="6">
        <v>3451</v>
      </c>
      <c r="M118" s="6">
        <v>147</v>
      </c>
      <c r="N118" s="6">
        <v>1702</v>
      </c>
      <c r="O118" s="6">
        <v>357</v>
      </c>
      <c r="P118" s="6">
        <v>3</v>
      </c>
      <c r="Q118" s="6">
        <v>8</v>
      </c>
      <c r="R118" s="6">
        <v>373</v>
      </c>
      <c r="S118" s="10" t="s">
        <v>55</v>
      </c>
      <c r="T118" s="6">
        <v>11</v>
      </c>
      <c r="U118" s="6">
        <v>5657</v>
      </c>
    </row>
    <row r="119" spans="1:21">
      <c r="A119" s="9" t="s">
        <v>56</v>
      </c>
      <c r="B119" s="9" t="s">
        <v>57</v>
      </c>
      <c r="C119" s="9" t="s">
        <v>81</v>
      </c>
      <c r="D119" s="9"/>
      <c r="E119" s="9" t="s">
        <v>57</v>
      </c>
      <c r="F119" s="9" t="s">
        <v>81</v>
      </c>
      <c r="G119" s="9" t="s">
        <v>82</v>
      </c>
      <c r="H119" s="9" t="s">
        <v>54</v>
      </c>
      <c r="I119" s="9" t="s">
        <v>163</v>
      </c>
      <c r="J119" s="6">
        <v>2868</v>
      </c>
      <c r="K119" s="6">
        <v>2465</v>
      </c>
      <c r="L119" s="6">
        <v>817</v>
      </c>
      <c r="M119" s="6">
        <v>36</v>
      </c>
      <c r="N119" s="6">
        <v>1612</v>
      </c>
      <c r="O119" s="6">
        <v>75</v>
      </c>
      <c r="P119" s="6">
        <v>32</v>
      </c>
      <c r="Q119" s="6">
        <v>154</v>
      </c>
      <c r="R119" s="6">
        <v>135</v>
      </c>
      <c r="S119" s="10" t="s">
        <v>55</v>
      </c>
      <c r="T119" s="6">
        <v>7</v>
      </c>
      <c r="U119" s="6">
        <v>2540</v>
      </c>
    </row>
    <row r="120" spans="1:21">
      <c r="A120" s="9" t="s">
        <v>56</v>
      </c>
      <c r="B120" s="9" t="s">
        <v>57</v>
      </c>
      <c r="C120" s="9" t="s">
        <v>81</v>
      </c>
      <c r="D120" s="9"/>
      <c r="E120" s="9" t="s">
        <v>57</v>
      </c>
      <c r="F120" s="9" t="s">
        <v>81</v>
      </c>
      <c r="G120" s="9" t="s">
        <v>82</v>
      </c>
      <c r="H120" s="9" t="s">
        <v>54</v>
      </c>
      <c r="I120" s="9" t="s">
        <v>164</v>
      </c>
      <c r="J120" s="6">
        <v>5043</v>
      </c>
      <c r="K120" s="6">
        <v>4277</v>
      </c>
      <c r="L120" s="6">
        <v>1996</v>
      </c>
      <c r="M120" s="6">
        <v>66</v>
      </c>
      <c r="N120" s="6">
        <v>2215</v>
      </c>
      <c r="O120" s="6">
        <v>64</v>
      </c>
      <c r="P120" s="6">
        <v>113</v>
      </c>
      <c r="Q120" s="6">
        <v>312</v>
      </c>
      <c r="R120" s="6">
        <v>261</v>
      </c>
      <c r="S120" s="10" t="s">
        <v>55</v>
      </c>
      <c r="T120" s="6">
        <v>16</v>
      </c>
      <c r="U120" s="6">
        <v>4341</v>
      </c>
    </row>
    <row r="121" spans="1:21">
      <c r="A121" s="9" t="s">
        <v>56</v>
      </c>
      <c r="B121" s="9" t="s">
        <v>57</v>
      </c>
      <c r="C121" s="9" t="s">
        <v>81</v>
      </c>
      <c r="D121" s="9"/>
      <c r="E121" s="9" t="s">
        <v>57</v>
      </c>
      <c r="F121" s="9" t="s">
        <v>81</v>
      </c>
      <c r="G121" s="9" t="s">
        <v>82</v>
      </c>
      <c r="H121" s="9" t="s">
        <v>54</v>
      </c>
      <c r="I121" s="9" t="s">
        <v>165</v>
      </c>
      <c r="J121" s="6">
        <v>39</v>
      </c>
      <c r="K121" s="6">
        <v>39</v>
      </c>
      <c r="L121" s="6">
        <v>35</v>
      </c>
      <c r="M121" s="10" t="s">
        <v>55</v>
      </c>
      <c r="N121" s="6">
        <v>4</v>
      </c>
      <c r="O121" s="10" t="s">
        <v>55</v>
      </c>
      <c r="P121" s="10" t="s">
        <v>55</v>
      </c>
      <c r="Q121" s="10" t="s">
        <v>55</v>
      </c>
      <c r="R121" s="10" t="s">
        <v>55</v>
      </c>
      <c r="S121" s="10" t="s">
        <v>55</v>
      </c>
      <c r="T121" s="10" t="s">
        <v>55</v>
      </c>
      <c r="U121" s="6">
        <v>39</v>
      </c>
    </row>
    <row r="122" spans="1:21">
      <c r="A122" s="9" t="s">
        <v>56</v>
      </c>
      <c r="B122" s="9" t="s">
        <v>57</v>
      </c>
      <c r="C122" s="9" t="s">
        <v>81</v>
      </c>
      <c r="D122" s="9"/>
      <c r="E122" s="9" t="s">
        <v>57</v>
      </c>
      <c r="F122" s="9" t="s">
        <v>81</v>
      </c>
      <c r="G122" s="9" t="s">
        <v>82</v>
      </c>
      <c r="H122" s="9" t="s">
        <v>54</v>
      </c>
      <c r="I122" s="9" t="s">
        <v>166</v>
      </c>
      <c r="J122" s="6">
        <v>3722</v>
      </c>
      <c r="K122" s="6">
        <v>1456</v>
      </c>
      <c r="L122" s="6">
        <v>533</v>
      </c>
      <c r="M122" s="6">
        <v>43</v>
      </c>
      <c r="N122" s="6">
        <v>880</v>
      </c>
      <c r="O122" s="6">
        <v>30</v>
      </c>
      <c r="P122" s="6">
        <v>23</v>
      </c>
      <c r="Q122" s="6">
        <v>123</v>
      </c>
      <c r="R122" s="6">
        <v>2085</v>
      </c>
      <c r="S122" s="10" t="s">
        <v>55</v>
      </c>
      <c r="T122" s="6">
        <v>5</v>
      </c>
      <c r="U122" s="6">
        <v>1486</v>
      </c>
    </row>
    <row r="123" spans="1:21">
      <c r="A123" s="9" t="s">
        <v>56</v>
      </c>
      <c r="B123" s="9" t="s">
        <v>57</v>
      </c>
      <c r="C123" s="9" t="s">
        <v>81</v>
      </c>
      <c r="D123" s="9"/>
      <c r="E123" s="9" t="s">
        <v>57</v>
      </c>
      <c r="F123" s="9" t="s">
        <v>81</v>
      </c>
      <c r="G123" s="9" t="s">
        <v>82</v>
      </c>
      <c r="H123" s="9" t="s">
        <v>54</v>
      </c>
      <c r="I123" s="9" t="s">
        <v>167</v>
      </c>
      <c r="J123" s="6">
        <v>2122</v>
      </c>
      <c r="K123" s="6">
        <v>1835</v>
      </c>
      <c r="L123" s="6">
        <v>778</v>
      </c>
      <c r="M123" s="6">
        <v>91</v>
      </c>
      <c r="N123" s="6">
        <v>966</v>
      </c>
      <c r="O123" s="6">
        <v>27</v>
      </c>
      <c r="P123" s="6">
        <v>9</v>
      </c>
      <c r="Q123" s="6">
        <v>97</v>
      </c>
      <c r="R123" s="6">
        <v>121</v>
      </c>
      <c r="S123" s="6">
        <v>25</v>
      </c>
      <c r="T123" s="6">
        <v>8</v>
      </c>
      <c r="U123" s="6">
        <v>1862</v>
      </c>
    </row>
    <row r="124" spans="1:21">
      <c r="A124" s="9" t="s">
        <v>56</v>
      </c>
      <c r="B124" s="9" t="s">
        <v>57</v>
      </c>
      <c r="C124" s="9" t="s">
        <v>81</v>
      </c>
      <c r="D124" s="9"/>
      <c r="E124" s="9" t="s">
        <v>57</v>
      </c>
      <c r="F124" s="9" t="s">
        <v>81</v>
      </c>
      <c r="G124" s="9" t="s">
        <v>82</v>
      </c>
      <c r="H124" s="9" t="s">
        <v>54</v>
      </c>
      <c r="I124" s="9" t="s">
        <v>168</v>
      </c>
      <c r="J124" s="6">
        <v>49</v>
      </c>
      <c r="K124" s="6">
        <v>42</v>
      </c>
      <c r="L124" s="6">
        <v>29</v>
      </c>
      <c r="M124" s="10" t="s">
        <v>55</v>
      </c>
      <c r="N124" s="6">
        <v>13</v>
      </c>
      <c r="O124" s="6">
        <v>2</v>
      </c>
      <c r="P124" s="10" t="s">
        <v>55</v>
      </c>
      <c r="Q124" s="10" t="s">
        <v>55</v>
      </c>
      <c r="R124" s="6">
        <v>5</v>
      </c>
      <c r="S124" s="10" t="s">
        <v>55</v>
      </c>
      <c r="T124" s="10" t="s">
        <v>55</v>
      </c>
      <c r="U124" s="6">
        <v>44</v>
      </c>
    </row>
    <row r="125" spans="1:21">
      <c r="A125" s="9" t="s">
        <v>56</v>
      </c>
      <c r="B125" s="9" t="s">
        <v>57</v>
      </c>
      <c r="C125" s="9" t="s">
        <v>81</v>
      </c>
      <c r="D125" s="9"/>
      <c r="E125" s="9" t="s">
        <v>57</v>
      </c>
      <c r="F125" s="9" t="s">
        <v>81</v>
      </c>
      <c r="G125" s="9" t="s">
        <v>82</v>
      </c>
      <c r="H125" s="9" t="s">
        <v>54</v>
      </c>
      <c r="I125" s="9" t="s">
        <v>169</v>
      </c>
      <c r="J125" s="6">
        <v>91</v>
      </c>
      <c r="K125" s="6">
        <v>40</v>
      </c>
      <c r="L125" s="6">
        <v>30</v>
      </c>
      <c r="M125" s="10" t="s">
        <v>55</v>
      </c>
      <c r="N125" s="6">
        <v>10</v>
      </c>
      <c r="O125" s="6">
        <v>7</v>
      </c>
      <c r="P125" s="10" t="s">
        <v>55</v>
      </c>
      <c r="Q125" s="6">
        <v>1</v>
      </c>
      <c r="R125" s="6">
        <v>42</v>
      </c>
      <c r="S125" s="10" t="s">
        <v>55</v>
      </c>
      <c r="T125" s="6">
        <v>1</v>
      </c>
      <c r="U125" s="6">
        <v>47</v>
      </c>
    </row>
    <row r="126" spans="1:21">
      <c r="A126" s="9" t="s">
        <v>56</v>
      </c>
      <c r="B126" s="9" t="s">
        <v>57</v>
      </c>
      <c r="C126" s="9" t="s">
        <v>81</v>
      </c>
      <c r="D126" s="9"/>
      <c r="E126" s="9" t="s">
        <v>57</v>
      </c>
      <c r="F126" s="9" t="s">
        <v>81</v>
      </c>
      <c r="G126" s="9" t="s">
        <v>82</v>
      </c>
      <c r="H126" s="9" t="s">
        <v>54</v>
      </c>
      <c r="I126" s="9" t="s">
        <v>170</v>
      </c>
      <c r="J126" s="6">
        <v>2135</v>
      </c>
      <c r="K126" s="6">
        <v>1953</v>
      </c>
      <c r="L126" s="6">
        <v>336</v>
      </c>
      <c r="M126" s="6">
        <v>81</v>
      </c>
      <c r="N126" s="6">
        <v>1536</v>
      </c>
      <c r="O126" s="6">
        <v>16</v>
      </c>
      <c r="P126" s="6">
        <v>1</v>
      </c>
      <c r="Q126" s="6">
        <v>124</v>
      </c>
      <c r="R126" s="6">
        <v>30</v>
      </c>
      <c r="S126" s="6">
        <v>1</v>
      </c>
      <c r="T126" s="6">
        <v>10</v>
      </c>
      <c r="U126" s="6">
        <v>1969</v>
      </c>
    </row>
    <row r="127" spans="1:21">
      <c r="A127" s="9" t="s">
        <v>56</v>
      </c>
      <c r="B127" s="9" t="s">
        <v>57</v>
      </c>
      <c r="C127" s="9" t="s">
        <v>81</v>
      </c>
      <c r="D127" s="9"/>
      <c r="E127" s="9" t="s">
        <v>57</v>
      </c>
      <c r="F127" s="9" t="s">
        <v>81</v>
      </c>
      <c r="G127" s="9" t="s">
        <v>82</v>
      </c>
      <c r="H127" s="9" t="s">
        <v>54</v>
      </c>
      <c r="I127" s="9" t="s">
        <v>171</v>
      </c>
      <c r="J127" s="6">
        <v>167</v>
      </c>
      <c r="K127" s="6">
        <v>54</v>
      </c>
      <c r="L127" s="6">
        <v>22</v>
      </c>
      <c r="M127" s="6">
        <v>3</v>
      </c>
      <c r="N127" s="6">
        <v>29</v>
      </c>
      <c r="O127" s="6">
        <v>3</v>
      </c>
      <c r="P127" s="6">
        <v>3</v>
      </c>
      <c r="Q127" s="6">
        <v>10</v>
      </c>
      <c r="R127" s="6">
        <v>9</v>
      </c>
      <c r="S127" s="10" t="s">
        <v>55</v>
      </c>
      <c r="T127" s="6">
        <v>88</v>
      </c>
      <c r="U127" s="6">
        <v>57</v>
      </c>
    </row>
    <row r="128" spans="1:21">
      <c r="A128" s="9" t="s">
        <v>83</v>
      </c>
      <c r="B128" s="9" t="s">
        <v>57</v>
      </c>
      <c r="C128" s="9" t="s">
        <v>81</v>
      </c>
      <c r="D128" s="9" t="s">
        <v>77</v>
      </c>
      <c r="E128" s="9" t="s">
        <v>57</v>
      </c>
      <c r="F128" s="9" t="s">
        <v>81</v>
      </c>
      <c r="G128" s="9" t="s">
        <v>84</v>
      </c>
      <c r="H128" s="9" t="s">
        <v>6</v>
      </c>
      <c r="I128" s="9" t="s">
        <v>6</v>
      </c>
      <c r="J128" s="6">
        <v>44241</v>
      </c>
      <c r="K128" s="6">
        <v>34419</v>
      </c>
      <c r="L128" s="6">
        <v>23405</v>
      </c>
      <c r="M128" s="6">
        <v>703</v>
      </c>
      <c r="N128" s="6">
        <v>10311</v>
      </c>
      <c r="O128" s="6">
        <v>2240</v>
      </c>
      <c r="P128" s="6">
        <v>1279</v>
      </c>
      <c r="Q128" s="6">
        <v>3228</v>
      </c>
      <c r="R128" s="6">
        <v>2750</v>
      </c>
      <c r="S128" s="6">
        <v>24</v>
      </c>
      <c r="T128" s="6">
        <v>301</v>
      </c>
      <c r="U128" s="6">
        <v>36659</v>
      </c>
    </row>
    <row r="129" spans="1:21">
      <c r="A129" s="9" t="s">
        <v>83</v>
      </c>
      <c r="B129" s="9" t="s">
        <v>57</v>
      </c>
      <c r="C129" s="9" t="s">
        <v>81</v>
      </c>
      <c r="D129" s="9" t="s">
        <v>77</v>
      </c>
      <c r="E129" s="9" t="s">
        <v>57</v>
      </c>
      <c r="F129" s="9" t="s">
        <v>81</v>
      </c>
      <c r="G129" s="9" t="s">
        <v>84</v>
      </c>
      <c r="H129" s="9" t="s">
        <v>6</v>
      </c>
      <c r="I129" s="9" t="s">
        <v>160</v>
      </c>
      <c r="J129" s="6">
        <v>906</v>
      </c>
      <c r="K129" s="6">
        <v>163</v>
      </c>
      <c r="L129" s="6">
        <v>161</v>
      </c>
      <c r="M129" s="10" t="s">
        <v>55</v>
      </c>
      <c r="N129" s="6">
        <v>2</v>
      </c>
      <c r="O129" s="6">
        <v>656</v>
      </c>
      <c r="P129" s="6">
        <v>85</v>
      </c>
      <c r="Q129" s="10" t="s">
        <v>55</v>
      </c>
      <c r="R129" s="6">
        <v>2</v>
      </c>
      <c r="S129" s="10" t="s">
        <v>55</v>
      </c>
      <c r="T129" s="10" t="s">
        <v>55</v>
      </c>
      <c r="U129" s="6">
        <v>819</v>
      </c>
    </row>
    <row r="130" spans="1:21">
      <c r="A130" s="9" t="s">
        <v>83</v>
      </c>
      <c r="B130" s="9" t="s">
        <v>57</v>
      </c>
      <c r="C130" s="9" t="s">
        <v>81</v>
      </c>
      <c r="D130" s="9" t="s">
        <v>77</v>
      </c>
      <c r="E130" s="9" t="s">
        <v>57</v>
      </c>
      <c r="F130" s="9" t="s">
        <v>81</v>
      </c>
      <c r="G130" s="9" t="s">
        <v>84</v>
      </c>
      <c r="H130" s="9" t="s">
        <v>6</v>
      </c>
      <c r="I130" s="9" t="s">
        <v>161</v>
      </c>
      <c r="J130" s="6">
        <v>7027</v>
      </c>
      <c r="K130" s="6">
        <v>6104</v>
      </c>
      <c r="L130" s="6">
        <v>5028</v>
      </c>
      <c r="M130" s="6">
        <v>34</v>
      </c>
      <c r="N130" s="6">
        <v>1042</v>
      </c>
      <c r="O130" s="6">
        <v>279</v>
      </c>
      <c r="P130" s="6">
        <v>188</v>
      </c>
      <c r="Q130" s="6">
        <v>377</v>
      </c>
      <c r="R130" s="6">
        <v>61</v>
      </c>
      <c r="S130" s="10" t="s">
        <v>55</v>
      </c>
      <c r="T130" s="6">
        <v>18</v>
      </c>
      <c r="U130" s="6">
        <v>6383</v>
      </c>
    </row>
    <row r="131" spans="1:21">
      <c r="A131" s="9" t="s">
        <v>83</v>
      </c>
      <c r="B131" s="9" t="s">
        <v>57</v>
      </c>
      <c r="C131" s="9" t="s">
        <v>81</v>
      </c>
      <c r="D131" s="9" t="s">
        <v>77</v>
      </c>
      <c r="E131" s="9" t="s">
        <v>57</v>
      </c>
      <c r="F131" s="9" t="s">
        <v>81</v>
      </c>
      <c r="G131" s="9" t="s">
        <v>84</v>
      </c>
      <c r="H131" s="9" t="s">
        <v>6</v>
      </c>
      <c r="I131" s="9" t="s">
        <v>162</v>
      </c>
      <c r="J131" s="6">
        <v>7557</v>
      </c>
      <c r="K131" s="6">
        <v>6764</v>
      </c>
      <c r="L131" s="6">
        <v>4998</v>
      </c>
      <c r="M131" s="6">
        <v>147</v>
      </c>
      <c r="N131" s="6">
        <v>1619</v>
      </c>
      <c r="O131" s="6">
        <v>438</v>
      </c>
      <c r="P131" s="6">
        <v>11</v>
      </c>
      <c r="Q131" s="6">
        <v>22</v>
      </c>
      <c r="R131" s="6">
        <v>305</v>
      </c>
      <c r="S131" s="10" t="s">
        <v>55</v>
      </c>
      <c r="T131" s="6">
        <v>17</v>
      </c>
      <c r="U131" s="6">
        <v>7202</v>
      </c>
    </row>
    <row r="132" spans="1:21">
      <c r="A132" s="9" t="s">
        <v>83</v>
      </c>
      <c r="B132" s="9" t="s">
        <v>57</v>
      </c>
      <c r="C132" s="9" t="s">
        <v>81</v>
      </c>
      <c r="D132" s="9" t="s">
        <v>77</v>
      </c>
      <c r="E132" s="9" t="s">
        <v>57</v>
      </c>
      <c r="F132" s="9" t="s">
        <v>81</v>
      </c>
      <c r="G132" s="9" t="s">
        <v>84</v>
      </c>
      <c r="H132" s="9" t="s">
        <v>6</v>
      </c>
      <c r="I132" s="9" t="s">
        <v>163</v>
      </c>
      <c r="J132" s="6">
        <v>4256</v>
      </c>
      <c r="K132" s="6">
        <v>3410</v>
      </c>
      <c r="L132" s="6">
        <v>1783</v>
      </c>
      <c r="M132" s="6">
        <v>38</v>
      </c>
      <c r="N132" s="6">
        <v>1589</v>
      </c>
      <c r="O132" s="6">
        <v>274</v>
      </c>
      <c r="P132" s="6">
        <v>96</v>
      </c>
      <c r="Q132" s="6">
        <v>332</v>
      </c>
      <c r="R132" s="6">
        <v>127</v>
      </c>
      <c r="S132" s="10" t="s">
        <v>55</v>
      </c>
      <c r="T132" s="6">
        <v>17</v>
      </c>
      <c r="U132" s="6">
        <v>3684</v>
      </c>
    </row>
    <row r="133" spans="1:21">
      <c r="A133" s="9" t="s">
        <v>83</v>
      </c>
      <c r="B133" s="9" t="s">
        <v>57</v>
      </c>
      <c r="C133" s="9" t="s">
        <v>81</v>
      </c>
      <c r="D133" s="9" t="s">
        <v>77</v>
      </c>
      <c r="E133" s="9" t="s">
        <v>57</v>
      </c>
      <c r="F133" s="9" t="s">
        <v>81</v>
      </c>
      <c r="G133" s="9" t="s">
        <v>84</v>
      </c>
      <c r="H133" s="9" t="s">
        <v>6</v>
      </c>
      <c r="I133" s="9" t="s">
        <v>164</v>
      </c>
      <c r="J133" s="6">
        <v>5532</v>
      </c>
      <c r="K133" s="6">
        <v>4494</v>
      </c>
      <c r="L133" s="6">
        <v>2370</v>
      </c>
      <c r="M133" s="6">
        <v>62</v>
      </c>
      <c r="N133" s="6">
        <v>2062</v>
      </c>
      <c r="O133" s="6">
        <v>115</v>
      </c>
      <c r="P133" s="6">
        <v>210</v>
      </c>
      <c r="Q133" s="6">
        <v>449</v>
      </c>
      <c r="R133" s="6">
        <v>244</v>
      </c>
      <c r="S133" s="10" t="s">
        <v>55</v>
      </c>
      <c r="T133" s="6">
        <v>20</v>
      </c>
      <c r="U133" s="6">
        <v>4609</v>
      </c>
    </row>
    <row r="134" spans="1:21">
      <c r="A134" s="9" t="s">
        <v>83</v>
      </c>
      <c r="B134" s="9" t="s">
        <v>57</v>
      </c>
      <c r="C134" s="9" t="s">
        <v>81</v>
      </c>
      <c r="D134" s="9" t="s">
        <v>77</v>
      </c>
      <c r="E134" s="9" t="s">
        <v>57</v>
      </c>
      <c r="F134" s="9" t="s">
        <v>81</v>
      </c>
      <c r="G134" s="9" t="s">
        <v>84</v>
      </c>
      <c r="H134" s="9" t="s">
        <v>6</v>
      </c>
      <c r="I134" s="9" t="s">
        <v>165</v>
      </c>
      <c r="J134" s="6">
        <v>592</v>
      </c>
      <c r="K134" s="6">
        <v>583</v>
      </c>
      <c r="L134" s="6">
        <v>494</v>
      </c>
      <c r="M134" s="10" t="s">
        <v>55</v>
      </c>
      <c r="N134" s="6">
        <v>89</v>
      </c>
      <c r="O134" s="10" t="s">
        <v>55</v>
      </c>
      <c r="P134" s="10" t="s">
        <v>55</v>
      </c>
      <c r="Q134" s="6">
        <v>6</v>
      </c>
      <c r="R134" s="10" t="s">
        <v>55</v>
      </c>
      <c r="S134" s="10" t="s">
        <v>55</v>
      </c>
      <c r="T134" s="6">
        <v>3</v>
      </c>
      <c r="U134" s="6">
        <v>583</v>
      </c>
    </row>
    <row r="135" spans="1:21">
      <c r="A135" s="9" t="s">
        <v>83</v>
      </c>
      <c r="B135" s="9" t="s">
        <v>57</v>
      </c>
      <c r="C135" s="9" t="s">
        <v>81</v>
      </c>
      <c r="D135" s="9" t="s">
        <v>77</v>
      </c>
      <c r="E135" s="9" t="s">
        <v>57</v>
      </c>
      <c r="F135" s="9" t="s">
        <v>81</v>
      </c>
      <c r="G135" s="9" t="s">
        <v>84</v>
      </c>
      <c r="H135" s="9" t="s">
        <v>6</v>
      </c>
      <c r="I135" s="9" t="s">
        <v>166</v>
      </c>
      <c r="J135" s="6">
        <v>4675</v>
      </c>
      <c r="K135" s="6">
        <v>1379</v>
      </c>
      <c r="L135" s="6">
        <v>610</v>
      </c>
      <c r="M135" s="6">
        <v>32</v>
      </c>
      <c r="N135" s="6">
        <v>737</v>
      </c>
      <c r="O135" s="6">
        <v>54</v>
      </c>
      <c r="P135" s="6">
        <v>456</v>
      </c>
      <c r="Q135" s="6">
        <v>986</v>
      </c>
      <c r="R135" s="6">
        <v>1795</v>
      </c>
      <c r="S135" s="10" t="s">
        <v>55</v>
      </c>
      <c r="T135" s="6">
        <v>5</v>
      </c>
      <c r="U135" s="6">
        <v>1433</v>
      </c>
    </row>
    <row r="136" spans="1:21">
      <c r="A136" s="9" t="s">
        <v>83</v>
      </c>
      <c r="B136" s="9" t="s">
        <v>57</v>
      </c>
      <c r="C136" s="9" t="s">
        <v>81</v>
      </c>
      <c r="D136" s="9" t="s">
        <v>77</v>
      </c>
      <c r="E136" s="9" t="s">
        <v>57</v>
      </c>
      <c r="F136" s="9" t="s">
        <v>81</v>
      </c>
      <c r="G136" s="9" t="s">
        <v>84</v>
      </c>
      <c r="H136" s="9" t="s">
        <v>6</v>
      </c>
      <c r="I136" s="9" t="s">
        <v>167</v>
      </c>
      <c r="J136" s="6">
        <v>5959</v>
      </c>
      <c r="K136" s="6">
        <v>5196</v>
      </c>
      <c r="L136" s="6">
        <v>3976</v>
      </c>
      <c r="M136" s="6">
        <v>229</v>
      </c>
      <c r="N136" s="6">
        <v>991</v>
      </c>
      <c r="O136" s="6">
        <v>157</v>
      </c>
      <c r="P136" s="6">
        <v>87</v>
      </c>
      <c r="Q136" s="6">
        <v>364</v>
      </c>
      <c r="R136" s="6">
        <v>102</v>
      </c>
      <c r="S136" s="6">
        <v>23</v>
      </c>
      <c r="T136" s="6">
        <v>30</v>
      </c>
      <c r="U136" s="6">
        <v>5353</v>
      </c>
    </row>
    <row r="137" spans="1:21">
      <c r="A137" s="9" t="s">
        <v>83</v>
      </c>
      <c r="B137" s="9" t="s">
        <v>57</v>
      </c>
      <c r="C137" s="9" t="s">
        <v>81</v>
      </c>
      <c r="D137" s="9" t="s">
        <v>77</v>
      </c>
      <c r="E137" s="9" t="s">
        <v>57</v>
      </c>
      <c r="F137" s="9" t="s">
        <v>81</v>
      </c>
      <c r="G137" s="9" t="s">
        <v>84</v>
      </c>
      <c r="H137" s="9" t="s">
        <v>6</v>
      </c>
      <c r="I137" s="9" t="s">
        <v>168</v>
      </c>
      <c r="J137" s="6">
        <v>1737</v>
      </c>
      <c r="K137" s="6">
        <v>1653</v>
      </c>
      <c r="L137" s="6">
        <v>1430</v>
      </c>
      <c r="M137" s="6">
        <v>19</v>
      </c>
      <c r="N137" s="6">
        <v>204</v>
      </c>
      <c r="O137" s="6">
        <v>38</v>
      </c>
      <c r="P137" s="6">
        <v>9</v>
      </c>
      <c r="Q137" s="6">
        <v>27</v>
      </c>
      <c r="R137" s="6">
        <v>2</v>
      </c>
      <c r="S137" s="10" t="s">
        <v>55</v>
      </c>
      <c r="T137" s="6">
        <v>8</v>
      </c>
      <c r="U137" s="6">
        <v>1691</v>
      </c>
    </row>
    <row r="138" spans="1:21">
      <c r="A138" s="9" t="s">
        <v>83</v>
      </c>
      <c r="B138" s="9" t="s">
        <v>57</v>
      </c>
      <c r="C138" s="9" t="s">
        <v>81</v>
      </c>
      <c r="D138" s="9" t="s">
        <v>77</v>
      </c>
      <c r="E138" s="9" t="s">
        <v>57</v>
      </c>
      <c r="F138" s="9" t="s">
        <v>81</v>
      </c>
      <c r="G138" s="9" t="s">
        <v>84</v>
      </c>
      <c r="H138" s="9" t="s">
        <v>6</v>
      </c>
      <c r="I138" s="9" t="s">
        <v>169</v>
      </c>
      <c r="J138" s="6">
        <v>2165</v>
      </c>
      <c r="K138" s="6">
        <v>1417</v>
      </c>
      <c r="L138" s="6">
        <v>1269</v>
      </c>
      <c r="M138" s="10" t="s">
        <v>55</v>
      </c>
      <c r="N138" s="6">
        <v>148</v>
      </c>
      <c r="O138" s="6">
        <v>180</v>
      </c>
      <c r="P138" s="6">
        <v>109</v>
      </c>
      <c r="Q138" s="6">
        <v>383</v>
      </c>
      <c r="R138" s="6">
        <v>67</v>
      </c>
      <c r="S138" s="10" t="s">
        <v>55</v>
      </c>
      <c r="T138" s="6">
        <v>9</v>
      </c>
      <c r="U138" s="6">
        <v>1597</v>
      </c>
    </row>
    <row r="139" spans="1:21">
      <c r="A139" s="9" t="s">
        <v>83</v>
      </c>
      <c r="B139" s="9" t="s">
        <v>57</v>
      </c>
      <c r="C139" s="9" t="s">
        <v>81</v>
      </c>
      <c r="D139" s="9" t="s">
        <v>77</v>
      </c>
      <c r="E139" s="9" t="s">
        <v>57</v>
      </c>
      <c r="F139" s="9" t="s">
        <v>81</v>
      </c>
      <c r="G139" s="9" t="s">
        <v>84</v>
      </c>
      <c r="H139" s="9" t="s">
        <v>6</v>
      </c>
      <c r="I139" s="9" t="s">
        <v>170</v>
      </c>
      <c r="J139" s="6">
        <v>3507</v>
      </c>
      <c r="K139" s="6">
        <v>3154</v>
      </c>
      <c r="L139" s="6">
        <v>1239</v>
      </c>
      <c r="M139" s="6">
        <v>127</v>
      </c>
      <c r="N139" s="6">
        <v>1788</v>
      </c>
      <c r="O139" s="6">
        <v>40</v>
      </c>
      <c r="P139" s="6">
        <v>20</v>
      </c>
      <c r="Q139" s="6">
        <v>243</v>
      </c>
      <c r="R139" s="6">
        <v>34</v>
      </c>
      <c r="S139" s="6">
        <v>1</v>
      </c>
      <c r="T139" s="6">
        <v>15</v>
      </c>
      <c r="U139" s="6">
        <v>3194</v>
      </c>
    </row>
    <row r="140" spans="1:21">
      <c r="A140" s="9" t="s">
        <v>83</v>
      </c>
      <c r="B140" s="9" t="s">
        <v>57</v>
      </c>
      <c r="C140" s="9" t="s">
        <v>81</v>
      </c>
      <c r="D140" s="9" t="s">
        <v>77</v>
      </c>
      <c r="E140" s="9" t="s">
        <v>57</v>
      </c>
      <c r="F140" s="9" t="s">
        <v>81</v>
      </c>
      <c r="G140" s="9" t="s">
        <v>84</v>
      </c>
      <c r="H140" s="9" t="s">
        <v>6</v>
      </c>
      <c r="I140" s="9" t="s">
        <v>171</v>
      </c>
      <c r="J140" s="6">
        <v>328</v>
      </c>
      <c r="K140" s="6">
        <v>102</v>
      </c>
      <c r="L140" s="6">
        <v>47</v>
      </c>
      <c r="M140" s="6">
        <v>15</v>
      </c>
      <c r="N140" s="6">
        <v>40</v>
      </c>
      <c r="O140" s="6">
        <v>9</v>
      </c>
      <c r="P140" s="6">
        <v>8</v>
      </c>
      <c r="Q140" s="6">
        <v>39</v>
      </c>
      <c r="R140" s="6">
        <v>11</v>
      </c>
      <c r="S140" s="10" t="s">
        <v>55</v>
      </c>
      <c r="T140" s="6">
        <v>159</v>
      </c>
      <c r="U140" s="6">
        <v>111</v>
      </c>
    </row>
    <row r="141" spans="1:21">
      <c r="A141" s="9" t="s">
        <v>83</v>
      </c>
      <c r="B141" s="9" t="s">
        <v>57</v>
      </c>
      <c r="C141" s="9" t="s">
        <v>81</v>
      </c>
      <c r="D141" s="9" t="s">
        <v>77</v>
      </c>
      <c r="E141" s="9" t="s">
        <v>57</v>
      </c>
      <c r="F141" s="9" t="s">
        <v>81</v>
      </c>
      <c r="G141" s="9" t="s">
        <v>84</v>
      </c>
      <c r="H141" s="9" t="s">
        <v>53</v>
      </c>
      <c r="I141" s="9" t="s">
        <v>6</v>
      </c>
      <c r="J141" s="6">
        <v>22640</v>
      </c>
      <c r="K141" s="6">
        <v>16678</v>
      </c>
      <c r="L141" s="6">
        <v>13997</v>
      </c>
      <c r="M141" s="6">
        <v>330</v>
      </c>
      <c r="N141" s="6">
        <v>2351</v>
      </c>
      <c r="O141" s="6">
        <v>1578</v>
      </c>
      <c r="P141" s="6">
        <v>1072</v>
      </c>
      <c r="Q141" s="6">
        <v>2429</v>
      </c>
      <c r="R141" s="6">
        <v>714</v>
      </c>
      <c r="S141" s="6">
        <v>2</v>
      </c>
      <c r="T141" s="6">
        <v>167</v>
      </c>
      <c r="U141" s="6">
        <v>18256</v>
      </c>
    </row>
    <row r="142" spans="1:21">
      <c r="A142" s="9" t="s">
        <v>83</v>
      </c>
      <c r="B142" s="9" t="s">
        <v>57</v>
      </c>
      <c r="C142" s="9" t="s">
        <v>81</v>
      </c>
      <c r="D142" s="9" t="s">
        <v>77</v>
      </c>
      <c r="E142" s="9" t="s">
        <v>57</v>
      </c>
      <c r="F142" s="9" t="s">
        <v>81</v>
      </c>
      <c r="G142" s="9" t="s">
        <v>84</v>
      </c>
      <c r="H142" s="9" t="s">
        <v>53</v>
      </c>
      <c r="I142" s="9" t="s">
        <v>160</v>
      </c>
      <c r="J142" s="6">
        <v>729</v>
      </c>
      <c r="K142" s="6">
        <v>149</v>
      </c>
      <c r="L142" s="6">
        <v>147</v>
      </c>
      <c r="M142" s="10" t="s">
        <v>55</v>
      </c>
      <c r="N142" s="6">
        <v>2</v>
      </c>
      <c r="O142" s="6">
        <v>526</v>
      </c>
      <c r="P142" s="6">
        <v>54</v>
      </c>
      <c r="Q142" s="10" t="s">
        <v>55</v>
      </c>
      <c r="R142" s="10" t="s">
        <v>55</v>
      </c>
      <c r="S142" s="10" t="s">
        <v>55</v>
      </c>
      <c r="T142" s="10" t="s">
        <v>55</v>
      </c>
      <c r="U142" s="6">
        <v>675</v>
      </c>
    </row>
    <row r="143" spans="1:21">
      <c r="A143" s="9" t="s">
        <v>83</v>
      </c>
      <c r="B143" s="9" t="s">
        <v>57</v>
      </c>
      <c r="C143" s="9" t="s">
        <v>81</v>
      </c>
      <c r="D143" s="9" t="s">
        <v>77</v>
      </c>
      <c r="E143" s="9" t="s">
        <v>57</v>
      </c>
      <c r="F143" s="9" t="s">
        <v>81</v>
      </c>
      <c r="G143" s="9" t="s">
        <v>84</v>
      </c>
      <c r="H143" s="9" t="s">
        <v>53</v>
      </c>
      <c r="I143" s="9" t="s">
        <v>161</v>
      </c>
      <c r="J143" s="6">
        <v>2795</v>
      </c>
      <c r="K143" s="6">
        <v>2159</v>
      </c>
      <c r="L143" s="6">
        <v>1979</v>
      </c>
      <c r="M143" s="6">
        <v>19</v>
      </c>
      <c r="N143" s="6">
        <v>161</v>
      </c>
      <c r="O143" s="6">
        <v>225</v>
      </c>
      <c r="P143" s="6">
        <v>158</v>
      </c>
      <c r="Q143" s="6">
        <v>230</v>
      </c>
      <c r="R143" s="6">
        <v>20</v>
      </c>
      <c r="S143" s="10" t="s">
        <v>55</v>
      </c>
      <c r="T143" s="6">
        <v>3</v>
      </c>
      <c r="U143" s="6">
        <v>2384</v>
      </c>
    </row>
    <row r="144" spans="1:21">
      <c r="A144" s="9" t="s">
        <v>83</v>
      </c>
      <c r="B144" s="9" t="s">
        <v>57</v>
      </c>
      <c r="C144" s="9" t="s">
        <v>81</v>
      </c>
      <c r="D144" s="9" t="s">
        <v>77</v>
      </c>
      <c r="E144" s="9" t="s">
        <v>57</v>
      </c>
      <c r="F144" s="9" t="s">
        <v>81</v>
      </c>
      <c r="G144" s="9" t="s">
        <v>84</v>
      </c>
      <c r="H144" s="9" t="s">
        <v>53</v>
      </c>
      <c r="I144" s="9" t="s">
        <v>162</v>
      </c>
      <c r="J144" s="6">
        <v>2661</v>
      </c>
      <c r="K144" s="6">
        <v>2469</v>
      </c>
      <c r="L144" s="6">
        <v>2211</v>
      </c>
      <c r="M144" s="6">
        <v>32</v>
      </c>
      <c r="N144" s="6">
        <v>226</v>
      </c>
      <c r="O144" s="6">
        <v>139</v>
      </c>
      <c r="P144" s="6">
        <v>8</v>
      </c>
      <c r="Q144" s="6">
        <v>16</v>
      </c>
      <c r="R144" s="6">
        <v>20</v>
      </c>
      <c r="S144" s="10" t="s">
        <v>55</v>
      </c>
      <c r="T144" s="6">
        <v>9</v>
      </c>
      <c r="U144" s="6">
        <v>2608</v>
      </c>
    </row>
    <row r="145" spans="1:21">
      <c r="A145" s="9" t="s">
        <v>83</v>
      </c>
      <c r="B145" s="9" t="s">
        <v>57</v>
      </c>
      <c r="C145" s="9" t="s">
        <v>81</v>
      </c>
      <c r="D145" s="9" t="s">
        <v>77</v>
      </c>
      <c r="E145" s="9" t="s">
        <v>57</v>
      </c>
      <c r="F145" s="9" t="s">
        <v>81</v>
      </c>
      <c r="G145" s="9" t="s">
        <v>84</v>
      </c>
      <c r="H145" s="9" t="s">
        <v>53</v>
      </c>
      <c r="I145" s="9" t="s">
        <v>163</v>
      </c>
      <c r="J145" s="6">
        <v>1935</v>
      </c>
      <c r="K145" s="6">
        <v>1415</v>
      </c>
      <c r="L145" s="6">
        <v>1125</v>
      </c>
      <c r="M145" s="6">
        <v>8</v>
      </c>
      <c r="N145" s="6">
        <v>282</v>
      </c>
      <c r="O145" s="6">
        <v>211</v>
      </c>
      <c r="P145" s="6">
        <v>74</v>
      </c>
      <c r="Q145" s="6">
        <v>198</v>
      </c>
      <c r="R145" s="6">
        <v>27</v>
      </c>
      <c r="S145" s="10" t="s">
        <v>55</v>
      </c>
      <c r="T145" s="6">
        <v>10</v>
      </c>
      <c r="U145" s="6">
        <v>1626</v>
      </c>
    </row>
    <row r="146" spans="1:21">
      <c r="A146" s="9" t="s">
        <v>83</v>
      </c>
      <c r="B146" s="9" t="s">
        <v>57</v>
      </c>
      <c r="C146" s="9" t="s">
        <v>81</v>
      </c>
      <c r="D146" s="9" t="s">
        <v>77</v>
      </c>
      <c r="E146" s="9" t="s">
        <v>57</v>
      </c>
      <c r="F146" s="9" t="s">
        <v>81</v>
      </c>
      <c r="G146" s="9" t="s">
        <v>84</v>
      </c>
      <c r="H146" s="9" t="s">
        <v>53</v>
      </c>
      <c r="I146" s="9" t="s">
        <v>164</v>
      </c>
      <c r="J146" s="6">
        <v>1561</v>
      </c>
      <c r="K146" s="6">
        <v>1146</v>
      </c>
      <c r="L146" s="6">
        <v>833</v>
      </c>
      <c r="M146" s="6">
        <v>15</v>
      </c>
      <c r="N146" s="6">
        <v>298</v>
      </c>
      <c r="O146" s="6">
        <v>55</v>
      </c>
      <c r="P146" s="6">
        <v>117</v>
      </c>
      <c r="Q146" s="6">
        <v>193</v>
      </c>
      <c r="R146" s="6">
        <v>45</v>
      </c>
      <c r="S146" s="10" t="s">
        <v>55</v>
      </c>
      <c r="T146" s="6">
        <v>5</v>
      </c>
      <c r="U146" s="6">
        <v>1201</v>
      </c>
    </row>
    <row r="147" spans="1:21">
      <c r="A147" s="9" t="s">
        <v>83</v>
      </c>
      <c r="B147" s="9" t="s">
        <v>57</v>
      </c>
      <c r="C147" s="9" t="s">
        <v>81</v>
      </c>
      <c r="D147" s="9" t="s">
        <v>77</v>
      </c>
      <c r="E147" s="9" t="s">
        <v>57</v>
      </c>
      <c r="F147" s="9" t="s">
        <v>81</v>
      </c>
      <c r="G147" s="9" t="s">
        <v>84</v>
      </c>
      <c r="H147" s="9" t="s">
        <v>53</v>
      </c>
      <c r="I147" s="9" t="s">
        <v>165</v>
      </c>
      <c r="J147" s="6">
        <v>562</v>
      </c>
      <c r="K147" s="6">
        <v>553</v>
      </c>
      <c r="L147" s="6">
        <v>467</v>
      </c>
      <c r="M147" s="10" t="s">
        <v>55</v>
      </c>
      <c r="N147" s="6">
        <v>86</v>
      </c>
      <c r="O147" s="10" t="s">
        <v>55</v>
      </c>
      <c r="P147" s="10" t="s">
        <v>55</v>
      </c>
      <c r="Q147" s="6">
        <v>6</v>
      </c>
      <c r="R147" s="10" t="s">
        <v>55</v>
      </c>
      <c r="S147" s="10" t="s">
        <v>55</v>
      </c>
      <c r="T147" s="6">
        <v>3</v>
      </c>
      <c r="U147" s="6">
        <v>553</v>
      </c>
    </row>
    <row r="148" spans="1:21">
      <c r="A148" s="9" t="s">
        <v>83</v>
      </c>
      <c r="B148" s="9" t="s">
        <v>57</v>
      </c>
      <c r="C148" s="9" t="s">
        <v>81</v>
      </c>
      <c r="D148" s="9" t="s">
        <v>77</v>
      </c>
      <c r="E148" s="9" t="s">
        <v>57</v>
      </c>
      <c r="F148" s="9" t="s">
        <v>81</v>
      </c>
      <c r="G148" s="9" t="s">
        <v>84</v>
      </c>
      <c r="H148" s="9" t="s">
        <v>53</v>
      </c>
      <c r="I148" s="9" t="s">
        <v>166</v>
      </c>
      <c r="J148" s="6">
        <v>2230</v>
      </c>
      <c r="K148" s="6">
        <v>316</v>
      </c>
      <c r="L148" s="6">
        <v>198</v>
      </c>
      <c r="M148" s="6">
        <v>2</v>
      </c>
      <c r="N148" s="6">
        <v>116</v>
      </c>
      <c r="O148" s="6">
        <v>40</v>
      </c>
      <c r="P148" s="6">
        <v>438</v>
      </c>
      <c r="Q148" s="6">
        <v>919</v>
      </c>
      <c r="R148" s="6">
        <v>516</v>
      </c>
      <c r="S148" s="10" t="s">
        <v>55</v>
      </c>
      <c r="T148" s="6">
        <v>1</v>
      </c>
      <c r="U148" s="6">
        <v>356</v>
      </c>
    </row>
    <row r="149" spans="1:21">
      <c r="A149" s="9" t="s">
        <v>83</v>
      </c>
      <c r="B149" s="9" t="s">
        <v>57</v>
      </c>
      <c r="C149" s="9" t="s">
        <v>81</v>
      </c>
      <c r="D149" s="9" t="s">
        <v>77</v>
      </c>
      <c r="E149" s="9" t="s">
        <v>57</v>
      </c>
      <c r="F149" s="9" t="s">
        <v>81</v>
      </c>
      <c r="G149" s="9" t="s">
        <v>84</v>
      </c>
      <c r="H149" s="9" t="s">
        <v>53</v>
      </c>
      <c r="I149" s="9" t="s">
        <v>167</v>
      </c>
      <c r="J149" s="6">
        <v>4387</v>
      </c>
      <c r="K149" s="6">
        <v>3817</v>
      </c>
      <c r="L149" s="6">
        <v>3379</v>
      </c>
      <c r="M149" s="6">
        <v>157</v>
      </c>
      <c r="N149" s="6">
        <v>281</v>
      </c>
      <c r="O149" s="6">
        <v>136</v>
      </c>
      <c r="P149" s="6">
        <v>81</v>
      </c>
      <c r="Q149" s="6">
        <v>288</v>
      </c>
      <c r="R149" s="6">
        <v>38</v>
      </c>
      <c r="S149" s="6">
        <v>2</v>
      </c>
      <c r="T149" s="6">
        <v>25</v>
      </c>
      <c r="U149" s="6">
        <v>3953</v>
      </c>
    </row>
    <row r="150" spans="1:21">
      <c r="A150" s="9" t="s">
        <v>83</v>
      </c>
      <c r="B150" s="9" t="s">
        <v>57</v>
      </c>
      <c r="C150" s="9" t="s">
        <v>81</v>
      </c>
      <c r="D150" s="9" t="s">
        <v>77</v>
      </c>
      <c r="E150" s="9" t="s">
        <v>57</v>
      </c>
      <c r="F150" s="9" t="s">
        <v>81</v>
      </c>
      <c r="G150" s="9" t="s">
        <v>84</v>
      </c>
      <c r="H150" s="9" t="s">
        <v>53</v>
      </c>
      <c r="I150" s="9" t="s">
        <v>168</v>
      </c>
      <c r="J150" s="6">
        <v>1698</v>
      </c>
      <c r="K150" s="6">
        <v>1618</v>
      </c>
      <c r="L150" s="6">
        <v>1405</v>
      </c>
      <c r="M150" s="6">
        <v>19</v>
      </c>
      <c r="N150" s="6">
        <v>194</v>
      </c>
      <c r="O150" s="6">
        <v>36</v>
      </c>
      <c r="P150" s="6">
        <v>9</v>
      </c>
      <c r="Q150" s="6">
        <v>27</v>
      </c>
      <c r="R150" s="10" t="s">
        <v>55</v>
      </c>
      <c r="S150" s="10" t="s">
        <v>55</v>
      </c>
      <c r="T150" s="6">
        <v>8</v>
      </c>
      <c r="U150" s="6">
        <v>1654</v>
      </c>
    </row>
    <row r="151" spans="1:21">
      <c r="A151" s="9" t="s">
        <v>83</v>
      </c>
      <c r="B151" s="9" t="s">
        <v>57</v>
      </c>
      <c r="C151" s="9" t="s">
        <v>81</v>
      </c>
      <c r="D151" s="9" t="s">
        <v>77</v>
      </c>
      <c r="E151" s="9" t="s">
        <v>57</v>
      </c>
      <c r="F151" s="9" t="s">
        <v>81</v>
      </c>
      <c r="G151" s="9" t="s">
        <v>84</v>
      </c>
      <c r="H151" s="9" t="s">
        <v>53</v>
      </c>
      <c r="I151" s="9" t="s">
        <v>169</v>
      </c>
      <c r="J151" s="6">
        <v>2098</v>
      </c>
      <c r="K151" s="6">
        <v>1388</v>
      </c>
      <c r="L151" s="6">
        <v>1247</v>
      </c>
      <c r="M151" s="10" t="s">
        <v>55</v>
      </c>
      <c r="N151" s="6">
        <v>141</v>
      </c>
      <c r="O151" s="6">
        <v>174</v>
      </c>
      <c r="P151" s="6">
        <v>109</v>
      </c>
      <c r="Q151" s="6">
        <v>382</v>
      </c>
      <c r="R151" s="6">
        <v>37</v>
      </c>
      <c r="S151" s="10" t="s">
        <v>55</v>
      </c>
      <c r="T151" s="6">
        <v>8</v>
      </c>
      <c r="U151" s="6">
        <v>1562</v>
      </c>
    </row>
    <row r="152" spans="1:21">
      <c r="A152" s="9" t="s">
        <v>83</v>
      </c>
      <c r="B152" s="9" t="s">
        <v>57</v>
      </c>
      <c r="C152" s="9" t="s">
        <v>81</v>
      </c>
      <c r="D152" s="9" t="s">
        <v>77</v>
      </c>
      <c r="E152" s="9" t="s">
        <v>57</v>
      </c>
      <c r="F152" s="9" t="s">
        <v>81</v>
      </c>
      <c r="G152" s="9" t="s">
        <v>84</v>
      </c>
      <c r="H152" s="9" t="s">
        <v>53</v>
      </c>
      <c r="I152" s="9" t="s">
        <v>170</v>
      </c>
      <c r="J152" s="6">
        <v>1792</v>
      </c>
      <c r="K152" s="6">
        <v>1590</v>
      </c>
      <c r="L152" s="6">
        <v>977</v>
      </c>
      <c r="M152" s="6">
        <v>66</v>
      </c>
      <c r="N152" s="6">
        <v>547</v>
      </c>
      <c r="O152" s="6">
        <v>30</v>
      </c>
      <c r="P152" s="6">
        <v>19</v>
      </c>
      <c r="Q152" s="6">
        <v>140</v>
      </c>
      <c r="R152" s="6">
        <v>8</v>
      </c>
      <c r="S152" s="10" t="s">
        <v>55</v>
      </c>
      <c r="T152" s="6">
        <v>5</v>
      </c>
      <c r="U152" s="6">
        <v>1620</v>
      </c>
    </row>
    <row r="153" spans="1:21">
      <c r="A153" s="9" t="s">
        <v>83</v>
      </c>
      <c r="B153" s="9" t="s">
        <v>57</v>
      </c>
      <c r="C153" s="9" t="s">
        <v>81</v>
      </c>
      <c r="D153" s="9" t="s">
        <v>77</v>
      </c>
      <c r="E153" s="9" t="s">
        <v>57</v>
      </c>
      <c r="F153" s="9" t="s">
        <v>81</v>
      </c>
      <c r="G153" s="9" t="s">
        <v>84</v>
      </c>
      <c r="H153" s="9" t="s">
        <v>53</v>
      </c>
      <c r="I153" s="9" t="s">
        <v>171</v>
      </c>
      <c r="J153" s="6">
        <v>192</v>
      </c>
      <c r="K153" s="6">
        <v>58</v>
      </c>
      <c r="L153" s="6">
        <v>29</v>
      </c>
      <c r="M153" s="6">
        <v>12</v>
      </c>
      <c r="N153" s="6">
        <v>17</v>
      </c>
      <c r="O153" s="6">
        <v>6</v>
      </c>
      <c r="P153" s="6">
        <v>5</v>
      </c>
      <c r="Q153" s="6">
        <v>30</v>
      </c>
      <c r="R153" s="6">
        <v>3</v>
      </c>
      <c r="S153" s="10" t="s">
        <v>55</v>
      </c>
      <c r="T153" s="6">
        <v>90</v>
      </c>
      <c r="U153" s="6">
        <v>64</v>
      </c>
    </row>
    <row r="154" spans="1:21">
      <c r="A154" s="9" t="s">
        <v>83</v>
      </c>
      <c r="B154" s="9" t="s">
        <v>57</v>
      </c>
      <c r="C154" s="9" t="s">
        <v>81</v>
      </c>
      <c r="D154" s="9" t="s">
        <v>77</v>
      </c>
      <c r="E154" s="9" t="s">
        <v>57</v>
      </c>
      <c r="F154" s="9" t="s">
        <v>81</v>
      </c>
      <c r="G154" s="9" t="s">
        <v>84</v>
      </c>
      <c r="H154" s="9" t="s">
        <v>54</v>
      </c>
      <c r="I154" s="9" t="s">
        <v>6</v>
      </c>
      <c r="J154" s="6">
        <v>21601</v>
      </c>
      <c r="K154" s="6">
        <v>17741</v>
      </c>
      <c r="L154" s="6">
        <v>9408</v>
      </c>
      <c r="M154" s="6">
        <v>373</v>
      </c>
      <c r="N154" s="6">
        <v>7960</v>
      </c>
      <c r="O154" s="6">
        <v>662</v>
      </c>
      <c r="P154" s="6">
        <v>207</v>
      </c>
      <c r="Q154" s="6">
        <v>799</v>
      </c>
      <c r="R154" s="6">
        <v>2036</v>
      </c>
      <c r="S154" s="6">
        <v>22</v>
      </c>
      <c r="T154" s="6">
        <v>134</v>
      </c>
      <c r="U154" s="6">
        <v>18403</v>
      </c>
    </row>
    <row r="155" spans="1:21">
      <c r="A155" s="9" t="s">
        <v>83</v>
      </c>
      <c r="B155" s="9" t="s">
        <v>57</v>
      </c>
      <c r="C155" s="9" t="s">
        <v>81</v>
      </c>
      <c r="D155" s="9" t="s">
        <v>77</v>
      </c>
      <c r="E155" s="9" t="s">
        <v>57</v>
      </c>
      <c r="F155" s="9" t="s">
        <v>81</v>
      </c>
      <c r="G155" s="9" t="s">
        <v>84</v>
      </c>
      <c r="H155" s="9" t="s">
        <v>54</v>
      </c>
      <c r="I155" s="9" t="s">
        <v>160</v>
      </c>
      <c r="J155" s="6">
        <v>177</v>
      </c>
      <c r="K155" s="6">
        <v>14</v>
      </c>
      <c r="L155" s="6">
        <v>14</v>
      </c>
      <c r="M155" s="10" t="s">
        <v>55</v>
      </c>
      <c r="N155" s="10" t="s">
        <v>55</v>
      </c>
      <c r="O155" s="6">
        <v>130</v>
      </c>
      <c r="P155" s="6">
        <v>31</v>
      </c>
      <c r="Q155" s="10" t="s">
        <v>55</v>
      </c>
      <c r="R155" s="6">
        <v>2</v>
      </c>
      <c r="S155" s="10" t="s">
        <v>55</v>
      </c>
      <c r="T155" s="10" t="s">
        <v>55</v>
      </c>
      <c r="U155" s="6">
        <v>144</v>
      </c>
    </row>
    <row r="156" spans="1:21">
      <c r="A156" s="9" t="s">
        <v>83</v>
      </c>
      <c r="B156" s="9" t="s">
        <v>57</v>
      </c>
      <c r="C156" s="9" t="s">
        <v>81</v>
      </c>
      <c r="D156" s="9" t="s">
        <v>77</v>
      </c>
      <c r="E156" s="9" t="s">
        <v>57</v>
      </c>
      <c r="F156" s="9" t="s">
        <v>81</v>
      </c>
      <c r="G156" s="9" t="s">
        <v>84</v>
      </c>
      <c r="H156" s="9" t="s">
        <v>54</v>
      </c>
      <c r="I156" s="9" t="s">
        <v>161</v>
      </c>
      <c r="J156" s="6">
        <v>4232</v>
      </c>
      <c r="K156" s="6">
        <v>3945</v>
      </c>
      <c r="L156" s="6">
        <v>3049</v>
      </c>
      <c r="M156" s="6">
        <v>15</v>
      </c>
      <c r="N156" s="6">
        <v>881</v>
      </c>
      <c r="O156" s="6">
        <v>54</v>
      </c>
      <c r="P156" s="6">
        <v>30</v>
      </c>
      <c r="Q156" s="6">
        <v>147</v>
      </c>
      <c r="R156" s="6">
        <v>41</v>
      </c>
      <c r="S156" s="10" t="s">
        <v>55</v>
      </c>
      <c r="T156" s="6">
        <v>15</v>
      </c>
      <c r="U156" s="6">
        <v>3999</v>
      </c>
    </row>
    <row r="157" spans="1:21">
      <c r="A157" s="9" t="s">
        <v>83</v>
      </c>
      <c r="B157" s="9" t="s">
        <v>57</v>
      </c>
      <c r="C157" s="9" t="s">
        <v>81</v>
      </c>
      <c r="D157" s="9" t="s">
        <v>77</v>
      </c>
      <c r="E157" s="9" t="s">
        <v>57</v>
      </c>
      <c r="F157" s="9" t="s">
        <v>81</v>
      </c>
      <c r="G157" s="9" t="s">
        <v>84</v>
      </c>
      <c r="H157" s="9" t="s">
        <v>54</v>
      </c>
      <c r="I157" s="9" t="s">
        <v>162</v>
      </c>
      <c r="J157" s="6">
        <v>4896</v>
      </c>
      <c r="K157" s="6">
        <v>4295</v>
      </c>
      <c r="L157" s="6">
        <v>2787</v>
      </c>
      <c r="M157" s="6">
        <v>115</v>
      </c>
      <c r="N157" s="6">
        <v>1393</v>
      </c>
      <c r="O157" s="6">
        <v>299</v>
      </c>
      <c r="P157" s="6">
        <v>3</v>
      </c>
      <c r="Q157" s="6">
        <v>6</v>
      </c>
      <c r="R157" s="6">
        <v>285</v>
      </c>
      <c r="S157" s="10" t="s">
        <v>55</v>
      </c>
      <c r="T157" s="6">
        <v>8</v>
      </c>
      <c r="U157" s="6">
        <v>4594</v>
      </c>
    </row>
    <row r="158" spans="1:21">
      <c r="A158" s="9" t="s">
        <v>83</v>
      </c>
      <c r="B158" s="9" t="s">
        <v>57</v>
      </c>
      <c r="C158" s="9" t="s">
        <v>81</v>
      </c>
      <c r="D158" s="9" t="s">
        <v>77</v>
      </c>
      <c r="E158" s="9" t="s">
        <v>57</v>
      </c>
      <c r="F158" s="9" t="s">
        <v>81</v>
      </c>
      <c r="G158" s="9" t="s">
        <v>84</v>
      </c>
      <c r="H158" s="9" t="s">
        <v>54</v>
      </c>
      <c r="I158" s="9" t="s">
        <v>163</v>
      </c>
      <c r="J158" s="6">
        <v>2321</v>
      </c>
      <c r="K158" s="6">
        <v>1995</v>
      </c>
      <c r="L158" s="6">
        <v>658</v>
      </c>
      <c r="M158" s="6">
        <v>30</v>
      </c>
      <c r="N158" s="6">
        <v>1307</v>
      </c>
      <c r="O158" s="6">
        <v>63</v>
      </c>
      <c r="P158" s="6">
        <v>22</v>
      </c>
      <c r="Q158" s="6">
        <v>134</v>
      </c>
      <c r="R158" s="6">
        <v>100</v>
      </c>
      <c r="S158" s="10" t="s">
        <v>55</v>
      </c>
      <c r="T158" s="6">
        <v>7</v>
      </c>
      <c r="U158" s="6">
        <v>2058</v>
      </c>
    </row>
    <row r="159" spans="1:21">
      <c r="A159" s="9" t="s">
        <v>83</v>
      </c>
      <c r="B159" s="9" t="s">
        <v>57</v>
      </c>
      <c r="C159" s="9" t="s">
        <v>81</v>
      </c>
      <c r="D159" s="9" t="s">
        <v>77</v>
      </c>
      <c r="E159" s="9" t="s">
        <v>57</v>
      </c>
      <c r="F159" s="9" t="s">
        <v>81</v>
      </c>
      <c r="G159" s="9" t="s">
        <v>84</v>
      </c>
      <c r="H159" s="9" t="s">
        <v>54</v>
      </c>
      <c r="I159" s="9" t="s">
        <v>164</v>
      </c>
      <c r="J159" s="6">
        <v>3971</v>
      </c>
      <c r="K159" s="6">
        <v>3348</v>
      </c>
      <c r="L159" s="6">
        <v>1537</v>
      </c>
      <c r="M159" s="6">
        <v>47</v>
      </c>
      <c r="N159" s="6">
        <v>1764</v>
      </c>
      <c r="O159" s="6">
        <v>60</v>
      </c>
      <c r="P159" s="6">
        <v>93</v>
      </c>
      <c r="Q159" s="6">
        <v>256</v>
      </c>
      <c r="R159" s="6">
        <v>199</v>
      </c>
      <c r="S159" s="10" t="s">
        <v>55</v>
      </c>
      <c r="T159" s="6">
        <v>15</v>
      </c>
      <c r="U159" s="6">
        <v>3408</v>
      </c>
    </row>
    <row r="160" spans="1:21">
      <c r="A160" s="9" t="s">
        <v>83</v>
      </c>
      <c r="B160" s="9" t="s">
        <v>57</v>
      </c>
      <c r="C160" s="9" t="s">
        <v>81</v>
      </c>
      <c r="D160" s="9" t="s">
        <v>77</v>
      </c>
      <c r="E160" s="9" t="s">
        <v>57</v>
      </c>
      <c r="F160" s="9" t="s">
        <v>81</v>
      </c>
      <c r="G160" s="9" t="s">
        <v>84</v>
      </c>
      <c r="H160" s="9" t="s">
        <v>54</v>
      </c>
      <c r="I160" s="9" t="s">
        <v>165</v>
      </c>
      <c r="J160" s="6">
        <v>30</v>
      </c>
      <c r="K160" s="6">
        <v>30</v>
      </c>
      <c r="L160" s="6">
        <v>27</v>
      </c>
      <c r="M160" s="10" t="s">
        <v>55</v>
      </c>
      <c r="N160" s="6">
        <v>3</v>
      </c>
      <c r="O160" s="10" t="s">
        <v>55</v>
      </c>
      <c r="P160" s="10" t="s">
        <v>55</v>
      </c>
      <c r="Q160" s="10" t="s">
        <v>55</v>
      </c>
      <c r="R160" s="10" t="s">
        <v>55</v>
      </c>
      <c r="S160" s="10" t="s">
        <v>55</v>
      </c>
      <c r="T160" s="10" t="s">
        <v>55</v>
      </c>
      <c r="U160" s="6">
        <v>30</v>
      </c>
    </row>
    <row r="161" spans="1:21">
      <c r="A161" s="9" t="s">
        <v>83</v>
      </c>
      <c r="B161" s="9" t="s">
        <v>57</v>
      </c>
      <c r="C161" s="9" t="s">
        <v>81</v>
      </c>
      <c r="D161" s="9" t="s">
        <v>77</v>
      </c>
      <c r="E161" s="9" t="s">
        <v>57</v>
      </c>
      <c r="F161" s="9" t="s">
        <v>81</v>
      </c>
      <c r="G161" s="9" t="s">
        <v>84</v>
      </c>
      <c r="H161" s="9" t="s">
        <v>54</v>
      </c>
      <c r="I161" s="9" t="s">
        <v>166</v>
      </c>
      <c r="J161" s="6">
        <v>2445</v>
      </c>
      <c r="K161" s="6">
        <v>1063</v>
      </c>
      <c r="L161" s="6">
        <v>412</v>
      </c>
      <c r="M161" s="6">
        <v>30</v>
      </c>
      <c r="N161" s="6">
        <v>621</v>
      </c>
      <c r="O161" s="6">
        <v>14</v>
      </c>
      <c r="P161" s="6">
        <v>18</v>
      </c>
      <c r="Q161" s="6">
        <v>67</v>
      </c>
      <c r="R161" s="6">
        <v>1279</v>
      </c>
      <c r="S161" s="10" t="s">
        <v>55</v>
      </c>
      <c r="T161" s="6">
        <v>4</v>
      </c>
      <c r="U161" s="6">
        <v>1077</v>
      </c>
    </row>
    <row r="162" spans="1:21">
      <c r="A162" s="9" t="s">
        <v>83</v>
      </c>
      <c r="B162" s="9" t="s">
        <v>57</v>
      </c>
      <c r="C162" s="9" t="s">
        <v>81</v>
      </c>
      <c r="D162" s="9" t="s">
        <v>77</v>
      </c>
      <c r="E162" s="9" t="s">
        <v>57</v>
      </c>
      <c r="F162" s="9" t="s">
        <v>81</v>
      </c>
      <c r="G162" s="9" t="s">
        <v>84</v>
      </c>
      <c r="H162" s="9" t="s">
        <v>54</v>
      </c>
      <c r="I162" s="9" t="s">
        <v>167</v>
      </c>
      <c r="J162" s="6">
        <v>1572</v>
      </c>
      <c r="K162" s="6">
        <v>1379</v>
      </c>
      <c r="L162" s="6">
        <v>597</v>
      </c>
      <c r="M162" s="6">
        <v>72</v>
      </c>
      <c r="N162" s="6">
        <v>710</v>
      </c>
      <c r="O162" s="6">
        <v>21</v>
      </c>
      <c r="P162" s="6">
        <v>6</v>
      </c>
      <c r="Q162" s="6">
        <v>76</v>
      </c>
      <c r="R162" s="6">
        <v>64</v>
      </c>
      <c r="S162" s="6">
        <v>21</v>
      </c>
      <c r="T162" s="6">
        <v>5</v>
      </c>
      <c r="U162" s="6">
        <v>1400</v>
      </c>
    </row>
    <row r="163" spans="1:21">
      <c r="A163" s="9" t="s">
        <v>83</v>
      </c>
      <c r="B163" s="9" t="s">
        <v>57</v>
      </c>
      <c r="C163" s="9" t="s">
        <v>81</v>
      </c>
      <c r="D163" s="9" t="s">
        <v>77</v>
      </c>
      <c r="E163" s="9" t="s">
        <v>57</v>
      </c>
      <c r="F163" s="9" t="s">
        <v>81</v>
      </c>
      <c r="G163" s="9" t="s">
        <v>84</v>
      </c>
      <c r="H163" s="9" t="s">
        <v>54</v>
      </c>
      <c r="I163" s="9" t="s">
        <v>168</v>
      </c>
      <c r="J163" s="6">
        <v>39</v>
      </c>
      <c r="K163" s="6">
        <v>35</v>
      </c>
      <c r="L163" s="6">
        <v>25</v>
      </c>
      <c r="M163" s="10" t="s">
        <v>55</v>
      </c>
      <c r="N163" s="6">
        <v>10</v>
      </c>
      <c r="O163" s="6">
        <v>2</v>
      </c>
      <c r="P163" s="10" t="s">
        <v>55</v>
      </c>
      <c r="Q163" s="10" t="s">
        <v>55</v>
      </c>
      <c r="R163" s="6">
        <v>2</v>
      </c>
      <c r="S163" s="10" t="s">
        <v>55</v>
      </c>
      <c r="T163" s="10" t="s">
        <v>55</v>
      </c>
      <c r="U163" s="6">
        <v>37</v>
      </c>
    </row>
    <row r="164" spans="1:21">
      <c r="A164" s="9" t="s">
        <v>83</v>
      </c>
      <c r="B164" s="9" t="s">
        <v>57</v>
      </c>
      <c r="C164" s="9" t="s">
        <v>81</v>
      </c>
      <c r="D164" s="9" t="s">
        <v>77</v>
      </c>
      <c r="E164" s="9" t="s">
        <v>57</v>
      </c>
      <c r="F164" s="9" t="s">
        <v>81</v>
      </c>
      <c r="G164" s="9" t="s">
        <v>84</v>
      </c>
      <c r="H164" s="9" t="s">
        <v>54</v>
      </c>
      <c r="I164" s="9" t="s">
        <v>169</v>
      </c>
      <c r="J164" s="6">
        <v>67</v>
      </c>
      <c r="K164" s="6">
        <v>29</v>
      </c>
      <c r="L164" s="6">
        <v>22</v>
      </c>
      <c r="M164" s="10" t="s">
        <v>55</v>
      </c>
      <c r="N164" s="6">
        <v>7</v>
      </c>
      <c r="O164" s="6">
        <v>6</v>
      </c>
      <c r="P164" s="10" t="s">
        <v>55</v>
      </c>
      <c r="Q164" s="6">
        <v>1</v>
      </c>
      <c r="R164" s="6">
        <v>30</v>
      </c>
      <c r="S164" s="10" t="s">
        <v>55</v>
      </c>
      <c r="T164" s="6">
        <v>1</v>
      </c>
      <c r="U164" s="6">
        <v>35</v>
      </c>
    </row>
    <row r="165" spans="1:21">
      <c r="A165" s="9" t="s">
        <v>83</v>
      </c>
      <c r="B165" s="9" t="s">
        <v>57</v>
      </c>
      <c r="C165" s="9" t="s">
        <v>81</v>
      </c>
      <c r="D165" s="9" t="s">
        <v>77</v>
      </c>
      <c r="E165" s="9" t="s">
        <v>57</v>
      </c>
      <c r="F165" s="9" t="s">
        <v>81</v>
      </c>
      <c r="G165" s="9" t="s">
        <v>84</v>
      </c>
      <c r="H165" s="9" t="s">
        <v>54</v>
      </c>
      <c r="I165" s="9" t="s">
        <v>170</v>
      </c>
      <c r="J165" s="6">
        <v>1715</v>
      </c>
      <c r="K165" s="6">
        <v>1564</v>
      </c>
      <c r="L165" s="6">
        <v>262</v>
      </c>
      <c r="M165" s="6">
        <v>61</v>
      </c>
      <c r="N165" s="6">
        <v>1241</v>
      </c>
      <c r="O165" s="6">
        <v>10</v>
      </c>
      <c r="P165" s="6">
        <v>1</v>
      </c>
      <c r="Q165" s="6">
        <v>103</v>
      </c>
      <c r="R165" s="6">
        <v>26</v>
      </c>
      <c r="S165" s="6">
        <v>1</v>
      </c>
      <c r="T165" s="6">
        <v>10</v>
      </c>
      <c r="U165" s="6">
        <v>1574</v>
      </c>
    </row>
    <row r="166" spans="1:21">
      <c r="A166" s="9" t="s">
        <v>83</v>
      </c>
      <c r="B166" s="9" t="s">
        <v>57</v>
      </c>
      <c r="C166" s="9" t="s">
        <v>81</v>
      </c>
      <c r="D166" s="9" t="s">
        <v>77</v>
      </c>
      <c r="E166" s="9" t="s">
        <v>57</v>
      </c>
      <c r="F166" s="9" t="s">
        <v>81</v>
      </c>
      <c r="G166" s="9" t="s">
        <v>84</v>
      </c>
      <c r="H166" s="9" t="s">
        <v>54</v>
      </c>
      <c r="I166" s="9" t="s">
        <v>171</v>
      </c>
      <c r="J166" s="6">
        <v>136</v>
      </c>
      <c r="K166" s="6">
        <v>44</v>
      </c>
      <c r="L166" s="6">
        <v>18</v>
      </c>
      <c r="M166" s="6">
        <v>3</v>
      </c>
      <c r="N166" s="6">
        <v>23</v>
      </c>
      <c r="O166" s="6">
        <v>3</v>
      </c>
      <c r="P166" s="6">
        <v>3</v>
      </c>
      <c r="Q166" s="6">
        <v>9</v>
      </c>
      <c r="R166" s="6">
        <v>8</v>
      </c>
      <c r="S166" s="10" t="s">
        <v>55</v>
      </c>
      <c r="T166" s="6">
        <v>69</v>
      </c>
      <c r="U166" s="6">
        <v>47</v>
      </c>
    </row>
    <row r="167" spans="1:21">
      <c r="A167" s="9" t="s">
        <v>83</v>
      </c>
      <c r="B167" s="9" t="s">
        <v>57</v>
      </c>
      <c r="C167" s="9" t="s">
        <v>85</v>
      </c>
      <c r="D167" s="9" t="s">
        <v>77</v>
      </c>
      <c r="E167" s="9" t="s">
        <v>57</v>
      </c>
      <c r="F167" s="9" t="s">
        <v>81</v>
      </c>
      <c r="G167" s="9" t="s">
        <v>86</v>
      </c>
      <c r="H167" s="9" t="s">
        <v>6</v>
      </c>
      <c r="I167" s="9" t="s">
        <v>6</v>
      </c>
      <c r="J167" s="6">
        <v>835</v>
      </c>
      <c r="K167" s="6">
        <v>628</v>
      </c>
      <c r="L167" s="6">
        <v>423</v>
      </c>
      <c r="M167" s="6">
        <v>15</v>
      </c>
      <c r="N167" s="6">
        <v>190</v>
      </c>
      <c r="O167" s="6">
        <v>29</v>
      </c>
      <c r="P167" s="6">
        <v>14</v>
      </c>
      <c r="Q167" s="6">
        <v>105</v>
      </c>
      <c r="R167" s="6">
        <v>48</v>
      </c>
      <c r="S167" s="6">
        <v>1</v>
      </c>
      <c r="T167" s="6">
        <v>10</v>
      </c>
      <c r="U167" s="6">
        <v>657</v>
      </c>
    </row>
    <row r="168" spans="1:21">
      <c r="A168" s="9" t="s">
        <v>83</v>
      </c>
      <c r="B168" s="9" t="s">
        <v>57</v>
      </c>
      <c r="C168" s="9" t="s">
        <v>85</v>
      </c>
      <c r="D168" s="9" t="s">
        <v>77</v>
      </c>
      <c r="E168" s="9" t="s">
        <v>57</v>
      </c>
      <c r="F168" s="9" t="s">
        <v>81</v>
      </c>
      <c r="G168" s="9" t="s">
        <v>86</v>
      </c>
      <c r="H168" s="9" t="s">
        <v>6</v>
      </c>
      <c r="I168" s="9" t="s">
        <v>160</v>
      </c>
      <c r="J168" s="6">
        <v>26</v>
      </c>
      <c r="K168" s="6">
        <v>12</v>
      </c>
      <c r="L168" s="6">
        <v>11</v>
      </c>
      <c r="M168" s="10" t="s">
        <v>55</v>
      </c>
      <c r="N168" s="6">
        <v>1</v>
      </c>
      <c r="O168" s="6">
        <v>12</v>
      </c>
      <c r="P168" s="6">
        <v>2</v>
      </c>
      <c r="Q168" s="10" t="s">
        <v>55</v>
      </c>
      <c r="R168" s="10" t="s">
        <v>55</v>
      </c>
      <c r="S168" s="10" t="s">
        <v>55</v>
      </c>
      <c r="T168" s="10" t="s">
        <v>55</v>
      </c>
      <c r="U168" s="6">
        <v>24</v>
      </c>
    </row>
    <row r="169" spans="1:21">
      <c r="A169" s="9" t="s">
        <v>83</v>
      </c>
      <c r="B169" s="9" t="s">
        <v>57</v>
      </c>
      <c r="C169" s="9" t="s">
        <v>85</v>
      </c>
      <c r="D169" s="9" t="s">
        <v>77</v>
      </c>
      <c r="E169" s="9" t="s">
        <v>57</v>
      </c>
      <c r="F169" s="9" t="s">
        <v>81</v>
      </c>
      <c r="G169" s="9" t="s">
        <v>86</v>
      </c>
      <c r="H169" s="9" t="s">
        <v>6</v>
      </c>
      <c r="I169" s="9" t="s">
        <v>161</v>
      </c>
      <c r="J169" s="6">
        <v>86</v>
      </c>
      <c r="K169" s="6">
        <v>76</v>
      </c>
      <c r="L169" s="6">
        <v>51</v>
      </c>
      <c r="M169" s="6">
        <v>2</v>
      </c>
      <c r="N169" s="6">
        <v>23</v>
      </c>
      <c r="O169" s="6">
        <v>4</v>
      </c>
      <c r="P169" s="6">
        <v>1</v>
      </c>
      <c r="Q169" s="6">
        <v>4</v>
      </c>
      <c r="R169" s="6">
        <v>1</v>
      </c>
      <c r="S169" s="10" t="s">
        <v>55</v>
      </c>
      <c r="T169" s="10" t="s">
        <v>55</v>
      </c>
      <c r="U169" s="6">
        <v>80</v>
      </c>
    </row>
    <row r="170" spans="1:21">
      <c r="A170" s="9" t="s">
        <v>83</v>
      </c>
      <c r="B170" s="9" t="s">
        <v>57</v>
      </c>
      <c r="C170" s="9" t="s">
        <v>85</v>
      </c>
      <c r="D170" s="9" t="s">
        <v>77</v>
      </c>
      <c r="E170" s="9" t="s">
        <v>57</v>
      </c>
      <c r="F170" s="9" t="s">
        <v>81</v>
      </c>
      <c r="G170" s="9" t="s">
        <v>86</v>
      </c>
      <c r="H170" s="9" t="s">
        <v>6</v>
      </c>
      <c r="I170" s="9" t="s">
        <v>162</v>
      </c>
      <c r="J170" s="6">
        <v>98</v>
      </c>
      <c r="K170" s="6">
        <v>88</v>
      </c>
      <c r="L170" s="6">
        <v>63</v>
      </c>
      <c r="M170" s="6">
        <v>3</v>
      </c>
      <c r="N170" s="6">
        <v>22</v>
      </c>
      <c r="O170" s="6">
        <v>3</v>
      </c>
      <c r="P170" s="10" t="s">
        <v>55</v>
      </c>
      <c r="Q170" s="6">
        <v>1</v>
      </c>
      <c r="R170" s="6">
        <v>5</v>
      </c>
      <c r="S170" s="10" t="s">
        <v>55</v>
      </c>
      <c r="T170" s="6">
        <v>1</v>
      </c>
      <c r="U170" s="6">
        <v>91</v>
      </c>
    </row>
    <row r="171" spans="1:21">
      <c r="A171" s="9" t="s">
        <v>83</v>
      </c>
      <c r="B171" s="9" t="s">
        <v>57</v>
      </c>
      <c r="C171" s="9" t="s">
        <v>85</v>
      </c>
      <c r="D171" s="9" t="s">
        <v>77</v>
      </c>
      <c r="E171" s="9" t="s">
        <v>57</v>
      </c>
      <c r="F171" s="9" t="s">
        <v>81</v>
      </c>
      <c r="G171" s="9" t="s">
        <v>86</v>
      </c>
      <c r="H171" s="9" t="s">
        <v>6</v>
      </c>
      <c r="I171" s="9" t="s">
        <v>163</v>
      </c>
      <c r="J171" s="6">
        <v>59</v>
      </c>
      <c r="K171" s="6">
        <v>46</v>
      </c>
      <c r="L171" s="6">
        <v>32</v>
      </c>
      <c r="M171" s="6">
        <v>1</v>
      </c>
      <c r="N171" s="6">
        <v>13</v>
      </c>
      <c r="O171" s="6">
        <v>2</v>
      </c>
      <c r="P171" s="6">
        <v>2</v>
      </c>
      <c r="Q171" s="6">
        <v>6</v>
      </c>
      <c r="R171" s="6">
        <v>3</v>
      </c>
      <c r="S171" s="10" t="s">
        <v>55</v>
      </c>
      <c r="T171" s="10" t="s">
        <v>55</v>
      </c>
      <c r="U171" s="6">
        <v>48</v>
      </c>
    </row>
    <row r="172" spans="1:21">
      <c r="A172" s="9" t="s">
        <v>83</v>
      </c>
      <c r="B172" s="9" t="s">
        <v>57</v>
      </c>
      <c r="C172" s="9" t="s">
        <v>85</v>
      </c>
      <c r="D172" s="9" t="s">
        <v>77</v>
      </c>
      <c r="E172" s="9" t="s">
        <v>57</v>
      </c>
      <c r="F172" s="9" t="s">
        <v>81</v>
      </c>
      <c r="G172" s="9" t="s">
        <v>86</v>
      </c>
      <c r="H172" s="9" t="s">
        <v>6</v>
      </c>
      <c r="I172" s="9" t="s">
        <v>164</v>
      </c>
      <c r="J172" s="6">
        <v>123</v>
      </c>
      <c r="K172" s="6">
        <v>107</v>
      </c>
      <c r="L172" s="6">
        <v>72</v>
      </c>
      <c r="M172" s="6">
        <v>1</v>
      </c>
      <c r="N172" s="6">
        <v>34</v>
      </c>
      <c r="O172" s="6">
        <v>3</v>
      </c>
      <c r="P172" s="6">
        <v>1</v>
      </c>
      <c r="Q172" s="6">
        <v>8</v>
      </c>
      <c r="R172" s="6">
        <v>3</v>
      </c>
      <c r="S172" s="10" t="s">
        <v>55</v>
      </c>
      <c r="T172" s="6">
        <v>1</v>
      </c>
      <c r="U172" s="6">
        <v>110</v>
      </c>
    </row>
    <row r="173" spans="1:21">
      <c r="A173" s="9" t="s">
        <v>83</v>
      </c>
      <c r="B173" s="9" t="s">
        <v>57</v>
      </c>
      <c r="C173" s="9" t="s">
        <v>85</v>
      </c>
      <c r="D173" s="9" t="s">
        <v>77</v>
      </c>
      <c r="E173" s="9" t="s">
        <v>57</v>
      </c>
      <c r="F173" s="9" t="s">
        <v>81</v>
      </c>
      <c r="G173" s="9" t="s">
        <v>86</v>
      </c>
      <c r="H173" s="9" t="s">
        <v>6</v>
      </c>
      <c r="I173" s="9" t="s">
        <v>165</v>
      </c>
      <c r="J173" s="6">
        <v>11</v>
      </c>
      <c r="K173" s="6">
        <v>10</v>
      </c>
      <c r="L173" s="6">
        <v>7</v>
      </c>
      <c r="M173" s="10" t="s">
        <v>55</v>
      </c>
      <c r="N173" s="6">
        <v>3</v>
      </c>
      <c r="O173" s="10" t="s">
        <v>55</v>
      </c>
      <c r="P173" s="10" t="s">
        <v>55</v>
      </c>
      <c r="Q173" s="6">
        <v>1</v>
      </c>
      <c r="R173" s="10" t="s">
        <v>55</v>
      </c>
      <c r="S173" s="10" t="s">
        <v>55</v>
      </c>
      <c r="T173" s="10" t="s">
        <v>55</v>
      </c>
      <c r="U173" s="6">
        <v>10</v>
      </c>
    </row>
    <row r="174" spans="1:21">
      <c r="A174" s="9" t="s">
        <v>83</v>
      </c>
      <c r="B174" s="9" t="s">
        <v>57</v>
      </c>
      <c r="C174" s="9" t="s">
        <v>85</v>
      </c>
      <c r="D174" s="9" t="s">
        <v>77</v>
      </c>
      <c r="E174" s="9" t="s">
        <v>57</v>
      </c>
      <c r="F174" s="9" t="s">
        <v>81</v>
      </c>
      <c r="G174" s="9" t="s">
        <v>86</v>
      </c>
      <c r="H174" s="9" t="s">
        <v>6</v>
      </c>
      <c r="I174" s="9" t="s">
        <v>166</v>
      </c>
      <c r="J174" s="6">
        <v>109</v>
      </c>
      <c r="K174" s="6">
        <v>19</v>
      </c>
      <c r="L174" s="6">
        <v>9</v>
      </c>
      <c r="M174" s="10" t="s">
        <v>55</v>
      </c>
      <c r="N174" s="6">
        <v>10</v>
      </c>
      <c r="O174" s="10" t="s">
        <v>55</v>
      </c>
      <c r="P174" s="6">
        <v>1</v>
      </c>
      <c r="Q174" s="6">
        <v>58</v>
      </c>
      <c r="R174" s="6">
        <v>30</v>
      </c>
      <c r="S174" s="10" t="s">
        <v>55</v>
      </c>
      <c r="T174" s="6">
        <v>1</v>
      </c>
      <c r="U174" s="6">
        <v>19</v>
      </c>
    </row>
    <row r="175" spans="1:21">
      <c r="A175" s="9" t="s">
        <v>83</v>
      </c>
      <c r="B175" s="9" t="s">
        <v>57</v>
      </c>
      <c r="C175" s="9" t="s">
        <v>85</v>
      </c>
      <c r="D175" s="9" t="s">
        <v>77</v>
      </c>
      <c r="E175" s="9" t="s">
        <v>57</v>
      </c>
      <c r="F175" s="9" t="s">
        <v>81</v>
      </c>
      <c r="G175" s="9" t="s">
        <v>86</v>
      </c>
      <c r="H175" s="9" t="s">
        <v>6</v>
      </c>
      <c r="I175" s="9" t="s">
        <v>167</v>
      </c>
      <c r="J175" s="6">
        <v>121</v>
      </c>
      <c r="K175" s="6">
        <v>106</v>
      </c>
      <c r="L175" s="6">
        <v>78</v>
      </c>
      <c r="M175" s="6">
        <v>6</v>
      </c>
      <c r="N175" s="6">
        <v>22</v>
      </c>
      <c r="O175" s="6">
        <v>1</v>
      </c>
      <c r="P175" s="6">
        <v>2</v>
      </c>
      <c r="Q175" s="6">
        <v>6</v>
      </c>
      <c r="R175" s="6">
        <v>3</v>
      </c>
      <c r="S175" s="6">
        <v>1</v>
      </c>
      <c r="T175" s="6">
        <v>2</v>
      </c>
      <c r="U175" s="6">
        <v>107</v>
      </c>
    </row>
    <row r="176" spans="1:21">
      <c r="A176" s="9" t="s">
        <v>83</v>
      </c>
      <c r="B176" s="9" t="s">
        <v>57</v>
      </c>
      <c r="C176" s="9" t="s">
        <v>85</v>
      </c>
      <c r="D176" s="9" t="s">
        <v>77</v>
      </c>
      <c r="E176" s="9" t="s">
        <v>57</v>
      </c>
      <c r="F176" s="9" t="s">
        <v>81</v>
      </c>
      <c r="G176" s="9" t="s">
        <v>86</v>
      </c>
      <c r="H176" s="9" t="s">
        <v>6</v>
      </c>
      <c r="I176" s="9" t="s">
        <v>168</v>
      </c>
      <c r="J176" s="6">
        <v>58</v>
      </c>
      <c r="K176" s="6">
        <v>55</v>
      </c>
      <c r="L176" s="6">
        <v>43</v>
      </c>
      <c r="M176" s="10" t="s">
        <v>55</v>
      </c>
      <c r="N176" s="6">
        <v>12</v>
      </c>
      <c r="O176" s="10" t="s">
        <v>55</v>
      </c>
      <c r="P176" s="10" t="s">
        <v>55</v>
      </c>
      <c r="Q176" s="6">
        <v>1</v>
      </c>
      <c r="R176" s="10" t="s">
        <v>55</v>
      </c>
      <c r="S176" s="10" t="s">
        <v>55</v>
      </c>
      <c r="T176" s="6">
        <v>2</v>
      </c>
      <c r="U176" s="6">
        <v>55</v>
      </c>
    </row>
    <row r="177" spans="1:21">
      <c r="A177" s="9" t="s">
        <v>83</v>
      </c>
      <c r="B177" s="9" t="s">
        <v>57</v>
      </c>
      <c r="C177" s="9" t="s">
        <v>85</v>
      </c>
      <c r="D177" s="9" t="s">
        <v>77</v>
      </c>
      <c r="E177" s="9" t="s">
        <v>57</v>
      </c>
      <c r="F177" s="9" t="s">
        <v>81</v>
      </c>
      <c r="G177" s="9" t="s">
        <v>86</v>
      </c>
      <c r="H177" s="9" t="s">
        <v>6</v>
      </c>
      <c r="I177" s="9" t="s">
        <v>169</v>
      </c>
      <c r="J177" s="6">
        <v>62</v>
      </c>
      <c r="K177" s="6">
        <v>43</v>
      </c>
      <c r="L177" s="6">
        <v>31</v>
      </c>
      <c r="M177" s="10" t="s">
        <v>55</v>
      </c>
      <c r="N177" s="6">
        <v>12</v>
      </c>
      <c r="O177" s="6">
        <v>2</v>
      </c>
      <c r="P177" s="6">
        <v>5</v>
      </c>
      <c r="Q177" s="6">
        <v>10</v>
      </c>
      <c r="R177" s="6">
        <v>2</v>
      </c>
      <c r="S177" s="10" t="s">
        <v>55</v>
      </c>
      <c r="T177" s="10" t="s">
        <v>55</v>
      </c>
      <c r="U177" s="6">
        <v>45</v>
      </c>
    </row>
    <row r="178" spans="1:21">
      <c r="A178" s="9" t="s">
        <v>83</v>
      </c>
      <c r="B178" s="9" t="s">
        <v>57</v>
      </c>
      <c r="C178" s="9" t="s">
        <v>85</v>
      </c>
      <c r="D178" s="9" t="s">
        <v>77</v>
      </c>
      <c r="E178" s="9" t="s">
        <v>57</v>
      </c>
      <c r="F178" s="9" t="s">
        <v>81</v>
      </c>
      <c r="G178" s="9" t="s">
        <v>86</v>
      </c>
      <c r="H178" s="9" t="s">
        <v>6</v>
      </c>
      <c r="I178" s="9" t="s">
        <v>170</v>
      </c>
      <c r="J178" s="6">
        <v>76</v>
      </c>
      <c r="K178" s="6">
        <v>65</v>
      </c>
      <c r="L178" s="6">
        <v>25</v>
      </c>
      <c r="M178" s="6">
        <v>2</v>
      </c>
      <c r="N178" s="6">
        <v>38</v>
      </c>
      <c r="O178" s="6">
        <v>2</v>
      </c>
      <c r="P178" s="10" t="s">
        <v>55</v>
      </c>
      <c r="Q178" s="6">
        <v>7</v>
      </c>
      <c r="R178" s="6">
        <v>1</v>
      </c>
      <c r="S178" s="10" t="s">
        <v>55</v>
      </c>
      <c r="T178" s="6">
        <v>1</v>
      </c>
      <c r="U178" s="6">
        <v>67</v>
      </c>
    </row>
    <row r="179" spans="1:21">
      <c r="A179" s="9" t="s">
        <v>83</v>
      </c>
      <c r="B179" s="9" t="s">
        <v>57</v>
      </c>
      <c r="C179" s="9" t="s">
        <v>85</v>
      </c>
      <c r="D179" s="9" t="s">
        <v>77</v>
      </c>
      <c r="E179" s="9" t="s">
        <v>57</v>
      </c>
      <c r="F179" s="9" t="s">
        <v>81</v>
      </c>
      <c r="G179" s="9" t="s">
        <v>86</v>
      </c>
      <c r="H179" s="9" t="s">
        <v>6</v>
      </c>
      <c r="I179" s="9" t="s">
        <v>171</v>
      </c>
      <c r="J179" s="6">
        <v>6</v>
      </c>
      <c r="K179" s="6">
        <v>1</v>
      </c>
      <c r="L179" s="6">
        <v>1</v>
      </c>
      <c r="M179" s="10" t="s">
        <v>55</v>
      </c>
      <c r="N179" s="10" t="s">
        <v>55</v>
      </c>
      <c r="O179" s="10" t="s">
        <v>55</v>
      </c>
      <c r="P179" s="10" t="s">
        <v>55</v>
      </c>
      <c r="Q179" s="6">
        <v>3</v>
      </c>
      <c r="R179" s="10" t="s">
        <v>55</v>
      </c>
      <c r="S179" s="10" t="s">
        <v>55</v>
      </c>
      <c r="T179" s="6">
        <v>2</v>
      </c>
      <c r="U179" s="6">
        <v>1</v>
      </c>
    </row>
    <row r="180" spans="1:21">
      <c r="A180" s="9" t="s">
        <v>83</v>
      </c>
      <c r="B180" s="9" t="s">
        <v>57</v>
      </c>
      <c r="C180" s="9" t="s">
        <v>85</v>
      </c>
      <c r="D180" s="9" t="s">
        <v>77</v>
      </c>
      <c r="E180" s="9" t="s">
        <v>57</v>
      </c>
      <c r="F180" s="9" t="s">
        <v>81</v>
      </c>
      <c r="G180" s="9" t="s">
        <v>86</v>
      </c>
      <c r="H180" s="9" t="s">
        <v>53</v>
      </c>
      <c r="I180" s="9" t="s">
        <v>6</v>
      </c>
      <c r="J180" s="6">
        <v>476</v>
      </c>
      <c r="K180" s="6">
        <v>339</v>
      </c>
      <c r="L180" s="6">
        <v>271</v>
      </c>
      <c r="M180" s="6">
        <v>9</v>
      </c>
      <c r="N180" s="6">
        <v>59</v>
      </c>
      <c r="O180" s="6">
        <v>20</v>
      </c>
      <c r="P180" s="6">
        <v>13</v>
      </c>
      <c r="Q180" s="6">
        <v>91</v>
      </c>
      <c r="R180" s="6">
        <v>5</v>
      </c>
      <c r="S180" s="10" t="s">
        <v>55</v>
      </c>
      <c r="T180" s="6">
        <v>8</v>
      </c>
      <c r="U180" s="6">
        <v>359</v>
      </c>
    </row>
    <row r="181" spans="1:21">
      <c r="A181" s="9" t="s">
        <v>83</v>
      </c>
      <c r="B181" s="9" t="s">
        <v>57</v>
      </c>
      <c r="C181" s="9" t="s">
        <v>85</v>
      </c>
      <c r="D181" s="9" t="s">
        <v>77</v>
      </c>
      <c r="E181" s="9" t="s">
        <v>57</v>
      </c>
      <c r="F181" s="9" t="s">
        <v>81</v>
      </c>
      <c r="G181" s="9" t="s">
        <v>86</v>
      </c>
      <c r="H181" s="9" t="s">
        <v>53</v>
      </c>
      <c r="I181" s="9" t="s">
        <v>160</v>
      </c>
      <c r="J181" s="6">
        <v>20</v>
      </c>
      <c r="K181" s="6">
        <v>10</v>
      </c>
      <c r="L181" s="6">
        <v>10</v>
      </c>
      <c r="M181" s="10" t="s">
        <v>55</v>
      </c>
      <c r="N181" s="10" t="s">
        <v>55</v>
      </c>
      <c r="O181" s="6">
        <v>8</v>
      </c>
      <c r="P181" s="6">
        <v>2</v>
      </c>
      <c r="Q181" s="10" t="s">
        <v>55</v>
      </c>
      <c r="R181" s="10" t="s">
        <v>55</v>
      </c>
      <c r="S181" s="10" t="s">
        <v>55</v>
      </c>
      <c r="T181" s="10" t="s">
        <v>55</v>
      </c>
      <c r="U181" s="6">
        <v>18</v>
      </c>
    </row>
    <row r="182" spans="1:21">
      <c r="A182" s="9" t="s">
        <v>83</v>
      </c>
      <c r="B182" s="9" t="s">
        <v>57</v>
      </c>
      <c r="C182" s="9" t="s">
        <v>85</v>
      </c>
      <c r="D182" s="9" t="s">
        <v>77</v>
      </c>
      <c r="E182" s="9" t="s">
        <v>57</v>
      </c>
      <c r="F182" s="9" t="s">
        <v>81</v>
      </c>
      <c r="G182" s="9" t="s">
        <v>86</v>
      </c>
      <c r="H182" s="9" t="s">
        <v>53</v>
      </c>
      <c r="I182" s="9" t="s">
        <v>161</v>
      </c>
      <c r="J182" s="6">
        <v>27</v>
      </c>
      <c r="K182" s="6">
        <v>21</v>
      </c>
      <c r="L182" s="6">
        <v>16</v>
      </c>
      <c r="M182" s="6">
        <v>2</v>
      </c>
      <c r="N182" s="6">
        <v>3</v>
      </c>
      <c r="O182" s="6">
        <v>4</v>
      </c>
      <c r="P182" s="6">
        <v>1</v>
      </c>
      <c r="Q182" s="6">
        <v>1</v>
      </c>
      <c r="R182" s="10" t="s">
        <v>55</v>
      </c>
      <c r="S182" s="10" t="s">
        <v>55</v>
      </c>
      <c r="T182" s="10" t="s">
        <v>55</v>
      </c>
      <c r="U182" s="6">
        <v>25</v>
      </c>
    </row>
    <row r="183" spans="1:21">
      <c r="A183" s="9" t="s">
        <v>83</v>
      </c>
      <c r="B183" s="9" t="s">
        <v>57</v>
      </c>
      <c r="C183" s="9" t="s">
        <v>85</v>
      </c>
      <c r="D183" s="9" t="s">
        <v>77</v>
      </c>
      <c r="E183" s="9" t="s">
        <v>57</v>
      </c>
      <c r="F183" s="9" t="s">
        <v>81</v>
      </c>
      <c r="G183" s="9" t="s">
        <v>86</v>
      </c>
      <c r="H183" s="9" t="s">
        <v>53</v>
      </c>
      <c r="I183" s="9" t="s">
        <v>162</v>
      </c>
      <c r="J183" s="6">
        <v>32</v>
      </c>
      <c r="K183" s="6">
        <v>30</v>
      </c>
      <c r="L183" s="6">
        <v>28</v>
      </c>
      <c r="M183" s="10" t="s">
        <v>55</v>
      </c>
      <c r="N183" s="6">
        <v>2</v>
      </c>
      <c r="O183" s="6">
        <v>1</v>
      </c>
      <c r="P183" s="10" t="s">
        <v>55</v>
      </c>
      <c r="Q183" s="10" t="s">
        <v>55</v>
      </c>
      <c r="R183" s="10" t="s">
        <v>55</v>
      </c>
      <c r="S183" s="10" t="s">
        <v>55</v>
      </c>
      <c r="T183" s="6">
        <v>1</v>
      </c>
      <c r="U183" s="6">
        <v>31</v>
      </c>
    </row>
    <row r="184" spans="1:21">
      <c r="A184" s="9" t="s">
        <v>83</v>
      </c>
      <c r="B184" s="9" t="s">
        <v>57</v>
      </c>
      <c r="C184" s="9" t="s">
        <v>85</v>
      </c>
      <c r="D184" s="9" t="s">
        <v>77</v>
      </c>
      <c r="E184" s="9" t="s">
        <v>57</v>
      </c>
      <c r="F184" s="9" t="s">
        <v>81</v>
      </c>
      <c r="G184" s="9" t="s">
        <v>86</v>
      </c>
      <c r="H184" s="9" t="s">
        <v>53</v>
      </c>
      <c r="I184" s="9" t="s">
        <v>163</v>
      </c>
      <c r="J184" s="6">
        <v>30</v>
      </c>
      <c r="K184" s="6">
        <v>22</v>
      </c>
      <c r="L184" s="6">
        <v>19</v>
      </c>
      <c r="M184" s="10" t="s">
        <v>55</v>
      </c>
      <c r="N184" s="6">
        <v>3</v>
      </c>
      <c r="O184" s="6">
        <v>1</v>
      </c>
      <c r="P184" s="6">
        <v>2</v>
      </c>
      <c r="Q184" s="6">
        <v>5</v>
      </c>
      <c r="R184" s="10" t="s">
        <v>55</v>
      </c>
      <c r="S184" s="10" t="s">
        <v>55</v>
      </c>
      <c r="T184" s="10" t="s">
        <v>55</v>
      </c>
      <c r="U184" s="6">
        <v>23</v>
      </c>
    </row>
    <row r="185" spans="1:21">
      <c r="A185" s="9" t="s">
        <v>83</v>
      </c>
      <c r="B185" s="9" t="s">
        <v>57</v>
      </c>
      <c r="C185" s="9" t="s">
        <v>85</v>
      </c>
      <c r="D185" s="9" t="s">
        <v>77</v>
      </c>
      <c r="E185" s="9" t="s">
        <v>57</v>
      </c>
      <c r="F185" s="9" t="s">
        <v>81</v>
      </c>
      <c r="G185" s="9" t="s">
        <v>86</v>
      </c>
      <c r="H185" s="9" t="s">
        <v>53</v>
      </c>
      <c r="I185" s="9" t="s">
        <v>164</v>
      </c>
      <c r="J185" s="6">
        <v>33</v>
      </c>
      <c r="K185" s="6">
        <v>23</v>
      </c>
      <c r="L185" s="6">
        <v>22</v>
      </c>
      <c r="M185" s="10" t="s">
        <v>55</v>
      </c>
      <c r="N185" s="6">
        <v>1</v>
      </c>
      <c r="O185" s="6">
        <v>2</v>
      </c>
      <c r="P185" s="6">
        <v>1</v>
      </c>
      <c r="Q185" s="6">
        <v>6</v>
      </c>
      <c r="R185" s="6">
        <v>1</v>
      </c>
      <c r="S185" s="10" t="s">
        <v>55</v>
      </c>
      <c r="T185" s="10" t="s">
        <v>55</v>
      </c>
      <c r="U185" s="6">
        <v>25</v>
      </c>
    </row>
    <row r="186" spans="1:21">
      <c r="A186" s="9" t="s">
        <v>83</v>
      </c>
      <c r="B186" s="9" t="s">
        <v>57</v>
      </c>
      <c r="C186" s="9" t="s">
        <v>85</v>
      </c>
      <c r="D186" s="9" t="s">
        <v>77</v>
      </c>
      <c r="E186" s="9" t="s">
        <v>57</v>
      </c>
      <c r="F186" s="9" t="s">
        <v>81</v>
      </c>
      <c r="G186" s="9" t="s">
        <v>86</v>
      </c>
      <c r="H186" s="9" t="s">
        <v>53</v>
      </c>
      <c r="I186" s="9" t="s">
        <v>165</v>
      </c>
      <c r="J186" s="6">
        <v>10</v>
      </c>
      <c r="K186" s="6">
        <v>9</v>
      </c>
      <c r="L186" s="6">
        <v>6</v>
      </c>
      <c r="M186" s="10" t="s">
        <v>55</v>
      </c>
      <c r="N186" s="6">
        <v>3</v>
      </c>
      <c r="O186" s="10" t="s">
        <v>55</v>
      </c>
      <c r="P186" s="10" t="s">
        <v>55</v>
      </c>
      <c r="Q186" s="6">
        <v>1</v>
      </c>
      <c r="R186" s="10" t="s">
        <v>55</v>
      </c>
      <c r="S186" s="10" t="s">
        <v>55</v>
      </c>
      <c r="T186" s="10" t="s">
        <v>55</v>
      </c>
      <c r="U186" s="6">
        <v>9</v>
      </c>
    </row>
    <row r="187" spans="1:21">
      <c r="A187" s="9" t="s">
        <v>83</v>
      </c>
      <c r="B187" s="9" t="s">
        <v>57</v>
      </c>
      <c r="C187" s="9" t="s">
        <v>85</v>
      </c>
      <c r="D187" s="9" t="s">
        <v>77</v>
      </c>
      <c r="E187" s="9" t="s">
        <v>57</v>
      </c>
      <c r="F187" s="9" t="s">
        <v>81</v>
      </c>
      <c r="G187" s="9" t="s">
        <v>86</v>
      </c>
      <c r="H187" s="9" t="s">
        <v>53</v>
      </c>
      <c r="I187" s="9" t="s">
        <v>166</v>
      </c>
      <c r="J187" s="6">
        <v>72</v>
      </c>
      <c r="K187" s="6">
        <v>13</v>
      </c>
      <c r="L187" s="6">
        <v>8</v>
      </c>
      <c r="M187" s="10" t="s">
        <v>55</v>
      </c>
      <c r="N187" s="6">
        <v>5</v>
      </c>
      <c r="O187" s="10" t="s">
        <v>55</v>
      </c>
      <c r="P187" s="10" t="s">
        <v>55</v>
      </c>
      <c r="Q187" s="6">
        <v>56</v>
      </c>
      <c r="R187" s="6">
        <v>2</v>
      </c>
      <c r="S187" s="10" t="s">
        <v>55</v>
      </c>
      <c r="T187" s="6">
        <v>1</v>
      </c>
      <c r="U187" s="6">
        <v>13</v>
      </c>
    </row>
    <row r="188" spans="1:21">
      <c r="A188" s="9" t="s">
        <v>83</v>
      </c>
      <c r="B188" s="9" t="s">
        <v>57</v>
      </c>
      <c r="C188" s="9" t="s">
        <v>85</v>
      </c>
      <c r="D188" s="9" t="s">
        <v>77</v>
      </c>
      <c r="E188" s="9" t="s">
        <v>57</v>
      </c>
      <c r="F188" s="9" t="s">
        <v>81</v>
      </c>
      <c r="G188" s="9" t="s">
        <v>86</v>
      </c>
      <c r="H188" s="9" t="s">
        <v>53</v>
      </c>
      <c r="I188" s="9" t="s">
        <v>167</v>
      </c>
      <c r="J188" s="6">
        <v>93</v>
      </c>
      <c r="K188" s="6">
        <v>82</v>
      </c>
      <c r="L188" s="6">
        <v>70</v>
      </c>
      <c r="M188" s="6">
        <v>5</v>
      </c>
      <c r="N188" s="6">
        <v>7</v>
      </c>
      <c r="O188" s="6">
        <v>1</v>
      </c>
      <c r="P188" s="6">
        <v>2</v>
      </c>
      <c r="Q188" s="6">
        <v>6</v>
      </c>
      <c r="R188" s="6">
        <v>1</v>
      </c>
      <c r="S188" s="10" t="s">
        <v>55</v>
      </c>
      <c r="T188" s="6">
        <v>1</v>
      </c>
      <c r="U188" s="6">
        <v>83</v>
      </c>
    </row>
    <row r="189" spans="1:21">
      <c r="A189" s="9" t="s">
        <v>83</v>
      </c>
      <c r="B189" s="9" t="s">
        <v>57</v>
      </c>
      <c r="C189" s="9" t="s">
        <v>85</v>
      </c>
      <c r="D189" s="9" t="s">
        <v>77</v>
      </c>
      <c r="E189" s="9" t="s">
        <v>57</v>
      </c>
      <c r="F189" s="9" t="s">
        <v>81</v>
      </c>
      <c r="G189" s="9" t="s">
        <v>86</v>
      </c>
      <c r="H189" s="9" t="s">
        <v>53</v>
      </c>
      <c r="I189" s="9" t="s">
        <v>168</v>
      </c>
      <c r="J189" s="6">
        <v>56</v>
      </c>
      <c r="K189" s="6">
        <v>53</v>
      </c>
      <c r="L189" s="6">
        <v>43</v>
      </c>
      <c r="M189" s="10" t="s">
        <v>55</v>
      </c>
      <c r="N189" s="6">
        <v>10</v>
      </c>
      <c r="O189" s="10" t="s">
        <v>55</v>
      </c>
      <c r="P189" s="10" t="s">
        <v>55</v>
      </c>
      <c r="Q189" s="6">
        <v>1</v>
      </c>
      <c r="R189" s="10" t="s">
        <v>55</v>
      </c>
      <c r="S189" s="10" t="s">
        <v>55</v>
      </c>
      <c r="T189" s="6">
        <v>2</v>
      </c>
      <c r="U189" s="6">
        <v>53</v>
      </c>
    </row>
    <row r="190" spans="1:21">
      <c r="A190" s="9" t="s">
        <v>83</v>
      </c>
      <c r="B190" s="9" t="s">
        <v>57</v>
      </c>
      <c r="C190" s="9" t="s">
        <v>85</v>
      </c>
      <c r="D190" s="9" t="s">
        <v>77</v>
      </c>
      <c r="E190" s="9" t="s">
        <v>57</v>
      </c>
      <c r="F190" s="9" t="s">
        <v>81</v>
      </c>
      <c r="G190" s="9" t="s">
        <v>86</v>
      </c>
      <c r="H190" s="9" t="s">
        <v>53</v>
      </c>
      <c r="I190" s="9" t="s">
        <v>169</v>
      </c>
      <c r="J190" s="6">
        <v>60</v>
      </c>
      <c r="K190" s="6">
        <v>42</v>
      </c>
      <c r="L190" s="6">
        <v>30</v>
      </c>
      <c r="M190" s="10" t="s">
        <v>55</v>
      </c>
      <c r="N190" s="6">
        <v>12</v>
      </c>
      <c r="O190" s="6">
        <v>2</v>
      </c>
      <c r="P190" s="6">
        <v>5</v>
      </c>
      <c r="Q190" s="6">
        <v>10</v>
      </c>
      <c r="R190" s="6">
        <v>1</v>
      </c>
      <c r="S190" s="10" t="s">
        <v>55</v>
      </c>
      <c r="T190" s="10" t="s">
        <v>55</v>
      </c>
      <c r="U190" s="6">
        <v>44</v>
      </c>
    </row>
    <row r="191" spans="1:21">
      <c r="A191" s="9" t="s">
        <v>83</v>
      </c>
      <c r="B191" s="9" t="s">
        <v>57</v>
      </c>
      <c r="C191" s="9" t="s">
        <v>85</v>
      </c>
      <c r="D191" s="9" t="s">
        <v>77</v>
      </c>
      <c r="E191" s="9" t="s">
        <v>57</v>
      </c>
      <c r="F191" s="9" t="s">
        <v>81</v>
      </c>
      <c r="G191" s="9" t="s">
        <v>86</v>
      </c>
      <c r="H191" s="9" t="s">
        <v>53</v>
      </c>
      <c r="I191" s="9" t="s">
        <v>170</v>
      </c>
      <c r="J191" s="6">
        <v>37</v>
      </c>
      <c r="K191" s="6">
        <v>33</v>
      </c>
      <c r="L191" s="6">
        <v>18</v>
      </c>
      <c r="M191" s="6">
        <v>2</v>
      </c>
      <c r="N191" s="6">
        <v>13</v>
      </c>
      <c r="O191" s="6">
        <v>1</v>
      </c>
      <c r="P191" s="10" t="s">
        <v>55</v>
      </c>
      <c r="Q191" s="6">
        <v>2</v>
      </c>
      <c r="R191" s="10" t="s">
        <v>55</v>
      </c>
      <c r="S191" s="10" t="s">
        <v>55</v>
      </c>
      <c r="T191" s="6">
        <v>1</v>
      </c>
      <c r="U191" s="6">
        <v>34</v>
      </c>
    </row>
    <row r="192" spans="1:21">
      <c r="A192" s="9" t="s">
        <v>83</v>
      </c>
      <c r="B192" s="9" t="s">
        <v>57</v>
      </c>
      <c r="C192" s="9" t="s">
        <v>85</v>
      </c>
      <c r="D192" s="9" t="s">
        <v>77</v>
      </c>
      <c r="E192" s="9" t="s">
        <v>57</v>
      </c>
      <c r="F192" s="9" t="s">
        <v>81</v>
      </c>
      <c r="G192" s="9" t="s">
        <v>86</v>
      </c>
      <c r="H192" s="9" t="s">
        <v>53</v>
      </c>
      <c r="I192" s="9" t="s">
        <v>171</v>
      </c>
      <c r="J192" s="6">
        <v>6</v>
      </c>
      <c r="K192" s="6">
        <v>1</v>
      </c>
      <c r="L192" s="6">
        <v>1</v>
      </c>
      <c r="M192" s="10" t="s">
        <v>55</v>
      </c>
      <c r="N192" s="10" t="s">
        <v>55</v>
      </c>
      <c r="O192" s="10" t="s">
        <v>55</v>
      </c>
      <c r="P192" s="10" t="s">
        <v>55</v>
      </c>
      <c r="Q192" s="6">
        <v>3</v>
      </c>
      <c r="R192" s="10" t="s">
        <v>55</v>
      </c>
      <c r="S192" s="10" t="s">
        <v>55</v>
      </c>
      <c r="T192" s="6">
        <v>2</v>
      </c>
      <c r="U192" s="6">
        <v>1</v>
      </c>
    </row>
    <row r="193" spans="1:21">
      <c r="A193" s="9" t="s">
        <v>83</v>
      </c>
      <c r="B193" s="9" t="s">
        <v>57</v>
      </c>
      <c r="C193" s="9" t="s">
        <v>85</v>
      </c>
      <c r="D193" s="9" t="s">
        <v>77</v>
      </c>
      <c r="E193" s="9" t="s">
        <v>57</v>
      </c>
      <c r="F193" s="9" t="s">
        <v>81</v>
      </c>
      <c r="G193" s="9" t="s">
        <v>86</v>
      </c>
      <c r="H193" s="9" t="s">
        <v>54</v>
      </c>
      <c r="I193" s="9" t="s">
        <v>6</v>
      </c>
      <c r="J193" s="6">
        <v>359</v>
      </c>
      <c r="K193" s="6">
        <v>289</v>
      </c>
      <c r="L193" s="6">
        <v>152</v>
      </c>
      <c r="M193" s="6">
        <v>6</v>
      </c>
      <c r="N193" s="6">
        <v>131</v>
      </c>
      <c r="O193" s="6">
        <v>9</v>
      </c>
      <c r="P193" s="6">
        <v>1</v>
      </c>
      <c r="Q193" s="6">
        <v>14</v>
      </c>
      <c r="R193" s="6">
        <v>43</v>
      </c>
      <c r="S193" s="6">
        <v>1</v>
      </c>
      <c r="T193" s="6">
        <v>2</v>
      </c>
      <c r="U193" s="6">
        <v>298</v>
      </c>
    </row>
    <row r="194" spans="1:21">
      <c r="A194" s="9" t="s">
        <v>83</v>
      </c>
      <c r="B194" s="9" t="s">
        <v>57</v>
      </c>
      <c r="C194" s="9" t="s">
        <v>85</v>
      </c>
      <c r="D194" s="9" t="s">
        <v>77</v>
      </c>
      <c r="E194" s="9" t="s">
        <v>57</v>
      </c>
      <c r="F194" s="9" t="s">
        <v>81</v>
      </c>
      <c r="G194" s="9" t="s">
        <v>86</v>
      </c>
      <c r="H194" s="9" t="s">
        <v>54</v>
      </c>
      <c r="I194" s="9" t="s">
        <v>160</v>
      </c>
      <c r="J194" s="6">
        <v>6</v>
      </c>
      <c r="K194" s="6">
        <v>2</v>
      </c>
      <c r="L194" s="6">
        <v>1</v>
      </c>
      <c r="M194" s="10" t="s">
        <v>55</v>
      </c>
      <c r="N194" s="6">
        <v>1</v>
      </c>
      <c r="O194" s="6">
        <v>4</v>
      </c>
      <c r="P194" s="10" t="s">
        <v>55</v>
      </c>
      <c r="Q194" s="10" t="s">
        <v>55</v>
      </c>
      <c r="R194" s="10" t="s">
        <v>55</v>
      </c>
      <c r="S194" s="10" t="s">
        <v>55</v>
      </c>
      <c r="T194" s="10" t="s">
        <v>55</v>
      </c>
      <c r="U194" s="6">
        <v>6</v>
      </c>
    </row>
    <row r="195" spans="1:21">
      <c r="A195" s="9" t="s">
        <v>83</v>
      </c>
      <c r="B195" s="9" t="s">
        <v>57</v>
      </c>
      <c r="C195" s="9" t="s">
        <v>85</v>
      </c>
      <c r="D195" s="9" t="s">
        <v>77</v>
      </c>
      <c r="E195" s="9" t="s">
        <v>57</v>
      </c>
      <c r="F195" s="9" t="s">
        <v>81</v>
      </c>
      <c r="G195" s="9" t="s">
        <v>86</v>
      </c>
      <c r="H195" s="9" t="s">
        <v>54</v>
      </c>
      <c r="I195" s="9" t="s">
        <v>161</v>
      </c>
      <c r="J195" s="6">
        <v>59</v>
      </c>
      <c r="K195" s="6">
        <v>55</v>
      </c>
      <c r="L195" s="6">
        <v>35</v>
      </c>
      <c r="M195" s="10" t="s">
        <v>55</v>
      </c>
      <c r="N195" s="6">
        <v>20</v>
      </c>
      <c r="O195" s="10" t="s">
        <v>55</v>
      </c>
      <c r="P195" s="10" t="s">
        <v>55</v>
      </c>
      <c r="Q195" s="6">
        <v>3</v>
      </c>
      <c r="R195" s="6">
        <v>1</v>
      </c>
      <c r="S195" s="10" t="s">
        <v>55</v>
      </c>
      <c r="T195" s="10" t="s">
        <v>55</v>
      </c>
      <c r="U195" s="6">
        <v>55</v>
      </c>
    </row>
    <row r="196" spans="1:21">
      <c r="A196" s="9" t="s">
        <v>83</v>
      </c>
      <c r="B196" s="9" t="s">
        <v>57</v>
      </c>
      <c r="C196" s="9" t="s">
        <v>85</v>
      </c>
      <c r="D196" s="9" t="s">
        <v>77</v>
      </c>
      <c r="E196" s="9" t="s">
        <v>57</v>
      </c>
      <c r="F196" s="9" t="s">
        <v>81</v>
      </c>
      <c r="G196" s="9" t="s">
        <v>86</v>
      </c>
      <c r="H196" s="9" t="s">
        <v>54</v>
      </c>
      <c r="I196" s="9" t="s">
        <v>162</v>
      </c>
      <c r="J196" s="6">
        <v>66</v>
      </c>
      <c r="K196" s="6">
        <v>58</v>
      </c>
      <c r="L196" s="6">
        <v>35</v>
      </c>
      <c r="M196" s="6">
        <v>3</v>
      </c>
      <c r="N196" s="6">
        <v>20</v>
      </c>
      <c r="O196" s="6">
        <v>2</v>
      </c>
      <c r="P196" s="10" t="s">
        <v>55</v>
      </c>
      <c r="Q196" s="6">
        <v>1</v>
      </c>
      <c r="R196" s="6">
        <v>5</v>
      </c>
      <c r="S196" s="10" t="s">
        <v>55</v>
      </c>
      <c r="T196" s="10" t="s">
        <v>55</v>
      </c>
      <c r="U196" s="6">
        <v>60</v>
      </c>
    </row>
    <row r="197" spans="1:21">
      <c r="A197" s="9" t="s">
        <v>83</v>
      </c>
      <c r="B197" s="9" t="s">
        <v>57</v>
      </c>
      <c r="C197" s="9" t="s">
        <v>85</v>
      </c>
      <c r="D197" s="9" t="s">
        <v>77</v>
      </c>
      <c r="E197" s="9" t="s">
        <v>57</v>
      </c>
      <c r="F197" s="9" t="s">
        <v>81</v>
      </c>
      <c r="G197" s="9" t="s">
        <v>86</v>
      </c>
      <c r="H197" s="9" t="s">
        <v>54</v>
      </c>
      <c r="I197" s="9" t="s">
        <v>163</v>
      </c>
      <c r="J197" s="6">
        <v>29</v>
      </c>
      <c r="K197" s="6">
        <v>24</v>
      </c>
      <c r="L197" s="6">
        <v>13</v>
      </c>
      <c r="M197" s="6">
        <v>1</v>
      </c>
      <c r="N197" s="6">
        <v>10</v>
      </c>
      <c r="O197" s="6">
        <v>1</v>
      </c>
      <c r="P197" s="10" t="s">
        <v>55</v>
      </c>
      <c r="Q197" s="6">
        <v>1</v>
      </c>
      <c r="R197" s="6">
        <v>3</v>
      </c>
      <c r="S197" s="10" t="s">
        <v>55</v>
      </c>
      <c r="T197" s="10" t="s">
        <v>55</v>
      </c>
      <c r="U197" s="6">
        <v>25</v>
      </c>
    </row>
    <row r="198" spans="1:21">
      <c r="A198" s="9" t="s">
        <v>83</v>
      </c>
      <c r="B198" s="9" t="s">
        <v>57</v>
      </c>
      <c r="C198" s="9" t="s">
        <v>85</v>
      </c>
      <c r="D198" s="9" t="s">
        <v>77</v>
      </c>
      <c r="E198" s="9" t="s">
        <v>57</v>
      </c>
      <c r="F198" s="9" t="s">
        <v>81</v>
      </c>
      <c r="G198" s="9" t="s">
        <v>86</v>
      </c>
      <c r="H198" s="9" t="s">
        <v>54</v>
      </c>
      <c r="I198" s="9" t="s">
        <v>164</v>
      </c>
      <c r="J198" s="6">
        <v>90</v>
      </c>
      <c r="K198" s="6">
        <v>84</v>
      </c>
      <c r="L198" s="6">
        <v>50</v>
      </c>
      <c r="M198" s="6">
        <v>1</v>
      </c>
      <c r="N198" s="6">
        <v>33</v>
      </c>
      <c r="O198" s="6">
        <v>1</v>
      </c>
      <c r="P198" s="10" t="s">
        <v>55</v>
      </c>
      <c r="Q198" s="6">
        <v>2</v>
      </c>
      <c r="R198" s="6">
        <v>2</v>
      </c>
      <c r="S198" s="10" t="s">
        <v>55</v>
      </c>
      <c r="T198" s="6">
        <v>1</v>
      </c>
      <c r="U198" s="6">
        <v>85</v>
      </c>
    </row>
    <row r="199" spans="1:21">
      <c r="A199" s="9" t="s">
        <v>83</v>
      </c>
      <c r="B199" s="9" t="s">
        <v>57</v>
      </c>
      <c r="C199" s="9" t="s">
        <v>85</v>
      </c>
      <c r="D199" s="9" t="s">
        <v>77</v>
      </c>
      <c r="E199" s="9" t="s">
        <v>57</v>
      </c>
      <c r="F199" s="9" t="s">
        <v>81</v>
      </c>
      <c r="G199" s="9" t="s">
        <v>86</v>
      </c>
      <c r="H199" s="9" t="s">
        <v>54</v>
      </c>
      <c r="I199" s="9" t="s">
        <v>165</v>
      </c>
      <c r="J199" s="6">
        <v>1</v>
      </c>
      <c r="K199" s="6">
        <v>1</v>
      </c>
      <c r="L199" s="6">
        <v>1</v>
      </c>
      <c r="M199" s="10" t="s">
        <v>55</v>
      </c>
      <c r="N199" s="10" t="s">
        <v>55</v>
      </c>
      <c r="O199" s="10" t="s">
        <v>55</v>
      </c>
      <c r="P199" s="10" t="s">
        <v>55</v>
      </c>
      <c r="Q199" s="10" t="s">
        <v>55</v>
      </c>
      <c r="R199" s="10" t="s">
        <v>55</v>
      </c>
      <c r="S199" s="10" t="s">
        <v>55</v>
      </c>
      <c r="T199" s="10" t="s">
        <v>55</v>
      </c>
      <c r="U199" s="6">
        <v>1</v>
      </c>
    </row>
    <row r="200" spans="1:21">
      <c r="A200" s="9" t="s">
        <v>83</v>
      </c>
      <c r="B200" s="9" t="s">
        <v>57</v>
      </c>
      <c r="C200" s="9" t="s">
        <v>85</v>
      </c>
      <c r="D200" s="9" t="s">
        <v>77</v>
      </c>
      <c r="E200" s="9" t="s">
        <v>57</v>
      </c>
      <c r="F200" s="9" t="s">
        <v>81</v>
      </c>
      <c r="G200" s="9" t="s">
        <v>86</v>
      </c>
      <c r="H200" s="9" t="s">
        <v>54</v>
      </c>
      <c r="I200" s="9" t="s">
        <v>166</v>
      </c>
      <c r="J200" s="6">
        <v>37</v>
      </c>
      <c r="K200" s="6">
        <v>6</v>
      </c>
      <c r="L200" s="6">
        <v>1</v>
      </c>
      <c r="M200" s="10" t="s">
        <v>55</v>
      </c>
      <c r="N200" s="6">
        <v>5</v>
      </c>
      <c r="O200" s="10" t="s">
        <v>55</v>
      </c>
      <c r="P200" s="6">
        <v>1</v>
      </c>
      <c r="Q200" s="6">
        <v>2</v>
      </c>
      <c r="R200" s="6">
        <v>28</v>
      </c>
      <c r="S200" s="10" t="s">
        <v>55</v>
      </c>
      <c r="T200" s="10" t="s">
        <v>55</v>
      </c>
      <c r="U200" s="6">
        <v>6</v>
      </c>
    </row>
    <row r="201" spans="1:21">
      <c r="A201" s="9" t="s">
        <v>83</v>
      </c>
      <c r="B201" s="9" t="s">
        <v>57</v>
      </c>
      <c r="C201" s="9" t="s">
        <v>85</v>
      </c>
      <c r="D201" s="9" t="s">
        <v>77</v>
      </c>
      <c r="E201" s="9" t="s">
        <v>57</v>
      </c>
      <c r="F201" s="9" t="s">
        <v>81</v>
      </c>
      <c r="G201" s="9" t="s">
        <v>86</v>
      </c>
      <c r="H201" s="9" t="s">
        <v>54</v>
      </c>
      <c r="I201" s="9" t="s">
        <v>167</v>
      </c>
      <c r="J201" s="6">
        <v>28</v>
      </c>
      <c r="K201" s="6">
        <v>24</v>
      </c>
      <c r="L201" s="6">
        <v>8</v>
      </c>
      <c r="M201" s="6">
        <v>1</v>
      </c>
      <c r="N201" s="6">
        <v>15</v>
      </c>
      <c r="O201" s="10" t="s">
        <v>55</v>
      </c>
      <c r="P201" s="10" t="s">
        <v>55</v>
      </c>
      <c r="Q201" s="10" t="s">
        <v>55</v>
      </c>
      <c r="R201" s="6">
        <v>2</v>
      </c>
      <c r="S201" s="6">
        <v>1</v>
      </c>
      <c r="T201" s="6">
        <v>1</v>
      </c>
      <c r="U201" s="6">
        <v>24</v>
      </c>
    </row>
    <row r="202" spans="1:21">
      <c r="A202" s="9" t="s">
        <v>83</v>
      </c>
      <c r="B202" s="9" t="s">
        <v>57</v>
      </c>
      <c r="C202" s="9" t="s">
        <v>85</v>
      </c>
      <c r="D202" s="9" t="s">
        <v>77</v>
      </c>
      <c r="E202" s="9" t="s">
        <v>57</v>
      </c>
      <c r="F202" s="9" t="s">
        <v>81</v>
      </c>
      <c r="G202" s="9" t="s">
        <v>86</v>
      </c>
      <c r="H202" s="9" t="s">
        <v>54</v>
      </c>
      <c r="I202" s="9" t="s">
        <v>168</v>
      </c>
      <c r="J202" s="6">
        <v>2</v>
      </c>
      <c r="K202" s="6">
        <v>2</v>
      </c>
      <c r="L202" s="10" t="s">
        <v>55</v>
      </c>
      <c r="M202" s="10" t="s">
        <v>55</v>
      </c>
      <c r="N202" s="6">
        <v>2</v>
      </c>
      <c r="O202" s="10" t="s">
        <v>55</v>
      </c>
      <c r="P202" s="10" t="s">
        <v>55</v>
      </c>
      <c r="Q202" s="10" t="s">
        <v>55</v>
      </c>
      <c r="R202" s="10" t="s">
        <v>55</v>
      </c>
      <c r="S202" s="10" t="s">
        <v>55</v>
      </c>
      <c r="T202" s="10" t="s">
        <v>55</v>
      </c>
      <c r="U202" s="6">
        <v>2</v>
      </c>
    </row>
    <row r="203" spans="1:21">
      <c r="A203" s="9" t="s">
        <v>83</v>
      </c>
      <c r="B203" s="9" t="s">
        <v>57</v>
      </c>
      <c r="C203" s="9" t="s">
        <v>85</v>
      </c>
      <c r="D203" s="9" t="s">
        <v>77</v>
      </c>
      <c r="E203" s="9" t="s">
        <v>57</v>
      </c>
      <c r="F203" s="9" t="s">
        <v>81</v>
      </c>
      <c r="G203" s="9" t="s">
        <v>86</v>
      </c>
      <c r="H203" s="9" t="s">
        <v>54</v>
      </c>
      <c r="I203" s="9" t="s">
        <v>169</v>
      </c>
      <c r="J203" s="6">
        <v>2</v>
      </c>
      <c r="K203" s="6">
        <v>1</v>
      </c>
      <c r="L203" s="6">
        <v>1</v>
      </c>
      <c r="M203" s="10" t="s">
        <v>55</v>
      </c>
      <c r="N203" s="10" t="s">
        <v>55</v>
      </c>
      <c r="O203" s="10" t="s">
        <v>55</v>
      </c>
      <c r="P203" s="10" t="s">
        <v>55</v>
      </c>
      <c r="Q203" s="10" t="s">
        <v>55</v>
      </c>
      <c r="R203" s="6">
        <v>1</v>
      </c>
      <c r="S203" s="10" t="s">
        <v>55</v>
      </c>
      <c r="T203" s="10" t="s">
        <v>55</v>
      </c>
      <c r="U203" s="6">
        <v>1</v>
      </c>
    </row>
    <row r="204" spans="1:21">
      <c r="A204" s="9" t="s">
        <v>83</v>
      </c>
      <c r="B204" s="9" t="s">
        <v>57</v>
      </c>
      <c r="C204" s="9" t="s">
        <v>85</v>
      </c>
      <c r="D204" s="9" t="s">
        <v>77</v>
      </c>
      <c r="E204" s="9" t="s">
        <v>57</v>
      </c>
      <c r="F204" s="9" t="s">
        <v>81</v>
      </c>
      <c r="G204" s="9" t="s">
        <v>86</v>
      </c>
      <c r="H204" s="9" t="s">
        <v>54</v>
      </c>
      <c r="I204" s="9" t="s">
        <v>170</v>
      </c>
      <c r="J204" s="6">
        <v>39</v>
      </c>
      <c r="K204" s="6">
        <v>32</v>
      </c>
      <c r="L204" s="6">
        <v>7</v>
      </c>
      <c r="M204" s="10" t="s">
        <v>55</v>
      </c>
      <c r="N204" s="6">
        <v>25</v>
      </c>
      <c r="O204" s="6">
        <v>1</v>
      </c>
      <c r="P204" s="10" t="s">
        <v>55</v>
      </c>
      <c r="Q204" s="6">
        <v>5</v>
      </c>
      <c r="R204" s="6">
        <v>1</v>
      </c>
      <c r="S204" s="10" t="s">
        <v>55</v>
      </c>
      <c r="T204" s="10" t="s">
        <v>55</v>
      </c>
      <c r="U204" s="6">
        <v>33</v>
      </c>
    </row>
    <row r="205" spans="1:21">
      <c r="A205" s="9" t="s">
        <v>83</v>
      </c>
      <c r="B205" s="9" t="s">
        <v>57</v>
      </c>
      <c r="C205" s="9" t="s">
        <v>85</v>
      </c>
      <c r="D205" s="9" t="s">
        <v>77</v>
      </c>
      <c r="E205" s="9" t="s">
        <v>57</v>
      </c>
      <c r="F205" s="9" t="s">
        <v>81</v>
      </c>
      <c r="G205" s="9" t="s">
        <v>86</v>
      </c>
      <c r="H205" s="9" t="s">
        <v>54</v>
      </c>
      <c r="I205" s="9" t="s">
        <v>171</v>
      </c>
      <c r="J205" s="10" t="s">
        <v>55</v>
      </c>
      <c r="K205" s="10" t="s">
        <v>55</v>
      </c>
      <c r="L205" s="10" t="s">
        <v>55</v>
      </c>
      <c r="M205" s="10" t="s">
        <v>55</v>
      </c>
      <c r="N205" s="10" t="s">
        <v>55</v>
      </c>
      <c r="O205" s="10" t="s">
        <v>55</v>
      </c>
      <c r="P205" s="10" t="s">
        <v>55</v>
      </c>
      <c r="Q205" s="10" t="s">
        <v>55</v>
      </c>
      <c r="R205" s="10" t="s">
        <v>55</v>
      </c>
      <c r="S205" s="10" t="s">
        <v>55</v>
      </c>
      <c r="T205" s="10" t="s">
        <v>55</v>
      </c>
      <c r="U205" s="10" t="s">
        <v>55</v>
      </c>
    </row>
    <row r="206" spans="1:21">
      <c r="A206" s="9" t="s">
        <v>83</v>
      </c>
      <c r="B206" s="9" t="s">
        <v>57</v>
      </c>
      <c r="C206" s="9" t="s">
        <v>87</v>
      </c>
      <c r="D206" s="9" t="s">
        <v>77</v>
      </c>
      <c r="E206" s="9" t="s">
        <v>57</v>
      </c>
      <c r="F206" s="9" t="s">
        <v>81</v>
      </c>
      <c r="G206" s="9" t="s">
        <v>88</v>
      </c>
      <c r="H206" s="9" t="s">
        <v>6</v>
      </c>
      <c r="I206" s="9" t="s">
        <v>6</v>
      </c>
      <c r="J206" s="6">
        <v>3521</v>
      </c>
      <c r="K206" s="6">
        <v>2611</v>
      </c>
      <c r="L206" s="6">
        <v>1787</v>
      </c>
      <c r="M206" s="6">
        <v>63</v>
      </c>
      <c r="N206" s="6">
        <v>761</v>
      </c>
      <c r="O206" s="6">
        <v>133</v>
      </c>
      <c r="P206" s="6">
        <v>86</v>
      </c>
      <c r="Q206" s="6">
        <v>338</v>
      </c>
      <c r="R206" s="6">
        <v>337</v>
      </c>
      <c r="S206" s="6">
        <v>1</v>
      </c>
      <c r="T206" s="6">
        <v>15</v>
      </c>
      <c r="U206" s="6">
        <v>2744</v>
      </c>
    </row>
    <row r="207" spans="1:21">
      <c r="A207" s="9" t="s">
        <v>83</v>
      </c>
      <c r="B207" s="9" t="s">
        <v>57</v>
      </c>
      <c r="C207" s="9" t="s">
        <v>87</v>
      </c>
      <c r="D207" s="9" t="s">
        <v>77</v>
      </c>
      <c r="E207" s="9" t="s">
        <v>57</v>
      </c>
      <c r="F207" s="9" t="s">
        <v>81</v>
      </c>
      <c r="G207" s="9" t="s">
        <v>88</v>
      </c>
      <c r="H207" s="9" t="s">
        <v>6</v>
      </c>
      <c r="I207" s="9" t="s">
        <v>160</v>
      </c>
      <c r="J207" s="6">
        <v>52</v>
      </c>
      <c r="K207" s="6">
        <v>8</v>
      </c>
      <c r="L207" s="6">
        <v>8</v>
      </c>
      <c r="M207" s="10" t="s">
        <v>55</v>
      </c>
      <c r="N207" s="10" t="s">
        <v>55</v>
      </c>
      <c r="O207" s="6">
        <v>41</v>
      </c>
      <c r="P207" s="6">
        <v>3</v>
      </c>
      <c r="Q207" s="10" t="s">
        <v>55</v>
      </c>
      <c r="R207" s="10" t="s">
        <v>55</v>
      </c>
      <c r="S207" s="10" t="s">
        <v>55</v>
      </c>
      <c r="T207" s="10" t="s">
        <v>55</v>
      </c>
      <c r="U207" s="6">
        <v>49</v>
      </c>
    </row>
    <row r="208" spans="1:21">
      <c r="A208" s="9" t="s">
        <v>83</v>
      </c>
      <c r="B208" s="9" t="s">
        <v>57</v>
      </c>
      <c r="C208" s="9" t="s">
        <v>87</v>
      </c>
      <c r="D208" s="9" t="s">
        <v>77</v>
      </c>
      <c r="E208" s="9" t="s">
        <v>57</v>
      </c>
      <c r="F208" s="9" t="s">
        <v>81</v>
      </c>
      <c r="G208" s="9" t="s">
        <v>88</v>
      </c>
      <c r="H208" s="9" t="s">
        <v>6</v>
      </c>
      <c r="I208" s="9" t="s">
        <v>161</v>
      </c>
      <c r="J208" s="6">
        <v>520</v>
      </c>
      <c r="K208" s="6">
        <v>477</v>
      </c>
      <c r="L208" s="6">
        <v>378</v>
      </c>
      <c r="M208" s="6">
        <v>1</v>
      </c>
      <c r="N208" s="6">
        <v>98</v>
      </c>
      <c r="O208" s="6">
        <v>9</v>
      </c>
      <c r="P208" s="6">
        <v>4</v>
      </c>
      <c r="Q208" s="6">
        <v>27</v>
      </c>
      <c r="R208" s="6">
        <v>2</v>
      </c>
      <c r="S208" s="10" t="s">
        <v>55</v>
      </c>
      <c r="T208" s="6">
        <v>1</v>
      </c>
      <c r="U208" s="6">
        <v>486</v>
      </c>
    </row>
    <row r="209" spans="1:21">
      <c r="A209" s="9" t="s">
        <v>83</v>
      </c>
      <c r="B209" s="9" t="s">
        <v>57</v>
      </c>
      <c r="C209" s="9" t="s">
        <v>87</v>
      </c>
      <c r="D209" s="9" t="s">
        <v>77</v>
      </c>
      <c r="E209" s="9" t="s">
        <v>57</v>
      </c>
      <c r="F209" s="9" t="s">
        <v>81</v>
      </c>
      <c r="G209" s="9" t="s">
        <v>88</v>
      </c>
      <c r="H209" s="9" t="s">
        <v>6</v>
      </c>
      <c r="I209" s="9" t="s">
        <v>162</v>
      </c>
      <c r="J209" s="6">
        <v>535</v>
      </c>
      <c r="K209" s="6">
        <v>472</v>
      </c>
      <c r="L209" s="6">
        <v>344</v>
      </c>
      <c r="M209" s="6">
        <v>12</v>
      </c>
      <c r="N209" s="6">
        <v>116</v>
      </c>
      <c r="O209" s="6">
        <v>26</v>
      </c>
      <c r="P209" s="10" t="s">
        <v>55</v>
      </c>
      <c r="Q209" s="6">
        <v>2</v>
      </c>
      <c r="R209" s="6">
        <v>34</v>
      </c>
      <c r="S209" s="10" t="s">
        <v>55</v>
      </c>
      <c r="T209" s="6">
        <v>1</v>
      </c>
      <c r="U209" s="6">
        <v>498</v>
      </c>
    </row>
    <row r="210" spans="1:21">
      <c r="A210" s="9" t="s">
        <v>83</v>
      </c>
      <c r="B210" s="9" t="s">
        <v>57</v>
      </c>
      <c r="C210" s="9" t="s">
        <v>87</v>
      </c>
      <c r="D210" s="9" t="s">
        <v>77</v>
      </c>
      <c r="E210" s="9" t="s">
        <v>57</v>
      </c>
      <c r="F210" s="9" t="s">
        <v>81</v>
      </c>
      <c r="G210" s="9" t="s">
        <v>88</v>
      </c>
      <c r="H210" s="9" t="s">
        <v>6</v>
      </c>
      <c r="I210" s="9" t="s">
        <v>163</v>
      </c>
      <c r="J210" s="6">
        <v>323</v>
      </c>
      <c r="K210" s="6">
        <v>272</v>
      </c>
      <c r="L210" s="6">
        <v>147</v>
      </c>
      <c r="M210" s="6">
        <v>2</v>
      </c>
      <c r="N210" s="6">
        <v>123</v>
      </c>
      <c r="O210" s="6">
        <v>20</v>
      </c>
      <c r="P210" s="6">
        <v>5</v>
      </c>
      <c r="Q210" s="6">
        <v>22</v>
      </c>
      <c r="R210" s="6">
        <v>4</v>
      </c>
      <c r="S210" s="10" t="s">
        <v>55</v>
      </c>
      <c r="T210" s="10" t="s">
        <v>55</v>
      </c>
      <c r="U210" s="6">
        <v>292</v>
      </c>
    </row>
    <row r="211" spans="1:21">
      <c r="A211" s="9" t="s">
        <v>83</v>
      </c>
      <c r="B211" s="9" t="s">
        <v>57</v>
      </c>
      <c r="C211" s="9" t="s">
        <v>87</v>
      </c>
      <c r="D211" s="9" t="s">
        <v>77</v>
      </c>
      <c r="E211" s="9" t="s">
        <v>57</v>
      </c>
      <c r="F211" s="9" t="s">
        <v>81</v>
      </c>
      <c r="G211" s="9" t="s">
        <v>88</v>
      </c>
      <c r="H211" s="9" t="s">
        <v>6</v>
      </c>
      <c r="I211" s="9" t="s">
        <v>164</v>
      </c>
      <c r="J211" s="6">
        <v>372</v>
      </c>
      <c r="K211" s="6">
        <v>336</v>
      </c>
      <c r="L211" s="6">
        <v>188</v>
      </c>
      <c r="M211" s="6">
        <v>10</v>
      </c>
      <c r="N211" s="6">
        <v>138</v>
      </c>
      <c r="O211" s="6">
        <v>5</v>
      </c>
      <c r="P211" s="6">
        <v>8</v>
      </c>
      <c r="Q211" s="6">
        <v>15</v>
      </c>
      <c r="R211" s="6">
        <v>8</v>
      </c>
      <c r="S211" s="10" t="s">
        <v>55</v>
      </c>
      <c r="T211" s="10" t="s">
        <v>55</v>
      </c>
      <c r="U211" s="6">
        <v>341</v>
      </c>
    </row>
    <row r="212" spans="1:21">
      <c r="A212" s="9" t="s">
        <v>83</v>
      </c>
      <c r="B212" s="9" t="s">
        <v>57</v>
      </c>
      <c r="C212" s="9" t="s">
        <v>87</v>
      </c>
      <c r="D212" s="9" t="s">
        <v>77</v>
      </c>
      <c r="E212" s="9" t="s">
        <v>57</v>
      </c>
      <c r="F212" s="9" t="s">
        <v>81</v>
      </c>
      <c r="G212" s="9" t="s">
        <v>88</v>
      </c>
      <c r="H212" s="9" t="s">
        <v>6</v>
      </c>
      <c r="I212" s="9" t="s">
        <v>165</v>
      </c>
      <c r="J212" s="6">
        <v>47</v>
      </c>
      <c r="K212" s="6">
        <v>46</v>
      </c>
      <c r="L212" s="6">
        <v>40</v>
      </c>
      <c r="M212" s="10" t="s">
        <v>55</v>
      </c>
      <c r="N212" s="6">
        <v>6</v>
      </c>
      <c r="O212" s="10" t="s">
        <v>55</v>
      </c>
      <c r="P212" s="10" t="s">
        <v>55</v>
      </c>
      <c r="Q212" s="6">
        <v>1</v>
      </c>
      <c r="R212" s="10" t="s">
        <v>55</v>
      </c>
      <c r="S212" s="10" t="s">
        <v>55</v>
      </c>
      <c r="T212" s="10" t="s">
        <v>55</v>
      </c>
      <c r="U212" s="6">
        <v>46</v>
      </c>
    </row>
    <row r="213" spans="1:21">
      <c r="A213" s="9" t="s">
        <v>83</v>
      </c>
      <c r="B213" s="9" t="s">
        <v>57</v>
      </c>
      <c r="C213" s="9" t="s">
        <v>87</v>
      </c>
      <c r="D213" s="9" t="s">
        <v>77</v>
      </c>
      <c r="E213" s="9" t="s">
        <v>57</v>
      </c>
      <c r="F213" s="9" t="s">
        <v>81</v>
      </c>
      <c r="G213" s="9" t="s">
        <v>88</v>
      </c>
      <c r="H213" s="9" t="s">
        <v>6</v>
      </c>
      <c r="I213" s="9" t="s">
        <v>166</v>
      </c>
      <c r="J213" s="6">
        <v>581</v>
      </c>
      <c r="K213" s="6">
        <v>100</v>
      </c>
      <c r="L213" s="6">
        <v>48</v>
      </c>
      <c r="M213" s="6">
        <v>4</v>
      </c>
      <c r="N213" s="6">
        <v>48</v>
      </c>
      <c r="O213" s="6">
        <v>9</v>
      </c>
      <c r="P213" s="6">
        <v>45</v>
      </c>
      <c r="Q213" s="6">
        <v>186</v>
      </c>
      <c r="R213" s="6">
        <v>240</v>
      </c>
      <c r="S213" s="10" t="s">
        <v>55</v>
      </c>
      <c r="T213" s="6">
        <v>1</v>
      </c>
      <c r="U213" s="6">
        <v>109</v>
      </c>
    </row>
    <row r="214" spans="1:21">
      <c r="A214" s="9" t="s">
        <v>83</v>
      </c>
      <c r="B214" s="9" t="s">
        <v>57</v>
      </c>
      <c r="C214" s="9" t="s">
        <v>87</v>
      </c>
      <c r="D214" s="9" t="s">
        <v>77</v>
      </c>
      <c r="E214" s="9" t="s">
        <v>57</v>
      </c>
      <c r="F214" s="9" t="s">
        <v>81</v>
      </c>
      <c r="G214" s="9" t="s">
        <v>88</v>
      </c>
      <c r="H214" s="9" t="s">
        <v>6</v>
      </c>
      <c r="I214" s="9" t="s">
        <v>167</v>
      </c>
      <c r="J214" s="6">
        <v>539</v>
      </c>
      <c r="K214" s="6">
        <v>445</v>
      </c>
      <c r="L214" s="6">
        <v>320</v>
      </c>
      <c r="M214" s="6">
        <v>18</v>
      </c>
      <c r="N214" s="6">
        <v>107</v>
      </c>
      <c r="O214" s="6">
        <v>5</v>
      </c>
      <c r="P214" s="6">
        <v>11</v>
      </c>
      <c r="Q214" s="6">
        <v>39</v>
      </c>
      <c r="R214" s="6">
        <v>36</v>
      </c>
      <c r="S214" s="6">
        <v>1</v>
      </c>
      <c r="T214" s="6">
        <v>2</v>
      </c>
      <c r="U214" s="6">
        <v>450</v>
      </c>
    </row>
    <row r="215" spans="1:21">
      <c r="A215" s="9" t="s">
        <v>83</v>
      </c>
      <c r="B215" s="9" t="s">
        <v>57</v>
      </c>
      <c r="C215" s="9" t="s">
        <v>87</v>
      </c>
      <c r="D215" s="9" t="s">
        <v>77</v>
      </c>
      <c r="E215" s="9" t="s">
        <v>57</v>
      </c>
      <c r="F215" s="9" t="s">
        <v>81</v>
      </c>
      <c r="G215" s="9" t="s">
        <v>88</v>
      </c>
      <c r="H215" s="9" t="s">
        <v>6</v>
      </c>
      <c r="I215" s="9" t="s">
        <v>168</v>
      </c>
      <c r="J215" s="6">
        <v>120</v>
      </c>
      <c r="K215" s="6">
        <v>112</v>
      </c>
      <c r="L215" s="6">
        <v>101</v>
      </c>
      <c r="M215" s="6">
        <v>3</v>
      </c>
      <c r="N215" s="6">
        <v>8</v>
      </c>
      <c r="O215" s="6">
        <v>3</v>
      </c>
      <c r="P215" s="6">
        <v>1</v>
      </c>
      <c r="Q215" s="6">
        <v>1</v>
      </c>
      <c r="R215" s="6">
        <v>2</v>
      </c>
      <c r="S215" s="10" t="s">
        <v>55</v>
      </c>
      <c r="T215" s="6">
        <v>1</v>
      </c>
      <c r="U215" s="6">
        <v>115</v>
      </c>
    </row>
    <row r="216" spans="1:21">
      <c r="A216" s="9" t="s">
        <v>83</v>
      </c>
      <c r="B216" s="9" t="s">
        <v>57</v>
      </c>
      <c r="C216" s="9" t="s">
        <v>87</v>
      </c>
      <c r="D216" s="9" t="s">
        <v>77</v>
      </c>
      <c r="E216" s="9" t="s">
        <v>57</v>
      </c>
      <c r="F216" s="9" t="s">
        <v>81</v>
      </c>
      <c r="G216" s="9" t="s">
        <v>88</v>
      </c>
      <c r="H216" s="9" t="s">
        <v>6</v>
      </c>
      <c r="I216" s="9" t="s">
        <v>169</v>
      </c>
      <c r="J216" s="6">
        <v>164</v>
      </c>
      <c r="K216" s="6">
        <v>106</v>
      </c>
      <c r="L216" s="6">
        <v>99</v>
      </c>
      <c r="M216" s="10" t="s">
        <v>55</v>
      </c>
      <c r="N216" s="6">
        <v>7</v>
      </c>
      <c r="O216" s="6">
        <v>10</v>
      </c>
      <c r="P216" s="6">
        <v>8</v>
      </c>
      <c r="Q216" s="6">
        <v>30</v>
      </c>
      <c r="R216" s="6">
        <v>9</v>
      </c>
      <c r="S216" s="10" t="s">
        <v>55</v>
      </c>
      <c r="T216" s="6">
        <v>1</v>
      </c>
      <c r="U216" s="6">
        <v>116</v>
      </c>
    </row>
    <row r="217" spans="1:21">
      <c r="A217" s="9" t="s">
        <v>83</v>
      </c>
      <c r="B217" s="9" t="s">
        <v>57</v>
      </c>
      <c r="C217" s="9" t="s">
        <v>87</v>
      </c>
      <c r="D217" s="9" t="s">
        <v>77</v>
      </c>
      <c r="E217" s="9" t="s">
        <v>57</v>
      </c>
      <c r="F217" s="9" t="s">
        <v>81</v>
      </c>
      <c r="G217" s="9" t="s">
        <v>88</v>
      </c>
      <c r="H217" s="9" t="s">
        <v>6</v>
      </c>
      <c r="I217" s="9" t="s">
        <v>170</v>
      </c>
      <c r="J217" s="6">
        <v>253</v>
      </c>
      <c r="K217" s="6">
        <v>230</v>
      </c>
      <c r="L217" s="6">
        <v>112</v>
      </c>
      <c r="M217" s="6">
        <v>12</v>
      </c>
      <c r="N217" s="6">
        <v>106</v>
      </c>
      <c r="O217" s="6">
        <v>5</v>
      </c>
      <c r="P217" s="6">
        <v>1</v>
      </c>
      <c r="Q217" s="6">
        <v>14</v>
      </c>
      <c r="R217" s="6">
        <v>2</v>
      </c>
      <c r="S217" s="10" t="s">
        <v>55</v>
      </c>
      <c r="T217" s="6">
        <v>1</v>
      </c>
      <c r="U217" s="6">
        <v>235</v>
      </c>
    </row>
    <row r="218" spans="1:21">
      <c r="A218" s="9" t="s">
        <v>83</v>
      </c>
      <c r="B218" s="9" t="s">
        <v>57</v>
      </c>
      <c r="C218" s="9" t="s">
        <v>87</v>
      </c>
      <c r="D218" s="9" t="s">
        <v>77</v>
      </c>
      <c r="E218" s="9" t="s">
        <v>57</v>
      </c>
      <c r="F218" s="9" t="s">
        <v>81</v>
      </c>
      <c r="G218" s="9" t="s">
        <v>88</v>
      </c>
      <c r="H218" s="9" t="s">
        <v>6</v>
      </c>
      <c r="I218" s="9" t="s">
        <v>171</v>
      </c>
      <c r="J218" s="6">
        <v>15</v>
      </c>
      <c r="K218" s="6">
        <v>7</v>
      </c>
      <c r="L218" s="6">
        <v>2</v>
      </c>
      <c r="M218" s="6">
        <v>1</v>
      </c>
      <c r="N218" s="6">
        <v>4</v>
      </c>
      <c r="O218" s="10" t="s">
        <v>55</v>
      </c>
      <c r="P218" s="10" t="s">
        <v>55</v>
      </c>
      <c r="Q218" s="6">
        <v>1</v>
      </c>
      <c r="R218" s="10" t="s">
        <v>55</v>
      </c>
      <c r="S218" s="10" t="s">
        <v>55</v>
      </c>
      <c r="T218" s="6">
        <v>7</v>
      </c>
      <c r="U218" s="6">
        <v>7</v>
      </c>
    </row>
    <row r="219" spans="1:21">
      <c r="A219" s="9" t="s">
        <v>83</v>
      </c>
      <c r="B219" s="9" t="s">
        <v>57</v>
      </c>
      <c r="C219" s="9" t="s">
        <v>87</v>
      </c>
      <c r="D219" s="9" t="s">
        <v>77</v>
      </c>
      <c r="E219" s="9" t="s">
        <v>57</v>
      </c>
      <c r="F219" s="9" t="s">
        <v>81</v>
      </c>
      <c r="G219" s="9" t="s">
        <v>88</v>
      </c>
      <c r="H219" s="9" t="s">
        <v>53</v>
      </c>
      <c r="I219" s="9" t="s">
        <v>6</v>
      </c>
      <c r="J219" s="6">
        <v>1811</v>
      </c>
      <c r="K219" s="6">
        <v>1255</v>
      </c>
      <c r="L219" s="6">
        <v>1069</v>
      </c>
      <c r="M219" s="6">
        <v>25</v>
      </c>
      <c r="N219" s="6">
        <v>161</v>
      </c>
      <c r="O219" s="6">
        <v>95</v>
      </c>
      <c r="P219" s="6">
        <v>81</v>
      </c>
      <c r="Q219" s="6">
        <v>297</v>
      </c>
      <c r="R219" s="6">
        <v>73</v>
      </c>
      <c r="S219" s="10" t="s">
        <v>55</v>
      </c>
      <c r="T219" s="6">
        <v>10</v>
      </c>
      <c r="U219" s="6">
        <v>1350</v>
      </c>
    </row>
    <row r="220" spans="1:21">
      <c r="A220" s="9" t="s">
        <v>83</v>
      </c>
      <c r="B220" s="9" t="s">
        <v>57</v>
      </c>
      <c r="C220" s="9" t="s">
        <v>87</v>
      </c>
      <c r="D220" s="9" t="s">
        <v>77</v>
      </c>
      <c r="E220" s="9" t="s">
        <v>57</v>
      </c>
      <c r="F220" s="9" t="s">
        <v>81</v>
      </c>
      <c r="G220" s="9" t="s">
        <v>88</v>
      </c>
      <c r="H220" s="9" t="s">
        <v>53</v>
      </c>
      <c r="I220" s="9" t="s">
        <v>160</v>
      </c>
      <c r="J220" s="6">
        <v>44</v>
      </c>
      <c r="K220" s="6">
        <v>8</v>
      </c>
      <c r="L220" s="6">
        <v>8</v>
      </c>
      <c r="M220" s="10" t="s">
        <v>55</v>
      </c>
      <c r="N220" s="10" t="s">
        <v>55</v>
      </c>
      <c r="O220" s="6">
        <v>33</v>
      </c>
      <c r="P220" s="6">
        <v>3</v>
      </c>
      <c r="Q220" s="10" t="s">
        <v>55</v>
      </c>
      <c r="R220" s="10" t="s">
        <v>55</v>
      </c>
      <c r="S220" s="10" t="s">
        <v>55</v>
      </c>
      <c r="T220" s="10" t="s">
        <v>55</v>
      </c>
      <c r="U220" s="6">
        <v>41</v>
      </c>
    </row>
    <row r="221" spans="1:21">
      <c r="A221" s="9" t="s">
        <v>83</v>
      </c>
      <c r="B221" s="9" t="s">
        <v>57</v>
      </c>
      <c r="C221" s="9" t="s">
        <v>87</v>
      </c>
      <c r="D221" s="9" t="s">
        <v>77</v>
      </c>
      <c r="E221" s="9" t="s">
        <v>57</v>
      </c>
      <c r="F221" s="9" t="s">
        <v>81</v>
      </c>
      <c r="G221" s="9" t="s">
        <v>88</v>
      </c>
      <c r="H221" s="9" t="s">
        <v>53</v>
      </c>
      <c r="I221" s="9" t="s">
        <v>161</v>
      </c>
      <c r="J221" s="6">
        <v>196</v>
      </c>
      <c r="K221" s="6">
        <v>171</v>
      </c>
      <c r="L221" s="6">
        <v>160</v>
      </c>
      <c r="M221" s="10" t="s">
        <v>55</v>
      </c>
      <c r="N221" s="6">
        <v>11</v>
      </c>
      <c r="O221" s="6">
        <v>7</v>
      </c>
      <c r="P221" s="6">
        <v>4</v>
      </c>
      <c r="Q221" s="6">
        <v>14</v>
      </c>
      <c r="R221" s="10" t="s">
        <v>55</v>
      </c>
      <c r="S221" s="10" t="s">
        <v>55</v>
      </c>
      <c r="T221" s="10" t="s">
        <v>55</v>
      </c>
      <c r="U221" s="6">
        <v>178</v>
      </c>
    </row>
    <row r="222" spans="1:21">
      <c r="A222" s="9" t="s">
        <v>83</v>
      </c>
      <c r="B222" s="9" t="s">
        <v>57</v>
      </c>
      <c r="C222" s="9" t="s">
        <v>87</v>
      </c>
      <c r="D222" s="9" t="s">
        <v>77</v>
      </c>
      <c r="E222" s="9" t="s">
        <v>57</v>
      </c>
      <c r="F222" s="9" t="s">
        <v>81</v>
      </c>
      <c r="G222" s="9" t="s">
        <v>88</v>
      </c>
      <c r="H222" s="9" t="s">
        <v>53</v>
      </c>
      <c r="I222" s="9" t="s">
        <v>162</v>
      </c>
      <c r="J222" s="6">
        <v>152</v>
      </c>
      <c r="K222" s="6">
        <v>139</v>
      </c>
      <c r="L222" s="6">
        <v>125</v>
      </c>
      <c r="M222" s="6">
        <v>2</v>
      </c>
      <c r="N222" s="6">
        <v>12</v>
      </c>
      <c r="O222" s="6">
        <v>9</v>
      </c>
      <c r="P222" s="10" t="s">
        <v>55</v>
      </c>
      <c r="Q222" s="6">
        <v>2</v>
      </c>
      <c r="R222" s="6">
        <v>1</v>
      </c>
      <c r="S222" s="10" t="s">
        <v>55</v>
      </c>
      <c r="T222" s="6">
        <v>1</v>
      </c>
      <c r="U222" s="6">
        <v>148</v>
      </c>
    </row>
    <row r="223" spans="1:21">
      <c r="A223" s="9" t="s">
        <v>83</v>
      </c>
      <c r="B223" s="9" t="s">
        <v>57</v>
      </c>
      <c r="C223" s="9" t="s">
        <v>87</v>
      </c>
      <c r="D223" s="9" t="s">
        <v>77</v>
      </c>
      <c r="E223" s="9" t="s">
        <v>57</v>
      </c>
      <c r="F223" s="9" t="s">
        <v>81</v>
      </c>
      <c r="G223" s="9" t="s">
        <v>88</v>
      </c>
      <c r="H223" s="9" t="s">
        <v>53</v>
      </c>
      <c r="I223" s="9" t="s">
        <v>163</v>
      </c>
      <c r="J223" s="6">
        <v>169</v>
      </c>
      <c r="K223" s="6">
        <v>124</v>
      </c>
      <c r="L223" s="6">
        <v>102</v>
      </c>
      <c r="M223" s="10" t="s">
        <v>55</v>
      </c>
      <c r="N223" s="6">
        <v>22</v>
      </c>
      <c r="O223" s="6">
        <v>18</v>
      </c>
      <c r="P223" s="6">
        <v>5</v>
      </c>
      <c r="Q223" s="6">
        <v>20</v>
      </c>
      <c r="R223" s="6">
        <v>2</v>
      </c>
      <c r="S223" s="10" t="s">
        <v>55</v>
      </c>
      <c r="T223" s="10" t="s">
        <v>55</v>
      </c>
      <c r="U223" s="6">
        <v>142</v>
      </c>
    </row>
    <row r="224" spans="1:21">
      <c r="A224" s="9" t="s">
        <v>83</v>
      </c>
      <c r="B224" s="9" t="s">
        <v>57</v>
      </c>
      <c r="C224" s="9" t="s">
        <v>87</v>
      </c>
      <c r="D224" s="9" t="s">
        <v>77</v>
      </c>
      <c r="E224" s="9" t="s">
        <v>57</v>
      </c>
      <c r="F224" s="9" t="s">
        <v>81</v>
      </c>
      <c r="G224" s="9" t="s">
        <v>88</v>
      </c>
      <c r="H224" s="9" t="s">
        <v>53</v>
      </c>
      <c r="I224" s="9" t="s">
        <v>164</v>
      </c>
      <c r="J224" s="6">
        <v>90</v>
      </c>
      <c r="K224" s="6">
        <v>77</v>
      </c>
      <c r="L224" s="6">
        <v>60</v>
      </c>
      <c r="M224" s="6">
        <v>1</v>
      </c>
      <c r="N224" s="6">
        <v>16</v>
      </c>
      <c r="O224" s="6">
        <v>2</v>
      </c>
      <c r="P224" s="6">
        <v>4</v>
      </c>
      <c r="Q224" s="6">
        <v>6</v>
      </c>
      <c r="R224" s="6">
        <v>1</v>
      </c>
      <c r="S224" s="10" t="s">
        <v>55</v>
      </c>
      <c r="T224" s="10" t="s">
        <v>55</v>
      </c>
      <c r="U224" s="6">
        <v>79</v>
      </c>
    </row>
    <row r="225" spans="1:21">
      <c r="A225" s="9" t="s">
        <v>83</v>
      </c>
      <c r="B225" s="9" t="s">
        <v>57</v>
      </c>
      <c r="C225" s="9" t="s">
        <v>87</v>
      </c>
      <c r="D225" s="9" t="s">
        <v>77</v>
      </c>
      <c r="E225" s="9" t="s">
        <v>57</v>
      </c>
      <c r="F225" s="9" t="s">
        <v>81</v>
      </c>
      <c r="G225" s="9" t="s">
        <v>88</v>
      </c>
      <c r="H225" s="9" t="s">
        <v>53</v>
      </c>
      <c r="I225" s="9" t="s">
        <v>165</v>
      </c>
      <c r="J225" s="6">
        <v>43</v>
      </c>
      <c r="K225" s="6">
        <v>42</v>
      </c>
      <c r="L225" s="6">
        <v>37</v>
      </c>
      <c r="M225" s="10" t="s">
        <v>55</v>
      </c>
      <c r="N225" s="6">
        <v>5</v>
      </c>
      <c r="O225" s="10" t="s">
        <v>55</v>
      </c>
      <c r="P225" s="10" t="s">
        <v>55</v>
      </c>
      <c r="Q225" s="6">
        <v>1</v>
      </c>
      <c r="R225" s="10" t="s">
        <v>55</v>
      </c>
      <c r="S225" s="10" t="s">
        <v>55</v>
      </c>
      <c r="T225" s="10" t="s">
        <v>55</v>
      </c>
      <c r="U225" s="6">
        <v>42</v>
      </c>
    </row>
    <row r="226" spans="1:21">
      <c r="A226" s="9" t="s">
        <v>83</v>
      </c>
      <c r="B226" s="9" t="s">
        <v>57</v>
      </c>
      <c r="C226" s="9" t="s">
        <v>87</v>
      </c>
      <c r="D226" s="9" t="s">
        <v>77</v>
      </c>
      <c r="E226" s="9" t="s">
        <v>57</v>
      </c>
      <c r="F226" s="9" t="s">
        <v>81</v>
      </c>
      <c r="G226" s="9" t="s">
        <v>88</v>
      </c>
      <c r="H226" s="9" t="s">
        <v>53</v>
      </c>
      <c r="I226" s="9" t="s">
        <v>166</v>
      </c>
      <c r="J226" s="6">
        <v>326</v>
      </c>
      <c r="K226" s="6">
        <v>37</v>
      </c>
      <c r="L226" s="6">
        <v>21</v>
      </c>
      <c r="M226" s="10" t="s">
        <v>55</v>
      </c>
      <c r="N226" s="6">
        <v>16</v>
      </c>
      <c r="O226" s="6">
        <v>6</v>
      </c>
      <c r="P226" s="6">
        <v>44</v>
      </c>
      <c r="Q226" s="6">
        <v>180</v>
      </c>
      <c r="R226" s="6">
        <v>58</v>
      </c>
      <c r="S226" s="10" t="s">
        <v>55</v>
      </c>
      <c r="T226" s="6">
        <v>1</v>
      </c>
      <c r="U226" s="6">
        <v>43</v>
      </c>
    </row>
    <row r="227" spans="1:21">
      <c r="A227" s="9" t="s">
        <v>83</v>
      </c>
      <c r="B227" s="9" t="s">
        <v>57</v>
      </c>
      <c r="C227" s="9" t="s">
        <v>87</v>
      </c>
      <c r="D227" s="9" t="s">
        <v>77</v>
      </c>
      <c r="E227" s="9" t="s">
        <v>57</v>
      </c>
      <c r="F227" s="9" t="s">
        <v>81</v>
      </c>
      <c r="G227" s="9" t="s">
        <v>88</v>
      </c>
      <c r="H227" s="9" t="s">
        <v>53</v>
      </c>
      <c r="I227" s="9" t="s">
        <v>167</v>
      </c>
      <c r="J227" s="6">
        <v>363</v>
      </c>
      <c r="K227" s="6">
        <v>308</v>
      </c>
      <c r="L227" s="6">
        <v>272</v>
      </c>
      <c r="M227" s="6">
        <v>14</v>
      </c>
      <c r="N227" s="6">
        <v>22</v>
      </c>
      <c r="O227" s="6">
        <v>3</v>
      </c>
      <c r="P227" s="6">
        <v>11</v>
      </c>
      <c r="Q227" s="6">
        <v>34</v>
      </c>
      <c r="R227" s="6">
        <v>6</v>
      </c>
      <c r="S227" s="10" t="s">
        <v>55</v>
      </c>
      <c r="T227" s="6">
        <v>1</v>
      </c>
      <c r="U227" s="6">
        <v>311</v>
      </c>
    </row>
    <row r="228" spans="1:21">
      <c r="A228" s="9" t="s">
        <v>83</v>
      </c>
      <c r="B228" s="9" t="s">
        <v>57</v>
      </c>
      <c r="C228" s="9" t="s">
        <v>87</v>
      </c>
      <c r="D228" s="9" t="s">
        <v>77</v>
      </c>
      <c r="E228" s="9" t="s">
        <v>57</v>
      </c>
      <c r="F228" s="9" t="s">
        <v>81</v>
      </c>
      <c r="G228" s="9" t="s">
        <v>88</v>
      </c>
      <c r="H228" s="9" t="s">
        <v>53</v>
      </c>
      <c r="I228" s="9" t="s">
        <v>168</v>
      </c>
      <c r="J228" s="6">
        <v>116</v>
      </c>
      <c r="K228" s="6">
        <v>110</v>
      </c>
      <c r="L228" s="6">
        <v>99</v>
      </c>
      <c r="M228" s="6">
        <v>3</v>
      </c>
      <c r="N228" s="6">
        <v>8</v>
      </c>
      <c r="O228" s="6">
        <v>3</v>
      </c>
      <c r="P228" s="6">
        <v>1</v>
      </c>
      <c r="Q228" s="6">
        <v>1</v>
      </c>
      <c r="R228" s="10" t="s">
        <v>55</v>
      </c>
      <c r="S228" s="10" t="s">
        <v>55</v>
      </c>
      <c r="T228" s="6">
        <v>1</v>
      </c>
      <c r="U228" s="6">
        <v>113</v>
      </c>
    </row>
    <row r="229" spans="1:21">
      <c r="A229" s="9" t="s">
        <v>83</v>
      </c>
      <c r="B229" s="9" t="s">
        <v>57</v>
      </c>
      <c r="C229" s="9" t="s">
        <v>87</v>
      </c>
      <c r="D229" s="9" t="s">
        <v>77</v>
      </c>
      <c r="E229" s="9" t="s">
        <v>57</v>
      </c>
      <c r="F229" s="9" t="s">
        <v>81</v>
      </c>
      <c r="G229" s="9" t="s">
        <v>88</v>
      </c>
      <c r="H229" s="9" t="s">
        <v>53</v>
      </c>
      <c r="I229" s="9" t="s">
        <v>169</v>
      </c>
      <c r="J229" s="6">
        <v>154</v>
      </c>
      <c r="K229" s="6">
        <v>101</v>
      </c>
      <c r="L229" s="6">
        <v>94</v>
      </c>
      <c r="M229" s="10" t="s">
        <v>55</v>
      </c>
      <c r="N229" s="6">
        <v>7</v>
      </c>
      <c r="O229" s="6">
        <v>10</v>
      </c>
      <c r="P229" s="6">
        <v>8</v>
      </c>
      <c r="Q229" s="6">
        <v>30</v>
      </c>
      <c r="R229" s="6">
        <v>4</v>
      </c>
      <c r="S229" s="10" t="s">
        <v>55</v>
      </c>
      <c r="T229" s="6">
        <v>1</v>
      </c>
      <c r="U229" s="6">
        <v>111</v>
      </c>
    </row>
    <row r="230" spans="1:21">
      <c r="A230" s="9" t="s">
        <v>83</v>
      </c>
      <c r="B230" s="9" t="s">
        <v>57</v>
      </c>
      <c r="C230" s="9" t="s">
        <v>87</v>
      </c>
      <c r="D230" s="9" t="s">
        <v>77</v>
      </c>
      <c r="E230" s="9" t="s">
        <v>57</v>
      </c>
      <c r="F230" s="9" t="s">
        <v>81</v>
      </c>
      <c r="G230" s="9" t="s">
        <v>88</v>
      </c>
      <c r="H230" s="9" t="s">
        <v>53</v>
      </c>
      <c r="I230" s="9" t="s">
        <v>170</v>
      </c>
      <c r="J230" s="6">
        <v>149</v>
      </c>
      <c r="K230" s="6">
        <v>134</v>
      </c>
      <c r="L230" s="6">
        <v>90</v>
      </c>
      <c r="M230" s="6">
        <v>4</v>
      </c>
      <c r="N230" s="6">
        <v>40</v>
      </c>
      <c r="O230" s="6">
        <v>4</v>
      </c>
      <c r="P230" s="6">
        <v>1</v>
      </c>
      <c r="Q230" s="6">
        <v>8</v>
      </c>
      <c r="R230" s="6">
        <v>1</v>
      </c>
      <c r="S230" s="10" t="s">
        <v>55</v>
      </c>
      <c r="T230" s="6">
        <v>1</v>
      </c>
      <c r="U230" s="6">
        <v>138</v>
      </c>
    </row>
    <row r="231" spans="1:21">
      <c r="A231" s="9" t="s">
        <v>83</v>
      </c>
      <c r="B231" s="9" t="s">
        <v>57</v>
      </c>
      <c r="C231" s="9" t="s">
        <v>87</v>
      </c>
      <c r="D231" s="9" t="s">
        <v>77</v>
      </c>
      <c r="E231" s="9" t="s">
        <v>57</v>
      </c>
      <c r="F231" s="9" t="s">
        <v>81</v>
      </c>
      <c r="G231" s="9" t="s">
        <v>88</v>
      </c>
      <c r="H231" s="9" t="s">
        <v>53</v>
      </c>
      <c r="I231" s="9" t="s">
        <v>171</v>
      </c>
      <c r="J231" s="6">
        <v>9</v>
      </c>
      <c r="K231" s="6">
        <v>4</v>
      </c>
      <c r="L231" s="6">
        <v>1</v>
      </c>
      <c r="M231" s="6">
        <v>1</v>
      </c>
      <c r="N231" s="6">
        <v>2</v>
      </c>
      <c r="O231" s="10" t="s">
        <v>55</v>
      </c>
      <c r="P231" s="10" t="s">
        <v>55</v>
      </c>
      <c r="Q231" s="6">
        <v>1</v>
      </c>
      <c r="R231" s="10" t="s">
        <v>55</v>
      </c>
      <c r="S231" s="10" t="s">
        <v>55</v>
      </c>
      <c r="T231" s="6">
        <v>4</v>
      </c>
      <c r="U231" s="6">
        <v>4</v>
      </c>
    </row>
    <row r="232" spans="1:21">
      <c r="A232" s="9" t="s">
        <v>83</v>
      </c>
      <c r="B232" s="9" t="s">
        <v>57</v>
      </c>
      <c r="C232" s="9" t="s">
        <v>87</v>
      </c>
      <c r="D232" s="9" t="s">
        <v>77</v>
      </c>
      <c r="E232" s="9" t="s">
        <v>57</v>
      </c>
      <c r="F232" s="9" t="s">
        <v>81</v>
      </c>
      <c r="G232" s="9" t="s">
        <v>88</v>
      </c>
      <c r="H232" s="9" t="s">
        <v>54</v>
      </c>
      <c r="I232" s="9" t="s">
        <v>6</v>
      </c>
      <c r="J232" s="6">
        <v>1710</v>
      </c>
      <c r="K232" s="6">
        <v>1356</v>
      </c>
      <c r="L232" s="6">
        <v>718</v>
      </c>
      <c r="M232" s="6">
        <v>38</v>
      </c>
      <c r="N232" s="6">
        <v>600</v>
      </c>
      <c r="O232" s="6">
        <v>38</v>
      </c>
      <c r="P232" s="6">
        <v>5</v>
      </c>
      <c r="Q232" s="6">
        <v>41</v>
      </c>
      <c r="R232" s="6">
        <v>264</v>
      </c>
      <c r="S232" s="6">
        <v>1</v>
      </c>
      <c r="T232" s="6">
        <v>5</v>
      </c>
      <c r="U232" s="6">
        <v>1394</v>
      </c>
    </row>
    <row r="233" spans="1:21">
      <c r="A233" s="9" t="s">
        <v>83</v>
      </c>
      <c r="B233" s="9" t="s">
        <v>57</v>
      </c>
      <c r="C233" s="9" t="s">
        <v>87</v>
      </c>
      <c r="D233" s="9" t="s">
        <v>77</v>
      </c>
      <c r="E233" s="9" t="s">
        <v>57</v>
      </c>
      <c r="F233" s="9" t="s">
        <v>81</v>
      </c>
      <c r="G233" s="9" t="s">
        <v>88</v>
      </c>
      <c r="H233" s="9" t="s">
        <v>54</v>
      </c>
      <c r="I233" s="9" t="s">
        <v>160</v>
      </c>
      <c r="J233" s="6">
        <v>8</v>
      </c>
      <c r="K233" s="10" t="s">
        <v>55</v>
      </c>
      <c r="L233" s="10" t="s">
        <v>55</v>
      </c>
      <c r="M233" s="10" t="s">
        <v>55</v>
      </c>
      <c r="N233" s="10" t="s">
        <v>55</v>
      </c>
      <c r="O233" s="6">
        <v>8</v>
      </c>
      <c r="P233" s="10" t="s">
        <v>55</v>
      </c>
      <c r="Q233" s="10" t="s">
        <v>55</v>
      </c>
      <c r="R233" s="10" t="s">
        <v>55</v>
      </c>
      <c r="S233" s="10" t="s">
        <v>55</v>
      </c>
      <c r="T233" s="10" t="s">
        <v>55</v>
      </c>
      <c r="U233" s="6">
        <v>8</v>
      </c>
    </row>
    <row r="234" spans="1:21">
      <c r="A234" s="9" t="s">
        <v>83</v>
      </c>
      <c r="B234" s="9" t="s">
        <v>57</v>
      </c>
      <c r="C234" s="9" t="s">
        <v>87</v>
      </c>
      <c r="D234" s="9" t="s">
        <v>77</v>
      </c>
      <c r="E234" s="9" t="s">
        <v>57</v>
      </c>
      <c r="F234" s="9" t="s">
        <v>81</v>
      </c>
      <c r="G234" s="9" t="s">
        <v>88</v>
      </c>
      <c r="H234" s="9" t="s">
        <v>54</v>
      </c>
      <c r="I234" s="9" t="s">
        <v>161</v>
      </c>
      <c r="J234" s="6">
        <v>324</v>
      </c>
      <c r="K234" s="6">
        <v>306</v>
      </c>
      <c r="L234" s="6">
        <v>218</v>
      </c>
      <c r="M234" s="6">
        <v>1</v>
      </c>
      <c r="N234" s="6">
        <v>87</v>
      </c>
      <c r="O234" s="6">
        <v>2</v>
      </c>
      <c r="P234" s="10" t="s">
        <v>55</v>
      </c>
      <c r="Q234" s="6">
        <v>13</v>
      </c>
      <c r="R234" s="6">
        <v>2</v>
      </c>
      <c r="S234" s="10" t="s">
        <v>55</v>
      </c>
      <c r="T234" s="6">
        <v>1</v>
      </c>
      <c r="U234" s="6">
        <v>308</v>
      </c>
    </row>
    <row r="235" spans="1:21">
      <c r="A235" s="9" t="s">
        <v>83</v>
      </c>
      <c r="B235" s="9" t="s">
        <v>57</v>
      </c>
      <c r="C235" s="9" t="s">
        <v>87</v>
      </c>
      <c r="D235" s="9" t="s">
        <v>77</v>
      </c>
      <c r="E235" s="9" t="s">
        <v>57</v>
      </c>
      <c r="F235" s="9" t="s">
        <v>81</v>
      </c>
      <c r="G235" s="9" t="s">
        <v>88</v>
      </c>
      <c r="H235" s="9" t="s">
        <v>54</v>
      </c>
      <c r="I235" s="9" t="s">
        <v>162</v>
      </c>
      <c r="J235" s="6">
        <v>383</v>
      </c>
      <c r="K235" s="6">
        <v>333</v>
      </c>
      <c r="L235" s="6">
        <v>219</v>
      </c>
      <c r="M235" s="6">
        <v>10</v>
      </c>
      <c r="N235" s="6">
        <v>104</v>
      </c>
      <c r="O235" s="6">
        <v>17</v>
      </c>
      <c r="P235" s="10" t="s">
        <v>55</v>
      </c>
      <c r="Q235" s="10" t="s">
        <v>55</v>
      </c>
      <c r="R235" s="6">
        <v>33</v>
      </c>
      <c r="S235" s="10" t="s">
        <v>55</v>
      </c>
      <c r="T235" s="10" t="s">
        <v>55</v>
      </c>
      <c r="U235" s="6">
        <v>350</v>
      </c>
    </row>
    <row r="236" spans="1:21">
      <c r="A236" s="9" t="s">
        <v>83</v>
      </c>
      <c r="B236" s="9" t="s">
        <v>57</v>
      </c>
      <c r="C236" s="9" t="s">
        <v>87</v>
      </c>
      <c r="D236" s="9" t="s">
        <v>77</v>
      </c>
      <c r="E236" s="9" t="s">
        <v>57</v>
      </c>
      <c r="F236" s="9" t="s">
        <v>81</v>
      </c>
      <c r="G236" s="9" t="s">
        <v>88</v>
      </c>
      <c r="H236" s="9" t="s">
        <v>54</v>
      </c>
      <c r="I236" s="9" t="s">
        <v>163</v>
      </c>
      <c r="J236" s="6">
        <v>154</v>
      </c>
      <c r="K236" s="6">
        <v>148</v>
      </c>
      <c r="L236" s="6">
        <v>45</v>
      </c>
      <c r="M236" s="6">
        <v>2</v>
      </c>
      <c r="N236" s="6">
        <v>101</v>
      </c>
      <c r="O236" s="6">
        <v>2</v>
      </c>
      <c r="P236" s="10" t="s">
        <v>55</v>
      </c>
      <c r="Q236" s="6">
        <v>2</v>
      </c>
      <c r="R236" s="6">
        <v>2</v>
      </c>
      <c r="S236" s="10" t="s">
        <v>55</v>
      </c>
      <c r="T236" s="10" t="s">
        <v>55</v>
      </c>
      <c r="U236" s="6">
        <v>150</v>
      </c>
    </row>
    <row r="237" spans="1:21">
      <c r="A237" s="9" t="s">
        <v>83</v>
      </c>
      <c r="B237" s="9" t="s">
        <v>57</v>
      </c>
      <c r="C237" s="9" t="s">
        <v>87</v>
      </c>
      <c r="D237" s="9" t="s">
        <v>77</v>
      </c>
      <c r="E237" s="9" t="s">
        <v>57</v>
      </c>
      <c r="F237" s="9" t="s">
        <v>81</v>
      </c>
      <c r="G237" s="9" t="s">
        <v>88</v>
      </c>
      <c r="H237" s="9" t="s">
        <v>54</v>
      </c>
      <c r="I237" s="9" t="s">
        <v>164</v>
      </c>
      <c r="J237" s="6">
        <v>282</v>
      </c>
      <c r="K237" s="6">
        <v>259</v>
      </c>
      <c r="L237" s="6">
        <v>128</v>
      </c>
      <c r="M237" s="6">
        <v>9</v>
      </c>
      <c r="N237" s="6">
        <v>122</v>
      </c>
      <c r="O237" s="6">
        <v>3</v>
      </c>
      <c r="P237" s="6">
        <v>4</v>
      </c>
      <c r="Q237" s="6">
        <v>9</v>
      </c>
      <c r="R237" s="6">
        <v>7</v>
      </c>
      <c r="S237" s="10" t="s">
        <v>55</v>
      </c>
      <c r="T237" s="10" t="s">
        <v>55</v>
      </c>
      <c r="U237" s="6">
        <v>262</v>
      </c>
    </row>
    <row r="238" spans="1:21">
      <c r="A238" s="9" t="s">
        <v>83</v>
      </c>
      <c r="B238" s="9" t="s">
        <v>57</v>
      </c>
      <c r="C238" s="9" t="s">
        <v>87</v>
      </c>
      <c r="D238" s="9" t="s">
        <v>77</v>
      </c>
      <c r="E238" s="9" t="s">
        <v>57</v>
      </c>
      <c r="F238" s="9" t="s">
        <v>81</v>
      </c>
      <c r="G238" s="9" t="s">
        <v>88</v>
      </c>
      <c r="H238" s="9" t="s">
        <v>54</v>
      </c>
      <c r="I238" s="9" t="s">
        <v>165</v>
      </c>
      <c r="J238" s="6">
        <v>4</v>
      </c>
      <c r="K238" s="6">
        <v>4</v>
      </c>
      <c r="L238" s="6">
        <v>3</v>
      </c>
      <c r="M238" s="10" t="s">
        <v>55</v>
      </c>
      <c r="N238" s="6">
        <v>1</v>
      </c>
      <c r="O238" s="10" t="s">
        <v>55</v>
      </c>
      <c r="P238" s="10" t="s">
        <v>55</v>
      </c>
      <c r="Q238" s="10" t="s">
        <v>55</v>
      </c>
      <c r="R238" s="10" t="s">
        <v>55</v>
      </c>
      <c r="S238" s="10" t="s">
        <v>55</v>
      </c>
      <c r="T238" s="10" t="s">
        <v>55</v>
      </c>
      <c r="U238" s="6">
        <v>4</v>
      </c>
    </row>
    <row r="239" spans="1:21">
      <c r="A239" s="9" t="s">
        <v>83</v>
      </c>
      <c r="B239" s="9" t="s">
        <v>57</v>
      </c>
      <c r="C239" s="9" t="s">
        <v>87</v>
      </c>
      <c r="D239" s="9" t="s">
        <v>77</v>
      </c>
      <c r="E239" s="9" t="s">
        <v>57</v>
      </c>
      <c r="F239" s="9" t="s">
        <v>81</v>
      </c>
      <c r="G239" s="9" t="s">
        <v>88</v>
      </c>
      <c r="H239" s="9" t="s">
        <v>54</v>
      </c>
      <c r="I239" s="9" t="s">
        <v>166</v>
      </c>
      <c r="J239" s="6">
        <v>255</v>
      </c>
      <c r="K239" s="6">
        <v>63</v>
      </c>
      <c r="L239" s="6">
        <v>27</v>
      </c>
      <c r="M239" s="6">
        <v>4</v>
      </c>
      <c r="N239" s="6">
        <v>32</v>
      </c>
      <c r="O239" s="6">
        <v>3</v>
      </c>
      <c r="P239" s="6">
        <v>1</v>
      </c>
      <c r="Q239" s="6">
        <v>6</v>
      </c>
      <c r="R239" s="6">
        <v>182</v>
      </c>
      <c r="S239" s="10" t="s">
        <v>55</v>
      </c>
      <c r="T239" s="10" t="s">
        <v>55</v>
      </c>
      <c r="U239" s="6">
        <v>66</v>
      </c>
    </row>
    <row r="240" spans="1:21">
      <c r="A240" s="9" t="s">
        <v>83</v>
      </c>
      <c r="B240" s="9" t="s">
        <v>57</v>
      </c>
      <c r="C240" s="9" t="s">
        <v>87</v>
      </c>
      <c r="D240" s="9" t="s">
        <v>77</v>
      </c>
      <c r="E240" s="9" t="s">
        <v>57</v>
      </c>
      <c r="F240" s="9" t="s">
        <v>81</v>
      </c>
      <c r="G240" s="9" t="s">
        <v>88</v>
      </c>
      <c r="H240" s="9" t="s">
        <v>54</v>
      </c>
      <c r="I240" s="9" t="s">
        <v>167</v>
      </c>
      <c r="J240" s="6">
        <v>176</v>
      </c>
      <c r="K240" s="6">
        <v>137</v>
      </c>
      <c r="L240" s="6">
        <v>48</v>
      </c>
      <c r="M240" s="6">
        <v>4</v>
      </c>
      <c r="N240" s="6">
        <v>85</v>
      </c>
      <c r="O240" s="6">
        <v>2</v>
      </c>
      <c r="P240" s="10" t="s">
        <v>55</v>
      </c>
      <c r="Q240" s="6">
        <v>5</v>
      </c>
      <c r="R240" s="6">
        <v>30</v>
      </c>
      <c r="S240" s="6">
        <v>1</v>
      </c>
      <c r="T240" s="6">
        <v>1</v>
      </c>
      <c r="U240" s="6">
        <v>139</v>
      </c>
    </row>
    <row r="241" spans="1:21">
      <c r="A241" s="9" t="s">
        <v>83</v>
      </c>
      <c r="B241" s="9" t="s">
        <v>57</v>
      </c>
      <c r="C241" s="9" t="s">
        <v>87</v>
      </c>
      <c r="D241" s="9" t="s">
        <v>77</v>
      </c>
      <c r="E241" s="9" t="s">
        <v>57</v>
      </c>
      <c r="F241" s="9" t="s">
        <v>81</v>
      </c>
      <c r="G241" s="9" t="s">
        <v>88</v>
      </c>
      <c r="H241" s="9" t="s">
        <v>54</v>
      </c>
      <c r="I241" s="9" t="s">
        <v>168</v>
      </c>
      <c r="J241" s="6">
        <v>4</v>
      </c>
      <c r="K241" s="6">
        <v>2</v>
      </c>
      <c r="L241" s="6">
        <v>2</v>
      </c>
      <c r="M241" s="10" t="s">
        <v>55</v>
      </c>
      <c r="N241" s="10" t="s">
        <v>55</v>
      </c>
      <c r="O241" s="10" t="s">
        <v>55</v>
      </c>
      <c r="P241" s="10" t="s">
        <v>55</v>
      </c>
      <c r="Q241" s="10" t="s">
        <v>55</v>
      </c>
      <c r="R241" s="6">
        <v>2</v>
      </c>
      <c r="S241" s="10" t="s">
        <v>55</v>
      </c>
      <c r="T241" s="10" t="s">
        <v>55</v>
      </c>
      <c r="U241" s="6">
        <v>2</v>
      </c>
    </row>
    <row r="242" spans="1:21">
      <c r="A242" s="9" t="s">
        <v>83</v>
      </c>
      <c r="B242" s="9" t="s">
        <v>57</v>
      </c>
      <c r="C242" s="9" t="s">
        <v>87</v>
      </c>
      <c r="D242" s="9" t="s">
        <v>77</v>
      </c>
      <c r="E242" s="9" t="s">
        <v>57</v>
      </c>
      <c r="F242" s="9" t="s">
        <v>81</v>
      </c>
      <c r="G242" s="9" t="s">
        <v>88</v>
      </c>
      <c r="H242" s="9" t="s">
        <v>54</v>
      </c>
      <c r="I242" s="9" t="s">
        <v>169</v>
      </c>
      <c r="J242" s="6">
        <v>10</v>
      </c>
      <c r="K242" s="6">
        <v>5</v>
      </c>
      <c r="L242" s="6">
        <v>5</v>
      </c>
      <c r="M242" s="10" t="s">
        <v>55</v>
      </c>
      <c r="N242" s="10" t="s">
        <v>55</v>
      </c>
      <c r="O242" s="10" t="s">
        <v>55</v>
      </c>
      <c r="P242" s="10" t="s">
        <v>55</v>
      </c>
      <c r="Q242" s="10" t="s">
        <v>55</v>
      </c>
      <c r="R242" s="6">
        <v>5</v>
      </c>
      <c r="S242" s="10" t="s">
        <v>55</v>
      </c>
      <c r="T242" s="10" t="s">
        <v>55</v>
      </c>
      <c r="U242" s="6">
        <v>5</v>
      </c>
    </row>
    <row r="243" spans="1:21">
      <c r="A243" s="9" t="s">
        <v>83</v>
      </c>
      <c r="B243" s="9" t="s">
        <v>57</v>
      </c>
      <c r="C243" s="9" t="s">
        <v>87</v>
      </c>
      <c r="D243" s="9" t="s">
        <v>77</v>
      </c>
      <c r="E243" s="9" t="s">
        <v>57</v>
      </c>
      <c r="F243" s="9" t="s">
        <v>81</v>
      </c>
      <c r="G243" s="9" t="s">
        <v>88</v>
      </c>
      <c r="H243" s="9" t="s">
        <v>54</v>
      </c>
      <c r="I243" s="9" t="s">
        <v>170</v>
      </c>
      <c r="J243" s="6">
        <v>104</v>
      </c>
      <c r="K243" s="6">
        <v>96</v>
      </c>
      <c r="L243" s="6">
        <v>22</v>
      </c>
      <c r="M243" s="6">
        <v>8</v>
      </c>
      <c r="N243" s="6">
        <v>66</v>
      </c>
      <c r="O243" s="6">
        <v>1</v>
      </c>
      <c r="P243" s="10" t="s">
        <v>55</v>
      </c>
      <c r="Q243" s="6">
        <v>6</v>
      </c>
      <c r="R243" s="6">
        <v>1</v>
      </c>
      <c r="S243" s="10" t="s">
        <v>55</v>
      </c>
      <c r="T243" s="10" t="s">
        <v>55</v>
      </c>
      <c r="U243" s="6">
        <v>97</v>
      </c>
    </row>
    <row r="244" spans="1:21">
      <c r="A244" s="9" t="s">
        <v>83</v>
      </c>
      <c r="B244" s="9" t="s">
        <v>57</v>
      </c>
      <c r="C244" s="9" t="s">
        <v>87</v>
      </c>
      <c r="D244" s="9" t="s">
        <v>77</v>
      </c>
      <c r="E244" s="9" t="s">
        <v>57</v>
      </c>
      <c r="F244" s="9" t="s">
        <v>81</v>
      </c>
      <c r="G244" s="9" t="s">
        <v>88</v>
      </c>
      <c r="H244" s="9" t="s">
        <v>54</v>
      </c>
      <c r="I244" s="9" t="s">
        <v>171</v>
      </c>
      <c r="J244" s="6">
        <v>6</v>
      </c>
      <c r="K244" s="6">
        <v>3</v>
      </c>
      <c r="L244" s="6">
        <v>1</v>
      </c>
      <c r="M244" s="10" t="s">
        <v>55</v>
      </c>
      <c r="N244" s="6">
        <v>2</v>
      </c>
      <c r="O244" s="10" t="s">
        <v>55</v>
      </c>
      <c r="P244" s="10" t="s">
        <v>55</v>
      </c>
      <c r="Q244" s="10" t="s">
        <v>55</v>
      </c>
      <c r="R244" s="10" t="s">
        <v>55</v>
      </c>
      <c r="S244" s="10" t="s">
        <v>55</v>
      </c>
      <c r="T244" s="6">
        <v>3</v>
      </c>
      <c r="U244" s="6">
        <v>3</v>
      </c>
    </row>
    <row r="245" spans="1:21">
      <c r="A245" s="9" t="s">
        <v>83</v>
      </c>
      <c r="B245" s="9" t="s">
        <v>57</v>
      </c>
      <c r="C245" s="9" t="s">
        <v>89</v>
      </c>
      <c r="D245" s="9" t="s">
        <v>77</v>
      </c>
      <c r="E245" s="9" t="s">
        <v>57</v>
      </c>
      <c r="F245" s="9" t="s">
        <v>81</v>
      </c>
      <c r="G245" s="9" t="s">
        <v>90</v>
      </c>
      <c r="H245" s="9" t="s">
        <v>6</v>
      </c>
      <c r="I245" s="9" t="s">
        <v>6</v>
      </c>
      <c r="J245" s="6">
        <v>6671</v>
      </c>
      <c r="K245" s="6">
        <v>4572</v>
      </c>
      <c r="L245" s="6">
        <v>2969</v>
      </c>
      <c r="M245" s="6">
        <v>107</v>
      </c>
      <c r="N245" s="6">
        <v>1496</v>
      </c>
      <c r="O245" s="6">
        <v>290</v>
      </c>
      <c r="P245" s="6">
        <v>258</v>
      </c>
      <c r="Q245" s="6">
        <v>688</v>
      </c>
      <c r="R245" s="6">
        <v>813</v>
      </c>
      <c r="S245" s="6">
        <v>3</v>
      </c>
      <c r="T245" s="6">
        <v>47</v>
      </c>
      <c r="U245" s="6">
        <v>4862</v>
      </c>
    </row>
    <row r="246" spans="1:21">
      <c r="A246" s="9" t="s">
        <v>83</v>
      </c>
      <c r="B246" s="9" t="s">
        <v>57</v>
      </c>
      <c r="C246" s="9" t="s">
        <v>89</v>
      </c>
      <c r="D246" s="9" t="s">
        <v>77</v>
      </c>
      <c r="E246" s="9" t="s">
        <v>57</v>
      </c>
      <c r="F246" s="9" t="s">
        <v>81</v>
      </c>
      <c r="G246" s="9" t="s">
        <v>90</v>
      </c>
      <c r="H246" s="9" t="s">
        <v>6</v>
      </c>
      <c r="I246" s="9" t="s">
        <v>160</v>
      </c>
      <c r="J246" s="6">
        <v>116</v>
      </c>
      <c r="K246" s="6">
        <v>22</v>
      </c>
      <c r="L246" s="6">
        <v>21</v>
      </c>
      <c r="M246" s="10" t="s">
        <v>55</v>
      </c>
      <c r="N246" s="6">
        <v>1</v>
      </c>
      <c r="O246" s="6">
        <v>81</v>
      </c>
      <c r="P246" s="6">
        <v>13</v>
      </c>
      <c r="Q246" s="10" t="s">
        <v>55</v>
      </c>
      <c r="R246" s="10" t="s">
        <v>55</v>
      </c>
      <c r="S246" s="10" t="s">
        <v>55</v>
      </c>
      <c r="T246" s="10" t="s">
        <v>55</v>
      </c>
      <c r="U246" s="6">
        <v>103</v>
      </c>
    </row>
    <row r="247" spans="1:21">
      <c r="A247" s="9" t="s">
        <v>83</v>
      </c>
      <c r="B247" s="9" t="s">
        <v>57</v>
      </c>
      <c r="C247" s="9" t="s">
        <v>89</v>
      </c>
      <c r="D247" s="9" t="s">
        <v>77</v>
      </c>
      <c r="E247" s="9" t="s">
        <v>57</v>
      </c>
      <c r="F247" s="9" t="s">
        <v>81</v>
      </c>
      <c r="G247" s="9" t="s">
        <v>90</v>
      </c>
      <c r="H247" s="9" t="s">
        <v>6</v>
      </c>
      <c r="I247" s="9" t="s">
        <v>161</v>
      </c>
      <c r="J247" s="6">
        <v>807</v>
      </c>
      <c r="K247" s="6">
        <v>704</v>
      </c>
      <c r="L247" s="6">
        <v>573</v>
      </c>
      <c r="M247" s="6">
        <v>4</v>
      </c>
      <c r="N247" s="6">
        <v>127</v>
      </c>
      <c r="O247" s="6">
        <v>40</v>
      </c>
      <c r="P247" s="6">
        <v>13</v>
      </c>
      <c r="Q247" s="6">
        <v>40</v>
      </c>
      <c r="R247" s="6">
        <v>8</v>
      </c>
      <c r="S247" s="10" t="s">
        <v>55</v>
      </c>
      <c r="T247" s="6">
        <v>2</v>
      </c>
      <c r="U247" s="6">
        <v>744</v>
      </c>
    </row>
    <row r="248" spans="1:21">
      <c r="A248" s="9" t="s">
        <v>83</v>
      </c>
      <c r="B248" s="9" t="s">
        <v>57</v>
      </c>
      <c r="C248" s="9" t="s">
        <v>89</v>
      </c>
      <c r="D248" s="9" t="s">
        <v>77</v>
      </c>
      <c r="E248" s="9" t="s">
        <v>57</v>
      </c>
      <c r="F248" s="9" t="s">
        <v>81</v>
      </c>
      <c r="G248" s="9" t="s">
        <v>90</v>
      </c>
      <c r="H248" s="9" t="s">
        <v>6</v>
      </c>
      <c r="I248" s="9" t="s">
        <v>162</v>
      </c>
      <c r="J248" s="6">
        <v>824</v>
      </c>
      <c r="K248" s="6">
        <v>736</v>
      </c>
      <c r="L248" s="6">
        <v>541</v>
      </c>
      <c r="M248" s="6">
        <v>20</v>
      </c>
      <c r="N248" s="6">
        <v>175</v>
      </c>
      <c r="O248" s="6">
        <v>47</v>
      </c>
      <c r="P248" s="6">
        <v>1</v>
      </c>
      <c r="Q248" s="6">
        <v>2</v>
      </c>
      <c r="R248" s="6">
        <v>37</v>
      </c>
      <c r="S248" s="10" t="s">
        <v>55</v>
      </c>
      <c r="T248" s="6">
        <v>1</v>
      </c>
      <c r="U248" s="6">
        <v>783</v>
      </c>
    </row>
    <row r="249" spans="1:21">
      <c r="A249" s="9" t="s">
        <v>83</v>
      </c>
      <c r="B249" s="9" t="s">
        <v>57</v>
      </c>
      <c r="C249" s="9" t="s">
        <v>89</v>
      </c>
      <c r="D249" s="9" t="s">
        <v>77</v>
      </c>
      <c r="E249" s="9" t="s">
        <v>57</v>
      </c>
      <c r="F249" s="9" t="s">
        <v>81</v>
      </c>
      <c r="G249" s="9" t="s">
        <v>90</v>
      </c>
      <c r="H249" s="9" t="s">
        <v>6</v>
      </c>
      <c r="I249" s="9" t="s">
        <v>163</v>
      </c>
      <c r="J249" s="6">
        <v>560</v>
      </c>
      <c r="K249" s="6">
        <v>429</v>
      </c>
      <c r="L249" s="6">
        <v>220</v>
      </c>
      <c r="M249" s="6">
        <v>5</v>
      </c>
      <c r="N249" s="6">
        <v>204</v>
      </c>
      <c r="O249" s="6">
        <v>29</v>
      </c>
      <c r="P249" s="6">
        <v>20</v>
      </c>
      <c r="Q249" s="6">
        <v>50</v>
      </c>
      <c r="R249" s="6">
        <v>31</v>
      </c>
      <c r="S249" s="10" t="s">
        <v>55</v>
      </c>
      <c r="T249" s="6">
        <v>1</v>
      </c>
      <c r="U249" s="6">
        <v>458</v>
      </c>
    </row>
    <row r="250" spans="1:21">
      <c r="A250" s="9" t="s">
        <v>83</v>
      </c>
      <c r="B250" s="9" t="s">
        <v>57</v>
      </c>
      <c r="C250" s="9" t="s">
        <v>89</v>
      </c>
      <c r="D250" s="9" t="s">
        <v>77</v>
      </c>
      <c r="E250" s="9" t="s">
        <v>57</v>
      </c>
      <c r="F250" s="9" t="s">
        <v>81</v>
      </c>
      <c r="G250" s="9" t="s">
        <v>90</v>
      </c>
      <c r="H250" s="9" t="s">
        <v>6</v>
      </c>
      <c r="I250" s="9" t="s">
        <v>164</v>
      </c>
      <c r="J250" s="6">
        <v>742</v>
      </c>
      <c r="K250" s="6">
        <v>600</v>
      </c>
      <c r="L250" s="6">
        <v>342</v>
      </c>
      <c r="M250" s="6">
        <v>10</v>
      </c>
      <c r="N250" s="6">
        <v>248</v>
      </c>
      <c r="O250" s="6">
        <v>1</v>
      </c>
      <c r="P250" s="6">
        <v>27</v>
      </c>
      <c r="Q250" s="6">
        <v>66</v>
      </c>
      <c r="R250" s="6">
        <v>46</v>
      </c>
      <c r="S250" s="10" t="s">
        <v>55</v>
      </c>
      <c r="T250" s="6">
        <v>2</v>
      </c>
      <c r="U250" s="6">
        <v>601</v>
      </c>
    </row>
    <row r="251" spans="1:21">
      <c r="A251" s="9" t="s">
        <v>83</v>
      </c>
      <c r="B251" s="9" t="s">
        <v>57</v>
      </c>
      <c r="C251" s="9" t="s">
        <v>89</v>
      </c>
      <c r="D251" s="9" t="s">
        <v>77</v>
      </c>
      <c r="E251" s="9" t="s">
        <v>57</v>
      </c>
      <c r="F251" s="9" t="s">
        <v>81</v>
      </c>
      <c r="G251" s="9" t="s">
        <v>90</v>
      </c>
      <c r="H251" s="9" t="s">
        <v>6</v>
      </c>
      <c r="I251" s="9" t="s">
        <v>165</v>
      </c>
      <c r="J251" s="6">
        <v>66</v>
      </c>
      <c r="K251" s="6">
        <v>64</v>
      </c>
      <c r="L251" s="6">
        <v>49</v>
      </c>
      <c r="M251" s="10" t="s">
        <v>55</v>
      </c>
      <c r="N251" s="6">
        <v>15</v>
      </c>
      <c r="O251" s="10" t="s">
        <v>55</v>
      </c>
      <c r="P251" s="10" t="s">
        <v>55</v>
      </c>
      <c r="Q251" s="6">
        <v>2</v>
      </c>
      <c r="R251" s="10" t="s">
        <v>55</v>
      </c>
      <c r="S251" s="10" t="s">
        <v>55</v>
      </c>
      <c r="T251" s="10" t="s">
        <v>55</v>
      </c>
      <c r="U251" s="6">
        <v>64</v>
      </c>
    </row>
    <row r="252" spans="1:21">
      <c r="A252" s="9" t="s">
        <v>83</v>
      </c>
      <c r="B252" s="9" t="s">
        <v>57</v>
      </c>
      <c r="C252" s="9" t="s">
        <v>89</v>
      </c>
      <c r="D252" s="9" t="s">
        <v>77</v>
      </c>
      <c r="E252" s="9" t="s">
        <v>57</v>
      </c>
      <c r="F252" s="9" t="s">
        <v>81</v>
      </c>
      <c r="G252" s="9" t="s">
        <v>90</v>
      </c>
      <c r="H252" s="9" t="s">
        <v>6</v>
      </c>
      <c r="I252" s="9" t="s">
        <v>166</v>
      </c>
      <c r="J252" s="6">
        <v>1603</v>
      </c>
      <c r="K252" s="6">
        <v>423</v>
      </c>
      <c r="L252" s="6">
        <v>138</v>
      </c>
      <c r="M252" s="6">
        <v>10</v>
      </c>
      <c r="N252" s="6">
        <v>275</v>
      </c>
      <c r="O252" s="6">
        <v>33</v>
      </c>
      <c r="P252" s="6">
        <v>143</v>
      </c>
      <c r="Q252" s="6">
        <v>361</v>
      </c>
      <c r="R252" s="6">
        <v>641</v>
      </c>
      <c r="S252" s="10" t="s">
        <v>55</v>
      </c>
      <c r="T252" s="6">
        <v>2</v>
      </c>
      <c r="U252" s="6">
        <v>456</v>
      </c>
    </row>
    <row r="253" spans="1:21">
      <c r="A253" s="9" t="s">
        <v>83</v>
      </c>
      <c r="B253" s="9" t="s">
        <v>57</v>
      </c>
      <c r="C253" s="9" t="s">
        <v>89</v>
      </c>
      <c r="D253" s="9" t="s">
        <v>77</v>
      </c>
      <c r="E253" s="9" t="s">
        <v>57</v>
      </c>
      <c r="F253" s="9" t="s">
        <v>81</v>
      </c>
      <c r="G253" s="9" t="s">
        <v>90</v>
      </c>
      <c r="H253" s="9" t="s">
        <v>6</v>
      </c>
      <c r="I253" s="9" t="s">
        <v>167</v>
      </c>
      <c r="J253" s="6">
        <v>862</v>
      </c>
      <c r="K253" s="6">
        <v>726</v>
      </c>
      <c r="L253" s="6">
        <v>538</v>
      </c>
      <c r="M253" s="6">
        <v>32</v>
      </c>
      <c r="N253" s="6">
        <v>156</v>
      </c>
      <c r="O253" s="6">
        <v>20</v>
      </c>
      <c r="P253" s="6">
        <v>17</v>
      </c>
      <c r="Q253" s="6">
        <v>62</v>
      </c>
      <c r="R253" s="6">
        <v>31</v>
      </c>
      <c r="S253" s="6">
        <v>3</v>
      </c>
      <c r="T253" s="6">
        <v>3</v>
      </c>
      <c r="U253" s="6">
        <v>746</v>
      </c>
    </row>
    <row r="254" spans="1:21">
      <c r="A254" s="9" t="s">
        <v>83</v>
      </c>
      <c r="B254" s="9" t="s">
        <v>57</v>
      </c>
      <c r="C254" s="9" t="s">
        <v>89</v>
      </c>
      <c r="D254" s="9" t="s">
        <v>77</v>
      </c>
      <c r="E254" s="9" t="s">
        <v>57</v>
      </c>
      <c r="F254" s="9" t="s">
        <v>81</v>
      </c>
      <c r="G254" s="9" t="s">
        <v>90</v>
      </c>
      <c r="H254" s="9" t="s">
        <v>6</v>
      </c>
      <c r="I254" s="9" t="s">
        <v>168</v>
      </c>
      <c r="J254" s="6">
        <v>224</v>
      </c>
      <c r="K254" s="6">
        <v>211</v>
      </c>
      <c r="L254" s="6">
        <v>186</v>
      </c>
      <c r="M254" s="6">
        <v>2</v>
      </c>
      <c r="N254" s="6">
        <v>23</v>
      </c>
      <c r="O254" s="6">
        <v>5</v>
      </c>
      <c r="P254" s="6">
        <v>3</v>
      </c>
      <c r="Q254" s="6">
        <v>3</v>
      </c>
      <c r="R254" s="6">
        <v>2</v>
      </c>
      <c r="S254" s="10" t="s">
        <v>55</v>
      </c>
      <c r="T254" s="10" t="s">
        <v>55</v>
      </c>
      <c r="U254" s="6">
        <v>216</v>
      </c>
    </row>
    <row r="255" spans="1:21">
      <c r="A255" s="9" t="s">
        <v>83</v>
      </c>
      <c r="B255" s="9" t="s">
        <v>57</v>
      </c>
      <c r="C255" s="9" t="s">
        <v>89</v>
      </c>
      <c r="D255" s="9" t="s">
        <v>77</v>
      </c>
      <c r="E255" s="9" t="s">
        <v>57</v>
      </c>
      <c r="F255" s="9" t="s">
        <v>81</v>
      </c>
      <c r="G255" s="9" t="s">
        <v>90</v>
      </c>
      <c r="H255" s="9" t="s">
        <v>6</v>
      </c>
      <c r="I255" s="9" t="s">
        <v>169</v>
      </c>
      <c r="J255" s="6">
        <v>342</v>
      </c>
      <c r="K255" s="6">
        <v>218</v>
      </c>
      <c r="L255" s="6">
        <v>189</v>
      </c>
      <c r="M255" s="10" t="s">
        <v>55</v>
      </c>
      <c r="N255" s="6">
        <v>29</v>
      </c>
      <c r="O255" s="6">
        <v>24</v>
      </c>
      <c r="P255" s="6">
        <v>16</v>
      </c>
      <c r="Q255" s="6">
        <v>71</v>
      </c>
      <c r="R255" s="6">
        <v>13</v>
      </c>
      <c r="S255" s="10" t="s">
        <v>55</v>
      </c>
      <c r="T255" s="10" t="s">
        <v>55</v>
      </c>
      <c r="U255" s="6">
        <v>242</v>
      </c>
    </row>
    <row r="256" spans="1:21">
      <c r="A256" s="9" t="s">
        <v>83</v>
      </c>
      <c r="B256" s="9" t="s">
        <v>57</v>
      </c>
      <c r="C256" s="9" t="s">
        <v>89</v>
      </c>
      <c r="D256" s="9" t="s">
        <v>77</v>
      </c>
      <c r="E256" s="9" t="s">
        <v>57</v>
      </c>
      <c r="F256" s="9" t="s">
        <v>81</v>
      </c>
      <c r="G256" s="9" t="s">
        <v>90</v>
      </c>
      <c r="H256" s="9" t="s">
        <v>6</v>
      </c>
      <c r="I256" s="9" t="s">
        <v>170</v>
      </c>
      <c r="J256" s="6">
        <v>469</v>
      </c>
      <c r="K256" s="6">
        <v>428</v>
      </c>
      <c r="L256" s="6">
        <v>166</v>
      </c>
      <c r="M256" s="6">
        <v>24</v>
      </c>
      <c r="N256" s="6">
        <v>238</v>
      </c>
      <c r="O256" s="6">
        <v>8</v>
      </c>
      <c r="P256" s="6">
        <v>3</v>
      </c>
      <c r="Q256" s="6">
        <v>25</v>
      </c>
      <c r="R256" s="6">
        <v>2</v>
      </c>
      <c r="S256" s="10" t="s">
        <v>55</v>
      </c>
      <c r="T256" s="6">
        <v>3</v>
      </c>
      <c r="U256" s="6">
        <v>436</v>
      </c>
    </row>
    <row r="257" spans="1:21">
      <c r="A257" s="9" t="s">
        <v>83</v>
      </c>
      <c r="B257" s="9" t="s">
        <v>57</v>
      </c>
      <c r="C257" s="9" t="s">
        <v>89</v>
      </c>
      <c r="D257" s="9" t="s">
        <v>77</v>
      </c>
      <c r="E257" s="9" t="s">
        <v>57</v>
      </c>
      <c r="F257" s="9" t="s">
        <v>81</v>
      </c>
      <c r="G257" s="9" t="s">
        <v>90</v>
      </c>
      <c r="H257" s="9" t="s">
        <v>6</v>
      </c>
      <c r="I257" s="9" t="s">
        <v>171</v>
      </c>
      <c r="J257" s="6">
        <v>56</v>
      </c>
      <c r="K257" s="6">
        <v>11</v>
      </c>
      <c r="L257" s="6">
        <v>6</v>
      </c>
      <c r="M257" s="10" t="s">
        <v>55</v>
      </c>
      <c r="N257" s="6">
        <v>5</v>
      </c>
      <c r="O257" s="6">
        <v>2</v>
      </c>
      <c r="P257" s="6">
        <v>2</v>
      </c>
      <c r="Q257" s="6">
        <v>6</v>
      </c>
      <c r="R257" s="6">
        <v>2</v>
      </c>
      <c r="S257" s="10" t="s">
        <v>55</v>
      </c>
      <c r="T257" s="6">
        <v>33</v>
      </c>
      <c r="U257" s="6">
        <v>13</v>
      </c>
    </row>
    <row r="258" spans="1:21">
      <c r="A258" s="9" t="s">
        <v>83</v>
      </c>
      <c r="B258" s="9" t="s">
        <v>57</v>
      </c>
      <c r="C258" s="9" t="s">
        <v>89</v>
      </c>
      <c r="D258" s="9" t="s">
        <v>77</v>
      </c>
      <c r="E258" s="9" t="s">
        <v>57</v>
      </c>
      <c r="F258" s="9" t="s">
        <v>81</v>
      </c>
      <c r="G258" s="9" t="s">
        <v>90</v>
      </c>
      <c r="H258" s="9" t="s">
        <v>53</v>
      </c>
      <c r="I258" s="9" t="s">
        <v>6</v>
      </c>
      <c r="J258" s="6">
        <v>3310</v>
      </c>
      <c r="K258" s="6">
        <v>2062</v>
      </c>
      <c r="L258" s="6">
        <v>1693</v>
      </c>
      <c r="M258" s="6">
        <v>47</v>
      </c>
      <c r="N258" s="6">
        <v>322</v>
      </c>
      <c r="O258" s="6">
        <v>197</v>
      </c>
      <c r="P258" s="6">
        <v>225</v>
      </c>
      <c r="Q258" s="6">
        <v>582</v>
      </c>
      <c r="R258" s="6">
        <v>217</v>
      </c>
      <c r="S258" s="6">
        <v>1</v>
      </c>
      <c r="T258" s="6">
        <v>26</v>
      </c>
      <c r="U258" s="6">
        <v>2259</v>
      </c>
    </row>
    <row r="259" spans="1:21">
      <c r="A259" s="9" t="s">
        <v>83</v>
      </c>
      <c r="B259" s="9" t="s">
        <v>57</v>
      </c>
      <c r="C259" s="9" t="s">
        <v>89</v>
      </c>
      <c r="D259" s="9" t="s">
        <v>77</v>
      </c>
      <c r="E259" s="9" t="s">
        <v>57</v>
      </c>
      <c r="F259" s="9" t="s">
        <v>81</v>
      </c>
      <c r="G259" s="9" t="s">
        <v>90</v>
      </c>
      <c r="H259" s="9" t="s">
        <v>53</v>
      </c>
      <c r="I259" s="9" t="s">
        <v>160</v>
      </c>
      <c r="J259" s="6">
        <v>93</v>
      </c>
      <c r="K259" s="6">
        <v>20</v>
      </c>
      <c r="L259" s="6">
        <v>19</v>
      </c>
      <c r="M259" s="10" t="s">
        <v>55</v>
      </c>
      <c r="N259" s="6">
        <v>1</v>
      </c>
      <c r="O259" s="6">
        <v>62</v>
      </c>
      <c r="P259" s="6">
        <v>11</v>
      </c>
      <c r="Q259" s="10" t="s">
        <v>55</v>
      </c>
      <c r="R259" s="10" t="s">
        <v>55</v>
      </c>
      <c r="S259" s="10" t="s">
        <v>55</v>
      </c>
      <c r="T259" s="10" t="s">
        <v>55</v>
      </c>
      <c r="U259" s="6">
        <v>82</v>
      </c>
    </row>
    <row r="260" spans="1:21">
      <c r="A260" s="9" t="s">
        <v>83</v>
      </c>
      <c r="B260" s="9" t="s">
        <v>57</v>
      </c>
      <c r="C260" s="9" t="s">
        <v>89</v>
      </c>
      <c r="D260" s="9" t="s">
        <v>77</v>
      </c>
      <c r="E260" s="9" t="s">
        <v>57</v>
      </c>
      <c r="F260" s="9" t="s">
        <v>81</v>
      </c>
      <c r="G260" s="9" t="s">
        <v>90</v>
      </c>
      <c r="H260" s="9" t="s">
        <v>53</v>
      </c>
      <c r="I260" s="9" t="s">
        <v>161</v>
      </c>
      <c r="J260" s="6">
        <v>270</v>
      </c>
      <c r="K260" s="6">
        <v>205</v>
      </c>
      <c r="L260" s="6">
        <v>191</v>
      </c>
      <c r="M260" s="10" t="s">
        <v>55</v>
      </c>
      <c r="N260" s="6">
        <v>14</v>
      </c>
      <c r="O260" s="6">
        <v>27</v>
      </c>
      <c r="P260" s="6">
        <v>10</v>
      </c>
      <c r="Q260" s="6">
        <v>24</v>
      </c>
      <c r="R260" s="6">
        <v>4</v>
      </c>
      <c r="S260" s="10" t="s">
        <v>55</v>
      </c>
      <c r="T260" s="10" t="s">
        <v>55</v>
      </c>
      <c r="U260" s="6">
        <v>232</v>
      </c>
    </row>
    <row r="261" spans="1:21">
      <c r="A261" s="9" t="s">
        <v>83</v>
      </c>
      <c r="B261" s="9" t="s">
        <v>57</v>
      </c>
      <c r="C261" s="9" t="s">
        <v>89</v>
      </c>
      <c r="D261" s="9" t="s">
        <v>77</v>
      </c>
      <c r="E261" s="9" t="s">
        <v>57</v>
      </c>
      <c r="F261" s="9" t="s">
        <v>81</v>
      </c>
      <c r="G261" s="9" t="s">
        <v>90</v>
      </c>
      <c r="H261" s="9" t="s">
        <v>53</v>
      </c>
      <c r="I261" s="9" t="s">
        <v>162</v>
      </c>
      <c r="J261" s="6">
        <v>233</v>
      </c>
      <c r="K261" s="6">
        <v>214</v>
      </c>
      <c r="L261" s="6">
        <v>194</v>
      </c>
      <c r="M261" s="6">
        <v>3</v>
      </c>
      <c r="N261" s="6">
        <v>17</v>
      </c>
      <c r="O261" s="6">
        <v>16</v>
      </c>
      <c r="P261" s="6">
        <v>1</v>
      </c>
      <c r="Q261" s="6">
        <v>1</v>
      </c>
      <c r="R261" s="6">
        <v>1</v>
      </c>
      <c r="S261" s="10" t="s">
        <v>55</v>
      </c>
      <c r="T261" s="10" t="s">
        <v>55</v>
      </c>
      <c r="U261" s="6">
        <v>230</v>
      </c>
    </row>
    <row r="262" spans="1:21">
      <c r="A262" s="9" t="s">
        <v>83</v>
      </c>
      <c r="B262" s="9" t="s">
        <v>57</v>
      </c>
      <c r="C262" s="9" t="s">
        <v>89</v>
      </c>
      <c r="D262" s="9" t="s">
        <v>77</v>
      </c>
      <c r="E262" s="9" t="s">
        <v>57</v>
      </c>
      <c r="F262" s="9" t="s">
        <v>81</v>
      </c>
      <c r="G262" s="9" t="s">
        <v>90</v>
      </c>
      <c r="H262" s="9" t="s">
        <v>53</v>
      </c>
      <c r="I262" s="9" t="s">
        <v>163</v>
      </c>
      <c r="J262" s="6">
        <v>259</v>
      </c>
      <c r="K262" s="6">
        <v>182</v>
      </c>
      <c r="L262" s="6">
        <v>144</v>
      </c>
      <c r="M262" s="6">
        <v>2</v>
      </c>
      <c r="N262" s="6">
        <v>36</v>
      </c>
      <c r="O262" s="6">
        <v>21</v>
      </c>
      <c r="P262" s="6">
        <v>12</v>
      </c>
      <c r="Q262" s="6">
        <v>34</v>
      </c>
      <c r="R262" s="6">
        <v>9</v>
      </c>
      <c r="S262" s="10" t="s">
        <v>55</v>
      </c>
      <c r="T262" s="6">
        <v>1</v>
      </c>
      <c r="U262" s="6">
        <v>203</v>
      </c>
    </row>
    <row r="263" spans="1:21">
      <c r="A263" s="9" t="s">
        <v>83</v>
      </c>
      <c r="B263" s="9" t="s">
        <v>57</v>
      </c>
      <c r="C263" s="9" t="s">
        <v>89</v>
      </c>
      <c r="D263" s="9" t="s">
        <v>77</v>
      </c>
      <c r="E263" s="9" t="s">
        <v>57</v>
      </c>
      <c r="F263" s="9" t="s">
        <v>81</v>
      </c>
      <c r="G263" s="9" t="s">
        <v>90</v>
      </c>
      <c r="H263" s="9" t="s">
        <v>53</v>
      </c>
      <c r="I263" s="9" t="s">
        <v>164</v>
      </c>
      <c r="J263" s="6">
        <v>189</v>
      </c>
      <c r="K263" s="6">
        <v>134</v>
      </c>
      <c r="L263" s="6">
        <v>115</v>
      </c>
      <c r="M263" s="6">
        <v>4</v>
      </c>
      <c r="N263" s="6">
        <v>15</v>
      </c>
      <c r="O263" s="6">
        <v>1</v>
      </c>
      <c r="P263" s="6">
        <v>11</v>
      </c>
      <c r="Q263" s="6">
        <v>33</v>
      </c>
      <c r="R263" s="6">
        <v>8</v>
      </c>
      <c r="S263" s="10" t="s">
        <v>55</v>
      </c>
      <c r="T263" s="6">
        <v>2</v>
      </c>
      <c r="U263" s="6">
        <v>135</v>
      </c>
    </row>
    <row r="264" spans="1:21">
      <c r="A264" s="9" t="s">
        <v>83</v>
      </c>
      <c r="B264" s="9" t="s">
        <v>57</v>
      </c>
      <c r="C264" s="9" t="s">
        <v>89</v>
      </c>
      <c r="D264" s="9" t="s">
        <v>77</v>
      </c>
      <c r="E264" s="9" t="s">
        <v>57</v>
      </c>
      <c r="F264" s="9" t="s">
        <v>81</v>
      </c>
      <c r="G264" s="9" t="s">
        <v>90</v>
      </c>
      <c r="H264" s="9" t="s">
        <v>53</v>
      </c>
      <c r="I264" s="9" t="s">
        <v>165</v>
      </c>
      <c r="J264" s="6">
        <v>63</v>
      </c>
      <c r="K264" s="6">
        <v>61</v>
      </c>
      <c r="L264" s="6">
        <v>46</v>
      </c>
      <c r="M264" s="10" t="s">
        <v>55</v>
      </c>
      <c r="N264" s="6">
        <v>15</v>
      </c>
      <c r="O264" s="10" t="s">
        <v>55</v>
      </c>
      <c r="P264" s="10" t="s">
        <v>55</v>
      </c>
      <c r="Q264" s="6">
        <v>2</v>
      </c>
      <c r="R264" s="10" t="s">
        <v>55</v>
      </c>
      <c r="S264" s="10" t="s">
        <v>55</v>
      </c>
      <c r="T264" s="10" t="s">
        <v>55</v>
      </c>
      <c r="U264" s="6">
        <v>61</v>
      </c>
    </row>
    <row r="265" spans="1:21">
      <c r="A265" s="9" t="s">
        <v>83</v>
      </c>
      <c r="B265" s="9" t="s">
        <v>57</v>
      </c>
      <c r="C265" s="9" t="s">
        <v>89</v>
      </c>
      <c r="D265" s="9" t="s">
        <v>77</v>
      </c>
      <c r="E265" s="9" t="s">
        <v>57</v>
      </c>
      <c r="F265" s="9" t="s">
        <v>81</v>
      </c>
      <c r="G265" s="9" t="s">
        <v>90</v>
      </c>
      <c r="H265" s="9" t="s">
        <v>53</v>
      </c>
      <c r="I265" s="9" t="s">
        <v>166</v>
      </c>
      <c r="J265" s="6">
        <v>784</v>
      </c>
      <c r="K265" s="6">
        <v>108</v>
      </c>
      <c r="L265" s="6">
        <v>47</v>
      </c>
      <c r="M265" s="6">
        <v>1</v>
      </c>
      <c r="N265" s="6">
        <v>60</v>
      </c>
      <c r="O265" s="6">
        <v>20</v>
      </c>
      <c r="P265" s="6">
        <v>140</v>
      </c>
      <c r="Q265" s="6">
        <v>337</v>
      </c>
      <c r="R265" s="6">
        <v>178</v>
      </c>
      <c r="S265" s="10" t="s">
        <v>55</v>
      </c>
      <c r="T265" s="6">
        <v>1</v>
      </c>
      <c r="U265" s="6">
        <v>128</v>
      </c>
    </row>
    <row r="266" spans="1:21">
      <c r="A266" s="9" t="s">
        <v>83</v>
      </c>
      <c r="B266" s="9" t="s">
        <v>57</v>
      </c>
      <c r="C266" s="9" t="s">
        <v>89</v>
      </c>
      <c r="D266" s="9" t="s">
        <v>77</v>
      </c>
      <c r="E266" s="9" t="s">
        <v>57</v>
      </c>
      <c r="F266" s="9" t="s">
        <v>81</v>
      </c>
      <c r="G266" s="9" t="s">
        <v>90</v>
      </c>
      <c r="H266" s="9" t="s">
        <v>53</v>
      </c>
      <c r="I266" s="9" t="s">
        <v>167</v>
      </c>
      <c r="J266" s="6">
        <v>590</v>
      </c>
      <c r="K266" s="6">
        <v>496</v>
      </c>
      <c r="L266" s="6">
        <v>434</v>
      </c>
      <c r="M266" s="6">
        <v>20</v>
      </c>
      <c r="N266" s="6">
        <v>42</v>
      </c>
      <c r="O266" s="6">
        <v>16</v>
      </c>
      <c r="P266" s="6">
        <v>16</v>
      </c>
      <c r="Q266" s="6">
        <v>52</v>
      </c>
      <c r="R266" s="6">
        <v>7</v>
      </c>
      <c r="S266" s="6">
        <v>1</v>
      </c>
      <c r="T266" s="6">
        <v>2</v>
      </c>
      <c r="U266" s="6">
        <v>512</v>
      </c>
    </row>
    <row r="267" spans="1:21">
      <c r="A267" s="9" t="s">
        <v>83</v>
      </c>
      <c r="B267" s="9" t="s">
        <v>57</v>
      </c>
      <c r="C267" s="9" t="s">
        <v>89</v>
      </c>
      <c r="D267" s="9" t="s">
        <v>77</v>
      </c>
      <c r="E267" s="9" t="s">
        <v>57</v>
      </c>
      <c r="F267" s="9" t="s">
        <v>81</v>
      </c>
      <c r="G267" s="9" t="s">
        <v>90</v>
      </c>
      <c r="H267" s="9" t="s">
        <v>53</v>
      </c>
      <c r="I267" s="9" t="s">
        <v>168</v>
      </c>
      <c r="J267" s="6">
        <v>221</v>
      </c>
      <c r="K267" s="6">
        <v>209</v>
      </c>
      <c r="L267" s="6">
        <v>184</v>
      </c>
      <c r="M267" s="6">
        <v>2</v>
      </c>
      <c r="N267" s="6">
        <v>23</v>
      </c>
      <c r="O267" s="6">
        <v>5</v>
      </c>
      <c r="P267" s="6">
        <v>3</v>
      </c>
      <c r="Q267" s="6">
        <v>3</v>
      </c>
      <c r="R267" s="6">
        <v>1</v>
      </c>
      <c r="S267" s="10" t="s">
        <v>55</v>
      </c>
      <c r="T267" s="10" t="s">
        <v>55</v>
      </c>
      <c r="U267" s="6">
        <v>214</v>
      </c>
    </row>
    <row r="268" spans="1:21">
      <c r="A268" s="9" t="s">
        <v>83</v>
      </c>
      <c r="B268" s="9" t="s">
        <v>57</v>
      </c>
      <c r="C268" s="9" t="s">
        <v>89</v>
      </c>
      <c r="D268" s="9" t="s">
        <v>77</v>
      </c>
      <c r="E268" s="9" t="s">
        <v>57</v>
      </c>
      <c r="F268" s="9" t="s">
        <v>81</v>
      </c>
      <c r="G268" s="9" t="s">
        <v>90</v>
      </c>
      <c r="H268" s="9" t="s">
        <v>53</v>
      </c>
      <c r="I268" s="9" t="s">
        <v>169</v>
      </c>
      <c r="J268" s="6">
        <v>334</v>
      </c>
      <c r="K268" s="6">
        <v>217</v>
      </c>
      <c r="L268" s="6">
        <v>188</v>
      </c>
      <c r="M268" s="10" t="s">
        <v>55</v>
      </c>
      <c r="N268" s="6">
        <v>29</v>
      </c>
      <c r="O268" s="6">
        <v>23</v>
      </c>
      <c r="P268" s="6">
        <v>16</v>
      </c>
      <c r="Q268" s="6">
        <v>71</v>
      </c>
      <c r="R268" s="6">
        <v>7</v>
      </c>
      <c r="S268" s="10" t="s">
        <v>55</v>
      </c>
      <c r="T268" s="10" t="s">
        <v>55</v>
      </c>
      <c r="U268" s="6">
        <v>240</v>
      </c>
    </row>
    <row r="269" spans="1:21">
      <c r="A269" s="9" t="s">
        <v>83</v>
      </c>
      <c r="B269" s="9" t="s">
        <v>57</v>
      </c>
      <c r="C269" s="9" t="s">
        <v>89</v>
      </c>
      <c r="D269" s="9" t="s">
        <v>77</v>
      </c>
      <c r="E269" s="9" t="s">
        <v>57</v>
      </c>
      <c r="F269" s="9" t="s">
        <v>81</v>
      </c>
      <c r="G269" s="9" t="s">
        <v>90</v>
      </c>
      <c r="H269" s="9" t="s">
        <v>53</v>
      </c>
      <c r="I269" s="9" t="s">
        <v>170</v>
      </c>
      <c r="J269" s="6">
        <v>242</v>
      </c>
      <c r="K269" s="6">
        <v>211</v>
      </c>
      <c r="L269" s="6">
        <v>128</v>
      </c>
      <c r="M269" s="6">
        <v>15</v>
      </c>
      <c r="N269" s="6">
        <v>68</v>
      </c>
      <c r="O269" s="6">
        <v>4</v>
      </c>
      <c r="P269" s="6">
        <v>3</v>
      </c>
      <c r="Q269" s="6">
        <v>20</v>
      </c>
      <c r="R269" s="6">
        <v>1</v>
      </c>
      <c r="S269" s="10" t="s">
        <v>55</v>
      </c>
      <c r="T269" s="6">
        <v>3</v>
      </c>
      <c r="U269" s="6">
        <v>215</v>
      </c>
    </row>
    <row r="270" spans="1:21">
      <c r="A270" s="9" t="s">
        <v>83</v>
      </c>
      <c r="B270" s="9" t="s">
        <v>57</v>
      </c>
      <c r="C270" s="9" t="s">
        <v>89</v>
      </c>
      <c r="D270" s="9" t="s">
        <v>77</v>
      </c>
      <c r="E270" s="9" t="s">
        <v>57</v>
      </c>
      <c r="F270" s="9" t="s">
        <v>81</v>
      </c>
      <c r="G270" s="9" t="s">
        <v>90</v>
      </c>
      <c r="H270" s="9" t="s">
        <v>53</v>
      </c>
      <c r="I270" s="9" t="s">
        <v>171</v>
      </c>
      <c r="J270" s="6">
        <v>32</v>
      </c>
      <c r="K270" s="6">
        <v>5</v>
      </c>
      <c r="L270" s="6">
        <v>3</v>
      </c>
      <c r="M270" s="10" t="s">
        <v>55</v>
      </c>
      <c r="N270" s="6">
        <v>2</v>
      </c>
      <c r="O270" s="6">
        <v>2</v>
      </c>
      <c r="P270" s="6">
        <v>2</v>
      </c>
      <c r="Q270" s="6">
        <v>5</v>
      </c>
      <c r="R270" s="6">
        <v>1</v>
      </c>
      <c r="S270" s="10" t="s">
        <v>55</v>
      </c>
      <c r="T270" s="6">
        <v>17</v>
      </c>
      <c r="U270" s="6">
        <v>7</v>
      </c>
    </row>
    <row r="271" spans="1:21">
      <c r="A271" s="9" t="s">
        <v>83</v>
      </c>
      <c r="B271" s="9" t="s">
        <v>57</v>
      </c>
      <c r="C271" s="9" t="s">
        <v>89</v>
      </c>
      <c r="D271" s="9" t="s">
        <v>77</v>
      </c>
      <c r="E271" s="9" t="s">
        <v>57</v>
      </c>
      <c r="F271" s="9" t="s">
        <v>81</v>
      </c>
      <c r="G271" s="9" t="s">
        <v>90</v>
      </c>
      <c r="H271" s="9" t="s">
        <v>54</v>
      </c>
      <c r="I271" s="9" t="s">
        <v>6</v>
      </c>
      <c r="J271" s="6">
        <v>3361</v>
      </c>
      <c r="K271" s="6">
        <v>2510</v>
      </c>
      <c r="L271" s="6">
        <v>1276</v>
      </c>
      <c r="M271" s="6">
        <v>60</v>
      </c>
      <c r="N271" s="6">
        <v>1174</v>
      </c>
      <c r="O271" s="6">
        <v>93</v>
      </c>
      <c r="P271" s="6">
        <v>33</v>
      </c>
      <c r="Q271" s="6">
        <v>106</v>
      </c>
      <c r="R271" s="6">
        <v>596</v>
      </c>
      <c r="S271" s="6">
        <v>2</v>
      </c>
      <c r="T271" s="6">
        <v>21</v>
      </c>
      <c r="U271" s="6">
        <v>2603</v>
      </c>
    </row>
    <row r="272" spans="1:21">
      <c r="A272" s="9" t="s">
        <v>83</v>
      </c>
      <c r="B272" s="9" t="s">
        <v>57</v>
      </c>
      <c r="C272" s="9" t="s">
        <v>89</v>
      </c>
      <c r="D272" s="9" t="s">
        <v>77</v>
      </c>
      <c r="E272" s="9" t="s">
        <v>57</v>
      </c>
      <c r="F272" s="9" t="s">
        <v>81</v>
      </c>
      <c r="G272" s="9" t="s">
        <v>90</v>
      </c>
      <c r="H272" s="9" t="s">
        <v>54</v>
      </c>
      <c r="I272" s="9" t="s">
        <v>160</v>
      </c>
      <c r="J272" s="6">
        <v>23</v>
      </c>
      <c r="K272" s="6">
        <v>2</v>
      </c>
      <c r="L272" s="6">
        <v>2</v>
      </c>
      <c r="M272" s="10" t="s">
        <v>55</v>
      </c>
      <c r="N272" s="10" t="s">
        <v>55</v>
      </c>
      <c r="O272" s="6">
        <v>19</v>
      </c>
      <c r="P272" s="6">
        <v>2</v>
      </c>
      <c r="Q272" s="10" t="s">
        <v>55</v>
      </c>
      <c r="R272" s="10" t="s">
        <v>55</v>
      </c>
      <c r="S272" s="10" t="s">
        <v>55</v>
      </c>
      <c r="T272" s="10" t="s">
        <v>55</v>
      </c>
      <c r="U272" s="6">
        <v>21</v>
      </c>
    </row>
    <row r="273" spans="1:21">
      <c r="A273" s="9" t="s">
        <v>83</v>
      </c>
      <c r="B273" s="9" t="s">
        <v>57</v>
      </c>
      <c r="C273" s="9" t="s">
        <v>89</v>
      </c>
      <c r="D273" s="9" t="s">
        <v>77</v>
      </c>
      <c r="E273" s="9" t="s">
        <v>57</v>
      </c>
      <c r="F273" s="9" t="s">
        <v>81</v>
      </c>
      <c r="G273" s="9" t="s">
        <v>90</v>
      </c>
      <c r="H273" s="9" t="s">
        <v>54</v>
      </c>
      <c r="I273" s="9" t="s">
        <v>161</v>
      </c>
      <c r="J273" s="6">
        <v>537</v>
      </c>
      <c r="K273" s="6">
        <v>499</v>
      </c>
      <c r="L273" s="6">
        <v>382</v>
      </c>
      <c r="M273" s="6">
        <v>4</v>
      </c>
      <c r="N273" s="6">
        <v>113</v>
      </c>
      <c r="O273" s="6">
        <v>13</v>
      </c>
      <c r="P273" s="6">
        <v>3</v>
      </c>
      <c r="Q273" s="6">
        <v>16</v>
      </c>
      <c r="R273" s="6">
        <v>4</v>
      </c>
      <c r="S273" s="10" t="s">
        <v>55</v>
      </c>
      <c r="T273" s="6">
        <v>2</v>
      </c>
      <c r="U273" s="6">
        <v>512</v>
      </c>
    </row>
    <row r="274" spans="1:21">
      <c r="A274" s="9" t="s">
        <v>83</v>
      </c>
      <c r="B274" s="9" t="s">
        <v>57</v>
      </c>
      <c r="C274" s="9" t="s">
        <v>89</v>
      </c>
      <c r="D274" s="9" t="s">
        <v>77</v>
      </c>
      <c r="E274" s="9" t="s">
        <v>57</v>
      </c>
      <c r="F274" s="9" t="s">
        <v>81</v>
      </c>
      <c r="G274" s="9" t="s">
        <v>90</v>
      </c>
      <c r="H274" s="9" t="s">
        <v>54</v>
      </c>
      <c r="I274" s="9" t="s">
        <v>162</v>
      </c>
      <c r="J274" s="6">
        <v>591</v>
      </c>
      <c r="K274" s="6">
        <v>522</v>
      </c>
      <c r="L274" s="6">
        <v>347</v>
      </c>
      <c r="M274" s="6">
        <v>17</v>
      </c>
      <c r="N274" s="6">
        <v>158</v>
      </c>
      <c r="O274" s="6">
        <v>31</v>
      </c>
      <c r="P274" s="10" t="s">
        <v>55</v>
      </c>
      <c r="Q274" s="6">
        <v>1</v>
      </c>
      <c r="R274" s="6">
        <v>36</v>
      </c>
      <c r="S274" s="10" t="s">
        <v>55</v>
      </c>
      <c r="T274" s="6">
        <v>1</v>
      </c>
      <c r="U274" s="6">
        <v>553</v>
      </c>
    </row>
    <row r="275" spans="1:21">
      <c r="A275" s="9" t="s">
        <v>83</v>
      </c>
      <c r="B275" s="9" t="s">
        <v>57</v>
      </c>
      <c r="C275" s="9" t="s">
        <v>89</v>
      </c>
      <c r="D275" s="9" t="s">
        <v>77</v>
      </c>
      <c r="E275" s="9" t="s">
        <v>57</v>
      </c>
      <c r="F275" s="9" t="s">
        <v>81</v>
      </c>
      <c r="G275" s="9" t="s">
        <v>90</v>
      </c>
      <c r="H275" s="9" t="s">
        <v>54</v>
      </c>
      <c r="I275" s="9" t="s">
        <v>163</v>
      </c>
      <c r="J275" s="6">
        <v>301</v>
      </c>
      <c r="K275" s="6">
        <v>247</v>
      </c>
      <c r="L275" s="6">
        <v>76</v>
      </c>
      <c r="M275" s="6">
        <v>3</v>
      </c>
      <c r="N275" s="6">
        <v>168</v>
      </c>
      <c r="O275" s="6">
        <v>8</v>
      </c>
      <c r="P275" s="6">
        <v>8</v>
      </c>
      <c r="Q275" s="6">
        <v>16</v>
      </c>
      <c r="R275" s="6">
        <v>22</v>
      </c>
      <c r="S275" s="10" t="s">
        <v>55</v>
      </c>
      <c r="T275" s="10" t="s">
        <v>55</v>
      </c>
      <c r="U275" s="6">
        <v>255</v>
      </c>
    </row>
    <row r="276" spans="1:21">
      <c r="A276" s="9" t="s">
        <v>83</v>
      </c>
      <c r="B276" s="9" t="s">
        <v>57</v>
      </c>
      <c r="C276" s="9" t="s">
        <v>89</v>
      </c>
      <c r="D276" s="9" t="s">
        <v>77</v>
      </c>
      <c r="E276" s="9" t="s">
        <v>57</v>
      </c>
      <c r="F276" s="9" t="s">
        <v>81</v>
      </c>
      <c r="G276" s="9" t="s">
        <v>90</v>
      </c>
      <c r="H276" s="9" t="s">
        <v>54</v>
      </c>
      <c r="I276" s="9" t="s">
        <v>164</v>
      </c>
      <c r="J276" s="6">
        <v>553</v>
      </c>
      <c r="K276" s="6">
        <v>466</v>
      </c>
      <c r="L276" s="6">
        <v>227</v>
      </c>
      <c r="M276" s="6">
        <v>6</v>
      </c>
      <c r="N276" s="6">
        <v>233</v>
      </c>
      <c r="O276" s="10" t="s">
        <v>55</v>
      </c>
      <c r="P276" s="6">
        <v>16</v>
      </c>
      <c r="Q276" s="6">
        <v>33</v>
      </c>
      <c r="R276" s="6">
        <v>38</v>
      </c>
      <c r="S276" s="10" t="s">
        <v>55</v>
      </c>
      <c r="T276" s="10" t="s">
        <v>55</v>
      </c>
      <c r="U276" s="6">
        <v>466</v>
      </c>
    </row>
    <row r="277" spans="1:21">
      <c r="A277" s="9" t="s">
        <v>83</v>
      </c>
      <c r="B277" s="9" t="s">
        <v>57</v>
      </c>
      <c r="C277" s="9" t="s">
        <v>89</v>
      </c>
      <c r="D277" s="9" t="s">
        <v>77</v>
      </c>
      <c r="E277" s="9" t="s">
        <v>57</v>
      </c>
      <c r="F277" s="9" t="s">
        <v>81</v>
      </c>
      <c r="G277" s="9" t="s">
        <v>90</v>
      </c>
      <c r="H277" s="9" t="s">
        <v>54</v>
      </c>
      <c r="I277" s="9" t="s">
        <v>165</v>
      </c>
      <c r="J277" s="6">
        <v>3</v>
      </c>
      <c r="K277" s="6">
        <v>3</v>
      </c>
      <c r="L277" s="6">
        <v>3</v>
      </c>
      <c r="M277" s="10" t="s">
        <v>55</v>
      </c>
      <c r="N277" s="10" t="s">
        <v>55</v>
      </c>
      <c r="O277" s="10" t="s">
        <v>55</v>
      </c>
      <c r="P277" s="10" t="s">
        <v>55</v>
      </c>
      <c r="Q277" s="10" t="s">
        <v>55</v>
      </c>
      <c r="R277" s="10" t="s">
        <v>55</v>
      </c>
      <c r="S277" s="10" t="s">
        <v>55</v>
      </c>
      <c r="T277" s="10" t="s">
        <v>55</v>
      </c>
      <c r="U277" s="6">
        <v>3</v>
      </c>
    </row>
    <row r="278" spans="1:21">
      <c r="A278" s="9" t="s">
        <v>83</v>
      </c>
      <c r="B278" s="9" t="s">
        <v>57</v>
      </c>
      <c r="C278" s="9" t="s">
        <v>89</v>
      </c>
      <c r="D278" s="9" t="s">
        <v>77</v>
      </c>
      <c r="E278" s="9" t="s">
        <v>57</v>
      </c>
      <c r="F278" s="9" t="s">
        <v>81</v>
      </c>
      <c r="G278" s="9" t="s">
        <v>90</v>
      </c>
      <c r="H278" s="9" t="s">
        <v>54</v>
      </c>
      <c r="I278" s="9" t="s">
        <v>166</v>
      </c>
      <c r="J278" s="6">
        <v>819</v>
      </c>
      <c r="K278" s="6">
        <v>315</v>
      </c>
      <c r="L278" s="6">
        <v>91</v>
      </c>
      <c r="M278" s="6">
        <v>9</v>
      </c>
      <c r="N278" s="6">
        <v>215</v>
      </c>
      <c r="O278" s="6">
        <v>13</v>
      </c>
      <c r="P278" s="6">
        <v>3</v>
      </c>
      <c r="Q278" s="6">
        <v>24</v>
      </c>
      <c r="R278" s="6">
        <v>463</v>
      </c>
      <c r="S278" s="10" t="s">
        <v>55</v>
      </c>
      <c r="T278" s="6">
        <v>1</v>
      </c>
      <c r="U278" s="6">
        <v>328</v>
      </c>
    </row>
    <row r="279" spans="1:21">
      <c r="A279" s="9" t="s">
        <v>83</v>
      </c>
      <c r="B279" s="9" t="s">
        <v>57</v>
      </c>
      <c r="C279" s="9" t="s">
        <v>89</v>
      </c>
      <c r="D279" s="9" t="s">
        <v>77</v>
      </c>
      <c r="E279" s="9" t="s">
        <v>57</v>
      </c>
      <c r="F279" s="9" t="s">
        <v>81</v>
      </c>
      <c r="G279" s="9" t="s">
        <v>90</v>
      </c>
      <c r="H279" s="9" t="s">
        <v>54</v>
      </c>
      <c r="I279" s="9" t="s">
        <v>167</v>
      </c>
      <c r="J279" s="6">
        <v>272</v>
      </c>
      <c r="K279" s="6">
        <v>230</v>
      </c>
      <c r="L279" s="6">
        <v>104</v>
      </c>
      <c r="M279" s="6">
        <v>12</v>
      </c>
      <c r="N279" s="6">
        <v>114</v>
      </c>
      <c r="O279" s="6">
        <v>4</v>
      </c>
      <c r="P279" s="6">
        <v>1</v>
      </c>
      <c r="Q279" s="6">
        <v>10</v>
      </c>
      <c r="R279" s="6">
        <v>24</v>
      </c>
      <c r="S279" s="6">
        <v>2</v>
      </c>
      <c r="T279" s="6">
        <v>1</v>
      </c>
      <c r="U279" s="6">
        <v>234</v>
      </c>
    </row>
    <row r="280" spans="1:21">
      <c r="A280" s="9" t="s">
        <v>83</v>
      </c>
      <c r="B280" s="9" t="s">
        <v>57</v>
      </c>
      <c r="C280" s="9" t="s">
        <v>89</v>
      </c>
      <c r="D280" s="9" t="s">
        <v>77</v>
      </c>
      <c r="E280" s="9" t="s">
        <v>57</v>
      </c>
      <c r="F280" s="9" t="s">
        <v>81</v>
      </c>
      <c r="G280" s="9" t="s">
        <v>90</v>
      </c>
      <c r="H280" s="9" t="s">
        <v>54</v>
      </c>
      <c r="I280" s="9" t="s">
        <v>168</v>
      </c>
      <c r="J280" s="6">
        <v>3</v>
      </c>
      <c r="K280" s="6">
        <v>2</v>
      </c>
      <c r="L280" s="6">
        <v>2</v>
      </c>
      <c r="M280" s="10" t="s">
        <v>55</v>
      </c>
      <c r="N280" s="10" t="s">
        <v>55</v>
      </c>
      <c r="O280" s="10" t="s">
        <v>55</v>
      </c>
      <c r="P280" s="10" t="s">
        <v>55</v>
      </c>
      <c r="Q280" s="10" t="s">
        <v>55</v>
      </c>
      <c r="R280" s="6">
        <v>1</v>
      </c>
      <c r="S280" s="10" t="s">
        <v>55</v>
      </c>
      <c r="T280" s="10" t="s">
        <v>55</v>
      </c>
      <c r="U280" s="6">
        <v>2</v>
      </c>
    </row>
    <row r="281" spans="1:21">
      <c r="A281" s="9" t="s">
        <v>83</v>
      </c>
      <c r="B281" s="9" t="s">
        <v>57</v>
      </c>
      <c r="C281" s="9" t="s">
        <v>89</v>
      </c>
      <c r="D281" s="9" t="s">
        <v>77</v>
      </c>
      <c r="E281" s="9" t="s">
        <v>57</v>
      </c>
      <c r="F281" s="9" t="s">
        <v>81</v>
      </c>
      <c r="G281" s="9" t="s">
        <v>90</v>
      </c>
      <c r="H281" s="9" t="s">
        <v>54</v>
      </c>
      <c r="I281" s="9" t="s">
        <v>169</v>
      </c>
      <c r="J281" s="6">
        <v>8</v>
      </c>
      <c r="K281" s="6">
        <v>1</v>
      </c>
      <c r="L281" s="6">
        <v>1</v>
      </c>
      <c r="M281" s="10" t="s">
        <v>55</v>
      </c>
      <c r="N281" s="10" t="s">
        <v>55</v>
      </c>
      <c r="O281" s="6">
        <v>1</v>
      </c>
      <c r="P281" s="10" t="s">
        <v>55</v>
      </c>
      <c r="Q281" s="10" t="s">
        <v>55</v>
      </c>
      <c r="R281" s="6">
        <v>6</v>
      </c>
      <c r="S281" s="10" t="s">
        <v>55</v>
      </c>
      <c r="T281" s="10" t="s">
        <v>55</v>
      </c>
      <c r="U281" s="6">
        <v>2</v>
      </c>
    </row>
    <row r="282" spans="1:21">
      <c r="A282" s="9" t="s">
        <v>83</v>
      </c>
      <c r="B282" s="9" t="s">
        <v>57</v>
      </c>
      <c r="C282" s="9" t="s">
        <v>89</v>
      </c>
      <c r="D282" s="9" t="s">
        <v>77</v>
      </c>
      <c r="E282" s="9" t="s">
        <v>57</v>
      </c>
      <c r="F282" s="9" t="s">
        <v>81</v>
      </c>
      <c r="G282" s="9" t="s">
        <v>90</v>
      </c>
      <c r="H282" s="9" t="s">
        <v>54</v>
      </c>
      <c r="I282" s="9" t="s">
        <v>170</v>
      </c>
      <c r="J282" s="6">
        <v>227</v>
      </c>
      <c r="K282" s="6">
        <v>217</v>
      </c>
      <c r="L282" s="6">
        <v>38</v>
      </c>
      <c r="M282" s="6">
        <v>9</v>
      </c>
      <c r="N282" s="6">
        <v>170</v>
      </c>
      <c r="O282" s="6">
        <v>4</v>
      </c>
      <c r="P282" s="10" t="s">
        <v>55</v>
      </c>
      <c r="Q282" s="6">
        <v>5</v>
      </c>
      <c r="R282" s="6">
        <v>1</v>
      </c>
      <c r="S282" s="10" t="s">
        <v>55</v>
      </c>
      <c r="T282" s="10" t="s">
        <v>55</v>
      </c>
      <c r="U282" s="6">
        <v>221</v>
      </c>
    </row>
    <row r="283" spans="1:21">
      <c r="A283" s="9" t="s">
        <v>83</v>
      </c>
      <c r="B283" s="9" t="s">
        <v>57</v>
      </c>
      <c r="C283" s="9" t="s">
        <v>89</v>
      </c>
      <c r="D283" s="9" t="s">
        <v>77</v>
      </c>
      <c r="E283" s="9" t="s">
        <v>57</v>
      </c>
      <c r="F283" s="9" t="s">
        <v>81</v>
      </c>
      <c r="G283" s="9" t="s">
        <v>90</v>
      </c>
      <c r="H283" s="9" t="s">
        <v>54</v>
      </c>
      <c r="I283" s="9" t="s">
        <v>171</v>
      </c>
      <c r="J283" s="6">
        <v>24</v>
      </c>
      <c r="K283" s="6">
        <v>6</v>
      </c>
      <c r="L283" s="6">
        <v>3</v>
      </c>
      <c r="M283" s="10" t="s">
        <v>55</v>
      </c>
      <c r="N283" s="6">
        <v>3</v>
      </c>
      <c r="O283" s="10" t="s">
        <v>55</v>
      </c>
      <c r="P283" s="10" t="s">
        <v>55</v>
      </c>
      <c r="Q283" s="6">
        <v>1</v>
      </c>
      <c r="R283" s="6">
        <v>1</v>
      </c>
      <c r="S283" s="10" t="s">
        <v>55</v>
      </c>
      <c r="T283" s="6">
        <v>16</v>
      </c>
      <c r="U283" s="6">
        <v>6</v>
      </c>
    </row>
    <row r="284" spans="1:21">
      <c r="A284" s="9" t="s">
        <v>83</v>
      </c>
      <c r="B284" s="9" t="s">
        <v>57</v>
      </c>
      <c r="C284" s="9" t="s">
        <v>91</v>
      </c>
      <c r="D284" s="9" t="s">
        <v>77</v>
      </c>
      <c r="E284" s="9" t="s">
        <v>57</v>
      </c>
      <c r="F284" s="9" t="s">
        <v>81</v>
      </c>
      <c r="G284" s="9" t="s">
        <v>92</v>
      </c>
      <c r="H284" s="9" t="s">
        <v>6</v>
      </c>
      <c r="I284" s="9" t="s">
        <v>6</v>
      </c>
      <c r="J284" s="6">
        <v>962</v>
      </c>
      <c r="K284" s="6">
        <v>568</v>
      </c>
      <c r="L284" s="6">
        <v>377</v>
      </c>
      <c r="M284" s="6">
        <v>18</v>
      </c>
      <c r="N284" s="6">
        <v>173</v>
      </c>
      <c r="O284" s="6">
        <v>22</v>
      </c>
      <c r="P284" s="6">
        <v>31</v>
      </c>
      <c r="Q284" s="6">
        <v>194</v>
      </c>
      <c r="R284" s="6">
        <v>142</v>
      </c>
      <c r="S284" s="10" t="s">
        <v>55</v>
      </c>
      <c r="T284" s="6">
        <v>5</v>
      </c>
      <c r="U284" s="6">
        <v>590</v>
      </c>
    </row>
    <row r="285" spans="1:21">
      <c r="A285" s="9" t="s">
        <v>83</v>
      </c>
      <c r="B285" s="9" t="s">
        <v>57</v>
      </c>
      <c r="C285" s="9" t="s">
        <v>91</v>
      </c>
      <c r="D285" s="9" t="s">
        <v>77</v>
      </c>
      <c r="E285" s="9" t="s">
        <v>57</v>
      </c>
      <c r="F285" s="9" t="s">
        <v>81</v>
      </c>
      <c r="G285" s="9" t="s">
        <v>92</v>
      </c>
      <c r="H285" s="9" t="s">
        <v>6</v>
      </c>
      <c r="I285" s="9" t="s">
        <v>160</v>
      </c>
      <c r="J285" s="6">
        <v>12</v>
      </c>
      <c r="K285" s="6">
        <v>3</v>
      </c>
      <c r="L285" s="6">
        <v>3</v>
      </c>
      <c r="M285" s="10" t="s">
        <v>55</v>
      </c>
      <c r="N285" s="10" t="s">
        <v>55</v>
      </c>
      <c r="O285" s="6">
        <v>8</v>
      </c>
      <c r="P285" s="6">
        <v>1</v>
      </c>
      <c r="Q285" s="10" t="s">
        <v>55</v>
      </c>
      <c r="R285" s="10" t="s">
        <v>55</v>
      </c>
      <c r="S285" s="10" t="s">
        <v>55</v>
      </c>
      <c r="T285" s="10" t="s">
        <v>55</v>
      </c>
      <c r="U285" s="6">
        <v>11</v>
      </c>
    </row>
    <row r="286" spans="1:21">
      <c r="A286" s="9" t="s">
        <v>83</v>
      </c>
      <c r="B286" s="9" t="s">
        <v>57</v>
      </c>
      <c r="C286" s="9" t="s">
        <v>91</v>
      </c>
      <c r="D286" s="9" t="s">
        <v>77</v>
      </c>
      <c r="E286" s="9" t="s">
        <v>57</v>
      </c>
      <c r="F286" s="9" t="s">
        <v>81</v>
      </c>
      <c r="G286" s="9" t="s">
        <v>92</v>
      </c>
      <c r="H286" s="9" t="s">
        <v>6</v>
      </c>
      <c r="I286" s="9" t="s">
        <v>161</v>
      </c>
      <c r="J286" s="6">
        <v>93</v>
      </c>
      <c r="K286" s="6">
        <v>84</v>
      </c>
      <c r="L286" s="6">
        <v>69</v>
      </c>
      <c r="M286" s="6">
        <v>2</v>
      </c>
      <c r="N286" s="6">
        <v>13</v>
      </c>
      <c r="O286" s="6">
        <v>3</v>
      </c>
      <c r="P286" s="6">
        <v>3</v>
      </c>
      <c r="Q286" s="6">
        <v>3</v>
      </c>
      <c r="R286" s="10" t="s">
        <v>55</v>
      </c>
      <c r="S286" s="10" t="s">
        <v>55</v>
      </c>
      <c r="T286" s="10" t="s">
        <v>55</v>
      </c>
      <c r="U286" s="6">
        <v>87</v>
      </c>
    </row>
    <row r="287" spans="1:21">
      <c r="A287" s="9" t="s">
        <v>83</v>
      </c>
      <c r="B287" s="9" t="s">
        <v>57</v>
      </c>
      <c r="C287" s="9" t="s">
        <v>91</v>
      </c>
      <c r="D287" s="9" t="s">
        <v>77</v>
      </c>
      <c r="E287" s="9" t="s">
        <v>57</v>
      </c>
      <c r="F287" s="9" t="s">
        <v>81</v>
      </c>
      <c r="G287" s="9" t="s">
        <v>92</v>
      </c>
      <c r="H287" s="9" t="s">
        <v>6</v>
      </c>
      <c r="I287" s="9" t="s">
        <v>162</v>
      </c>
      <c r="J287" s="6">
        <v>99</v>
      </c>
      <c r="K287" s="6">
        <v>83</v>
      </c>
      <c r="L287" s="6">
        <v>60</v>
      </c>
      <c r="M287" s="6">
        <v>2</v>
      </c>
      <c r="N287" s="6">
        <v>21</v>
      </c>
      <c r="O287" s="6">
        <v>6</v>
      </c>
      <c r="P287" s="10" t="s">
        <v>55</v>
      </c>
      <c r="Q287" s="10" t="s">
        <v>55</v>
      </c>
      <c r="R287" s="6">
        <v>8</v>
      </c>
      <c r="S287" s="10" t="s">
        <v>55</v>
      </c>
      <c r="T287" s="6">
        <v>2</v>
      </c>
      <c r="U287" s="6">
        <v>89</v>
      </c>
    </row>
    <row r="288" spans="1:21">
      <c r="A288" s="9" t="s">
        <v>83</v>
      </c>
      <c r="B288" s="9" t="s">
        <v>57</v>
      </c>
      <c r="C288" s="9" t="s">
        <v>91</v>
      </c>
      <c r="D288" s="9" t="s">
        <v>77</v>
      </c>
      <c r="E288" s="9" t="s">
        <v>57</v>
      </c>
      <c r="F288" s="9" t="s">
        <v>81</v>
      </c>
      <c r="G288" s="9" t="s">
        <v>92</v>
      </c>
      <c r="H288" s="9" t="s">
        <v>6</v>
      </c>
      <c r="I288" s="9" t="s">
        <v>163</v>
      </c>
      <c r="J288" s="6">
        <v>55</v>
      </c>
      <c r="K288" s="6">
        <v>43</v>
      </c>
      <c r="L288" s="6">
        <v>25</v>
      </c>
      <c r="M288" s="6">
        <v>1</v>
      </c>
      <c r="N288" s="6">
        <v>17</v>
      </c>
      <c r="O288" s="6">
        <v>2</v>
      </c>
      <c r="P288" s="6">
        <v>1</v>
      </c>
      <c r="Q288" s="6">
        <v>4</v>
      </c>
      <c r="R288" s="6">
        <v>5</v>
      </c>
      <c r="S288" s="10" t="s">
        <v>55</v>
      </c>
      <c r="T288" s="10" t="s">
        <v>55</v>
      </c>
      <c r="U288" s="6">
        <v>45</v>
      </c>
    </row>
    <row r="289" spans="1:21">
      <c r="A289" s="9" t="s">
        <v>83</v>
      </c>
      <c r="B289" s="9" t="s">
        <v>57</v>
      </c>
      <c r="C289" s="9" t="s">
        <v>91</v>
      </c>
      <c r="D289" s="9" t="s">
        <v>77</v>
      </c>
      <c r="E289" s="9" t="s">
        <v>57</v>
      </c>
      <c r="F289" s="9" t="s">
        <v>81</v>
      </c>
      <c r="G289" s="9" t="s">
        <v>92</v>
      </c>
      <c r="H289" s="9" t="s">
        <v>6</v>
      </c>
      <c r="I289" s="9" t="s">
        <v>164</v>
      </c>
      <c r="J289" s="6">
        <v>106</v>
      </c>
      <c r="K289" s="6">
        <v>93</v>
      </c>
      <c r="L289" s="6">
        <v>49</v>
      </c>
      <c r="M289" s="6">
        <v>3</v>
      </c>
      <c r="N289" s="6">
        <v>41</v>
      </c>
      <c r="O289" s="10" t="s">
        <v>55</v>
      </c>
      <c r="P289" s="10" t="s">
        <v>55</v>
      </c>
      <c r="Q289" s="6">
        <v>9</v>
      </c>
      <c r="R289" s="6">
        <v>4</v>
      </c>
      <c r="S289" s="10" t="s">
        <v>55</v>
      </c>
      <c r="T289" s="10" t="s">
        <v>55</v>
      </c>
      <c r="U289" s="6">
        <v>93</v>
      </c>
    </row>
    <row r="290" spans="1:21">
      <c r="A290" s="9" t="s">
        <v>83</v>
      </c>
      <c r="B290" s="9" t="s">
        <v>57</v>
      </c>
      <c r="C290" s="9" t="s">
        <v>91</v>
      </c>
      <c r="D290" s="9" t="s">
        <v>77</v>
      </c>
      <c r="E290" s="9" t="s">
        <v>57</v>
      </c>
      <c r="F290" s="9" t="s">
        <v>81</v>
      </c>
      <c r="G290" s="9" t="s">
        <v>92</v>
      </c>
      <c r="H290" s="9" t="s">
        <v>6</v>
      </c>
      <c r="I290" s="9" t="s">
        <v>165</v>
      </c>
      <c r="J290" s="6">
        <v>13</v>
      </c>
      <c r="K290" s="6">
        <v>13</v>
      </c>
      <c r="L290" s="6">
        <v>10</v>
      </c>
      <c r="M290" s="10" t="s">
        <v>55</v>
      </c>
      <c r="N290" s="6">
        <v>3</v>
      </c>
      <c r="O290" s="10" t="s">
        <v>55</v>
      </c>
      <c r="P290" s="10" t="s">
        <v>55</v>
      </c>
      <c r="Q290" s="10" t="s">
        <v>55</v>
      </c>
      <c r="R290" s="10" t="s">
        <v>55</v>
      </c>
      <c r="S290" s="10" t="s">
        <v>55</v>
      </c>
      <c r="T290" s="10" t="s">
        <v>55</v>
      </c>
      <c r="U290" s="6">
        <v>13</v>
      </c>
    </row>
    <row r="291" spans="1:21">
      <c r="A291" s="9" t="s">
        <v>83</v>
      </c>
      <c r="B291" s="9" t="s">
        <v>57</v>
      </c>
      <c r="C291" s="9" t="s">
        <v>91</v>
      </c>
      <c r="D291" s="9" t="s">
        <v>77</v>
      </c>
      <c r="E291" s="9" t="s">
        <v>57</v>
      </c>
      <c r="F291" s="9" t="s">
        <v>81</v>
      </c>
      <c r="G291" s="9" t="s">
        <v>92</v>
      </c>
      <c r="H291" s="9" t="s">
        <v>6</v>
      </c>
      <c r="I291" s="9" t="s">
        <v>166</v>
      </c>
      <c r="J291" s="6">
        <v>290</v>
      </c>
      <c r="K291" s="6">
        <v>7</v>
      </c>
      <c r="L291" s="6">
        <v>3</v>
      </c>
      <c r="M291" s="10" t="s">
        <v>55</v>
      </c>
      <c r="N291" s="6">
        <v>4</v>
      </c>
      <c r="O291" s="6">
        <v>1</v>
      </c>
      <c r="P291" s="6">
        <v>17</v>
      </c>
      <c r="Q291" s="6">
        <v>143</v>
      </c>
      <c r="R291" s="6">
        <v>121</v>
      </c>
      <c r="S291" s="10" t="s">
        <v>55</v>
      </c>
      <c r="T291" s="6">
        <v>1</v>
      </c>
      <c r="U291" s="6">
        <v>8</v>
      </c>
    </row>
    <row r="292" spans="1:21">
      <c r="A292" s="9" t="s">
        <v>83</v>
      </c>
      <c r="B292" s="9" t="s">
        <v>57</v>
      </c>
      <c r="C292" s="9" t="s">
        <v>91</v>
      </c>
      <c r="D292" s="9" t="s">
        <v>77</v>
      </c>
      <c r="E292" s="9" t="s">
        <v>57</v>
      </c>
      <c r="F292" s="9" t="s">
        <v>81</v>
      </c>
      <c r="G292" s="9" t="s">
        <v>92</v>
      </c>
      <c r="H292" s="9" t="s">
        <v>6</v>
      </c>
      <c r="I292" s="9" t="s">
        <v>167</v>
      </c>
      <c r="J292" s="6">
        <v>99</v>
      </c>
      <c r="K292" s="6">
        <v>85</v>
      </c>
      <c r="L292" s="6">
        <v>55</v>
      </c>
      <c r="M292" s="6">
        <v>5</v>
      </c>
      <c r="N292" s="6">
        <v>25</v>
      </c>
      <c r="O292" s="10" t="s">
        <v>55</v>
      </c>
      <c r="P292" s="6">
        <v>2</v>
      </c>
      <c r="Q292" s="6">
        <v>10</v>
      </c>
      <c r="R292" s="6">
        <v>2</v>
      </c>
      <c r="S292" s="10" t="s">
        <v>55</v>
      </c>
      <c r="T292" s="10" t="s">
        <v>55</v>
      </c>
      <c r="U292" s="6">
        <v>85</v>
      </c>
    </row>
    <row r="293" spans="1:21">
      <c r="A293" s="9" t="s">
        <v>83</v>
      </c>
      <c r="B293" s="9" t="s">
        <v>57</v>
      </c>
      <c r="C293" s="9" t="s">
        <v>91</v>
      </c>
      <c r="D293" s="9" t="s">
        <v>77</v>
      </c>
      <c r="E293" s="9" t="s">
        <v>57</v>
      </c>
      <c r="F293" s="9" t="s">
        <v>81</v>
      </c>
      <c r="G293" s="9" t="s">
        <v>92</v>
      </c>
      <c r="H293" s="9" t="s">
        <v>6</v>
      </c>
      <c r="I293" s="9" t="s">
        <v>168</v>
      </c>
      <c r="J293" s="6">
        <v>42</v>
      </c>
      <c r="K293" s="6">
        <v>39</v>
      </c>
      <c r="L293" s="6">
        <v>33</v>
      </c>
      <c r="M293" s="6">
        <v>1</v>
      </c>
      <c r="N293" s="6">
        <v>5</v>
      </c>
      <c r="O293" s="10" t="s">
        <v>55</v>
      </c>
      <c r="P293" s="10" t="s">
        <v>55</v>
      </c>
      <c r="Q293" s="6">
        <v>2</v>
      </c>
      <c r="R293" s="10" t="s">
        <v>55</v>
      </c>
      <c r="S293" s="10" t="s">
        <v>55</v>
      </c>
      <c r="T293" s="6">
        <v>1</v>
      </c>
      <c r="U293" s="6">
        <v>39</v>
      </c>
    </row>
    <row r="294" spans="1:21">
      <c r="A294" s="9" t="s">
        <v>83</v>
      </c>
      <c r="B294" s="9" t="s">
        <v>57</v>
      </c>
      <c r="C294" s="9" t="s">
        <v>91</v>
      </c>
      <c r="D294" s="9" t="s">
        <v>77</v>
      </c>
      <c r="E294" s="9" t="s">
        <v>57</v>
      </c>
      <c r="F294" s="9" t="s">
        <v>81</v>
      </c>
      <c r="G294" s="9" t="s">
        <v>92</v>
      </c>
      <c r="H294" s="9" t="s">
        <v>6</v>
      </c>
      <c r="I294" s="9" t="s">
        <v>169</v>
      </c>
      <c r="J294" s="6">
        <v>74</v>
      </c>
      <c r="K294" s="6">
        <v>48</v>
      </c>
      <c r="L294" s="6">
        <v>40</v>
      </c>
      <c r="M294" s="10" t="s">
        <v>55</v>
      </c>
      <c r="N294" s="6">
        <v>8</v>
      </c>
      <c r="O294" s="6">
        <v>1</v>
      </c>
      <c r="P294" s="6">
        <v>7</v>
      </c>
      <c r="Q294" s="6">
        <v>16</v>
      </c>
      <c r="R294" s="6">
        <v>1</v>
      </c>
      <c r="S294" s="10" t="s">
        <v>55</v>
      </c>
      <c r="T294" s="6">
        <v>1</v>
      </c>
      <c r="U294" s="6">
        <v>49</v>
      </c>
    </row>
    <row r="295" spans="1:21">
      <c r="A295" s="9" t="s">
        <v>83</v>
      </c>
      <c r="B295" s="9" t="s">
        <v>57</v>
      </c>
      <c r="C295" s="9" t="s">
        <v>91</v>
      </c>
      <c r="D295" s="9" t="s">
        <v>77</v>
      </c>
      <c r="E295" s="9" t="s">
        <v>57</v>
      </c>
      <c r="F295" s="9" t="s">
        <v>81</v>
      </c>
      <c r="G295" s="9" t="s">
        <v>92</v>
      </c>
      <c r="H295" s="9" t="s">
        <v>6</v>
      </c>
      <c r="I295" s="9" t="s">
        <v>170</v>
      </c>
      <c r="J295" s="6">
        <v>78</v>
      </c>
      <c r="K295" s="6">
        <v>69</v>
      </c>
      <c r="L295" s="6">
        <v>30</v>
      </c>
      <c r="M295" s="6">
        <v>4</v>
      </c>
      <c r="N295" s="6">
        <v>35</v>
      </c>
      <c r="O295" s="6">
        <v>1</v>
      </c>
      <c r="P295" s="10" t="s">
        <v>55</v>
      </c>
      <c r="Q295" s="6">
        <v>7</v>
      </c>
      <c r="R295" s="6">
        <v>1</v>
      </c>
      <c r="S295" s="10" t="s">
        <v>55</v>
      </c>
      <c r="T295" s="10" t="s">
        <v>55</v>
      </c>
      <c r="U295" s="6">
        <v>70</v>
      </c>
    </row>
    <row r="296" spans="1:21">
      <c r="A296" s="9" t="s">
        <v>83</v>
      </c>
      <c r="B296" s="9" t="s">
        <v>57</v>
      </c>
      <c r="C296" s="9" t="s">
        <v>91</v>
      </c>
      <c r="D296" s="9" t="s">
        <v>77</v>
      </c>
      <c r="E296" s="9" t="s">
        <v>57</v>
      </c>
      <c r="F296" s="9" t="s">
        <v>81</v>
      </c>
      <c r="G296" s="9" t="s">
        <v>92</v>
      </c>
      <c r="H296" s="9" t="s">
        <v>6</v>
      </c>
      <c r="I296" s="9" t="s">
        <v>171</v>
      </c>
      <c r="J296" s="6">
        <v>1</v>
      </c>
      <c r="K296" s="6">
        <v>1</v>
      </c>
      <c r="L296" s="10" t="s">
        <v>55</v>
      </c>
      <c r="M296" s="10" t="s">
        <v>55</v>
      </c>
      <c r="N296" s="6">
        <v>1</v>
      </c>
      <c r="O296" s="10" t="s">
        <v>55</v>
      </c>
      <c r="P296" s="10" t="s">
        <v>55</v>
      </c>
      <c r="Q296" s="10" t="s">
        <v>55</v>
      </c>
      <c r="R296" s="10" t="s">
        <v>55</v>
      </c>
      <c r="S296" s="10" t="s">
        <v>55</v>
      </c>
      <c r="T296" s="10" t="s">
        <v>55</v>
      </c>
      <c r="U296" s="6">
        <v>1</v>
      </c>
    </row>
    <row r="297" spans="1:21">
      <c r="A297" s="9" t="s">
        <v>83</v>
      </c>
      <c r="B297" s="9" t="s">
        <v>57</v>
      </c>
      <c r="C297" s="9" t="s">
        <v>91</v>
      </c>
      <c r="D297" s="9" t="s">
        <v>77</v>
      </c>
      <c r="E297" s="9" t="s">
        <v>57</v>
      </c>
      <c r="F297" s="9" t="s">
        <v>81</v>
      </c>
      <c r="G297" s="9" t="s">
        <v>92</v>
      </c>
      <c r="H297" s="9" t="s">
        <v>53</v>
      </c>
      <c r="I297" s="9" t="s">
        <v>6</v>
      </c>
      <c r="J297" s="6">
        <v>516</v>
      </c>
      <c r="K297" s="6">
        <v>286</v>
      </c>
      <c r="L297" s="6">
        <v>230</v>
      </c>
      <c r="M297" s="6">
        <v>13</v>
      </c>
      <c r="N297" s="6">
        <v>43</v>
      </c>
      <c r="O297" s="6">
        <v>15</v>
      </c>
      <c r="P297" s="6">
        <v>30</v>
      </c>
      <c r="Q297" s="6">
        <v>158</v>
      </c>
      <c r="R297" s="6">
        <v>24</v>
      </c>
      <c r="S297" s="10" t="s">
        <v>55</v>
      </c>
      <c r="T297" s="6">
        <v>3</v>
      </c>
      <c r="U297" s="6">
        <v>301</v>
      </c>
    </row>
    <row r="298" spans="1:21">
      <c r="A298" s="9" t="s">
        <v>83</v>
      </c>
      <c r="B298" s="9" t="s">
        <v>57</v>
      </c>
      <c r="C298" s="9" t="s">
        <v>91</v>
      </c>
      <c r="D298" s="9" t="s">
        <v>77</v>
      </c>
      <c r="E298" s="9" t="s">
        <v>57</v>
      </c>
      <c r="F298" s="9" t="s">
        <v>81</v>
      </c>
      <c r="G298" s="9" t="s">
        <v>92</v>
      </c>
      <c r="H298" s="9" t="s">
        <v>53</v>
      </c>
      <c r="I298" s="9" t="s">
        <v>160</v>
      </c>
      <c r="J298" s="6">
        <v>12</v>
      </c>
      <c r="K298" s="6">
        <v>3</v>
      </c>
      <c r="L298" s="6">
        <v>3</v>
      </c>
      <c r="M298" s="10" t="s">
        <v>55</v>
      </c>
      <c r="N298" s="10" t="s">
        <v>55</v>
      </c>
      <c r="O298" s="6">
        <v>8</v>
      </c>
      <c r="P298" s="6">
        <v>1</v>
      </c>
      <c r="Q298" s="10" t="s">
        <v>55</v>
      </c>
      <c r="R298" s="10" t="s">
        <v>55</v>
      </c>
      <c r="S298" s="10" t="s">
        <v>55</v>
      </c>
      <c r="T298" s="10" t="s">
        <v>55</v>
      </c>
      <c r="U298" s="6">
        <v>11</v>
      </c>
    </row>
    <row r="299" spans="1:21">
      <c r="A299" s="9" t="s">
        <v>83</v>
      </c>
      <c r="B299" s="9" t="s">
        <v>57</v>
      </c>
      <c r="C299" s="9" t="s">
        <v>91</v>
      </c>
      <c r="D299" s="9" t="s">
        <v>77</v>
      </c>
      <c r="E299" s="9" t="s">
        <v>57</v>
      </c>
      <c r="F299" s="9" t="s">
        <v>81</v>
      </c>
      <c r="G299" s="9" t="s">
        <v>92</v>
      </c>
      <c r="H299" s="9" t="s">
        <v>53</v>
      </c>
      <c r="I299" s="9" t="s">
        <v>161</v>
      </c>
      <c r="J299" s="6">
        <v>30</v>
      </c>
      <c r="K299" s="6">
        <v>23</v>
      </c>
      <c r="L299" s="6">
        <v>19</v>
      </c>
      <c r="M299" s="6">
        <v>2</v>
      </c>
      <c r="N299" s="6">
        <v>2</v>
      </c>
      <c r="O299" s="6">
        <v>3</v>
      </c>
      <c r="P299" s="6">
        <v>3</v>
      </c>
      <c r="Q299" s="6">
        <v>1</v>
      </c>
      <c r="R299" s="10" t="s">
        <v>55</v>
      </c>
      <c r="S299" s="10" t="s">
        <v>55</v>
      </c>
      <c r="T299" s="10" t="s">
        <v>55</v>
      </c>
      <c r="U299" s="6">
        <v>26</v>
      </c>
    </row>
    <row r="300" spans="1:21">
      <c r="A300" s="9" t="s">
        <v>83</v>
      </c>
      <c r="B300" s="9" t="s">
        <v>57</v>
      </c>
      <c r="C300" s="9" t="s">
        <v>91</v>
      </c>
      <c r="D300" s="9" t="s">
        <v>77</v>
      </c>
      <c r="E300" s="9" t="s">
        <v>57</v>
      </c>
      <c r="F300" s="9" t="s">
        <v>81</v>
      </c>
      <c r="G300" s="9" t="s">
        <v>92</v>
      </c>
      <c r="H300" s="9" t="s">
        <v>53</v>
      </c>
      <c r="I300" s="9" t="s">
        <v>162</v>
      </c>
      <c r="J300" s="6">
        <v>24</v>
      </c>
      <c r="K300" s="6">
        <v>24</v>
      </c>
      <c r="L300" s="6">
        <v>22</v>
      </c>
      <c r="M300" s="6">
        <v>1</v>
      </c>
      <c r="N300" s="6">
        <v>1</v>
      </c>
      <c r="O300" s="10" t="s">
        <v>55</v>
      </c>
      <c r="P300" s="10" t="s">
        <v>55</v>
      </c>
      <c r="Q300" s="10" t="s">
        <v>55</v>
      </c>
      <c r="R300" s="10" t="s">
        <v>55</v>
      </c>
      <c r="S300" s="10" t="s">
        <v>55</v>
      </c>
      <c r="T300" s="10" t="s">
        <v>55</v>
      </c>
      <c r="U300" s="6">
        <v>24</v>
      </c>
    </row>
    <row r="301" spans="1:21">
      <c r="A301" s="9" t="s">
        <v>83</v>
      </c>
      <c r="B301" s="9" t="s">
        <v>57</v>
      </c>
      <c r="C301" s="9" t="s">
        <v>91</v>
      </c>
      <c r="D301" s="9" t="s">
        <v>77</v>
      </c>
      <c r="E301" s="9" t="s">
        <v>57</v>
      </c>
      <c r="F301" s="9" t="s">
        <v>81</v>
      </c>
      <c r="G301" s="9" t="s">
        <v>92</v>
      </c>
      <c r="H301" s="9" t="s">
        <v>53</v>
      </c>
      <c r="I301" s="9" t="s">
        <v>163</v>
      </c>
      <c r="J301" s="6">
        <v>20</v>
      </c>
      <c r="K301" s="6">
        <v>14</v>
      </c>
      <c r="L301" s="6">
        <v>11</v>
      </c>
      <c r="M301" s="6">
        <v>1</v>
      </c>
      <c r="N301" s="6">
        <v>2</v>
      </c>
      <c r="O301" s="6">
        <v>1</v>
      </c>
      <c r="P301" s="6">
        <v>1</v>
      </c>
      <c r="Q301" s="6">
        <v>3</v>
      </c>
      <c r="R301" s="6">
        <v>1</v>
      </c>
      <c r="S301" s="10" t="s">
        <v>55</v>
      </c>
      <c r="T301" s="10" t="s">
        <v>55</v>
      </c>
      <c r="U301" s="6">
        <v>15</v>
      </c>
    </row>
    <row r="302" spans="1:21">
      <c r="A302" s="9" t="s">
        <v>83</v>
      </c>
      <c r="B302" s="9" t="s">
        <v>57</v>
      </c>
      <c r="C302" s="9" t="s">
        <v>91</v>
      </c>
      <c r="D302" s="9" t="s">
        <v>77</v>
      </c>
      <c r="E302" s="9" t="s">
        <v>57</v>
      </c>
      <c r="F302" s="9" t="s">
        <v>81</v>
      </c>
      <c r="G302" s="9" t="s">
        <v>92</v>
      </c>
      <c r="H302" s="9" t="s">
        <v>53</v>
      </c>
      <c r="I302" s="9" t="s">
        <v>164</v>
      </c>
      <c r="J302" s="6">
        <v>32</v>
      </c>
      <c r="K302" s="6">
        <v>29</v>
      </c>
      <c r="L302" s="6">
        <v>23</v>
      </c>
      <c r="M302" s="10" t="s">
        <v>55</v>
      </c>
      <c r="N302" s="6">
        <v>6</v>
      </c>
      <c r="O302" s="10" t="s">
        <v>55</v>
      </c>
      <c r="P302" s="10" t="s">
        <v>55</v>
      </c>
      <c r="Q302" s="6">
        <v>2</v>
      </c>
      <c r="R302" s="6">
        <v>1</v>
      </c>
      <c r="S302" s="10" t="s">
        <v>55</v>
      </c>
      <c r="T302" s="10" t="s">
        <v>55</v>
      </c>
      <c r="U302" s="6">
        <v>29</v>
      </c>
    </row>
    <row r="303" spans="1:21">
      <c r="A303" s="9" t="s">
        <v>83</v>
      </c>
      <c r="B303" s="9" t="s">
        <v>57</v>
      </c>
      <c r="C303" s="9" t="s">
        <v>91</v>
      </c>
      <c r="D303" s="9" t="s">
        <v>77</v>
      </c>
      <c r="E303" s="9" t="s">
        <v>57</v>
      </c>
      <c r="F303" s="9" t="s">
        <v>81</v>
      </c>
      <c r="G303" s="9" t="s">
        <v>92</v>
      </c>
      <c r="H303" s="9" t="s">
        <v>53</v>
      </c>
      <c r="I303" s="9" t="s">
        <v>165</v>
      </c>
      <c r="J303" s="6">
        <v>12</v>
      </c>
      <c r="K303" s="6">
        <v>12</v>
      </c>
      <c r="L303" s="6">
        <v>9</v>
      </c>
      <c r="M303" s="10" t="s">
        <v>55</v>
      </c>
      <c r="N303" s="6">
        <v>3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10" t="s">
        <v>55</v>
      </c>
      <c r="T303" s="10" t="s">
        <v>55</v>
      </c>
      <c r="U303" s="6">
        <v>12</v>
      </c>
    </row>
    <row r="304" spans="1:21">
      <c r="A304" s="9" t="s">
        <v>83</v>
      </c>
      <c r="B304" s="9" t="s">
        <v>57</v>
      </c>
      <c r="C304" s="9" t="s">
        <v>91</v>
      </c>
      <c r="D304" s="9" t="s">
        <v>77</v>
      </c>
      <c r="E304" s="9" t="s">
        <v>57</v>
      </c>
      <c r="F304" s="9" t="s">
        <v>81</v>
      </c>
      <c r="G304" s="9" t="s">
        <v>92</v>
      </c>
      <c r="H304" s="9" t="s">
        <v>53</v>
      </c>
      <c r="I304" s="9" t="s">
        <v>166</v>
      </c>
      <c r="J304" s="6">
        <v>167</v>
      </c>
      <c r="K304" s="6">
        <v>3</v>
      </c>
      <c r="L304" s="6">
        <v>2</v>
      </c>
      <c r="M304" s="10" t="s">
        <v>55</v>
      </c>
      <c r="N304" s="6">
        <v>1</v>
      </c>
      <c r="O304" s="6">
        <v>1</v>
      </c>
      <c r="P304" s="6">
        <v>17</v>
      </c>
      <c r="Q304" s="6">
        <v>125</v>
      </c>
      <c r="R304" s="6">
        <v>20</v>
      </c>
      <c r="S304" s="10" t="s">
        <v>55</v>
      </c>
      <c r="T304" s="6">
        <v>1</v>
      </c>
      <c r="U304" s="6">
        <v>4</v>
      </c>
    </row>
    <row r="305" spans="1:21">
      <c r="A305" s="9" t="s">
        <v>83</v>
      </c>
      <c r="B305" s="9" t="s">
        <v>57</v>
      </c>
      <c r="C305" s="9" t="s">
        <v>91</v>
      </c>
      <c r="D305" s="9" t="s">
        <v>77</v>
      </c>
      <c r="E305" s="9" t="s">
        <v>57</v>
      </c>
      <c r="F305" s="9" t="s">
        <v>81</v>
      </c>
      <c r="G305" s="9" t="s">
        <v>92</v>
      </c>
      <c r="H305" s="9" t="s">
        <v>53</v>
      </c>
      <c r="I305" s="9" t="s">
        <v>167</v>
      </c>
      <c r="J305" s="6">
        <v>57</v>
      </c>
      <c r="K305" s="6">
        <v>49</v>
      </c>
      <c r="L305" s="6">
        <v>42</v>
      </c>
      <c r="M305" s="6">
        <v>4</v>
      </c>
      <c r="N305" s="6">
        <v>3</v>
      </c>
      <c r="O305" s="10" t="s">
        <v>55</v>
      </c>
      <c r="P305" s="6">
        <v>1</v>
      </c>
      <c r="Q305" s="6">
        <v>6</v>
      </c>
      <c r="R305" s="6">
        <v>1</v>
      </c>
      <c r="S305" s="10" t="s">
        <v>55</v>
      </c>
      <c r="T305" s="10" t="s">
        <v>55</v>
      </c>
      <c r="U305" s="6">
        <v>49</v>
      </c>
    </row>
    <row r="306" spans="1:21">
      <c r="A306" s="9" t="s">
        <v>83</v>
      </c>
      <c r="B306" s="9" t="s">
        <v>57</v>
      </c>
      <c r="C306" s="9" t="s">
        <v>91</v>
      </c>
      <c r="D306" s="9" t="s">
        <v>77</v>
      </c>
      <c r="E306" s="9" t="s">
        <v>57</v>
      </c>
      <c r="F306" s="9" t="s">
        <v>81</v>
      </c>
      <c r="G306" s="9" t="s">
        <v>92</v>
      </c>
      <c r="H306" s="9" t="s">
        <v>53</v>
      </c>
      <c r="I306" s="9" t="s">
        <v>168</v>
      </c>
      <c r="J306" s="6">
        <v>41</v>
      </c>
      <c r="K306" s="6">
        <v>38</v>
      </c>
      <c r="L306" s="6">
        <v>33</v>
      </c>
      <c r="M306" s="6">
        <v>1</v>
      </c>
      <c r="N306" s="6">
        <v>4</v>
      </c>
      <c r="O306" s="10" t="s">
        <v>55</v>
      </c>
      <c r="P306" s="10" t="s">
        <v>55</v>
      </c>
      <c r="Q306" s="6">
        <v>2</v>
      </c>
      <c r="R306" s="10" t="s">
        <v>55</v>
      </c>
      <c r="S306" s="10" t="s">
        <v>55</v>
      </c>
      <c r="T306" s="6">
        <v>1</v>
      </c>
      <c r="U306" s="6">
        <v>38</v>
      </c>
    </row>
    <row r="307" spans="1:21">
      <c r="A307" s="9" t="s">
        <v>83</v>
      </c>
      <c r="B307" s="9" t="s">
        <v>57</v>
      </c>
      <c r="C307" s="9" t="s">
        <v>91</v>
      </c>
      <c r="D307" s="9" t="s">
        <v>77</v>
      </c>
      <c r="E307" s="9" t="s">
        <v>57</v>
      </c>
      <c r="F307" s="9" t="s">
        <v>81</v>
      </c>
      <c r="G307" s="9" t="s">
        <v>92</v>
      </c>
      <c r="H307" s="9" t="s">
        <v>53</v>
      </c>
      <c r="I307" s="9" t="s">
        <v>169</v>
      </c>
      <c r="J307" s="6">
        <v>74</v>
      </c>
      <c r="K307" s="6">
        <v>48</v>
      </c>
      <c r="L307" s="6">
        <v>40</v>
      </c>
      <c r="M307" s="10" t="s">
        <v>55</v>
      </c>
      <c r="N307" s="6">
        <v>8</v>
      </c>
      <c r="O307" s="6">
        <v>1</v>
      </c>
      <c r="P307" s="6">
        <v>7</v>
      </c>
      <c r="Q307" s="6">
        <v>16</v>
      </c>
      <c r="R307" s="6">
        <v>1</v>
      </c>
      <c r="S307" s="10" t="s">
        <v>55</v>
      </c>
      <c r="T307" s="6">
        <v>1</v>
      </c>
      <c r="U307" s="6">
        <v>49</v>
      </c>
    </row>
    <row r="308" spans="1:21">
      <c r="A308" s="9" t="s">
        <v>83</v>
      </c>
      <c r="B308" s="9" t="s">
        <v>57</v>
      </c>
      <c r="C308" s="9" t="s">
        <v>91</v>
      </c>
      <c r="D308" s="9" t="s">
        <v>77</v>
      </c>
      <c r="E308" s="9" t="s">
        <v>57</v>
      </c>
      <c r="F308" s="9" t="s">
        <v>81</v>
      </c>
      <c r="G308" s="9" t="s">
        <v>92</v>
      </c>
      <c r="H308" s="9" t="s">
        <v>53</v>
      </c>
      <c r="I308" s="9" t="s">
        <v>170</v>
      </c>
      <c r="J308" s="6">
        <v>47</v>
      </c>
      <c r="K308" s="6">
        <v>43</v>
      </c>
      <c r="L308" s="6">
        <v>26</v>
      </c>
      <c r="M308" s="6">
        <v>4</v>
      </c>
      <c r="N308" s="6">
        <v>13</v>
      </c>
      <c r="O308" s="6">
        <v>1</v>
      </c>
      <c r="P308" s="10" t="s">
        <v>55</v>
      </c>
      <c r="Q308" s="6">
        <v>3</v>
      </c>
      <c r="R308" s="10" t="s">
        <v>55</v>
      </c>
      <c r="S308" s="10" t="s">
        <v>55</v>
      </c>
      <c r="T308" s="10" t="s">
        <v>55</v>
      </c>
      <c r="U308" s="6">
        <v>44</v>
      </c>
    </row>
    <row r="309" spans="1:21">
      <c r="A309" s="9" t="s">
        <v>83</v>
      </c>
      <c r="B309" s="9" t="s">
        <v>57</v>
      </c>
      <c r="C309" s="9" t="s">
        <v>91</v>
      </c>
      <c r="D309" s="9" t="s">
        <v>77</v>
      </c>
      <c r="E309" s="9" t="s">
        <v>57</v>
      </c>
      <c r="F309" s="9" t="s">
        <v>81</v>
      </c>
      <c r="G309" s="9" t="s">
        <v>92</v>
      </c>
      <c r="H309" s="9" t="s">
        <v>53</v>
      </c>
      <c r="I309" s="9" t="s">
        <v>171</v>
      </c>
      <c r="J309" s="10" t="s">
        <v>55</v>
      </c>
      <c r="K309" s="10" t="s">
        <v>55</v>
      </c>
      <c r="L309" s="10" t="s">
        <v>55</v>
      </c>
      <c r="M309" s="10" t="s">
        <v>55</v>
      </c>
      <c r="N309" s="10" t="s">
        <v>55</v>
      </c>
      <c r="O309" s="10" t="s">
        <v>55</v>
      </c>
      <c r="P309" s="10" t="s">
        <v>55</v>
      </c>
      <c r="Q309" s="10" t="s">
        <v>55</v>
      </c>
      <c r="R309" s="10" t="s">
        <v>55</v>
      </c>
      <c r="S309" s="10" t="s">
        <v>55</v>
      </c>
      <c r="T309" s="10" t="s">
        <v>55</v>
      </c>
      <c r="U309" s="10" t="s">
        <v>55</v>
      </c>
    </row>
    <row r="310" spans="1:21">
      <c r="A310" s="9" t="s">
        <v>83</v>
      </c>
      <c r="B310" s="9" t="s">
        <v>57</v>
      </c>
      <c r="C310" s="9" t="s">
        <v>91</v>
      </c>
      <c r="D310" s="9" t="s">
        <v>77</v>
      </c>
      <c r="E310" s="9" t="s">
        <v>57</v>
      </c>
      <c r="F310" s="9" t="s">
        <v>81</v>
      </c>
      <c r="G310" s="9" t="s">
        <v>92</v>
      </c>
      <c r="H310" s="9" t="s">
        <v>54</v>
      </c>
      <c r="I310" s="9" t="s">
        <v>6</v>
      </c>
      <c r="J310" s="6">
        <v>446</v>
      </c>
      <c r="K310" s="6">
        <v>282</v>
      </c>
      <c r="L310" s="6">
        <v>147</v>
      </c>
      <c r="M310" s="6">
        <v>5</v>
      </c>
      <c r="N310" s="6">
        <v>130</v>
      </c>
      <c r="O310" s="6">
        <v>7</v>
      </c>
      <c r="P310" s="6">
        <v>1</v>
      </c>
      <c r="Q310" s="6">
        <v>36</v>
      </c>
      <c r="R310" s="6">
        <v>118</v>
      </c>
      <c r="S310" s="10" t="s">
        <v>55</v>
      </c>
      <c r="T310" s="6">
        <v>2</v>
      </c>
      <c r="U310" s="6">
        <v>289</v>
      </c>
    </row>
    <row r="311" spans="1:21">
      <c r="A311" s="9" t="s">
        <v>83</v>
      </c>
      <c r="B311" s="9" t="s">
        <v>57</v>
      </c>
      <c r="C311" s="9" t="s">
        <v>91</v>
      </c>
      <c r="D311" s="9" t="s">
        <v>77</v>
      </c>
      <c r="E311" s="9" t="s">
        <v>57</v>
      </c>
      <c r="F311" s="9" t="s">
        <v>81</v>
      </c>
      <c r="G311" s="9" t="s">
        <v>92</v>
      </c>
      <c r="H311" s="9" t="s">
        <v>54</v>
      </c>
      <c r="I311" s="9" t="s">
        <v>160</v>
      </c>
      <c r="J311" s="10" t="s">
        <v>55</v>
      </c>
      <c r="K311" s="10" t="s">
        <v>55</v>
      </c>
      <c r="L311" s="10" t="s">
        <v>55</v>
      </c>
      <c r="M311" s="10" t="s">
        <v>55</v>
      </c>
      <c r="N311" s="10" t="s">
        <v>55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10" t="s">
        <v>55</v>
      </c>
      <c r="T311" s="10" t="s">
        <v>55</v>
      </c>
      <c r="U311" s="10" t="s">
        <v>55</v>
      </c>
    </row>
    <row r="312" spans="1:21">
      <c r="A312" s="9" t="s">
        <v>83</v>
      </c>
      <c r="B312" s="9" t="s">
        <v>57</v>
      </c>
      <c r="C312" s="9" t="s">
        <v>91</v>
      </c>
      <c r="D312" s="9" t="s">
        <v>77</v>
      </c>
      <c r="E312" s="9" t="s">
        <v>57</v>
      </c>
      <c r="F312" s="9" t="s">
        <v>81</v>
      </c>
      <c r="G312" s="9" t="s">
        <v>92</v>
      </c>
      <c r="H312" s="9" t="s">
        <v>54</v>
      </c>
      <c r="I312" s="9" t="s">
        <v>161</v>
      </c>
      <c r="J312" s="6">
        <v>63</v>
      </c>
      <c r="K312" s="6">
        <v>61</v>
      </c>
      <c r="L312" s="6">
        <v>50</v>
      </c>
      <c r="M312" s="10" t="s">
        <v>55</v>
      </c>
      <c r="N312" s="6">
        <v>11</v>
      </c>
      <c r="O312" s="10" t="s">
        <v>55</v>
      </c>
      <c r="P312" s="10" t="s">
        <v>55</v>
      </c>
      <c r="Q312" s="6">
        <v>2</v>
      </c>
      <c r="R312" s="10" t="s">
        <v>55</v>
      </c>
      <c r="S312" s="10" t="s">
        <v>55</v>
      </c>
      <c r="T312" s="10" t="s">
        <v>55</v>
      </c>
      <c r="U312" s="6">
        <v>61</v>
      </c>
    </row>
    <row r="313" spans="1:21">
      <c r="A313" s="9" t="s">
        <v>83</v>
      </c>
      <c r="B313" s="9" t="s">
        <v>57</v>
      </c>
      <c r="C313" s="9" t="s">
        <v>91</v>
      </c>
      <c r="D313" s="9" t="s">
        <v>77</v>
      </c>
      <c r="E313" s="9" t="s">
        <v>57</v>
      </c>
      <c r="F313" s="9" t="s">
        <v>81</v>
      </c>
      <c r="G313" s="9" t="s">
        <v>92</v>
      </c>
      <c r="H313" s="9" t="s">
        <v>54</v>
      </c>
      <c r="I313" s="9" t="s">
        <v>162</v>
      </c>
      <c r="J313" s="6">
        <v>75</v>
      </c>
      <c r="K313" s="6">
        <v>59</v>
      </c>
      <c r="L313" s="6">
        <v>38</v>
      </c>
      <c r="M313" s="6">
        <v>1</v>
      </c>
      <c r="N313" s="6">
        <v>20</v>
      </c>
      <c r="O313" s="6">
        <v>6</v>
      </c>
      <c r="P313" s="10" t="s">
        <v>55</v>
      </c>
      <c r="Q313" s="10" t="s">
        <v>55</v>
      </c>
      <c r="R313" s="6">
        <v>8</v>
      </c>
      <c r="S313" s="10" t="s">
        <v>55</v>
      </c>
      <c r="T313" s="6">
        <v>2</v>
      </c>
      <c r="U313" s="6">
        <v>65</v>
      </c>
    </row>
    <row r="314" spans="1:21">
      <c r="A314" s="9" t="s">
        <v>83</v>
      </c>
      <c r="B314" s="9" t="s">
        <v>57</v>
      </c>
      <c r="C314" s="9" t="s">
        <v>91</v>
      </c>
      <c r="D314" s="9" t="s">
        <v>77</v>
      </c>
      <c r="E314" s="9" t="s">
        <v>57</v>
      </c>
      <c r="F314" s="9" t="s">
        <v>81</v>
      </c>
      <c r="G314" s="9" t="s">
        <v>92</v>
      </c>
      <c r="H314" s="9" t="s">
        <v>54</v>
      </c>
      <c r="I314" s="9" t="s">
        <v>163</v>
      </c>
      <c r="J314" s="6">
        <v>35</v>
      </c>
      <c r="K314" s="6">
        <v>29</v>
      </c>
      <c r="L314" s="6">
        <v>14</v>
      </c>
      <c r="M314" s="10" t="s">
        <v>55</v>
      </c>
      <c r="N314" s="6">
        <v>15</v>
      </c>
      <c r="O314" s="6">
        <v>1</v>
      </c>
      <c r="P314" s="10" t="s">
        <v>55</v>
      </c>
      <c r="Q314" s="6">
        <v>1</v>
      </c>
      <c r="R314" s="6">
        <v>4</v>
      </c>
      <c r="S314" s="10" t="s">
        <v>55</v>
      </c>
      <c r="T314" s="10" t="s">
        <v>55</v>
      </c>
      <c r="U314" s="6">
        <v>30</v>
      </c>
    </row>
    <row r="315" spans="1:21">
      <c r="A315" s="9" t="s">
        <v>83</v>
      </c>
      <c r="B315" s="9" t="s">
        <v>57</v>
      </c>
      <c r="C315" s="9" t="s">
        <v>91</v>
      </c>
      <c r="D315" s="9" t="s">
        <v>77</v>
      </c>
      <c r="E315" s="9" t="s">
        <v>57</v>
      </c>
      <c r="F315" s="9" t="s">
        <v>81</v>
      </c>
      <c r="G315" s="9" t="s">
        <v>92</v>
      </c>
      <c r="H315" s="9" t="s">
        <v>54</v>
      </c>
      <c r="I315" s="9" t="s">
        <v>164</v>
      </c>
      <c r="J315" s="6">
        <v>74</v>
      </c>
      <c r="K315" s="6">
        <v>64</v>
      </c>
      <c r="L315" s="6">
        <v>26</v>
      </c>
      <c r="M315" s="6">
        <v>3</v>
      </c>
      <c r="N315" s="6">
        <v>35</v>
      </c>
      <c r="O315" s="10" t="s">
        <v>55</v>
      </c>
      <c r="P315" s="10" t="s">
        <v>55</v>
      </c>
      <c r="Q315" s="6">
        <v>7</v>
      </c>
      <c r="R315" s="6">
        <v>3</v>
      </c>
      <c r="S315" s="10" t="s">
        <v>55</v>
      </c>
      <c r="T315" s="10" t="s">
        <v>55</v>
      </c>
      <c r="U315" s="6">
        <v>64</v>
      </c>
    </row>
    <row r="316" spans="1:21">
      <c r="A316" s="9" t="s">
        <v>83</v>
      </c>
      <c r="B316" s="9" t="s">
        <v>57</v>
      </c>
      <c r="C316" s="9" t="s">
        <v>91</v>
      </c>
      <c r="D316" s="9" t="s">
        <v>77</v>
      </c>
      <c r="E316" s="9" t="s">
        <v>57</v>
      </c>
      <c r="F316" s="9" t="s">
        <v>81</v>
      </c>
      <c r="G316" s="9" t="s">
        <v>92</v>
      </c>
      <c r="H316" s="9" t="s">
        <v>54</v>
      </c>
      <c r="I316" s="9" t="s">
        <v>165</v>
      </c>
      <c r="J316" s="6">
        <v>1</v>
      </c>
      <c r="K316" s="6">
        <v>1</v>
      </c>
      <c r="L316" s="6">
        <v>1</v>
      </c>
      <c r="M316" s="10" t="s">
        <v>55</v>
      </c>
      <c r="N316" s="10" t="s">
        <v>55</v>
      </c>
      <c r="O316" s="10" t="s">
        <v>55</v>
      </c>
      <c r="P316" s="10" t="s">
        <v>55</v>
      </c>
      <c r="Q316" s="10" t="s">
        <v>55</v>
      </c>
      <c r="R316" s="10" t="s">
        <v>55</v>
      </c>
      <c r="S316" s="10" t="s">
        <v>55</v>
      </c>
      <c r="T316" s="10" t="s">
        <v>55</v>
      </c>
      <c r="U316" s="6">
        <v>1</v>
      </c>
    </row>
    <row r="317" spans="1:21">
      <c r="A317" s="9" t="s">
        <v>83</v>
      </c>
      <c r="B317" s="9" t="s">
        <v>57</v>
      </c>
      <c r="C317" s="9" t="s">
        <v>91</v>
      </c>
      <c r="D317" s="9" t="s">
        <v>77</v>
      </c>
      <c r="E317" s="9" t="s">
        <v>57</v>
      </c>
      <c r="F317" s="9" t="s">
        <v>81</v>
      </c>
      <c r="G317" s="9" t="s">
        <v>92</v>
      </c>
      <c r="H317" s="9" t="s">
        <v>54</v>
      </c>
      <c r="I317" s="9" t="s">
        <v>166</v>
      </c>
      <c r="J317" s="6">
        <v>123</v>
      </c>
      <c r="K317" s="6">
        <v>4</v>
      </c>
      <c r="L317" s="6">
        <v>1</v>
      </c>
      <c r="M317" s="10" t="s">
        <v>55</v>
      </c>
      <c r="N317" s="6">
        <v>3</v>
      </c>
      <c r="O317" s="10" t="s">
        <v>55</v>
      </c>
      <c r="P317" s="10" t="s">
        <v>55</v>
      </c>
      <c r="Q317" s="6">
        <v>18</v>
      </c>
      <c r="R317" s="6">
        <v>101</v>
      </c>
      <c r="S317" s="10" t="s">
        <v>55</v>
      </c>
      <c r="T317" s="10" t="s">
        <v>55</v>
      </c>
      <c r="U317" s="6">
        <v>4</v>
      </c>
    </row>
    <row r="318" spans="1:21">
      <c r="A318" s="9" t="s">
        <v>83</v>
      </c>
      <c r="B318" s="9" t="s">
        <v>57</v>
      </c>
      <c r="C318" s="9" t="s">
        <v>91</v>
      </c>
      <c r="D318" s="9" t="s">
        <v>77</v>
      </c>
      <c r="E318" s="9" t="s">
        <v>57</v>
      </c>
      <c r="F318" s="9" t="s">
        <v>81</v>
      </c>
      <c r="G318" s="9" t="s">
        <v>92</v>
      </c>
      <c r="H318" s="9" t="s">
        <v>54</v>
      </c>
      <c r="I318" s="9" t="s">
        <v>167</v>
      </c>
      <c r="J318" s="6">
        <v>42</v>
      </c>
      <c r="K318" s="6">
        <v>36</v>
      </c>
      <c r="L318" s="6">
        <v>13</v>
      </c>
      <c r="M318" s="6">
        <v>1</v>
      </c>
      <c r="N318" s="6">
        <v>22</v>
      </c>
      <c r="O318" s="10" t="s">
        <v>55</v>
      </c>
      <c r="P318" s="6">
        <v>1</v>
      </c>
      <c r="Q318" s="6">
        <v>4</v>
      </c>
      <c r="R318" s="6">
        <v>1</v>
      </c>
      <c r="S318" s="10" t="s">
        <v>55</v>
      </c>
      <c r="T318" s="10" t="s">
        <v>55</v>
      </c>
      <c r="U318" s="6">
        <v>36</v>
      </c>
    </row>
    <row r="319" spans="1:21">
      <c r="A319" s="9" t="s">
        <v>83</v>
      </c>
      <c r="B319" s="9" t="s">
        <v>57</v>
      </c>
      <c r="C319" s="9" t="s">
        <v>91</v>
      </c>
      <c r="D319" s="9" t="s">
        <v>77</v>
      </c>
      <c r="E319" s="9" t="s">
        <v>57</v>
      </c>
      <c r="F319" s="9" t="s">
        <v>81</v>
      </c>
      <c r="G319" s="9" t="s">
        <v>92</v>
      </c>
      <c r="H319" s="9" t="s">
        <v>54</v>
      </c>
      <c r="I319" s="9" t="s">
        <v>168</v>
      </c>
      <c r="J319" s="6">
        <v>1</v>
      </c>
      <c r="K319" s="6">
        <v>1</v>
      </c>
      <c r="L319" s="10" t="s">
        <v>55</v>
      </c>
      <c r="M319" s="10" t="s">
        <v>55</v>
      </c>
      <c r="N319" s="6">
        <v>1</v>
      </c>
      <c r="O319" s="10" t="s">
        <v>55</v>
      </c>
      <c r="P319" s="10" t="s">
        <v>55</v>
      </c>
      <c r="Q319" s="10" t="s">
        <v>55</v>
      </c>
      <c r="R319" s="10" t="s">
        <v>55</v>
      </c>
      <c r="S319" s="10" t="s">
        <v>55</v>
      </c>
      <c r="T319" s="10" t="s">
        <v>55</v>
      </c>
      <c r="U319" s="6">
        <v>1</v>
      </c>
    </row>
    <row r="320" spans="1:21">
      <c r="A320" s="9" t="s">
        <v>83</v>
      </c>
      <c r="B320" s="9" t="s">
        <v>57</v>
      </c>
      <c r="C320" s="9" t="s">
        <v>91</v>
      </c>
      <c r="D320" s="9" t="s">
        <v>77</v>
      </c>
      <c r="E320" s="9" t="s">
        <v>57</v>
      </c>
      <c r="F320" s="9" t="s">
        <v>81</v>
      </c>
      <c r="G320" s="9" t="s">
        <v>92</v>
      </c>
      <c r="H320" s="9" t="s">
        <v>54</v>
      </c>
      <c r="I320" s="9" t="s">
        <v>169</v>
      </c>
      <c r="J320" s="10" t="s">
        <v>55</v>
      </c>
      <c r="K320" s="10" t="s">
        <v>55</v>
      </c>
      <c r="L320" s="10" t="s">
        <v>55</v>
      </c>
      <c r="M320" s="10" t="s">
        <v>55</v>
      </c>
      <c r="N320" s="10" t="s">
        <v>55</v>
      </c>
      <c r="O320" s="10" t="s">
        <v>55</v>
      </c>
      <c r="P320" s="10" t="s">
        <v>55</v>
      </c>
      <c r="Q320" s="10" t="s">
        <v>55</v>
      </c>
      <c r="R320" s="10" t="s">
        <v>55</v>
      </c>
      <c r="S320" s="10" t="s">
        <v>55</v>
      </c>
      <c r="T320" s="10" t="s">
        <v>55</v>
      </c>
      <c r="U320" s="10" t="s">
        <v>55</v>
      </c>
    </row>
    <row r="321" spans="1:21">
      <c r="A321" s="9" t="s">
        <v>83</v>
      </c>
      <c r="B321" s="9" t="s">
        <v>57</v>
      </c>
      <c r="C321" s="9" t="s">
        <v>91</v>
      </c>
      <c r="D321" s="9" t="s">
        <v>77</v>
      </c>
      <c r="E321" s="9" t="s">
        <v>57</v>
      </c>
      <c r="F321" s="9" t="s">
        <v>81</v>
      </c>
      <c r="G321" s="9" t="s">
        <v>92</v>
      </c>
      <c r="H321" s="9" t="s">
        <v>54</v>
      </c>
      <c r="I321" s="9" t="s">
        <v>170</v>
      </c>
      <c r="J321" s="6">
        <v>31</v>
      </c>
      <c r="K321" s="6">
        <v>26</v>
      </c>
      <c r="L321" s="6">
        <v>4</v>
      </c>
      <c r="M321" s="10" t="s">
        <v>55</v>
      </c>
      <c r="N321" s="6">
        <v>22</v>
      </c>
      <c r="O321" s="10" t="s">
        <v>55</v>
      </c>
      <c r="P321" s="10" t="s">
        <v>55</v>
      </c>
      <c r="Q321" s="6">
        <v>4</v>
      </c>
      <c r="R321" s="6">
        <v>1</v>
      </c>
      <c r="S321" s="10" t="s">
        <v>55</v>
      </c>
      <c r="T321" s="10" t="s">
        <v>55</v>
      </c>
      <c r="U321" s="6">
        <v>26</v>
      </c>
    </row>
    <row r="322" spans="1:21">
      <c r="A322" s="9" t="s">
        <v>83</v>
      </c>
      <c r="B322" s="9" t="s">
        <v>57</v>
      </c>
      <c r="C322" s="9" t="s">
        <v>91</v>
      </c>
      <c r="D322" s="9" t="s">
        <v>77</v>
      </c>
      <c r="E322" s="9" t="s">
        <v>57</v>
      </c>
      <c r="F322" s="9" t="s">
        <v>81</v>
      </c>
      <c r="G322" s="9" t="s">
        <v>92</v>
      </c>
      <c r="H322" s="9" t="s">
        <v>54</v>
      </c>
      <c r="I322" s="9" t="s">
        <v>171</v>
      </c>
      <c r="J322" s="6">
        <v>1</v>
      </c>
      <c r="K322" s="6">
        <v>1</v>
      </c>
      <c r="L322" s="10" t="s">
        <v>55</v>
      </c>
      <c r="M322" s="10" t="s">
        <v>55</v>
      </c>
      <c r="N322" s="6">
        <v>1</v>
      </c>
      <c r="O322" s="10" t="s">
        <v>55</v>
      </c>
      <c r="P322" s="10" t="s">
        <v>55</v>
      </c>
      <c r="Q322" s="10" t="s">
        <v>55</v>
      </c>
      <c r="R322" s="10" t="s">
        <v>55</v>
      </c>
      <c r="S322" s="10" t="s">
        <v>55</v>
      </c>
      <c r="T322" s="10" t="s">
        <v>55</v>
      </c>
      <c r="U322" s="6">
        <v>1</v>
      </c>
    </row>
    <row r="323" spans="1:21">
      <c r="A323" s="9" t="s">
        <v>83</v>
      </c>
      <c r="B323" s="9" t="s">
        <v>57</v>
      </c>
      <c r="C323" s="9" t="s">
        <v>93</v>
      </c>
      <c r="D323" s="9" t="s">
        <v>77</v>
      </c>
      <c r="E323" s="9" t="s">
        <v>57</v>
      </c>
      <c r="F323" s="9" t="s">
        <v>81</v>
      </c>
      <c r="G323" s="9" t="s">
        <v>94</v>
      </c>
      <c r="H323" s="9" t="s">
        <v>6</v>
      </c>
      <c r="I323" s="9" t="s">
        <v>6</v>
      </c>
      <c r="J323" s="6">
        <v>668</v>
      </c>
      <c r="K323" s="6">
        <v>478</v>
      </c>
      <c r="L323" s="6">
        <v>314</v>
      </c>
      <c r="M323" s="6">
        <v>14</v>
      </c>
      <c r="N323" s="6">
        <v>150</v>
      </c>
      <c r="O323" s="6">
        <v>21</v>
      </c>
      <c r="P323" s="6">
        <v>24</v>
      </c>
      <c r="Q323" s="6">
        <v>78</v>
      </c>
      <c r="R323" s="6">
        <v>65</v>
      </c>
      <c r="S323" s="10" t="s">
        <v>55</v>
      </c>
      <c r="T323" s="6">
        <v>2</v>
      </c>
      <c r="U323" s="6">
        <v>499</v>
      </c>
    </row>
    <row r="324" spans="1:21">
      <c r="A324" s="9" t="s">
        <v>83</v>
      </c>
      <c r="B324" s="9" t="s">
        <v>57</v>
      </c>
      <c r="C324" s="9" t="s">
        <v>93</v>
      </c>
      <c r="D324" s="9" t="s">
        <v>77</v>
      </c>
      <c r="E324" s="9" t="s">
        <v>57</v>
      </c>
      <c r="F324" s="9" t="s">
        <v>81</v>
      </c>
      <c r="G324" s="9" t="s">
        <v>94</v>
      </c>
      <c r="H324" s="9" t="s">
        <v>6</v>
      </c>
      <c r="I324" s="9" t="s">
        <v>160</v>
      </c>
      <c r="J324" s="6">
        <v>19</v>
      </c>
      <c r="K324" s="6">
        <v>5</v>
      </c>
      <c r="L324" s="6">
        <v>5</v>
      </c>
      <c r="M324" s="10" t="s">
        <v>55</v>
      </c>
      <c r="N324" s="10" t="s">
        <v>55</v>
      </c>
      <c r="O324" s="6">
        <v>10</v>
      </c>
      <c r="P324" s="6">
        <v>4</v>
      </c>
      <c r="Q324" s="10" t="s">
        <v>55</v>
      </c>
      <c r="R324" s="10" t="s">
        <v>55</v>
      </c>
      <c r="S324" s="10" t="s">
        <v>55</v>
      </c>
      <c r="T324" s="10" t="s">
        <v>55</v>
      </c>
      <c r="U324" s="6">
        <v>15</v>
      </c>
    </row>
    <row r="325" spans="1:21">
      <c r="A325" s="9" t="s">
        <v>83</v>
      </c>
      <c r="B325" s="9" t="s">
        <v>57</v>
      </c>
      <c r="C325" s="9" t="s">
        <v>93</v>
      </c>
      <c r="D325" s="9" t="s">
        <v>77</v>
      </c>
      <c r="E325" s="9" t="s">
        <v>57</v>
      </c>
      <c r="F325" s="9" t="s">
        <v>81</v>
      </c>
      <c r="G325" s="9" t="s">
        <v>94</v>
      </c>
      <c r="H325" s="9" t="s">
        <v>6</v>
      </c>
      <c r="I325" s="9" t="s">
        <v>161</v>
      </c>
      <c r="J325" s="6">
        <v>55</v>
      </c>
      <c r="K325" s="6">
        <v>49</v>
      </c>
      <c r="L325" s="6">
        <v>41</v>
      </c>
      <c r="M325" s="10" t="s">
        <v>55</v>
      </c>
      <c r="N325" s="6">
        <v>8</v>
      </c>
      <c r="O325" s="6">
        <v>1</v>
      </c>
      <c r="P325" s="6">
        <v>2</v>
      </c>
      <c r="Q325" s="6">
        <v>3</v>
      </c>
      <c r="R325" s="10" t="s">
        <v>55</v>
      </c>
      <c r="S325" s="10" t="s">
        <v>55</v>
      </c>
      <c r="T325" s="10" t="s">
        <v>55</v>
      </c>
      <c r="U325" s="6">
        <v>50</v>
      </c>
    </row>
    <row r="326" spans="1:21">
      <c r="A326" s="9" t="s">
        <v>83</v>
      </c>
      <c r="B326" s="9" t="s">
        <v>57</v>
      </c>
      <c r="C326" s="9" t="s">
        <v>93</v>
      </c>
      <c r="D326" s="9" t="s">
        <v>77</v>
      </c>
      <c r="E326" s="9" t="s">
        <v>57</v>
      </c>
      <c r="F326" s="9" t="s">
        <v>81</v>
      </c>
      <c r="G326" s="9" t="s">
        <v>94</v>
      </c>
      <c r="H326" s="9" t="s">
        <v>6</v>
      </c>
      <c r="I326" s="9" t="s">
        <v>162</v>
      </c>
      <c r="J326" s="6">
        <v>68</v>
      </c>
      <c r="K326" s="6">
        <v>59</v>
      </c>
      <c r="L326" s="6">
        <v>48</v>
      </c>
      <c r="M326" s="6">
        <v>2</v>
      </c>
      <c r="N326" s="6">
        <v>9</v>
      </c>
      <c r="O326" s="6">
        <v>2</v>
      </c>
      <c r="P326" s="10" t="s">
        <v>55</v>
      </c>
      <c r="Q326" s="10" t="s">
        <v>55</v>
      </c>
      <c r="R326" s="6">
        <v>7</v>
      </c>
      <c r="S326" s="10" t="s">
        <v>55</v>
      </c>
      <c r="T326" s="10" t="s">
        <v>55</v>
      </c>
      <c r="U326" s="6">
        <v>61</v>
      </c>
    </row>
    <row r="327" spans="1:21">
      <c r="A327" s="9" t="s">
        <v>83</v>
      </c>
      <c r="B327" s="9" t="s">
        <v>57</v>
      </c>
      <c r="C327" s="9" t="s">
        <v>93</v>
      </c>
      <c r="D327" s="9" t="s">
        <v>77</v>
      </c>
      <c r="E327" s="9" t="s">
        <v>57</v>
      </c>
      <c r="F327" s="9" t="s">
        <v>81</v>
      </c>
      <c r="G327" s="9" t="s">
        <v>94</v>
      </c>
      <c r="H327" s="9" t="s">
        <v>6</v>
      </c>
      <c r="I327" s="9" t="s">
        <v>163</v>
      </c>
      <c r="J327" s="6">
        <v>51</v>
      </c>
      <c r="K327" s="6">
        <v>32</v>
      </c>
      <c r="L327" s="6">
        <v>19</v>
      </c>
      <c r="M327" s="10" t="s">
        <v>55</v>
      </c>
      <c r="N327" s="6">
        <v>13</v>
      </c>
      <c r="O327" s="6">
        <v>2</v>
      </c>
      <c r="P327" s="6">
        <v>5</v>
      </c>
      <c r="Q327" s="6">
        <v>7</v>
      </c>
      <c r="R327" s="6">
        <v>5</v>
      </c>
      <c r="S327" s="10" t="s">
        <v>55</v>
      </c>
      <c r="T327" s="10" t="s">
        <v>55</v>
      </c>
      <c r="U327" s="6">
        <v>34</v>
      </c>
    </row>
    <row r="328" spans="1:21">
      <c r="A328" s="9" t="s">
        <v>83</v>
      </c>
      <c r="B328" s="9" t="s">
        <v>57</v>
      </c>
      <c r="C328" s="9" t="s">
        <v>93</v>
      </c>
      <c r="D328" s="9" t="s">
        <v>77</v>
      </c>
      <c r="E328" s="9" t="s">
        <v>57</v>
      </c>
      <c r="F328" s="9" t="s">
        <v>81</v>
      </c>
      <c r="G328" s="9" t="s">
        <v>94</v>
      </c>
      <c r="H328" s="9" t="s">
        <v>6</v>
      </c>
      <c r="I328" s="9" t="s">
        <v>164</v>
      </c>
      <c r="J328" s="6">
        <v>90</v>
      </c>
      <c r="K328" s="6">
        <v>67</v>
      </c>
      <c r="L328" s="6">
        <v>35</v>
      </c>
      <c r="M328" s="6">
        <v>1</v>
      </c>
      <c r="N328" s="6">
        <v>31</v>
      </c>
      <c r="O328" s="10" t="s">
        <v>55</v>
      </c>
      <c r="P328" s="6">
        <v>2</v>
      </c>
      <c r="Q328" s="6">
        <v>9</v>
      </c>
      <c r="R328" s="6">
        <v>12</v>
      </c>
      <c r="S328" s="10" t="s">
        <v>55</v>
      </c>
      <c r="T328" s="10" t="s">
        <v>55</v>
      </c>
      <c r="U328" s="6">
        <v>67</v>
      </c>
    </row>
    <row r="329" spans="1:21">
      <c r="A329" s="9" t="s">
        <v>83</v>
      </c>
      <c r="B329" s="9" t="s">
        <v>57</v>
      </c>
      <c r="C329" s="9" t="s">
        <v>93</v>
      </c>
      <c r="D329" s="9" t="s">
        <v>77</v>
      </c>
      <c r="E329" s="9" t="s">
        <v>57</v>
      </c>
      <c r="F329" s="9" t="s">
        <v>81</v>
      </c>
      <c r="G329" s="9" t="s">
        <v>94</v>
      </c>
      <c r="H329" s="9" t="s">
        <v>6</v>
      </c>
      <c r="I329" s="9" t="s">
        <v>165</v>
      </c>
      <c r="J329" s="6">
        <v>6</v>
      </c>
      <c r="K329" s="6">
        <v>6</v>
      </c>
      <c r="L329" s="6">
        <v>5</v>
      </c>
      <c r="M329" s="10" t="s">
        <v>55</v>
      </c>
      <c r="N329" s="6">
        <v>1</v>
      </c>
      <c r="O329" s="10" t="s">
        <v>55</v>
      </c>
      <c r="P329" s="10" t="s">
        <v>55</v>
      </c>
      <c r="Q329" s="10" t="s">
        <v>55</v>
      </c>
      <c r="R329" s="10" t="s">
        <v>55</v>
      </c>
      <c r="S329" s="10" t="s">
        <v>55</v>
      </c>
      <c r="T329" s="10" t="s">
        <v>55</v>
      </c>
      <c r="U329" s="6">
        <v>6</v>
      </c>
    </row>
    <row r="330" spans="1:21">
      <c r="A330" s="9" t="s">
        <v>83</v>
      </c>
      <c r="B330" s="9" t="s">
        <v>57</v>
      </c>
      <c r="C330" s="9" t="s">
        <v>93</v>
      </c>
      <c r="D330" s="9" t="s">
        <v>77</v>
      </c>
      <c r="E330" s="9" t="s">
        <v>57</v>
      </c>
      <c r="F330" s="9" t="s">
        <v>81</v>
      </c>
      <c r="G330" s="9" t="s">
        <v>94</v>
      </c>
      <c r="H330" s="9" t="s">
        <v>6</v>
      </c>
      <c r="I330" s="9" t="s">
        <v>166</v>
      </c>
      <c r="J330" s="6">
        <v>126</v>
      </c>
      <c r="K330" s="6">
        <v>41</v>
      </c>
      <c r="L330" s="6">
        <v>25</v>
      </c>
      <c r="M330" s="10" t="s">
        <v>55</v>
      </c>
      <c r="N330" s="6">
        <v>16</v>
      </c>
      <c r="O330" s="10" t="s">
        <v>55</v>
      </c>
      <c r="P330" s="6">
        <v>4</v>
      </c>
      <c r="Q330" s="6">
        <v>43</v>
      </c>
      <c r="R330" s="6">
        <v>38</v>
      </c>
      <c r="S330" s="10" t="s">
        <v>55</v>
      </c>
      <c r="T330" s="10" t="s">
        <v>55</v>
      </c>
      <c r="U330" s="6">
        <v>41</v>
      </c>
    </row>
    <row r="331" spans="1:21">
      <c r="A331" s="9" t="s">
        <v>83</v>
      </c>
      <c r="B331" s="9" t="s">
        <v>57</v>
      </c>
      <c r="C331" s="9" t="s">
        <v>93</v>
      </c>
      <c r="D331" s="9" t="s">
        <v>77</v>
      </c>
      <c r="E331" s="9" t="s">
        <v>57</v>
      </c>
      <c r="F331" s="9" t="s">
        <v>81</v>
      </c>
      <c r="G331" s="9" t="s">
        <v>94</v>
      </c>
      <c r="H331" s="9" t="s">
        <v>6</v>
      </c>
      <c r="I331" s="9" t="s">
        <v>167</v>
      </c>
      <c r="J331" s="6">
        <v>71</v>
      </c>
      <c r="K331" s="6">
        <v>62</v>
      </c>
      <c r="L331" s="6">
        <v>35</v>
      </c>
      <c r="M331" s="6">
        <v>4</v>
      </c>
      <c r="N331" s="6">
        <v>23</v>
      </c>
      <c r="O331" s="6">
        <v>2</v>
      </c>
      <c r="P331" s="6">
        <v>1</v>
      </c>
      <c r="Q331" s="6">
        <v>5</v>
      </c>
      <c r="R331" s="6">
        <v>1</v>
      </c>
      <c r="S331" s="10" t="s">
        <v>55</v>
      </c>
      <c r="T331" s="10" t="s">
        <v>55</v>
      </c>
      <c r="U331" s="6">
        <v>64</v>
      </c>
    </row>
    <row r="332" spans="1:21">
      <c r="A332" s="9" t="s">
        <v>83</v>
      </c>
      <c r="B332" s="9" t="s">
        <v>57</v>
      </c>
      <c r="C332" s="9" t="s">
        <v>93</v>
      </c>
      <c r="D332" s="9" t="s">
        <v>77</v>
      </c>
      <c r="E332" s="9" t="s">
        <v>57</v>
      </c>
      <c r="F332" s="9" t="s">
        <v>81</v>
      </c>
      <c r="G332" s="9" t="s">
        <v>94</v>
      </c>
      <c r="H332" s="9" t="s">
        <v>6</v>
      </c>
      <c r="I332" s="9" t="s">
        <v>168</v>
      </c>
      <c r="J332" s="6">
        <v>24</v>
      </c>
      <c r="K332" s="6">
        <v>22</v>
      </c>
      <c r="L332" s="6">
        <v>19</v>
      </c>
      <c r="M332" s="10" t="s">
        <v>55</v>
      </c>
      <c r="N332" s="6">
        <v>3</v>
      </c>
      <c r="O332" s="10" t="s">
        <v>55</v>
      </c>
      <c r="P332" s="6">
        <v>1</v>
      </c>
      <c r="Q332" s="10" t="s">
        <v>55</v>
      </c>
      <c r="R332" s="6">
        <v>1</v>
      </c>
      <c r="S332" s="10" t="s">
        <v>55</v>
      </c>
      <c r="T332" s="10" t="s">
        <v>55</v>
      </c>
      <c r="U332" s="6">
        <v>22</v>
      </c>
    </row>
    <row r="333" spans="1:21">
      <c r="A333" s="9" t="s">
        <v>83</v>
      </c>
      <c r="B333" s="9" t="s">
        <v>57</v>
      </c>
      <c r="C333" s="9" t="s">
        <v>93</v>
      </c>
      <c r="D333" s="9" t="s">
        <v>77</v>
      </c>
      <c r="E333" s="9" t="s">
        <v>57</v>
      </c>
      <c r="F333" s="9" t="s">
        <v>81</v>
      </c>
      <c r="G333" s="9" t="s">
        <v>94</v>
      </c>
      <c r="H333" s="9" t="s">
        <v>6</v>
      </c>
      <c r="I333" s="9" t="s">
        <v>169</v>
      </c>
      <c r="J333" s="6">
        <v>103</v>
      </c>
      <c r="K333" s="6">
        <v>83</v>
      </c>
      <c r="L333" s="6">
        <v>66</v>
      </c>
      <c r="M333" s="10" t="s">
        <v>55</v>
      </c>
      <c r="N333" s="6">
        <v>17</v>
      </c>
      <c r="O333" s="6">
        <v>4</v>
      </c>
      <c r="P333" s="6">
        <v>5</v>
      </c>
      <c r="Q333" s="6">
        <v>9</v>
      </c>
      <c r="R333" s="6">
        <v>1</v>
      </c>
      <c r="S333" s="10" t="s">
        <v>55</v>
      </c>
      <c r="T333" s="6">
        <v>1</v>
      </c>
      <c r="U333" s="6">
        <v>87</v>
      </c>
    </row>
    <row r="334" spans="1:21">
      <c r="A334" s="9" t="s">
        <v>83</v>
      </c>
      <c r="B334" s="9" t="s">
        <v>57</v>
      </c>
      <c r="C334" s="9" t="s">
        <v>93</v>
      </c>
      <c r="D334" s="9" t="s">
        <v>77</v>
      </c>
      <c r="E334" s="9" t="s">
        <v>57</v>
      </c>
      <c r="F334" s="9" t="s">
        <v>81</v>
      </c>
      <c r="G334" s="9" t="s">
        <v>94</v>
      </c>
      <c r="H334" s="9" t="s">
        <v>6</v>
      </c>
      <c r="I334" s="9" t="s">
        <v>170</v>
      </c>
      <c r="J334" s="6">
        <v>53</v>
      </c>
      <c r="K334" s="6">
        <v>51</v>
      </c>
      <c r="L334" s="6">
        <v>15</v>
      </c>
      <c r="M334" s="6">
        <v>7</v>
      </c>
      <c r="N334" s="6">
        <v>29</v>
      </c>
      <c r="O334" s="10" t="s">
        <v>55</v>
      </c>
      <c r="P334" s="10" t="s">
        <v>55</v>
      </c>
      <c r="Q334" s="6">
        <v>1</v>
      </c>
      <c r="R334" s="10" t="s">
        <v>55</v>
      </c>
      <c r="S334" s="10" t="s">
        <v>55</v>
      </c>
      <c r="T334" s="6">
        <v>1</v>
      </c>
      <c r="U334" s="6">
        <v>51</v>
      </c>
    </row>
    <row r="335" spans="1:21">
      <c r="A335" s="9" t="s">
        <v>83</v>
      </c>
      <c r="B335" s="9" t="s">
        <v>57</v>
      </c>
      <c r="C335" s="9" t="s">
        <v>93</v>
      </c>
      <c r="D335" s="9" t="s">
        <v>77</v>
      </c>
      <c r="E335" s="9" t="s">
        <v>57</v>
      </c>
      <c r="F335" s="9" t="s">
        <v>81</v>
      </c>
      <c r="G335" s="9" t="s">
        <v>94</v>
      </c>
      <c r="H335" s="9" t="s">
        <v>6</v>
      </c>
      <c r="I335" s="9" t="s">
        <v>171</v>
      </c>
      <c r="J335" s="6">
        <v>2</v>
      </c>
      <c r="K335" s="6">
        <v>1</v>
      </c>
      <c r="L335" s="6">
        <v>1</v>
      </c>
      <c r="M335" s="10" t="s">
        <v>55</v>
      </c>
      <c r="N335" s="10" t="s">
        <v>55</v>
      </c>
      <c r="O335" s="10" t="s">
        <v>55</v>
      </c>
      <c r="P335" s="10" t="s">
        <v>55</v>
      </c>
      <c r="Q335" s="6">
        <v>1</v>
      </c>
      <c r="R335" s="10" t="s">
        <v>55</v>
      </c>
      <c r="S335" s="10" t="s">
        <v>55</v>
      </c>
      <c r="T335" s="10" t="s">
        <v>55</v>
      </c>
      <c r="U335" s="6">
        <v>1</v>
      </c>
    </row>
    <row r="336" spans="1:21">
      <c r="A336" s="9" t="s">
        <v>83</v>
      </c>
      <c r="B336" s="9" t="s">
        <v>57</v>
      </c>
      <c r="C336" s="9" t="s">
        <v>93</v>
      </c>
      <c r="D336" s="9" t="s">
        <v>77</v>
      </c>
      <c r="E336" s="9" t="s">
        <v>57</v>
      </c>
      <c r="F336" s="9" t="s">
        <v>81</v>
      </c>
      <c r="G336" s="9" t="s">
        <v>94</v>
      </c>
      <c r="H336" s="9" t="s">
        <v>53</v>
      </c>
      <c r="I336" s="9" t="s">
        <v>6</v>
      </c>
      <c r="J336" s="6">
        <v>401</v>
      </c>
      <c r="K336" s="6">
        <v>284</v>
      </c>
      <c r="L336" s="6">
        <v>217</v>
      </c>
      <c r="M336" s="6">
        <v>9</v>
      </c>
      <c r="N336" s="6">
        <v>58</v>
      </c>
      <c r="O336" s="6">
        <v>19</v>
      </c>
      <c r="P336" s="6">
        <v>21</v>
      </c>
      <c r="Q336" s="6">
        <v>64</v>
      </c>
      <c r="R336" s="6">
        <v>11</v>
      </c>
      <c r="S336" s="10" t="s">
        <v>55</v>
      </c>
      <c r="T336" s="6">
        <v>2</v>
      </c>
      <c r="U336" s="6">
        <v>303</v>
      </c>
    </row>
    <row r="337" spans="1:21">
      <c r="A337" s="9" t="s">
        <v>83</v>
      </c>
      <c r="B337" s="9" t="s">
        <v>57</v>
      </c>
      <c r="C337" s="9" t="s">
        <v>93</v>
      </c>
      <c r="D337" s="9" t="s">
        <v>77</v>
      </c>
      <c r="E337" s="9" t="s">
        <v>57</v>
      </c>
      <c r="F337" s="9" t="s">
        <v>81</v>
      </c>
      <c r="G337" s="9" t="s">
        <v>94</v>
      </c>
      <c r="H337" s="9" t="s">
        <v>53</v>
      </c>
      <c r="I337" s="9" t="s">
        <v>160</v>
      </c>
      <c r="J337" s="6">
        <v>19</v>
      </c>
      <c r="K337" s="6">
        <v>5</v>
      </c>
      <c r="L337" s="6">
        <v>5</v>
      </c>
      <c r="M337" s="10" t="s">
        <v>55</v>
      </c>
      <c r="N337" s="10" t="s">
        <v>55</v>
      </c>
      <c r="O337" s="6">
        <v>10</v>
      </c>
      <c r="P337" s="6">
        <v>4</v>
      </c>
      <c r="Q337" s="10" t="s">
        <v>55</v>
      </c>
      <c r="R337" s="10" t="s">
        <v>55</v>
      </c>
      <c r="S337" s="10" t="s">
        <v>55</v>
      </c>
      <c r="T337" s="10" t="s">
        <v>55</v>
      </c>
      <c r="U337" s="6">
        <v>15</v>
      </c>
    </row>
    <row r="338" spans="1:21">
      <c r="A338" s="9" t="s">
        <v>83</v>
      </c>
      <c r="B338" s="9" t="s">
        <v>57</v>
      </c>
      <c r="C338" s="9" t="s">
        <v>93</v>
      </c>
      <c r="D338" s="9" t="s">
        <v>77</v>
      </c>
      <c r="E338" s="9" t="s">
        <v>57</v>
      </c>
      <c r="F338" s="9" t="s">
        <v>81</v>
      </c>
      <c r="G338" s="9" t="s">
        <v>94</v>
      </c>
      <c r="H338" s="9" t="s">
        <v>53</v>
      </c>
      <c r="I338" s="9" t="s">
        <v>161</v>
      </c>
      <c r="J338" s="6">
        <v>28</v>
      </c>
      <c r="K338" s="6">
        <v>22</v>
      </c>
      <c r="L338" s="6">
        <v>21</v>
      </c>
      <c r="M338" s="10" t="s">
        <v>55</v>
      </c>
      <c r="N338" s="6">
        <v>1</v>
      </c>
      <c r="O338" s="6">
        <v>1</v>
      </c>
      <c r="P338" s="6">
        <v>2</v>
      </c>
      <c r="Q338" s="6">
        <v>3</v>
      </c>
      <c r="R338" s="10" t="s">
        <v>55</v>
      </c>
      <c r="S338" s="10" t="s">
        <v>55</v>
      </c>
      <c r="T338" s="10" t="s">
        <v>55</v>
      </c>
      <c r="U338" s="6">
        <v>23</v>
      </c>
    </row>
    <row r="339" spans="1:21">
      <c r="A339" s="9" t="s">
        <v>83</v>
      </c>
      <c r="B339" s="9" t="s">
        <v>57</v>
      </c>
      <c r="C339" s="9" t="s">
        <v>93</v>
      </c>
      <c r="D339" s="9" t="s">
        <v>77</v>
      </c>
      <c r="E339" s="9" t="s">
        <v>57</v>
      </c>
      <c r="F339" s="9" t="s">
        <v>81</v>
      </c>
      <c r="G339" s="9" t="s">
        <v>94</v>
      </c>
      <c r="H339" s="9" t="s">
        <v>53</v>
      </c>
      <c r="I339" s="9" t="s">
        <v>162</v>
      </c>
      <c r="J339" s="6">
        <v>27</v>
      </c>
      <c r="K339" s="6">
        <v>26</v>
      </c>
      <c r="L339" s="6">
        <v>23</v>
      </c>
      <c r="M339" s="6">
        <v>1</v>
      </c>
      <c r="N339" s="6">
        <v>2</v>
      </c>
      <c r="O339" s="10" t="s">
        <v>55</v>
      </c>
      <c r="P339" s="10" t="s">
        <v>55</v>
      </c>
      <c r="Q339" s="10" t="s">
        <v>55</v>
      </c>
      <c r="R339" s="6">
        <v>1</v>
      </c>
      <c r="S339" s="10" t="s">
        <v>55</v>
      </c>
      <c r="T339" s="10" t="s">
        <v>55</v>
      </c>
      <c r="U339" s="6">
        <v>26</v>
      </c>
    </row>
    <row r="340" spans="1:21">
      <c r="A340" s="9" t="s">
        <v>83</v>
      </c>
      <c r="B340" s="9" t="s">
        <v>57</v>
      </c>
      <c r="C340" s="9" t="s">
        <v>93</v>
      </c>
      <c r="D340" s="9" t="s">
        <v>77</v>
      </c>
      <c r="E340" s="9" t="s">
        <v>57</v>
      </c>
      <c r="F340" s="9" t="s">
        <v>81</v>
      </c>
      <c r="G340" s="9" t="s">
        <v>94</v>
      </c>
      <c r="H340" s="9" t="s">
        <v>53</v>
      </c>
      <c r="I340" s="9" t="s">
        <v>163</v>
      </c>
      <c r="J340" s="6">
        <v>23</v>
      </c>
      <c r="K340" s="6">
        <v>10</v>
      </c>
      <c r="L340" s="6">
        <v>8</v>
      </c>
      <c r="M340" s="10" t="s">
        <v>55</v>
      </c>
      <c r="N340" s="6">
        <v>2</v>
      </c>
      <c r="O340" s="6">
        <v>2</v>
      </c>
      <c r="P340" s="6">
        <v>3</v>
      </c>
      <c r="Q340" s="6">
        <v>7</v>
      </c>
      <c r="R340" s="6">
        <v>1</v>
      </c>
      <c r="S340" s="10" t="s">
        <v>55</v>
      </c>
      <c r="T340" s="10" t="s">
        <v>55</v>
      </c>
      <c r="U340" s="6">
        <v>12</v>
      </c>
    </row>
    <row r="341" spans="1:21">
      <c r="A341" s="9" t="s">
        <v>83</v>
      </c>
      <c r="B341" s="9" t="s">
        <v>57</v>
      </c>
      <c r="C341" s="9" t="s">
        <v>93</v>
      </c>
      <c r="D341" s="9" t="s">
        <v>77</v>
      </c>
      <c r="E341" s="9" t="s">
        <v>57</v>
      </c>
      <c r="F341" s="9" t="s">
        <v>81</v>
      </c>
      <c r="G341" s="9" t="s">
        <v>94</v>
      </c>
      <c r="H341" s="9" t="s">
        <v>53</v>
      </c>
      <c r="I341" s="9" t="s">
        <v>164</v>
      </c>
      <c r="J341" s="6">
        <v>17</v>
      </c>
      <c r="K341" s="6">
        <v>11</v>
      </c>
      <c r="L341" s="6">
        <v>7</v>
      </c>
      <c r="M341" s="6">
        <v>1</v>
      </c>
      <c r="N341" s="6">
        <v>3</v>
      </c>
      <c r="O341" s="10" t="s">
        <v>55</v>
      </c>
      <c r="P341" s="6">
        <v>2</v>
      </c>
      <c r="Q341" s="6">
        <v>4</v>
      </c>
      <c r="R341" s="10" t="s">
        <v>55</v>
      </c>
      <c r="S341" s="10" t="s">
        <v>55</v>
      </c>
      <c r="T341" s="10" t="s">
        <v>55</v>
      </c>
      <c r="U341" s="6">
        <v>11</v>
      </c>
    </row>
    <row r="342" spans="1:21">
      <c r="A342" s="9" t="s">
        <v>83</v>
      </c>
      <c r="B342" s="9" t="s">
        <v>57</v>
      </c>
      <c r="C342" s="9" t="s">
        <v>93</v>
      </c>
      <c r="D342" s="9" t="s">
        <v>77</v>
      </c>
      <c r="E342" s="9" t="s">
        <v>57</v>
      </c>
      <c r="F342" s="9" t="s">
        <v>81</v>
      </c>
      <c r="G342" s="9" t="s">
        <v>94</v>
      </c>
      <c r="H342" s="9" t="s">
        <v>53</v>
      </c>
      <c r="I342" s="9" t="s">
        <v>165</v>
      </c>
      <c r="J342" s="6">
        <v>6</v>
      </c>
      <c r="K342" s="6">
        <v>6</v>
      </c>
      <c r="L342" s="6">
        <v>5</v>
      </c>
      <c r="M342" s="10" t="s">
        <v>55</v>
      </c>
      <c r="N342" s="6">
        <v>1</v>
      </c>
      <c r="O342" s="10" t="s">
        <v>55</v>
      </c>
      <c r="P342" s="10" t="s">
        <v>55</v>
      </c>
      <c r="Q342" s="10" t="s">
        <v>55</v>
      </c>
      <c r="R342" s="10" t="s">
        <v>55</v>
      </c>
      <c r="S342" s="10" t="s">
        <v>55</v>
      </c>
      <c r="T342" s="10" t="s">
        <v>55</v>
      </c>
      <c r="U342" s="6">
        <v>6</v>
      </c>
    </row>
    <row r="343" spans="1:21">
      <c r="A343" s="9" t="s">
        <v>83</v>
      </c>
      <c r="B343" s="9" t="s">
        <v>57</v>
      </c>
      <c r="C343" s="9" t="s">
        <v>93</v>
      </c>
      <c r="D343" s="9" t="s">
        <v>77</v>
      </c>
      <c r="E343" s="9" t="s">
        <v>57</v>
      </c>
      <c r="F343" s="9" t="s">
        <v>81</v>
      </c>
      <c r="G343" s="9" t="s">
        <v>94</v>
      </c>
      <c r="H343" s="9" t="s">
        <v>53</v>
      </c>
      <c r="I343" s="9" t="s">
        <v>166</v>
      </c>
      <c r="J343" s="6">
        <v>83</v>
      </c>
      <c r="K343" s="6">
        <v>36</v>
      </c>
      <c r="L343" s="6">
        <v>24</v>
      </c>
      <c r="M343" s="10" t="s">
        <v>55</v>
      </c>
      <c r="N343" s="6">
        <v>12</v>
      </c>
      <c r="O343" s="10" t="s">
        <v>55</v>
      </c>
      <c r="P343" s="6">
        <v>4</v>
      </c>
      <c r="Q343" s="6">
        <v>37</v>
      </c>
      <c r="R343" s="6">
        <v>6</v>
      </c>
      <c r="S343" s="10" t="s">
        <v>55</v>
      </c>
      <c r="T343" s="10" t="s">
        <v>55</v>
      </c>
      <c r="U343" s="6">
        <v>36</v>
      </c>
    </row>
    <row r="344" spans="1:21">
      <c r="A344" s="9" t="s">
        <v>83</v>
      </c>
      <c r="B344" s="9" t="s">
        <v>57</v>
      </c>
      <c r="C344" s="9" t="s">
        <v>93</v>
      </c>
      <c r="D344" s="9" t="s">
        <v>77</v>
      </c>
      <c r="E344" s="9" t="s">
        <v>57</v>
      </c>
      <c r="F344" s="9" t="s">
        <v>81</v>
      </c>
      <c r="G344" s="9" t="s">
        <v>94</v>
      </c>
      <c r="H344" s="9" t="s">
        <v>53</v>
      </c>
      <c r="I344" s="9" t="s">
        <v>167</v>
      </c>
      <c r="J344" s="6">
        <v>39</v>
      </c>
      <c r="K344" s="6">
        <v>33</v>
      </c>
      <c r="L344" s="6">
        <v>27</v>
      </c>
      <c r="M344" s="6">
        <v>3</v>
      </c>
      <c r="N344" s="6">
        <v>3</v>
      </c>
      <c r="O344" s="6">
        <v>2</v>
      </c>
      <c r="P344" s="10" t="s">
        <v>55</v>
      </c>
      <c r="Q344" s="6">
        <v>3</v>
      </c>
      <c r="R344" s="6">
        <v>1</v>
      </c>
      <c r="S344" s="10" t="s">
        <v>55</v>
      </c>
      <c r="T344" s="10" t="s">
        <v>55</v>
      </c>
      <c r="U344" s="6">
        <v>35</v>
      </c>
    </row>
    <row r="345" spans="1:21">
      <c r="A345" s="9" t="s">
        <v>83</v>
      </c>
      <c r="B345" s="9" t="s">
        <v>57</v>
      </c>
      <c r="C345" s="9" t="s">
        <v>93</v>
      </c>
      <c r="D345" s="9" t="s">
        <v>77</v>
      </c>
      <c r="E345" s="9" t="s">
        <v>57</v>
      </c>
      <c r="F345" s="9" t="s">
        <v>81</v>
      </c>
      <c r="G345" s="9" t="s">
        <v>94</v>
      </c>
      <c r="H345" s="9" t="s">
        <v>53</v>
      </c>
      <c r="I345" s="9" t="s">
        <v>168</v>
      </c>
      <c r="J345" s="6">
        <v>24</v>
      </c>
      <c r="K345" s="6">
        <v>22</v>
      </c>
      <c r="L345" s="6">
        <v>19</v>
      </c>
      <c r="M345" s="10" t="s">
        <v>55</v>
      </c>
      <c r="N345" s="6">
        <v>3</v>
      </c>
      <c r="O345" s="10" t="s">
        <v>55</v>
      </c>
      <c r="P345" s="6">
        <v>1</v>
      </c>
      <c r="Q345" s="10" t="s">
        <v>55</v>
      </c>
      <c r="R345" s="6">
        <v>1</v>
      </c>
      <c r="S345" s="10" t="s">
        <v>55</v>
      </c>
      <c r="T345" s="10" t="s">
        <v>55</v>
      </c>
      <c r="U345" s="6">
        <v>22</v>
      </c>
    </row>
    <row r="346" spans="1:21">
      <c r="A346" s="9" t="s">
        <v>83</v>
      </c>
      <c r="B346" s="9" t="s">
        <v>57</v>
      </c>
      <c r="C346" s="9" t="s">
        <v>93</v>
      </c>
      <c r="D346" s="9" t="s">
        <v>77</v>
      </c>
      <c r="E346" s="9" t="s">
        <v>57</v>
      </c>
      <c r="F346" s="9" t="s">
        <v>81</v>
      </c>
      <c r="G346" s="9" t="s">
        <v>94</v>
      </c>
      <c r="H346" s="9" t="s">
        <v>53</v>
      </c>
      <c r="I346" s="9" t="s">
        <v>169</v>
      </c>
      <c r="J346" s="6">
        <v>99</v>
      </c>
      <c r="K346" s="6">
        <v>79</v>
      </c>
      <c r="L346" s="6">
        <v>65</v>
      </c>
      <c r="M346" s="10" t="s">
        <v>55</v>
      </c>
      <c r="N346" s="6">
        <v>14</v>
      </c>
      <c r="O346" s="6">
        <v>4</v>
      </c>
      <c r="P346" s="6">
        <v>5</v>
      </c>
      <c r="Q346" s="6">
        <v>9</v>
      </c>
      <c r="R346" s="6">
        <v>1</v>
      </c>
      <c r="S346" s="10" t="s">
        <v>55</v>
      </c>
      <c r="T346" s="6">
        <v>1</v>
      </c>
      <c r="U346" s="6">
        <v>83</v>
      </c>
    </row>
    <row r="347" spans="1:21">
      <c r="A347" s="9" t="s">
        <v>83</v>
      </c>
      <c r="B347" s="9" t="s">
        <v>57</v>
      </c>
      <c r="C347" s="9" t="s">
        <v>93</v>
      </c>
      <c r="D347" s="9" t="s">
        <v>77</v>
      </c>
      <c r="E347" s="9" t="s">
        <v>57</v>
      </c>
      <c r="F347" s="9" t="s">
        <v>81</v>
      </c>
      <c r="G347" s="9" t="s">
        <v>94</v>
      </c>
      <c r="H347" s="9" t="s">
        <v>53</v>
      </c>
      <c r="I347" s="9" t="s">
        <v>170</v>
      </c>
      <c r="J347" s="6">
        <v>34</v>
      </c>
      <c r="K347" s="6">
        <v>33</v>
      </c>
      <c r="L347" s="6">
        <v>12</v>
      </c>
      <c r="M347" s="6">
        <v>4</v>
      </c>
      <c r="N347" s="6">
        <v>17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10" t="s">
        <v>55</v>
      </c>
      <c r="T347" s="6">
        <v>1</v>
      </c>
      <c r="U347" s="6">
        <v>33</v>
      </c>
    </row>
    <row r="348" spans="1:21">
      <c r="A348" s="9" t="s">
        <v>83</v>
      </c>
      <c r="B348" s="9" t="s">
        <v>57</v>
      </c>
      <c r="C348" s="9" t="s">
        <v>93</v>
      </c>
      <c r="D348" s="9" t="s">
        <v>77</v>
      </c>
      <c r="E348" s="9" t="s">
        <v>57</v>
      </c>
      <c r="F348" s="9" t="s">
        <v>81</v>
      </c>
      <c r="G348" s="9" t="s">
        <v>94</v>
      </c>
      <c r="H348" s="9" t="s">
        <v>53</v>
      </c>
      <c r="I348" s="9" t="s">
        <v>171</v>
      </c>
      <c r="J348" s="6">
        <v>2</v>
      </c>
      <c r="K348" s="6">
        <v>1</v>
      </c>
      <c r="L348" s="6">
        <v>1</v>
      </c>
      <c r="M348" s="10" t="s">
        <v>55</v>
      </c>
      <c r="N348" s="10" t="s">
        <v>55</v>
      </c>
      <c r="O348" s="10" t="s">
        <v>55</v>
      </c>
      <c r="P348" s="10" t="s">
        <v>55</v>
      </c>
      <c r="Q348" s="6">
        <v>1</v>
      </c>
      <c r="R348" s="10" t="s">
        <v>55</v>
      </c>
      <c r="S348" s="10" t="s">
        <v>55</v>
      </c>
      <c r="T348" s="10" t="s">
        <v>55</v>
      </c>
      <c r="U348" s="6">
        <v>1</v>
      </c>
    </row>
    <row r="349" spans="1:21">
      <c r="A349" s="9" t="s">
        <v>83</v>
      </c>
      <c r="B349" s="9" t="s">
        <v>57</v>
      </c>
      <c r="C349" s="9" t="s">
        <v>93</v>
      </c>
      <c r="D349" s="9" t="s">
        <v>77</v>
      </c>
      <c r="E349" s="9" t="s">
        <v>57</v>
      </c>
      <c r="F349" s="9" t="s">
        <v>81</v>
      </c>
      <c r="G349" s="9" t="s">
        <v>94</v>
      </c>
      <c r="H349" s="9" t="s">
        <v>54</v>
      </c>
      <c r="I349" s="9" t="s">
        <v>6</v>
      </c>
      <c r="J349" s="6">
        <v>267</v>
      </c>
      <c r="K349" s="6">
        <v>194</v>
      </c>
      <c r="L349" s="6">
        <v>97</v>
      </c>
      <c r="M349" s="6">
        <v>5</v>
      </c>
      <c r="N349" s="6">
        <v>92</v>
      </c>
      <c r="O349" s="6">
        <v>2</v>
      </c>
      <c r="P349" s="6">
        <v>3</v>
      </c>
      <c r="Q349" s="6">
        <v>14</v>
      </c>
      <c r="R349" s="6">
        <v>54</v>
      </c>
      <c r="S349" s="10" t="s">
        <v>55</v>
      </c>
      <c r="T349" s="10" t="s">
        <v>55</v>
      </c>
      <c r="U349" s="6">
        <v>196</v>
      </c>
    </row>
    <row r="350" spans="1:21">
      <c r="A350" s="9" t="s">
        <v>83</v>
      </c>
      <c r="B350" s="9" t="s">
        <v>57</v>
      </c>
      <c r="C350" s="9" t="s">
        <v>93</v>
      </c>
      <c r="D350" s="9" t="s">
        <v>77</v>
      </c>
      <c r="E350" s="9" t="s">
        <v>57</v>
      </c>
      <c r="F350" s="9" t="s">
        <v>81</v>
      </c>
      <c r="G350" s="9" t="s">
        <v>94</v>
      </c>
      <c r="H350" s="9" t="s">
        <v>54</v>
      </c>
      <c r="I350" s="9" t="s">
        <v>160</v>
      </c>
      <c r="J350" s="10" t="s">
        <v>55</v>
      </c>
      <c r="K350" s="10" t="s">
        <v>55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10" t="s">
        <v>55</v>
      </c>
      <c r="T350" s="10" t="s">
        <v>55</v>
      </c>
      <c r="U350" s="10" t="s">
        <v>55</v>
      </c>
    </row>
    <row r="351" spans="1:21">
      <c r="A351" s="9" t="s">
        <v>83</v>
      </c>
      <c r="B351" s="9" t="s">
        <v>57</v>
      </c>
      <c r="C351" s="9" t="s">
        <v>93</v>
      </c>
      <c r="D351" s="9" t="s">
        <v>77</v>
      </c>
      <c r="E351" s="9" t="s">
        <v>57</v>
      </c>
      <c r="F351" s="9" t="s">
        <v>81</v>
      </c>
      <c r="G351" s="9" t="s">
        <v>94</v>
      </c>
      <c r="H351" s="9" t="s">
        <v>54</v>
      </c>
      <c r="I351" s="9" t="s">
        <v>161</v>
      </c>
      <c r="J351" s="6">
        <v>27</v>
      </c>
      <c r="K351" s="6">
        <v>27</v>
      </c>
      <c r="L351" s="6">
        <v>20</v>
      </c>
      <c r="M351" s="10" t="s">
        <v>55</v>
      </c>
      <c r="N351" s="6">
        <v>7</v>
      </c>
      <c r="O351" s="10" t="s">
        <v>55</v>
      </c>
      <c r="P351" s="10" t="s">
        <v>55</v>
      </c>
      <c r="Q351" s="10" t="s">
        <v>55</v>
      </c>
      <c r="R351" s="10" t="s">
        <v>55</v>
      </c>
      <c r="S351" s="10" t="s">
        <v>55</v>
      </c>
      <c r="T351" s="10" t="s">
        <v>55</v>
      </c>
      <c r="U351" s="6">
        <v>27</v>
      </c>
    </row>
    <row r="352" spans="1:21">
      <c r="A352" s="9" t="s">
        <v>83</v>
      </c>
      <c r="B352" s="9" t="s">
        <v>57</v>
      </c>
      <c r="C352" s="9" t="s">
        <v>93</v>
      </c>
      <c r="D352" s="9" t="s">
        <v>77</v>
      </c>
      <c r="E352" s="9" t="s">
        <v>57</v>
      </c>
      <c r="F352" s="9" t="s">
        <v>81</v>
      </c>
      <c r="G352" s="9" t="s">
        <v>94</v>
      </c>
      <c r="H352" s="9" t="s">
        <v>54</v>
      </c>
      <c r="I352" s="9" t="s">
        <v>162</v>
      </c>
      <c r="J352" s="6">
        <v>41</v>
      </c>
      <c r="K352" s="6">
        <v>33</v>
      </c>
      <c r="L352" s="6">
        <v>25</v>
      </c>
      <c r="M352" s="6">
        <v>1</v>
      </c>
      <c r="N352" s="6">
        <v>7</v>
      </c>
      <c r="O352" s="6">
        <v>2</v>
      </c>
      <c r="P352" s="10" t="s">
        <v>55</v>
      </c>
      <c r="Q352" s="10" t="s">
        <v>55</v>
      </c>
      <c r="R352" s="6">
        <v>6</v>
      </c>
      <c r="S352" s="10" t="s">
        <v>55</v>
      </c>
      <c r="T352" s="10" t="s">
        <v>55</v>
      </c>
      <c r="U352" s="6">
        <v>35</v>
      </c>
    </row>
    <row r="353" spans="1:21">
      <c r="A353" s="9" t="s">
        <v>83</v>
      </c>
      <c r="B353" s="9" t="s">
        <v>57</v>
      </c>
      <c r="C353" s="9" t="s">
        <v>93</v>
      </c>
      <c r="D353" s="9" t="s">
        <v>77</v>
      </c>
      <c r="E353" s="9" t="s">
        <v>57</v>
      </c>
      <c r="F353" s="9" t="s">
        <v>81</v>
      </c>
      <c r="G353" s="9" t="s">
        <v>94</v>
      </c>
      <c r="H353" s="9" t="s">
        <v>54</v>
      </c>
      <c r="I353" s="9" t="s">
        <v>163</v>
      </c>
      <c r="J353" s="6">
        <v>28</v>
      </c>
      <c r="K353" s="6">
        <v>22</v>
      </c>
      <c r="L353" s="6">
        <v>11</v>
      </c>
      <c r="M353" s="10" t="s">
        <v>55</v>
      </c>
      <c r="N353" s="6">
        <v>11</v>
      </c>
      <c r="O353" s="10" t="s">
        <v>55</v>
      </c>
      <c r="P353" s="6">
        <v>2</v>
      </c>
      <c r="Q353" s="10" t="s">
        <v>55</v>
      </c>
      <c r="R353" s="6">
        <v>4</v>
      </c>
      <c r="S353" s="10" t="s">
        <v>55</v>
      </c>
      <c r="T353" s="10" t="s">
        <v>55</v>
      </c>
      <c r="U353" s="6">
        <v>22</v>
      </c>
    </row>
    <row r="354" spans="1:21">
      <c r="A354" s="9" t="s">
        <v>83</v>
      </c>
      <c r="B354" s="9" t="s">
        <v>57</v>
      </c>
      <c r="C354" s="9" t="s">
        <v>93</v>
      </c>
      <c r="D354" s="9" t="s">
        <v>77</v>
      </c>
      <c r="E354" s="9" t="s">
        <v>57</v>
      </c>
      <c r="F354" s="9" t="s">
        <v>81</v>
      </c>
      <c r="G354" s="9" t="s">
        <v>94</v>
      </c>
      <c r="H354" s="9" t="s">
        <v>54</v>
      </c>
      <c r="I354" s="9" t="s">
        <v>164</v>
      </c>
      <c r="J354" s="6">
        <v>73</v>
      </c>
      <c r="K354" s="6">
        <v>56</v>
      </c>
      <c r="L354" s="6">
        <v>28</v>
      </c>
      <c r="M354" s="10" t="s">
        <v>55</v>
      </c>
      <c r="N354" s="6">
        <v>28</v>
      </c>
      <c r="O354" s="10" t="s">
        <v>55</v>
      </c>
      <c r="P354" s="10" t="s">
        <v>55</v>
      </c>
      <c r="Q354" s="6">
        <v>5</v>
      </c>
      <c r="R354" s="6">
        <v>12</v>
      </c>
      <c r="S354" s="10" t="s">
        <v>55</v>
      </c>
      <c r="T354" s="10" t="s">
        <v>55</v>
      </c>
      <c r="U354" s="6">
        <v>56</v>
      </c>
    </row>
    <row r="355" spans="1:21">
      <c r="A355" s="9" t="s">
        <v>83</v>
      </c>
      <c r="B355" s="9" t="s">
        <v>57</v>
      </c>
      <c r="C355" s="9" t="s">
        <v>93</v>
      </c>
      <c r="D355" s="9" t="s">
        <v>77</v>
      </c>
      <c r="E355" s="9" t="s">
        <v>57</v>
      </c>
      <c r="F355" s="9" t="s">
        <v>81</v>
      </c>
      <c r="G355" s="9" t="s">
        <v>94</v>
      </c>
      <c r="H355" s="9" t="s">
        <v>54</v>
      </c>
      <c r="I355" s="9" t="s">
        <v>165</v>
      </c>
      <c r="J355" s="10" t="s">
        <v>55</v>
      </c>
      <c r="K355" s="10" t="s">
        <v>55</v>
      </c>
      <c r="L355" s="10" t="s">
        <v>55</v>
      </c>
      <c r="M355" s="10" t="s">
        <v>55</v>
      </c>
      <c r="N355" s="10" t="s">
        <v>55</v>
      </c>
      <c r="O355" s="10" t="s">
        <v>55</v>
      </c>
      <c r="P355" s="10" t="s">
        <v>55</v>
      </c>
      <c r="Q355" s="10" t="s">
        <v>55</v>
      </c>
      <c r="R355" s="10" t="s">
        <v>55</v>
      </c>
      <c r="S355" s="10" t="s">
        <v>55</v>
      </c>
      <c r="T355" s="10" t="s">
        <v>55</v>
      </c>
      <c r="U355" s="10" t="s">
        <v>55</v>
      </c>
    </row>
    <row r="356" spans="1:21">
      <c r="A356" s="9" t="s">
        <v>83</v>
      </c>
      <c r="B356" s="9" t="s">
        <v>57</v>
      </c>
      <c r="C356" s="9" t="s">
        <v>93</v>
      </c>
      <c r="D356" s="9" t="s">
        <v>77</v>
      </c>
      <c r="E356" s="9" t="s">
        <v>57</v>
      </c>
      <c r="F356" s="9" t="s">
        <v>81</v>
      </c>
      <c r="G356" s="9" t="s">
        <v>94</v>
      </c>
      <c r="H356" s="9" t="s">
        <v>54</v>
      </c>
      <c r="I356" s="9" t="s">
        <v>166</v>
      </c>
      <c r="J356" s="6">
        <v>43</v>
      </c>
      <c r="K356" s="6">
        <v>5</v>
      </c>
      <c r="L356" s="6">
        <v>1</v>
      </c>
      <c r="M356" s="10" t="s">
        <v>55</v>
      </c>
      <c r="N356" s="6">
        <v>4</v>
      </c>
      <c r="O356" s="10" t="s">
        <v>55</v>
      </c>
      <c r="P356" s="10" t="s">
        <v>55</v>
      </c>
      <c r="Q356" s="6">
        <v>6</v>
      </c>
      <c r="R356" s="6">
        <v>32</v>
      </c>
      <c r="S356" s="10" t="s">
        <v>55</v>
      </c>
      <c r="T356" s="10" t="s">
        <v>55</v>
      </c>
      <c r="U356" s="6">
        <v>5</v>
      </c>
    </row>
    <row r="357" spans="1:21">
      <c r="A357" s="9" t="s">
        <v>83</v>
      </c>
      <c r="B357" s="9" t="s">
        <v>57</v>
      </c>
      <c r="C357" s="9" t="s">
        <v>93</v>
      </c>
      <c r="D357" s="9" t="s">
        <v>77</v>
      </c>
      <c r="E357" s="9" t="s">
        <v>57</v>
      </c>
      <c r="F357" s="9" t="s">
        <v>81</v>
      </c>
      <c r="G357" s="9" t="s">
        <v>94</v>
      </c>
      <c r="H357" s="9" t="s">
        <v>54</v>
      </c>
      <c r="I357" s="9" t="s">
        <v>167</v>
      </c>
      <c r="J357" s="6">
        <v>32</v>
      </c>
      <c r="K357" s="6">
        <v>29</v>
      </c>
      <c r="L357" s="6">
        <v>8</v>
      </c>
      <c r="M357" s="6">
        <v>1</v>
      </c>
      <c r="N357" s="6">
        <v>20</v>
      </c>
      <c r="O357" s="10" t="s">
        <v>55</v>
      </c>
      <c r="P357" s="6">
        <v>1</v>
      </c>
      <c r="Q357" s="6">
        <v>2</v>
      </c>
      <c r="R357" s="10" t="s">
        <v>55</v>
      </c>
      <c r="S357" s="10" t="s">
        <v>55</v>
      </c>
      <c r="T357" s="10" t="s">
        <v>55</v>
      </c>
      <c r="U357" s="6">
        <v>29</v>
      </c>
    </row>
    <row r="358" spans="1:21">
      <c r="A358" s="9" t="s">
        <v>83</v>
      </c>
      <c r="B358" s="9" t="s">
        <v>57</v>
      </c>
      <c r="C358" s="9" t="s">
        <v>93</v>
      </c>
      <c r="D358" s="9" t="s">
        <v>77</v>
      </c>
      <c r="E358" s="9" t="s">
        <v>57</v>
      </c>
      <c r="F358" s="9" t="s">
        <v>81</v>
      </c>
      <c r="G358" s="9" t="s">
        <v>94</v>
      </c>
      <c r="H358" s="9" t="s">
        <v>54</v>
      </c>
      <c r="I358" s="9" t="s">
        <v>168</v>
      </c>
      <c r="J358" s="10" t="s">
        <v>55</v>
      </c>
      <c r="K358" s="10" t="s">
        <v>55</v>
      </c>
      <c r="L358" s="10" t="s">
        <v>55</v>
      </c>
      <c r="M358" s="10" t="s">
        <v>55</v>
      </c>
      <c r="N358" s="10" t="s">
        <v>55</v>
      </c>
      <c r="O358" s="10" t="s">
        <v>55</v>
      </c>
      <c r="P358" s="10" t="s">
        <v>55</v>
      </c>
      <c r="Q358" s="10" t="s">
        <v>55</v>
      </c>
      <c r="R358" s="10" t="s">
        <v>55</v>
      </c>
      <c r="S358" s="10" t="s">
        <v>55</v>
      </c>
      <c r="T358" s="10" t="s">
        <v>55</v>
      </c>
      <c r="U358" s="10" t="s">
        <v>55</v>
      </c>
    </row>
    <row r="359" spans="1:21">
      <c r="A359" s="9" t="s">
        <v>83</v>
      </c>
      <c r="B359" s="9" t="s">
        <v>57</v>
      </c>
      <c r="C359" s="9" t="s">
        <v>93</v>
      </c>
      <c r="D359" s="9" t="s">
        <v>77</v>
      </c>
      <c r="E359" s="9" t="s">
        <v>57</v>
      </c>
      <c r="F359" s="9" t="s">
        <v>81</v>
      </c>
      <c r="G359" s="9" t="s">
        <v>94</v>
      </c>
      <c r="H359" s="9" t="s">
        <v>54</v>
      </c>
      <c r="I359" s="9" t="s">
        <v>169</v>
      </c>
      <c r="J359" s="6">
        <v>4</v>
      </c>
      <c r="K359" s="6">
        <v>4</v>
      </c>
      <c r="L359" s="6">
        <v>1</v>
      </c>
      <c r="M359" s="10" t="s">
        <v>55</v>
      </c>
      <c r="N359" s="6">
        <v>3</v>
      </c>
      <c r="O359" s="10" t="s">
        <v>55</v>
      </c>
      <c r="P359" s="10" t="s">
        <v>55</v>
      </c>
      <c r="Q359" s="10" t="s">
        <v>55</v>
      </c>
      <c r="R359" s="10" t="s">
        <v>55</v>
      </c>
      <c r="S359" s="10" t="s">
        <v>55</v>
      </c>
      <c r="T359" s="10" t="s">
        <v>55</v>
      </c>
      <c r="U359" s="6">
        <v>4</v>
      </c>
    </row>
    <row r="360" spans="1:21">
      <c r="A360" s="9" t="s">
        <v>83</v>
      </c>
      <c r="B360" s="9" t="s">
        <v>57</v>
      </c>
      <c r="C360" s="9" t="s">
        <v>93</v>
      </c>
      <c r="D360" s="9" t="s">
        <v>77</v>
      </c>
      <c r="E360" s="9" t="s">
        <v>57</v>
      </c>
      <c r="F360" s="9" t="s">
        <v>81</v>
      </c>
      <c r="G360" s="9" t="s">
        <v>94</v>
      </c>
      <c r="H360" s="9" t="s">
        <v>54</v>
      </c>
      <c r="I360" s="9" t="s">
        <v>170</v>
      </c>
      <c r="J360" s="6">
        <v>19</v>
      </c>
      <c r="K360" s="6">
        <v>18</v>
      </c>
      <c r="L360" s="6">
        <v>3</v>
      </c>
      <c r="M360" s="6">
        <v>3</v>
      </c>
      <c r="N360" s="6">
        <v>12</v>
      </c>
      <c r="O360" s="10" t="s">
        <v>55</v>
      </c>
      <c r="P360" s="10" t="s">
        <v>55</v>
      </c>
      <c r="Q360" s="6">
        <v>1</v>
      </c>
      <c r="R360" s="10" t="s">
        <v>55</v>
      </c>
      <c r="S360" s="10" t="s">
        <v>55</v>
      </c>
      <c r="T360" s="10" t="s">
        <v>55</v>
      </c>
      <c r="U360" s="6">
        <v>18</v>
      </c>
    </row>
    <row r="361" spans="1:21">
      <c r="A361" s="9" t="s">
        <v>83</v>
      </c>
      <c r="B361" s="9" t="s">
        <v>57</v>
      </c>
      <c r="C361" s="9" t="s">
        <v>93</v>
      </c>
      <c r="D361" s="9" t="s">
        <v>77</v>
      </c>
      <c r="E361" s="9" t="s">
        <v>57</v>
      </c>
      <c r="F361" s="9" t="s">
        <v>81</v>
      </c>
      <c r="G361" s="9" t="s">
        <v>94</v>
      </c>
      <c r="H361" s="9" t="s">
        <v>54</v>
      </c>
      <c r="I361" s="9" t="s">
        <v>171</v>
      </c>
      <c r="J361" s="10" t="s">
        <v>55</v>
      </c>
      <c r="K361" s="10" t="s">
        <v>55</v>
      </c>
      <c r="L361" s="10" t="s">
        <v>55</v>
      </c>
      <c r="M361" s="10" t="s">
        <v>55</v>
      </c>
      <c r="N361" s="10" t="s">
        <v>55</v>
      </c>
      <c r="O361" s="10" t="s">
        <v>55</v>
      </c>
      <c r="P361" s="10" t="s">
        <v>55</v>
      </c>
      <c r="Q361" s="10" t="s">
        <v>55</v>
      </c>
      <c r="R361" s="10" t="s">
        <v>55</v>
      </c>
      <c r="S361" s="10" t="s">
        <v>55</v>
      </c>
      <c r="T361" s="10" t="s">
        <v>55</v>
      </c>
      <c r="U361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1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47DB51A-5A7F-4099-8960-11EB98A3C9DA}">
  <sheetPr>
    <pageSetUpPr fitToPage="1"/>
  </sheetPr>
  <dimension ref="A1:Q127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8.75" style="11" customWidth="1"/>
    <col min="4" max="4" width="8.125" style="11" customWidth="1"/>
    <col min="5" max="5" width="26.25" style="11" customWidth="1"/>
    <col min="6" max="16384" width="12.625" style="11"/>
  </cols>
  <sheetData>
    <row r="1" spans="1:17" s="1" customFormat="1">
      <c r="A1" s="1" t="s">
        <v>0</v>
      </c>
    </row>
    <row r="2" spans="1:17" s="1" customFormat="1">
      <c r="A2" s="1" t="s">
        <v>172</v>
      </c>
    </row>
    <row r="3" spans="1:17" s="1" customFormat="1"/>
    <row r="4" spans="1:17" s="1" customFormat="1" hidden="1"/>
    <row r="5" spans="1:17" s="1" customFormat="1">
      <c r="F5" s="3" t="s">
        <v>106</v>
      </c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</row>
    <row r="6" spans="1:17" s="1" customFormat="1">
      <c r="F6" s="3" t="s">
        <v>107</v>
      </c>
      <c r="G6" s="3" t="s">
        <v>107</v>
      </c>
      <c r="H6" s="3" t="s">
        <v>107</v>
      </c>
      <c r="I6" s="3" t="s">
        <v>107</v>
      </c>
      <c r="J6" s="3" t="s">
        <v>107</v>
      </c>
      <c r="K6" s="3" t="s">
        <v>107</v>
      </c>
      <c r="L6" s="3" t="s">
        <v>107</v>
      </c>
      <c r="M6" s="3" t="s">
        <v>107</v>
      </c>
      <c r="N6" s="3" t="s">
        <v>107</v>
      </c>
      <c r="O6" s="3" t="s">
        <v>107</v>
      </c>
      <c r="P6" s="3" t="s">
        <v>107</v>
      </c>
      <c r="Q6" s="3" t="s">
        <v>107</v>
      </c>
    </row>
    <row r="7" spans="1:17" s="1" customFormat="1">
      <c r="F7" s="3">
        <v>1</v>
      </c>
      <c r="G7" s="3">
        <v>1</v>
      </c>
      <c r="H7" s="3">
        <v>2</v>
      </c>
      <c r="I7" s="3">
        <v>2</v>
      </c>
      <c r="J7" s="3">
        <v>2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</row>
    <row r="8" spans="1:17" s="1" customFormat="1" ht="48">
      <c r="F8" s="3" t="s">
        <v>6</v>
      </c>
      <c r="G8" s="3" t="s">
        <v>108</v>
      </c>
      <c r="H8" s="3" t="s">
        <v>109</v>
      </c>
      <c r="I8" s="3" t="s">
        <v>110</v>
      </c>
      <c r="J8" s="3" t="s">
        <v>111</v>
      </c>
      <c r="K8" s="3" t="s">
        <v>112</v>
      </c>
      <c r="L8" s="3" t="s">
        <v>113</v>
      </c>
      <c r="M8" s="3" t="s">
        <v>114</v>
      </c>
      <c r="N8" s="3" t="s">
        <v>115</v>
      </c>
      <c r="O8" s="3" t="s">
        <v>116</v>
      </c>
      <c r="P8" s="3" t="s">
        <v>117</v>
      </c>
      <c r="Q8" s="3" t="s">
        <v>118</v>
      </c>
    </row>
    <row r="9" spans="1:17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</row>
    <row r="10" spans="1:17" s="1" customFormat="1">
      <c r="A10" s="2" t="s">
        <v>21</v>
      </c>
      <c r="B10" s="2" t="s">
        <v>22</v>
      </c>
      <c r="C10" s="2" t="s">
        <v>61</v>
      </c>
      <c r="D10" s="2" t="s">
        <v>24</v>
      </c>
      <c r="E10" s="2" t="s">
        <v>159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</row>
    <row r="11" spans="1:17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6">
        <v>39389800</v>
      </c>
      <c r="G11" s="6">
        <v>32876235</v>
      </c>
      <c r="H11" s="6">
        <v>21617771</v>
      </c>
      <c r="I11" s="6">
        <v>1138752</v>
      </c>
      <c r="J11" s="6">
        <v>10119712</v>
      </c>
      <c r="K11" s="6">
        <v>2249053</v>
      </c>
      <c r="L11" s="6">
        <v>650778</v>
      </c>
      <c r="M11" s="6">
        <v>2123610</v>
      </c>
      <c r="N11" s="6">
        <v>666539</v>
      </c>
      <c r="O11" s="6">
        <v>47705</v>
      </c>
      <c r="P11" s="6">
        <v>775880</v>
      </c>
      <c r="Q11" s="6">
        <v>35125288</v>
      </c>
    </row>
    <row r="12" spans="1:17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60</v>
      </c>
      <c r="F12" s="6">
        <v>839773</v>
      </c>
      <c r="G12" s="6">
        <v>110672</v>
      </c>
      <c r="H12" s="6">
        <v>107624</v>
      </c>
      <c r="I12" s="10" t="s">
        <v>55</v>
      </c>
      <c r="J12" s="6">
        <v>3048</v>
      </c>
      <c r="K12" s="6">
        <v>686094</v>
      </c>
      <c r="L12" s="6">
        <v>40727</v>
      </c>
      <c r="M12" s="10" t="s">
        <v>55</v>
      </c>
      <c r="N12" s="6">
        <v>435</v>
      </c>
      <c r="O12" s="10" t="s">
        <v>55</v>
      </c>
      <c r="P12" s="6">
        <v>1845</v>
      </c>
      <c r="Q12" s="6">
        <v>796766</v>
      </c>
    </row>
    <row r="13" spans="1:17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61</v>
      </c>
      <c r="F13" s="6">
        <v>7797825</v>
      </c>
      <c r="G13" s="6">
        <v>6620676</v>
      </c>
      <c r="H13" s="6">
        <v>5330382</v>
      </c>
      <c r="I13" s="6">
        <v>119212</v>
      </c>
      <c r="J13" s="6">
        <v>1171082</v>
      </c>
      <c r="K13" s="6">
        <v>320200</v>
      </c>
      <c r="L13" s="6">
        <v>204783</v>
      </c>
      <c r="M13" s="6">
        <v>574094</v>
      </c>
      <c r="N13" s="6">
        <v>43743</v>
      </c>
      <c r="O13" s="10" t="s">
        <v>55</v>
      </c>
      <c r="P13" s="6">
        <v>34329</v>
      </c>
      <c r="Q13" s="6">
        <v>6940876</v>
      </c>
    </row>
    <row r="14" spans="1:17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62</v>
      </c>
      <c r="F14" s="6">
        <v>8732167</v>
      </c>
      <c r="G14" s="6">
        <v>8107202</v>
      </c>
      <c r="H14" s="6">
        <v>5793140</v>
      </c>
      <c r="I14" s="6">
        <v>422275</v>
      </c>
      <c r="J14" s="6">
        <v>1891787</v>
      </c>
      <c r="K14" s="6">
        <v>365620</v>
      </c>
      <c r="L14" s="6">
        <v>8237</v>
      </c>
      <c r="M14" s="6">
        <v>28947</v>
      </c>
      <c r="N14" s="6">
        <v>185026</v>
      </c>
      <c r="O14" s="6">
        <v>154</v>
      </c>
      <c r="P14" s="6">
        <v>36981</v>
      </c>
      <c r="Q14" s="6">
        <v>8472822</v>
      </c>
    </row>
    <row r="15" spans="1:17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63</v>
      </c>
      <c r="F15" s="6">
        <v>5210355</v>
      </c>
      <c r="G15" s="6">
        <v>4380167</v>
      </c>
      <c r="H15" s="6">
        <v>2774669</v>
      </c>
      <c r="I15" s="6">
        <v>64776</v>
      </c>
      <c r="J15" s="6">
        <v>1540722</v>
      </c>
      <c r="K15" s="6">
        <v>353393</v>
      </c>
      <c r="L15" s="6">
        <v>70802</v>
      </c>
      <c r="M15" s="6">
        <v>287466</v>
      </c>
      <c r="N15" s="6">
        <v>87236</v>
      </c>
      <c r="O15" s="10" t="s">
        <v>55</v>
      </c>
      <c r="P15" s="6">
        <v>31291</v>
      </c>
      <c r="Q15" s="6">
        <v>4733560</v>
      </c>
    </row>
    <row r="16" spans="1:17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64</v>
      </c>
      <c r="F16" s="6">
        <v>4647585</v>
      </c>
      <c r="G16" s="6">
        <v>3897375</v>
      </c>
      <c r="H16" s="6">
        <v>1521874</v>
      </c>
      <c r="I16" s="6">
        <v>76269</v>
      </c>
      <c r="J16" s="6">
        <v>2299232</v>
      </c>
      <c r="K16" s="6">
        <v>91866</v>
      </c>
      <c r="L16" s="6">
        <v>148823</v>
      </c>
      <c r="M16" s="6">
        <v>314189</v>
      </c>
      <c r="N16" s="6">
        <v>161101</v>
      </c>
      <c r="O16" s="10" t="s">
        <v>55</v>
      </c>
      <c r="P16" s="6">
        <v>34231</v>
      </c>
      <c r="Q16" s="6">
        <v>3989241</v>
      </c>
    </row>
    <row r="17" spans="1:17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65</v>
      </c>
      <c r="F17" s="6">
        <v>772073</v>
      </c>
      <c r="G17" s="6">
        <v>760789</v>
      </c>
      <c r="H17" s="6">
        <v>621054</v>
      </c>
      <c r="I17" s="10" t="s">
        <v>55</v>
      </c>
      <c r="J17" s="6">
        <v>139735</v>
      </c>
      <c r="K17" s="6">
        <v>1599</v>
      </c>
      <c r="L17" s="6">
        <v>108</v>
      </c>
      <c r="M17" s="6">
        <v>5086</v>
      </c>
      <c r="N17" s="6">
        <v>30</v>
      </c>
      <c r="O17" s="10" t="s">
        <v>55</v>
      </c>
      <c r="P17" s="6">
        <v>4461</v>
      </c>
      <c r="Q17" s="6">
        <v>762388</v>
      </c>
    </row>
    <row r="18" spans="1:17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66</v>
      </c>
      <c r="F18" s="6">
        <v>277401</v>
      </c>
      <c r="G18" s="6">
        <v>126698</v>
      </c>
      <c r="H18" s="6">
        <v>64583</v>
      </c>
      <c r="I18" s="6">
        <v>2813</v>
      </c>
      <c r="J18" s="6">
        <v>59302</v>
      </c>
      <c r="K18" s="6">
        <v>8025</v>
      </c>
      <c r="L18" s="6">
        <v>14010</v>
      </c>
      <c r="M18" s="6">
        <v>80809</v>
      </c>
      <c r="N18" s="6">
        <v>46079</v>
      </c>
      <c r="O18" s="10" t="s">
        <v>55</v>
      </c>
      <c r="P18" s="6">
        <v>1780</v>
      </c>
      <c r="Q18" s="6">
        <v>134723</v>
      </c>
    </row>
    <row r="19" spans="1:17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67</v>
      </c>
      <c r="F19" s="6">
        <v>4472008</v>
      </c>
      <c r="G19" s="6">
        <v>3860614</v>
      </c>
      <c r="H19" s="6">
        <v>2679910</v>
      </c>
      <c r="I19" s="6">
        <v>237391</v>
      </c>
      <c r="J19" s="6">
        <v>943313</v>
      </c>
      <c r="K19" s="6">
        <v>179603</v>
      </c>
      <c r="L19" s="6">
        <v>63883</v>
      </c>
      <c r="M19" s="6">
        <v>232919</v>
      </c>
      <c r="N19" s="6">
        <v>55898</v>
      </c>
      <c r="O19" s="6">
        <v>43297</v>
      </c>
      <c r="P19" s="6">
        <v>35794</v>
      </c>
      <c r="Q19" s="6">
        <v>4040217</v>
      </c>
    </row>
    <row r="20" spans="1:17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68</v>
      </c>
      <c r="F20" s="6">
        <v>1213164</v>
      </c>
      <c r="G20" s="6">
        <v>1113786</v>
      </c>
      <c r="H20" s="6">
        <v>888201</v>
      </c>
      <c r="I20" s="6">
        <v>34985</v>
      </c>
      <c r="J20" s="6">
        <v>190600</v>
      </c>
      <c r="K20" s="6">
        <v>23331</v>
      </c>
      <c r="L20" s="6">
        <v>7130</v>
      </c>
      <c r="M20" s="6">
        <v>51559</v>
      </c>
      <c r="N20" s="6">
        <v>2560</v>
      </c>
      <c r="O20" s="10" t="s">
        <v>55</v>
      </c>
      <c r="P20" s="6">
        <v>14798</v>
      </c>
      <c r="Q20" s="6">
        <v>1137117</v>
      </c>
    </row>
    <row r="21" spans="1:17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69</v>
      </c>
      <c r="F21" s="6">
        <v>1489881</v>
      </c>
      <c r="G21" s="6">
        <v>941296</v>
      </c>
      <c r="H21" s="6">
        <v>859442</v>
      </c>
      <c r="I21" s="6">
        <v>746</v>
      </c>
      <c r="J21" s="6">
        <v>81108</v>
      </c>
      <c r="K21" s="6">
        <v>161804</v>
      </c>
      <c r="L21" s="6">
        <v>66821</v>
      </c>
      <c r="M21" s="6">
        <v>277257</v>
      </c>
      <c r="N21" s="6">
        <v>25954</v>
      </c>
      <c r="O21" s="10" t="s">
        <v>55</v>
      </c>
      <c r="P21" s="6">
        <v>16749</v>
      </c>
      <c r="Q21" s="6">
        <v>1103100</v>
      </c>
    </row>
    <row r="22" spans="1:17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70</v>
      </c>
      <c r="F22" s="6">
        <v>2789348</v>
      </c>
      <c r="G22" s="6">
        <v>2510279</v>
      </c>
      <c r="H22" s="6">
        <v>802259</v>
      </c>
      <c r="I22" s="6">
        <v>143548</v>
      </c>
      <c r="J22" s="6">
        <v>1564472</v>
      </c>
      <c r="K22" s="6">
        <v>43090</v>
      </c>
      <c r="L22" s="6">
        <v>13262</v>
      </c>
      <c r="M22" s="6">
        <v>166075</v>
      </c>
      <c r="N22" s="6">
        <v>26746</v>
      </c>
      <c r="O22" s="6">
        <v>4254</v>
      </c>
      <c r="P22" s="6">
        <v>25642</v>
      </c>
      <c r="Q22" s="6">
        <v>2553369</v>
      </c>
    </row>
    <row r="23" spans="1:17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71</v>
      </c>
      <c r="F23" s="6">
        <v>1148220</v>
      </c>
      <c r="G23" s="6">
        <v>446681</v>
      </c>
      <c r="H23" s="6">
        <v>174633</v>
      </c>
      <c r="I23" s="6">
        <v>36737</v>
      </c>
      <c r="J23" s="6">
        <v>235311</v>
      </c>
      <c r="K23" s="6">
        <v>14428</v>
      </c>
      <c r="L23" s="6">
        <v>12192</v>
      </c>
      <c r="M23" s="6">
        <v>105209</v>
      </c>
      <c r="N23" s="6">
        <v>31731</v>
      </c>
      <c r="O23" s="10" t="s">
        <v>55</v>
      </c>
      <c r="P23" s="6">
        <v>537979</v>
      </c>
      <c r="Q23" s="6">
        <v>461109</v>
      </c>
    </row>
    <row r="24" spans="1:17">
      <c r="A24" s="9" t="s">
        <v>27</v>
      </c>
      <c r="B24" s="9" t="s">
        <v>28</v>
      </c>
      <c r="C24" s="9" t="s">
        <v>29</v>
      </c>
      <c r="D24" s="9" t="s">
        <v>53</v>
      </c>
      <c r="E24" s="9" t="s">
        <v>6</v>
      </c>
      <c r="F24" s="6">
        <v>21461824</v>
      </c>
      <c r="G24" s="6">
        <v>17211474</v>
      </c>
      <c r="H24" s="6">
        <v>14070435</v>
      </c>
      <c r="I24" s="6">
        <v>451927</v>
      </c>
      <c r="J24" s="6">
        <v>2689112</v>
      </c>
      <c r="K24" s="6">
        <v>1697740</v>
      </c>
      <c r="L24" s="6">
        <v>515977</v>
      </c>
      <c r="M24" s="6">
        <v>1461023</v>
      </c>
      <c r="N24" s="6">
        <v>122759</v>
      </c>
      <c r="O24" s="6">
        <v>5932</v>
      </c>
      <c r="P24" s="6">
        <v>446919</v>
      </c>
      <c r="Q24" s="6">
        <v>18909214</v>
      </c>
    </row>
    <row r="25" spans="1:17">
      <c r="A25" s="9" t="s">
        <v>27</v>
      </c>
      <c r="B25" s="9" t="s">
        <v>28</v>
      </c>
      <c r="C25" s="9" t="s">
        <v>29</v>
      </c>
      <c r="D25" s="9" t="s">
        <v>53</v>
      </c>
      <c r="E25" s="9" t="s">
        <v>160</v>
      </c>
      <c r="F25" s="6">
        <v>703427</v>
      </c>
      <c r="G25" s="6">
        <v>99330</v>
      </c>
      <c r="H25" s="6">
        <v>96983</v>
      </c>
      <c r="I25" s="10" t="s">
        <v>55</v>
      </c>
      <c r="J25" s="6">
        <v>2347</v>
      </c>
      <c r="K25" s="6">
        <v>571812</v>
      </c>
      <c r="L25" s="6">
        <v>30658</v>
      </c>
      <c r="M25" s="10" t="s">
        <v>55</v>
      </c>
      <c r="N25" s="6">
        <v>54</v>
      </c>
      <c r="O25" s="10" t="s">
        <v>55</v>
      </c>
      <c r="P25" s="6">
        <v>1573</v>
      </c>
      <c r="Q25" s="6">
        <v>671142</v>
      </c>
    </row>
    <row r="26" spans="1:17">
      <c r="A26" s="9" t="s">
        <v>27</v>
      </c>
      <c r="B26" s="9" t="s">
        <v>28</v>
      </c>
      <c r="C26" s="9" t="s">
        <v>29</v>
      </c>
      <c r="D26" s="9" t="s">
        <v>53</v>
      </c>
      <c r="E26" s="9" t="s">
        <v>161</v>
      </c>
      <c r="F26" s="6">
        <v>4109002</v>
      </c>
      <c r="G26" s="6">
        <v>3316559</v>
      </c>
      <c r="H26" s="6">
        <v>2986416</v>
      </c>
      <c r="I26" s="6">
        <v>63719</v>
      </c>
      <c r="J26" s="6">
        <v>266424</v>
      </c>
      <c r="K26" s="6">
        <v>254582</v>
      </c>
      <c r="L26" s="6">
        <v>164997</v>
      </c>
      <c r="M26" s="6">
        <v>347352</v>
      </c>
      <c r="N26" s="6">
        <v>8723</v>
      </c>
      <c r="O26" s="10" t="s">
        <v>55</v>
      </c>
      <c r="P26" s="6">
        <v>16789</v>
      </c>
      <c r="Q26" s="6">
        <v>3571141</v>
      </c>
    </row>
    <row r="27" spans="1:17">
      <c r="A27" s="9" t="s">
        <v>27</v>
      </c>
      <c r="B27" s="9" t="s">
        <v>28</v>
      </c>
      <c r="C27" s="9" t="s">
        <v>29</v>
      </c>
      <c r="D27" s="9" t="s">
        <v>53</v>
      </c>
      <c r="E27" s="9" t="s">
        <v>162</v>
      </c>
      <c r="F27" s="6">
        <v>3449050</v>
      </c>
      <c r="G27" s="6">
        <v>3272637</v>
      </c>
      <c r="H27" s="6">
        <v>2914883</v>
      </c>
      <c r="I27" s="6">
        <v>63397</v>
      </c>
      <c r="J27" s="6">
        <v>294357</v>
      </c>
      <c r="K27" s="6">
        <v>135438</v>
      </c>
      <c r="L27" s="6">
        <v>4625</v>
      </c>
      <c r="M27" s="6">
        <v>12696</v>
      </c>
      <c r="N27" s="6">
        <v>8877</v>
      </c>
      <c r="O27" s="6">
        <v>12</v>
      </c>
      <c r="P27" s="6">
        <v>14765</v>
      </c>
      <c r="Q27" s="6">
        <v>3408075</v>
      </c>
    </row>
    <row r="28" spans="1:17">
      <c r="A28" s="9" t="s">
        <v>27</v>
      </c>
      <c r="B28" s="9" t="s">
        <v>28</v>
      </c>
      <c r="C28" s="9" t="s">
        <v>29</v>
      </c>
      <c r="D28" s="9" t="s">
        <v>53</v>
      </c>
      <c r="E28" s="9" t="s">
        <v>163</v>
      </c>
      <c r="F28" s="6">
        <v>2914795</v>
      </c>
      <c r="G28" s="6">
        <v>2353469</v>
      </c>
      <c r="H28" s="6">
        <v>2007337</v>
      </c>
      <c r="I28" s="6">
        <v>21756</v>
      </c>
      <c r="J28" s="6">
        <v>324376</v>
      </c>
      <c r="K28" s="6">
        <v>286839</v>
      </c>
      <c r="L28" s="6">
        <v>53821</v>
      </c>
      <c r="M28" s="6">
        <v>186049</v>
      </c>
      <c r="N28" s="6">
        <v>16346</v>
      </c>
      <c r="O28" s="10" t="s">
        <v>55</v>
      </c>
      <c r="P28" s="6">
        <v>18271</v>
      </c>
      <c r="Q28" s="6">
        <v>2640308</v>
      </c>
    </row>
    <row r="29" spans="1:17">
      <c r="A29" s="9" t="s">
        <v>27</v>
      </c>
      <c r="B29" s="9" t="s">
        <v>28</v>
      </c>
      <c r="C29" s="9" t="s">
        <v>29</v>
      </c>
      <c r="D29" s="9" t="s">
        <v>53</v>
      </c>
      <c r="E29" s="9" t="s">
        <v>164</v>
      </c>
      <c r="F29" s="6">
        <v>1520727</v>
      </c>
      <c r="G29" s="6">
        <v>1175422</v>
      </c>
      <c r="H29" s="6">
        <v>673352</v>
      </c>
      <c r="I29" s="6">
        <v>23588</v>
      </c>
      <c r="J29" s="6">
        <v>478482</v>
      </c>
      <c r="K29" s="6">
        <v>55373</v>
      </c>
      <c r="L29" s="6">
        <v>96364</v>
      </c>
      <c r="M29" s="6">
        <v>152886</v>
      </c>
      <c r="N29" s="6">
        <v>27300</v>
      </c>
      <c r="O29" s="10" t="s">
        <v>55</v>
      </c>
      <c r="P29" s="6">
        <v>13382</v>
      </c>
      <c r="Q29" s="6">
        <v>1230795</v>
      </c>
    </row>
    <row r="30" spans="1:17">
      <c r="A30" s="9" t="s">
        <v>27</v>
      </c>
      <c r="B30" s="9" t="s">
        <v>28</v>
      </c>
      <c r="C30" s="9" t="s">
        <v>29</v>
      </c>
      <c r="D30" s="9" t="s">
        <v>53</v>
      </c>
      <c r="E30" s="9" t="s">
        <v>165</v>
      </c>
      <c r="F30" s="6">
        <v>706278</v>
      </c>
      <c r="G30" s="6">
        <v>695801</v>
      </c>
      <c r="H30" s="6">
        <v>568969</v>
      </c>
      <c r="I30" s="10" t="s">
        <v>55</v>
      </c>
      <c r="J30" s="6">
        <v>126832</v>
      </c>
      <c r="K30" s="6">
        <v>1536</v>
      </c>
      <c r="L30" s="6">
        <v>99</v>
      </c>
      <c r="M30" s="6">
        <v>4558</v>
      </c>
      <c r="N30" s="6">
        <v>18</v>
      </c>
      <c r="O30" s="10" t="s">
        <v>55</v>
      </c>
      <c r="P30" s="6">
        <v>4266</v>
      </c>
      <c r="Q30" s="6">
        <v>697337</v>
      </c>
    </row>
    <row r="31" spans="1:17">
      <c r="A31" s="9" t="s">
        <v>27</v>
      </c>
      <c r="B31" s="9" t="s">
        <v>28</v>
      </c>
      <c r="C31" s="9" t="s">
        <v>29</v>
      </c>
      <c r="D31" s="9" t="s">
        <v>53</v>
      </c>
      <c r="E31" s="9" t="s">
        <v>166</v>
      </c>
      <c r="F31" s="6">
        <v>192222</v>
      </c>
      <c r="G31" s="6">
        <v>85955</v>
      </c>
      <c r="H31" s="6">
        <v>54809</v>
      </c>
      <c r="I31" s="6">
        <v>2026</v>
      </c>
      <c r="J31" s="6">
        <v>29120</v>
      </c>
      <c r="K31" s="6">
        <v>7113</v>
      </c>
      <c r="L31" s="6">
        <v>13096</v>
      </c>
      <c r="M31" s="6">
        <v>72394</v>
      </c>
      <c r="N31" s="6">
        <v>12224</v>
      </c>
      <c r="O31" s="10" t="s">
        <v>55</v>
      </c>
      <c r="P31" s="6">
        <v>1440</v>
      </c>
      <c r="Q31" s="6">
        <v>93068</v>
      </c>
    </row>
    <row r="32" spans="1:17">
      <c r="A32" s="9" t="s">
        <v>27</v>
      </c>
      <c r="B32" s="9" t="s">
        <v>28</v>
      </c>
      <c r="C32" s="9" t="s">
        <v>29</v>
      </c>
      <c r="D32" s="9" t="s">
        <v>53</v>
      </c>
      <c r="E32" s="9" t="s">
        <v>167</v>
      </c>
      <c r="F32" s="6">
        <v>3161065</v>
      </c>
      <c r="G32" s="6">
        <v>2699148</v>
      </c>
      <c r="H32" s="6">
        <v>2283315</v>
      </c>
      <c r="I32" s="6">
        <v>139642</v>
      </c>
      <c r="J32" s="6">
        <v>276191</v>
      </c>
      <c r="K32" s="6">
        <v>160759</v>
      </c>
      <c r="L32" s="6">
        <v>58657</v>
      </c>
      <c r="M32" s="6">
        <v>189466</v>
      </c>
      <c r="N32" s="6">
        <v>20715</v>
      </c>
      <c r="O32" s="6">
        <v>5469</v>
      </c>
      <c r="P32" s="6">
        <v>26851</v>
      </c>
      <c r="Q32" s="6">
        <v>2859907</v>
      </c>
    </row>
    <row r="33" spans="1:17">
      <c r="A33" s="9" t="s">
        <v>27</v>
      </c>
      <c r="B33" s="9" t="s">
        <v>28</v>
      </c>
      <c r="C33" s="9" t="s">
        <v>29</v>
      </c>
      <c r="D33" s="9" t="s">
        <v>53</v>
      </c>
      <c r="E33" s="9" t="s">
        <v>168</v>
      </c>
      <c r="F33" s="6">
        <v>1160939</v>
      </c>
      <c r="G33" s="6">
        <v>1066089</v>
      </c>
      <c r="H33" s="6">
        <v>858367</v>
      </c>
      <c r="I33" s="6">
        <v>33333</v>
      </c>
      <c r="J33" s="6">
        <v>174389</v>
      </c>
      <c r="K33" s="6">
        <v>22296</v>
      </c>
      <c r="L33" s="6">
        <v>6849</v>
      </c>
      <c r="M33" s="6">
        <v>50054</v>
      </c>
      <c r="N33" s="6">
        <v>1339</v>
      </c>
      <c r="O33" s="10" t="s">
        <v>55</v>
      </c>
      <c r="P33" s="6">
        <v>14312</v>
      </c>
      <c r="Q33" s="6">
        <v>1088385</v>
      </c>
    </row>
    <row r="34" spans="1:17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169</v>
      </c>
      <c r="F34" s="6">
        <v>1445958</v>
      </c>
      <c r="G34" s="6">
        <v>913412</v>
      </c>
      <c r="H34" s="6">
        <v>837636</v>
      </c>
      <c r="I34" s="6">
        <v>681</v>
      </c>
      <c r="J34" s="6">
        <v>75095</v>
      </c>
      <c r="K34" s="6">
        <v>158193</v>
      </c>
      <c r="L34" s="6">
        <v>66362</v>
      </c>
      <c r="M34" s="6">
        <v>274700</v>
      </c>
      <c r="N34" s="6">
        <v>16924</v>
      </c>
      <c r="O34" s="10" t="s">
        <v>55</v>
      </c>
      <c r="P34" s="6">
        <v>16367</v>
      </c>
      <c r="Q34" s="6">
        <v>1071605</v>
      </c>
    </row>
    <row r="35" spans="1:17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170</v>
      </c>
      <c r="F35" s="6">
        <v>1493515</v>
      </c>
      <c r="G35" s="6">
        <v>1313409</v>
      </c>
      <c r="H35" s="6">
        <v>673605</v>
      </c>
      <c r="I35" s="6">
        <v>84879</v>
      </c>
      <c r="J35" s="6">
        <v>554925</v>
      </c>
      <c r="K35" s="6">
        <v>33663</v>
      </c>
      <c r="L35" s="6">
        <v>11344</v>
      </c>
      <c r="M35" s="6">
        <v>112255</v>
      </c>
      <c r="N35" s="6">
        <v>5993</v>
      </c>
      <c r="O35" s="6">
        <v>451</v>
      </c>
      <c r="P35" s="6">
        <v>16400</v>
      </c>
      <c r="Q35" s="6">
        <v>1347072</v>
      </c>
    </row>
    <row r="36" spans="1:17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171</v>
      </c>
      <c r="F36" s="6">
        <v>604846</v>
      </c>
      <c r="G36" s="6">
        <v>220243</v>
      </c>
      <c r="H36" s="6">
        <v>114763</v>
      </c>
      <c r="I36" s="6">
        <v>18906</v>
      </c>
      <c r="J36" s="6">
        <v>86574</v>
      </c>
      <c r="K36" s="6">
        <v>10136</v>
      </c>
      <c r="L36" s="6">
        <v>9105</v>
      </c>
      <c r="M36" s="6">
        <v>58613</v>
      </c>
      <c r="N36" s="6">
        <v>4246</v>
      </c>
      <c r="O36" s="10" t="s">
        <v>55</v>
      </c>
      <c r="P36" s="6">
        <v>302503</v>
      </c>
      <c r="Q36" s="6">
        <v>230379</v>
      </c>
    </row>
    <row r="37" spans="1:17">
      <c r="A37" s="9" t="s">
        <v>27</v>
      </c>
      <c r="B37" s="9" t="s">
        <v>28</v>
      </c>
      <c r="C37" s="9" t="s">
        <v>29</v>
      </c>
      <c r="D37" s="9" t="s">
        <v>54</v>
      </c>
      <c r="E37" s="9" t="s">
        <v>6</v>
      </c>
      <c r="F37" s="6">
        <v>17927976</v>
      </c>
      <c r="G37" s="6">
        <v>15664761</v>
      </c>
      <c r="H37" s="6">
        <v>7547336</v>
      </c>
      <c r="I37" s="6">
        <v>686825</v>
      </c>
      <c r="J37" s="6">
        <v>7430600</v>
      </c>
      <c r="K37" s="6">
        <v>551313</v>
      </c>
      <c r="L37" s="6">
        <v>134801</v>
      </c>
      <c r="M37" s="6">
        <v>662587</v>
      </c>
      <c r="N37" s="6">
        <v>543780</v>
      </c>
      <c r="O37" s="6">
        <v>41773</v>
      </c>
      <c r="P37" s="6">
        <v>328961</v>
      </c>
      <c r="Q37" s="6">
        <v>16216074</v>
      </c>
    </row>
    <row r="38" spans="1:17">
      <c r="A38" s="9" t="s">
        <v>27</v>
      </c>
      <c r="B38" s="9" t="s">
        <v>28</v>
      </c>
      <c r="C38" s="9" t="s">
        <v>29</v>
      </c>
      <c r="D38" s="9" t="s">
        <v>54</v>
      </c>
      <c r="E38" s="9" t="s">
        <v>160</v>
      </c>
      <c r="F38" s="6">
        <v>136346</v>
      </c>
      <c r="G38" s="6">
        <v>11342</v>
      </c>
      <c r="H38" s="6">
        <v>10641</v>
      </c>
      <c r="I38" s="10" t="s">
        <v>55</v>
      </c>
      <c r="J38" s="6">
        <v>701</v>
      </c>
      <c r="K38" s="6">
        <v>114282</v>
      </c>
      <c r="L38" s="6">
        <v>10069</v>
      </c>
      <c r="M38" s="10" t="s">
        <v>55</v>
      </c>
      <c r="N38" s="6">
        <v>381</v>
      </c>
      <c r="O38" s="10" t="s">
        <v>55</v>
      </c>
      <c r="P38" s="6">
        <v>272</v>
      </c>
      <c r="Q38" s="6">
        <v>125624</v>
      </c>
    </row>
    <row r="39" spans="1:17">
      <c r="A39" s="9" t="s">
        <v>27</v>
      </c>
      <c r="B39" s="9" t="s">
        <v>28</v>
      </c>
      <c r="C39" s="9" t="s">
        <v>29</v>
      </c>
      <c r="D39" s="9" t="s">
        <v>54</v>
      </c>
      <c r="E39" s="9" t="s">
        <v>161</v>
      </c>
      <c r="F39" s="6">
        <v>3688823</v>
      </c>
      <c r="G39" s="6">
        <v>3304117</v>
      </c>
      <c r="H39" s="6">
        <v>2343966</v>
      </c>
      <c r="I39" s="6">
        <v>55493</v>
      </c>
      <c r="J39" s="6">
        <v>904658</v>
      </c>
      <c r="K39" s="6">
        <v>65618</v>
      </c>
      <c r="L39" s="6">
        <v>39786</v>
      </c>
      <c r="M39" s="6">
        <v>226742</v>
      </c>
      <c r="N39" s="6">
        <v>35020</v>
      </c>
      <c r="O39" s="10" t="s">
        <v>55</v>
      </c>
      <c r="P39" s="6">
        <v>17540</v>
      </c>
      <c r="Q39" s="6">
        <v>3369735</v>
      </c>
    </row>
    <row r="40" spans="1:17">
      <c r="A40" s="9" t="s">
        <v>27</v>
      </c>
      <c r="B40" s="9" t="s">
        <v>28</v>
      </c>
      <c r="C40" s="9" t="s">
        <v>29</v>
      </c>
      <c r="D40" s="9" t="s">
        <v>54</v>
      </c>
      <c r="E40" s="9" t="s">
        <v>162</v>
      </c>
      <c r="F40" s="6">
        <v>5283117</v>
      </c>
      <c r="G40" s="6">
        <v>4834565</v>
      </c>
      <c r="H40" s="6">
        <v>2878257</v>
      </c>
      <c r="I40" s="6">
        <v>358878</v>
      </c>
      <c r="J40" s="6">
        <v>1597430</v>
      </c>
      <c r="K40" s="6">
        <v>230182</v>
      </c>
      <c r="L40" s="6">
        <v>3612</v>
      </c>
      <c r="M40" s="6">
        <v>16251</v>
      </c>
      <c r="N40" s="6">
        <v>176149</v>
      </c>
      <c r="O40" s="6">
        <v>142</v>
      </c>
      <c r="P40" s="6">
        <v>22216</v>
      </c>
      <c r="Q40" s="6">
        <v>5064747</v>
      </c>
    </row>
    <row r="41" spans="1:17">
      <c r="A41" s="9" t="s">
        <v>27</v>
      </c>
      <c r="B41" s="9" t="s">
        <v>28</v>
      </c>
      <c r="C41" s="9" t="s">
        <v>29</v>
      </c>
      <c r="D41" s="9" t="s">
        <v>54</v>
      </c>
      <c r="E41" s="9" t="s">
        <v>163</v>
      </c>
      <c r="F41" s="6">
        <v>2295560</v>
      </c>
      <c r="G41" s="6">
        <v>2026698</v>
      </c>
      <c r="H41" s="6">
        <v>767332</v>
      </c>
      <c r="I41" s="6">
        <v>43020</v>
      </c>
      <c r="J41" s="6">
        <v>1216346</v>
      </c>
      <c r="K41" s="6">
        <v>66554</v>
      </c>
      <c r="L41" s="6">
        <v>16981</v>
      </c>
      <c r="M41" s="6">
        <v>101417</v>
      </c>
      <c r="N41" s="6">
        <v>70890</v>
      </c>
      <c r="O41" s="10" t="s">
        <v>55</v>
      </c>
      <c r="P41" s="6">
        <v>13020</v>
      </c>
      <c r="Q41" s="6">
        <v>2093252</v>
      </c>
    </row>
    <row r="42" spans="1:17">
      <c r="A42" s="9" t="s">
        <v>27</v>
      </c>
      <c r="B42" s="9" t="s">
        <v>28</v>
      </c>
      <c r="C42" s="9" t="s">
        <v>29</v>
      </c>
      <c r="D42" s="9" t="s">
        <v>54</v>
      </c>
      <c r="E42" s="9" t="s">
        <v>164</v>
      </c>
      <c r="F42" s="6">
        <v>3126858</v>
      </c>
      <c r="G42" s="6">
        <v>2721953</v>
      </c>
      <c r="H42" s="6">
        <v>848522</v>
      </c>
      <c r="I42" s="6">
        <v>52681</v>
      </c>
      <c r="J42" s="6">
        <v>1820750</v>
      </c>
      <c r="K42" s="6">
        <v>36493</v>
      </c>
      <c r="L42" s="6">
        <v>52459</v>
      </c>
      <c r="M42" s="6">
        <v>161303</v>
      </c>
      <c r="N42" s="6">
        <v>133801</v>
      </c>
      <c r="O42" s="10" t="s">
        <v>55</v>
      </c>
      <c r="P42" s="6">
        <v>20849</v>
      </c>
      <c r="Q42" s="6">
        <v>2758446</v>
      </c>
    </row>
    <row r="43" spans="1:17">
      <c r="A43" s="9" t="s">
        <v>27</v>
      </c>
      <c r="B43" s="9" t="s">
        <v>28</v>
      </c>
      <c r="C43" s="9" t="s">
        <v>29</v>
      </c>
      <c r="D43" s="9" t="s">
        <v>54</v>
      </c>
      <c r="E43" s="9" t="s">
        <v>165</v>
      </c>
      <c r="F43" s="6">
        <v>65795</v>
      </c>
      <c r="G43" s="6">
        <v>64988</v>
      </c>
      <c r="H43" s="6">
        <v>52085</v>
      </c>
      <c r="I43" s="10" t="s">
        <v>55</v>
      </c>
      <c r="J43" s="6">
        <v>12903</v>
      </c>
      <c r="K43" s="6">
        <v>63</v>
      </c>
      <c r="L43" s="6">
        <v>9</v>
      </c>
      <c r="M43" s="6">
        <v>528</v>
      </c>
      <c r="N43" s="6">
        <v>12</v>
      </c>
      <c r="O43" s="10" t="s">
        <v>55</v>
      </c>
      <c r="P43" s="6">
        <v>195</v>
      </c>
      <c r="Q43" s="6">
        <v>65051</v>
      </c>
    </row>
    <row r="44" spans="1:17">
      <c r="A44" s="9" t="s">
        <v>27</v>
      </c>
      <c r="B44" s="9" t="s">
        <v>28</v>
      </c>
      <c r="C44" s="9" t="s">
        <v>29</v>
      </c>
      <c r="D44" s="9" t="s">
        <v>54</v>
      </c>
      <c r="E44" s="9" t="s">
        <v>166</v>
      </c>
      <c r="F44" s="6">
        <v>85179</v>
      </c>
      <c r="G44" s="6">
        <v>40743</v>
      </c>
      <c r="H44" s="6">
        <v>9774</v>
      </c>
      <c r="I44" s="6">
        <v>787</v>
      </c>
      <c r="J44" s="6">
        <v>30182</v>
      </c>
      <c r="K44" s="6">
        <v>912</v>
      </c>
      <c r="L44" s="6">
        <v>914</v>
      </c>
      <c r="M44" s="6">
        <v>8415</v>
      </c>
      <c r="N44" s="6">
        <v>33855</v>
      </c>
      <c r="O44" s="10" t="s">
        <v>55</v>
      </c>
      <c r="P44" s="6">
        <v>340</v>
      </c>
      <c r="Q44" s="6">
        <v>41655</v>
      </c>
    </row>
    <row r="45" spans="1:17">
      <c r="A45" s="9" t="s">
        <v>27</v>
      </c>
      <c r="B45" s="9" t="s">
        <v>28</v>
      </c>
      <c r="C45" s="9" t="s">
        <v>29</v>
      </c>
      <c r="D45" s="9" t="s">
        <v>54</v>
      </c>
      <c r="E45" s="9" t="s">
        <v>167</v>
      </c>
      <c r="F45" s="6">
        <v>1310943</v>
      </c>
      <c r="G45" s="6">
        <v>1161466</v>
      </c>
      <c r="H45" s="6">
        <v>396595</v>
      </c>
      <c r="I45" s="6">
        <v>97749</v>
      </c>
      <c r="J45" s="6">
        <v>667122</v>
      </c>
      <c r="K45" s="6">
        <v>18844</v>
      </c>
      <c r="L45" s="6">
        <v>5226</v>
      </c>
      <c r="M45" s="6">
        <v>43453</v>
      </c>
      <c r="N45" s="6">
        <v>35183</v>
      </c>
      <c r="O45" s="6">
        <v>37828</v>
      </c>
      <c r="P45" s="6">
        <v>8943</v>
      </c>
      <c r="Q45" s="6">
        <v>1180310</v>
      </c>
    </row>
    <row r="46" spans="1:17">
      <c r="A46" s="9" t="s">
        <v>27</v>
      </c>
      <c r="B46" s="9" t="s">
        <v>28</v>
      </c>
      <c r="C46" s="9" t="s">
        <v>29</v>
      </c>
      <c r="D46" s="9" t="s">
        <v>54</v>
      </c>
      <c r="E46" s="9" t="s">
        <v>168</v>
      </c>
      <c r="F46" s="6">
        <v>52225</v>
      </c>
      <c r="G46" s="6">
        <v>47697</v>
      </c>
      <c r="H46" s="6">
        <v>29834</v>
      </c>
      <c r="I46" s="6">
        <v>1652</v>
      </c>
      <c r="J46" s="6">
        <v>16211</v>
      </c>
      <c r="K46" s="6">
        <v>1035</v>
      </c>
      <c r="L46" s="6">
        <v>281</v>
      </c>
      <c r="M46" s="6">
        <v>1505</v>
      </c>
      <c r="N46" s="6">
        <v>1221</v>
      </c>
      <c r="O46" s="10" t="s">
        <v>55</v>
      </c>
      <c r="P46" s="6">
        <v>486</v>
      </c>
      <c r="Q46" s="6">
        <v>48732</v>
      </c>
    </row>
    <row r="47" spans="1:17">
      <c r="A47" s="9" t="s">
        <v>27</v>
      </c>
      <c r="B47" s="9" t="s">
        <v>28</v>
      </c>
      <c r="C47" s="9" t="s">
        <v>29</v>
      </c>
      <c r="D47" s="9" t="s">
        <v>54</v>
      </c>
      <c r="E47" s="9" t="s">
        <v>169</v>
      </c>
      <c r="F47" s="6">
        <v>43923</v>
      </c>
      <c r="G47" s="6">
        <v>27884</v>
      </c>
      <c r="H47" s="6">
        <v>21806</v>
      </c>
      <c r="I47" s="6">
        <v>65</v>
      </c>
      <c r="J47" s="6">
        <v>6013</v>
      </c>
      <c r="K47" s="6">
        <v>3611</v>
      </c>
      <c r="L47" s="6">
        <v>459</v>
      </c>
      <c r="M47" s="6">
        <v>2557</v>
      </c>
      <c r="N47" s="6">
        <v>9030</v>
      </c>
      <c r="O47" s="10" t="s">
        <v>55</v>
      </c>
      <c r="P47" s="6">
        <v>382</v>
      </c>
      <c r="Q47" s="6">
        <v>31495</v>
      </c>
    </row>
    <row r="48" spans="1:17">
      <c r="A48" s="9" t="s">
        <v>27</v>
      </c>
      <c r="B48" s="9" t="s">
        <v>28</v>
      </c>
      <c r="C48" s="9" t="s">
        <v>29</v>
      </c>
      <c r="D48" s="9" t="s">
        <v>54</v>
      </c>
      <c r="E48" s="9" t="s">
        <v>170</v>
      </c>
      <c r="F48" s="6">
        <v>1295833</v>
      </c>
      <c r="G48" s="6">
        <v>1196870</v>
      </c>
      <c r="H48" s="6">
        <v>128654</v>
      </c>
      <c r="I48" s="6">
        <v>58669</v>
      </c>
      <c r="J48" s="6">
        <v>1009547</v>
      </c>
      <c r="K48" s="6">
        <v>9427</v>
      </c>
      <c r="L48" s="6">
        <v>1918</v>
      </c>
      <c r="M48" s="6">
        <v>53820</v>
      </c>
      <c r="N48" s="6">
        <v>20753</v>
      </c>
      <c r="O48" s="6">
        <v>3803</v>
      </c>
      <c r="P48" s="6">
        <v>9242</v>
      </c>
      <c r="Q48" s="6">
        <v>1206297</v>
      </c>
    </row>
    <row r="49" spans="1:17">
      <c r="A49" s="9" t="s">
        <v>27</v>
      </c>
      <c r="B49" s="9" t="s">
        <v>28</v>
      </c>
      <c r="C49" s="9" t="s">
        <v>29</v>
      </c>
      <c r="D49" s="9" t="s">
        <v>54</v>
      </c>
      <c r="E49" s="9" t="s">
        <v>171</v>
      </c>
      <c r="F49" s="6">
        <v>543374</v>
      </c>
      <c r="G49" s="6">
        <v>226438</v>
      </c>
      <c r="H49" s="6">
        <v>59870</v>
      </c>
      <c r="I49" s="6">
        <v>17831</v>
      </c>
      <c r="J49" s="6">
        <v>148737</v>
      </c>
      <c r="K49" s="6">
        <v>4292</v>
      </c>
      <c r="L49" s="6">
        <v>3087</v>
      </c>
      <c r="M49" s="6">
        <v>46596</v>
      </c>
      <c r="N49" s="6">
        <v>27485</v>
      </c>
      <c r="O49" s="10" t="s">
        <v>55</v>
      </c>
      <c r="P49" s="6">
        <v>235476</v>
      </c>
      <c r="Q49" s="6">
        <v>230730</v>
      </c>
    </row>
    <row r="50" spans="1:17">
      <c r="A50" s="9" t="s">
        <v>27</v>
      </c>
      <c r="B50" s="9" t="s">
        <v>57</v>
      </c>
      <c r="C50" s="9" t="s">
        <v>58</v>
      </c>
      <c r="D50" s="9" t="s">
        <v>6</v>
      </c>
      <c r="E50" s="9" t="s">
        <v>6</v>
      </c>
      <c r="F50" s="6">
        <v>399015</v>
      </c>
      <c r="G50" s="6">
        <v>330429</v>
      </c>
      <c r="H50" s="6">
        <v>221312</v>
      </c>
      <c r="I50" s="6">
        <v>9279</v>
      </c>
      <c r="J50" s="6">
        <v>99838</v>
      </c>
      <c r="K50" s="6">
        <v>23222</v>
      </c>
      <c r="L50" s="6">
        <v>8115</v>
      </c>
      <c r="M50" s="6">
        <v>22136</v>
      </c>
      <c r="N50" s="6">
        <v>8554</v>
      </c>
      <c r="O50" s="6">
        <v>319</v>
      </c>
      <c r="P50" s="6">
        <v>6240</v>
      </c>
      <c r="Q50" s="6">
        <v>353651</v>
      </c>
    </row>
    <row r="51" spans="1:17">
      <c r="A51" s="9" t="s">
        <v>27</v>
      </c>
      <c r="B51" s="9" t="s">
        <v>57</v>
      </c>
      <c r="C51" s="9" t="s">
        <v>58</v>
      </c>
      <c r="D51" s="9" t="s">
        <v>6</v>
      </c>
      <c r="E51" s="9" t="s">
        <v>160</v>
      </c>
      <c r="F51" s="6">
        <v>8854</v>
      </c>
      <c r="G51" s="6">
        <v>1484</v>
      </c>
      <c r="H51" s="6">
        <v>1455</v>
      </c>
      <c r="I51" s="10" t="s">
        <v>55</v>
      </c>
      <c r="J51" s="6">
        <v>29</v>
      </c>
      <c r="K51" s="6">
        <v>6850</v>
      </c>
      <c r="L51" s="6">
        <v>491</v>
      </c>
      <c r="M51" s="10" t="s">
        <v>55</v>
      </c>
      <c r="N51" s="6">
        <v>11</v>
      </c>
      <c r="O51" s="10" t="s">
        <v>55</v>
      </c>
      <c r="P51" s="6">
        <v>18</v>
      </c>
      <c r="Q51" s="6">
        <v>8334</v>
      </c>
    </row>
    <row r="52" spans="1:17">
      <c r="A52" s="9" t="s">
        <v>27</v>
      </c>
      <c r="B52" s="9" t="s">
        <v>57</v>
      </c>
      <c r="C52" s="9" t="s">
        <v>58</v>
      </c>
      <c r="D52" s="9" t="s">
        <v>6</v>
      </c>
      <c r="E52" s="9" t="s">
        <v>161</v>
      </c>
      <c r="F52" s="6">
        <v>84657</v>
      </c>
      <c r="G52" s="6">
        <v>72943</v>
      </c>
      <c r="H52" s="6">
        <v>59134</v>
      </c>
      <c r="I52" s="6">
        <v>891</v>
      </c>
      <c r="J52" s="6">
        <v>12918</v>
      </c>
      <c r="K52" s="6">
        <v>3543</v>
      </c>
      <c r="L52" s="6">
        <v>2365</v>
      </c>
      <c r="M52" s="6">
        <v>4866</v>
      </c>
      <c r="N52" s="6">
        <v>560</v>
      </c>
      <c r="O52" s="10" t="s">
        <v>55</v>
      </c>
      <c r="P52" s="6">
        <v>380</v>
      </c>
      <c r="Q52" s="6">
        <v>76486</v>
      </c>
    </row>
    <row r="53" spans="1:17">
      <c r="A53" s="9" t="s">
        <v>27</v>
      </c>
      <c r="B53" s="9" t="s">
        <v>57</v>
      </c>
      <c r="C53" s="9" t="s">
        <v>58</v>
      </c>
      <c r="D53" s="9" t="s">
        <v>6</v>
      </c>
      <c r="E53" s="9" t="s">
        <v>162</v>
      </c>
      <c r="F53" s="6">
        <v>82516</v>
      </c>
      <c r="G53" s="6">
        <v>75301</v>
      </c>
      <c r="H53" s="6">
        <v>52759</v>
      </c>
      <c r="I53" s="6">
        <v>2908</v>
      </c>
      <c r="J53" s="6">
        <v>19634</v>
      </c>
      <c r="K53" s="6">
        <v>4004</v>
      </c>
      <c r="L53" s="6">
        <v>115</v>
      </c>
      <c r="M53" s="6">
        <v>290</v>
      </c>
      <c r="N53" s="6">
        <v>2458</v>
      </c>
      <c r="O53" s="6">
        <v>6</v>
      </c>
      <c r="P53" s="6">
        <v>342</v>
      </c>
      <c r="Q53" s="6">
        <v>79305</v>
      </c>
    </row>
    <row r="54" spans="1:17">
      <c r="A54" s="9" t="s">
        <v>27</v>
      </c>
      <c r="B54" s="9" t="s">
        <v>57</v>
      </c>
      <c r="C54" s="9" t="s">
        <v>58</v>
      </c>
      <c r="D54" s="9" t="s">
        <v>6</v>
      </c>
      <c r="E54" s="9" t="s">
        <v>163</v>
      </c>
      <c r="F54" s="6">
        <v>52999</v>
      </c>
      <c r="G54" s="6">
        <v>43615</v>
      </c>
      <c r="H54" s="6">
        <v>26972</v>
      </c>
      <c r="I54" s="6">
        <v>601</v>
      </c>
      <c r="J54" s="6">
        <v>16042</v>
      </c>
      <c r="K54" s="6">
        <v>3735</v>
      </c>
      <c r="L54" s="6">
        <v>1016</v>
      </c>
      <c r="M54" s="6">
        <v>3291</v>
      </c>
      <c r="N54" s="6">
        <v>1041</v>
      </c>
      <c r="O54" s="10" t="s">
        <v>55</v>
      </c>
      <c r="P54" s="6">
        <v>301</v>
      </c>
      <c r="Q54" s="6">
        <v>47350</v>
      </c>
    </row>
    <row r="55" spans="1:17">
      <c r="A55" s="9" t="s">
        <v>27</v>
      </c>
      <c r="B55" s="9" t="s">
        <v>57</v>
      </c>
      <c r="C55" s="9" t="s">
        <v>58</v>
      </c>
      <c r="D55" s="9" t="s">
        <v>6</v>
      </c>
      <c r="E55" s="9" t="s">
        <v>164</v>
      </c>
      <c r="F55" s="6">
        <v>51843</v>
      </c>
      <c r="G55" s="6">
        <v>42636</v>
      </c>
      <c r="H55" s="6">
        <v>19057</v>
      </c>
      <c r="I55" s="6">
        <v>832</v>
      </c>
      <c r="J55" s="6">
        <v>22747</v>
      </c>
      <c r="K55" s="6">
        <v>1188</v>
      </c>
      <c r="L55" s="6">
        <v>2004</v>
      </c>
      <c r="M55" s="6">
        <v>3775</v>
      </c>
      <c r="N55" s="6">
        <v>1919</v>
      </c>
      <c r="O55" s="10" t="s">
        <v>55</v>
      </c>
      <c r="P55" s="6">
        <v>321</v>
      </c>
      <c r="Q55" s="6">
        <v>43824</v>
      </c>
    </row>
    <row r="56" spans="1:17">
      <c r="A56" s="9" t="s">
        <v>27</v>
      </c>
      <c r="B56" s="9" t="s">
        <v>57</v>
      </c>
      <c r="C56" s="9" t="s">
        <v>58</v>
      </c>
      <c r="D56" s="9" t="s">
        <v>6</v>
      </c>
      <c r="E56" s="9" t="s">
        <v>165</v>
      </c>
      <c r="F56" s="6">
        <v>10311</v>
      </c>
      <c r="G56" s="6">
        <v>10220</v>
      </c>
      <c r="H56" s="6">
        <v>9158</v>
      </c>
      <c r="I56" s="10" t="s">
        <v>55</v>
      </c>
      <c r="J56" s="6">
        <v>1062</v>
      </c>
      <c r="K56" s="6">
        <v>15</v>
      </c>
      <c r="L56" s="6">
        <v>1</v>
      </c>
      <c r="M56" s="6">
        <v>33</v>
      </c>
      <c r="N56" s="10" t="s">
        <v>55</v>
      </c>
      <c r="O56" s="10" t="s">
        <v>55</v>
      </c>
      <c r="P56" s="6">
        <v>42</v>
      </c>
      <c r="Q56" s="6">
        <v>10235</v>
      </c>
    </row>
    <row r="57" spans="1:17">
      <c r="A57" s="9" t="s">
        <v>27</v>
      </c>
      <c r="B57" s="9" t="s">
        <v>57</v>
      </c>
      <c r="C57" s="9" t="s">
        <v>58</v>
      </c>
      <c r="D57" s="9" t="s">
        <v>6</v>
      </c>
      <c r="E57" s="9" t="s">
        <v>166</v>
      </c>
      <c r="F57" s="6">
        <v>5200</v>
      </c>
      <c r="G57" s="6">
        <v>2449</v>
      </c>
      <c r="H57" s="6">
        <v>1257</v>
      </c>
      <c r="I57" s="6">
        <v>56</v>
      </c>
      <c r="J57" s="6">
        <v>1136</v>
      </c>
      <c r="K57" s="6">
        <v>139</v>
      </c>
      <c r="L57" s="6">
        <v>288</v>
      </c>
      <c r="M57" s="6">
        <v>1319</v>
      </c>
      <c r="N57" s="6">
        <v>979</v>
      </c>
      <c r="O57" s="10" t="s">
        <v>55</v>
      </c>
      <c r="P57" s="6">
        <v>26</v>
      </c>
      <c r="Q57" s="6">
        <v>2588</v>
      </c>
    </row>
    <row r="58" spans="1:17">
      <c r="A58" s="9" t="s">
        <v>27</v>
      </c>
      <c r="B58" s="9" t="s">
        <v>57</v>
      </c>
      <c r="C58" s="9" t="s">
        <v>58</v>
      </c>
      <c r="D58" s="9" t="s">
        <v>6</v>
      </c>
      <c r="E58" s="9" t="s">
        <v>167</v>
      </c>
      <c r="F58" s="6">
        <v>40878</v>
      </c>
      <c r="G58" s="6">
        <v>35390</v>
      </c>
      <c r="H58" s="6">
        <v>24544</v>
      </c>
      <c r="I58" s="6">
        <v>2421</v>
      </c>
      <c r="J58" s="6">
        <v>8425</v>
      </c>
      <c r="K58" s="6">
        <v>1356</v>
      </c>
      <c r="L58" s="6">
        <v>630</v>
      </c>
      <c r="M58" s="6">
        <v>2374</v>
      </c>
      <c r="N58" s="6">
        <v>588</v>
      </c>
      <c r="O58" s="6">
        <v>295</v>
      </c>
      <c r="P58" s="6">
        <v>245</v>
      </c>
      <c r="Q58" s="6">
        <v>36746</v>
      </c>
    </row>
    <row r="59" spans="1:17">
      <c r="A59" s="9" t="s">
        <v>27</v>
      </c>
      <c r="B59" s="9" t="s">
        <v>57</v>
      </c>
      <c r="C59" s="9" t="s">
        <v>58</v>
      </c>
      <c r="D59" s="9" t="s">
        <v>6</v>
      </c>
      <c r="E59" s="9" t="s">
        <v>168</v>
      </c>
      <c r="F59" s="6">
        <v>10510</v>
      </c>
      <c r="G59" s="6">
        <v>9624</v>
      </c>
      <c r="H59" s="6">
        <v>7887</v>
      </c>
      <c r="I59" s="6">
        <v>197</v>
      </c>
      <c r="J59" s="6">
        <v>1540</v>
      </c>
      <c r="K59" s="6">
        <v>188</v>
      </c>
      <c r="L59" s="6">
        <v>82</v>
      </c>
      <c r="M59" s="6">
        <v>460</v>
      </c>
      <c r="N59" s="6">
        <v>43</v>
      </c>
      <c r="O59" s="10" t="s">
        <v>55</v>
      </c>
      <c r="P59" s="6">
        <v>113</v>
      </c>
      <c r="Q59" s="6">
        <v>9812</v>
      </c>
    </row>
    <row r="60" spans="1:17">
      <c r="A60" s="9" t="s">
        <v>27</v>
      </c>
      <c r="B60" s="9" t="s">
        <v>57</v>
      </c>
      <c r="C60" s="9" t="s">
        <v>58</v>
      </c>
      <c r="D60" s="9" t="s">
        <v>6</v>
      </c>
      <c r="E60" s="9" t="s">
        <v>169</v>
      </c>
      <c r="F60" s="6">
        <v>17205</v>
      </c>
      <c r="G60" s="6">
        <v>10982</v>
      </c>
      <c r="H60" s="6">
        <v>9924</v>
      </c>
      <c r="I60" s="6">
        <v>13</v>
      </c>
      <c r="J60" s="6">
        <v>1045</v>
      </c>
      <c r="K60" s="6">
        <v>1649</v>
      </c>
      <c r="L60" s="6">
        <v>871</v>
      </c>
      <c r="M60" s="6">
        <v>3136</v>
      </c>
      <c r="N60" s="6">
        <v>412</v>
      </c>
      <c r="O60" s="10" t="s">
        <v>55</v>
      </c>
      <c r="P60" s="6">
        <v>155</v>
      </c>
      <c r="Q60" s="6">
        <v>12631</v>
      </c>
    </row>
    <row r="61" spans="1:17">
      <c r="A61" s="9" t="s">
        <v>27</v>
      </c>
      <c r="B61" s="9" t="s">
        <v>57</v>
      </c>
      <c r="C61" s="9" t="s">
        <v>58</v>
      </c>
      <c r="D61" s="9" t="s">
        <v>6</v>
      </c>
      <c r="E61" s="9" t="s">
        <v>170</v>
      </c>
      <c r="F61" s="6">
        <v>25076</v>
      </c>
      <c r="G61" s="6">
        <v>22352</v>
      </c>
      <c r="H61" s="6">
        <v>7824</v>
      </c>
      <c r="I61" s="6">
        <v>1109</v>
      </c>
      <c r="J61" s="6">
        <v>13419</v>
      </c>
      <c r="K61" s="6">
        <v>411</v>
      </c>
      <c r="L61" s="6">
        <v>136</v>
      </c>
      <c r="M61" s="6">
        <v>1626</v>
      </c>
      <c r="N61" s="6">
        <v>317</v>
      </c>
      <c r="O61" s="6">
        <v>18</v>
      </c>
      <c r="P61" s="6">
        <v>216</v>
      </c>
      <c r="Q61" s="6">
        <v>22763</v>
      </c>
    </row>
    <row r="62" spans="1:17">
      <c r="A62" s="9" t="s">
        <v>27</v>
      </c>
      <c r="B62" s="9" t="s">
        <v>57</v>
      </c>
      <c r="C62" s="9" t="s">
        <v>58</v>
      </c>
      <c r="D62" s="9" t="s">
        <v>6</v>
      </c>
      <c r="E62" s="9" t="s">
        <v>171</v>
      </c>
      <c r="F62" s="6">
        <v>8966</v>
      </c>
      <c r="G62" s="6">
        <v>3433</v>
      </c>
      <c r="H62" s="6">
        <v>1341</v>
      </c>
      <c r="I62" s="6">
        <v>251</v>
      </c>
      <c r="J62" s="6">
        <v>1841</v>
      </c>
      <c r="K62" s="6">
        <v>144</v>
      </c>
      <c r="L62" s="6">
        <v>116</v>
      </c>
      <c r="M62" s="6">
        <v>966</v>
      </c>
      <c r="N62" s="6">
        <v>226</v>
      </c>
      <c r="O62" s="10" t="s">
        <v>55</v>
      </c>
      <c r="P62" s="6">
        <v>4081</v>
      </c>
      <c r="Q62" s="6">
        <v>3577</v>
      </c>
    </row>
    <row r="63" spans="1:17">
      <c r="A63" s="9" t="s">
        <v>27</v>
      </c>
      <c r="B63" s="9" t="s">
        <v>57</v>
      </c>
      <c r="C63" s="9" t="s">
        <v>58</v>
      </c>
      <c r="D63" s="9" t="s">
        <v>53</v>
      </c>
      <c r="E63" s="9" t="s">
        <v>6</v>
      </c>
      <c r="F63" s="6">
        <v>207097</v>
      </c>
      <c r="G63" s="6">
        <v>164021</v>
      </c>
      <c r="H63" s="6">
        <v>134972</v>
      </c>
      <c r="I63" s="6">
        <v>3818</v>
      </c>
      <c r="J63" s="6">
        <v>25231</v>
      </c>
      <c r="K63" s="6">
        <v>16292</v>
      </c>
      <c r="L63" s="6">
        <v>6398</v>
      </c>
      <c r="M63" s="6">
        <v>15259</v>
      </c>
      <c r="N63" s="6">
        <v>1658</v>
      </c>
      <c r="O63" s="6">
        <v>27</v>
      </c>
      <c r="P63" s="6">
        <v>3442</v>
      </c>
      <c r="Q63" s="6">
        <v>180313</v>
      </c>
    </row>
    <row r="64" spans="1:17">
      <c r="A64" s="9" t="s">
        <v>27</v>
      </c>
      <c r="B64" s="9" t="s">
        <v>57</v>
      </c>
      <c r="C64" s="9" t="s">
        <v>58</v>
      </c>
      <c r="D64" s="9" t="s">
        <v>53</v>
      </c>
      <c r="E64" s="9" t="s">
        <v>160</v>
      </c>
      <c r="F64" s="6">
        <v>7148</v>
      </c>
      <c r="G64" s="6">
        <v>1332</v>
      </c>
      <c r="H64" s="6">
        <v>1309</v>
      </c>
      <c r="I64" s="10" t="s">
        <v>55</v>
      </c>
      <c r="J64" s="6">
        <v>23</v>
      </c>
      <c r="K64" s="6">
        <v>5431</v>
      </c>
      <c r="L64" s="6">
        <v>370</v>
      </c>
      <c r="M64" s="10" t="s">
        <v>55</v>
      </c>
      <c r="N64" s="10" t="s">
        <v>55</v>
      </c>
      <c r="O64" s="10" t="s">
        <v>55</v>
      </c>
      <c r="P64" s="6">
        <v>15</v>
      </c>
      <c r="Q64" s="6">
        <v>6763</v>
      </c>
    </row>
    <row r="65" spans="1:17">
      <c r="A65" s="9" t="s">
        <v>27</v>
      </c>
      <c r="B65" s="9" t="s">
        <v>57</v>
      </c>
      <c r="C65" s="9" t="s">
        <v>58</v>
      </c>
      <c r="D65" s="9" t="s">
        <v>53</v>
      </c>
      <c r="E65" s="9" t="s">
        <v>161</v>
      </c>
      <c r="F65" s="6">
        <v>38290</v>
      </c>
      <c r="G65" s="6">
        <v>30376</v>
      </c>
      <c r="H65" s="6">
        <v>27350</v>
      </c>
      <c r="I65" s="6">
        <v>494</v>
      </c>
      <c r="J65" s="6">
        <v>2532</v>
      </c>
      <c r="K65" s="6">
        <v>2710</v>
      </c>
      <c r="L65" s="6">
        <v>1983</v>
      </c>
      <c r="M65" s="6">
        <v>2930</v>
      </c>
      <c r="N65" s="6">
        <v>127</v>
      </c>
      <c r="O65" s="10" t="s">
        <v>55</v>
      </c>
      <c r="P65" s="6">
        <v>164</v>
      </c>
      <c r="Q65" s="6">
        <v>33086</v>
      </c>
    </row>
    <row r="66" spans="1:17">
      <c r="A66" s="9" t="s">
        <v>27</v>
      </c>
      <c r="B66" s="9" t="s">
        <v>57</v>
      </c>
      <c r="C66" s="9" t="s">
        <v>58</v>
      </c>
      <c r="D66" s="9" t="s">
        <v>53</v>
      </c>
      <c r="E66" s="9" t="s">
        <v>162</v>
      </c>
      <c r="F66" s="6">
        <v>29729</v>
      </c>
      <c r="G66" s="6">
        <v>28138</v>
      </c>
      <c r="H66" s="6">
        <v>24938</v>
      </c>
      <c r="I66" s="6">
        <v>450</v>
      </c>
      <c r="J66" s="6">
        <v>2750</v>
      </c>
      <c r="K66" s="6">
        <v>1132</v>
      </c>
      <c r="L66" s="6">
        <v>61</v>
      </c>
      <c r="M66" s="6">
        <v>157</v>
      </c>
      <c r="N66" s="6">
        <v>116</v>
      </c>
      <c r="O66" s="10" t="s">
        <v>55</v>
      </c>
      <c r="P66" s="6">
        <v>125</v>
      </c>
      <c r="Q66" s="6">
        <v>29270</v>
      </c>
    </row>
    <row r="67" spans="1:17">
      <c r="A67" s="9" t="s">
        <v>27</v>
      </c>
      <c r="B67" s="9" t="s">
        <v>57</v>
      </c>
      <c r="C67" s="9" t="s">
        <v>58</v>
      </c>
      <c r="D67" s="9" t="s">
        <v>53</v>
      </c>
      <c r="E67" s="9" t="s">
        <v>163</v>
      </c>
      <c r="F67" s="6">
        <v>28916</v>
      </c>
      <c r="G67" s="6">
        <v>22757</v>
      </c>
      <c r="H67" s="6">
        <v>19030</v>
      </c>
      <c r="I67" s="6">
        <v>172</v>
      </c>
      <c r="J67" s="6">
        <v>3555</v>
      </c>
      <c r="K67" s="6">
        <v>2880</v>
      </c>
      <c r="L67" s="6">
        <v>749</v>
      </c>
      <c r="M67" s="6">
        <v>2127</v>
      </c>
      <c r="N67" s="6">
        <v>223</v>
      </c>
      <c r="O67" s="10" t="s">
        <v>55</v>
      </c>
      <c r="P67" s="6">
        <v>180</v>
      </c>
      <c r="Q67" s="6">
        <v>25637</v>
      </c>
    </row>
    <row r="68" spans="1:17">
      <c r="A68" s="9" t="s">
        <v>27</v>
      </c>
      <c r="B68" s="9" t="s">
        <v>57</v>
      </c>
      <c r="C68" s="9" t="s">
        <v>58</v>
      </c>
      <c r="D68" s="9" t="s">
        <v>53</v>
      </c>
      <c r="E68" s="9" t="s">
        <v>164</v>
      </c>
      <c r="F68" s="6">
        <v>17209</v>
      </c>
      <c r="G68" s="6">
        <v>13064</v>
      </c>
      <c r="H68" s="6">
        <v>8006</v>
      </c>
      <c r="I68" s="6">
        <v>223</v>
      </c>
      <c r="J68" s="6">
        <v>4835</v>
      </c>
      <c r="K68" s="6">
        <v>663</v>
      </c>
      <c r="L68" s="6">
        <v>1254</v>
      </c>
      <c r="M68" s="6">
        <v>1778</v>
      </c>
      <c r="N68" s="6">
        <v>314</v>
      </c>
      <c r="O68" s="10" t="s">
        <v>55</v>
      </c>
      <c r="P68" s="6">
        <v>136</v>
      </c>
      <c r="Q68" s="6">
        <v>13727</v>
      </c>
    </row>
    <row r="69" spans="1:17">
      <c r="A69" s="9" t="s">
        <v>27</v>
      </c>
      <c r="B69" s="9" t="s">
        <v>57</v>
      </c>
      <c r="C69" s="9" t="s">
        <v>58</v>
      </c>
      <c r="D69" s="9" t="s">
        <v>53</v>
      </c>
      <c r="E69" s="9" t="s">
        <v>165</v>
      </c>
      <c r="F69" s="6">
        <v>9310</v>
      </c>
      <c r="G69" s="6">
        <v>9220</v>
      </c>
      <c r="H69" s="6">
        <v>8242</v>
      </c>
      <c r="I69" s="10" t="s">
        <v>55</v>
      </c>
      <c r="J69" s="6">
        <v>978</v>
      </c>
      <c r="K69" s="6">
        <v>15</v>
      </c>
      <c r="L69" s="6">
        <v>1</v>
      </c>
      <c r="M69" s="6">
        <v>33</v>
      </c>
      <c r="N69" s="10" t="s">
        <v>55</v>
      </c>
      <c r="O69" s="10" t="s">
        <v>55</v>
      </c>
      <c r="P69" s="6">
        <v>41</v>
      </c>
      <c r="Q69" s="6">
        <v>9235</v>
      </c>
    </row>
    <row r="70" spans="1:17">
      <c r="A70" s="9" t="s">
        <v>27</v>
      </c>
      <c r="B70" s="9" t="s">
        <v>57</v>
      </c>
      <c r="C70" s="9" t="s">
        <v>58</v>
      </c>
      <c r="D70" s="9" t="s">
        <v>53</v>
      </c>
      <c r="E70" s="9" t="s">
        <v>166</v>
      </c>
      <c r="F70" s="6">
        <v>3426</v>
      </c>
      <c r="G70" s="6">
        <v>1524</v>
      </c>
      <c r="H70" s="6">
        <v>1049</v>
      </c>
      <c r="I70" s="6">
        <v>37</v>
      </c>
      <c r="J70" s="6">
        <v>438</v>
      </c>
      <c r="K70" s="6">
        <v>122</v>
      </c>
      <c r="L70" s="6">
        <v>273</v>
      </c>
      <c r="M70" s="6">
        <v>1195</v>
      </c>
      <c r="N70" s="6">
        <v>289</v>
      </c>
      <c r="O70" s="10" t="s">
        <v>55</v>
      </c>
      <c r="P70" s="6">
        <v>23</v>
      </c>
      <c r="Q70" s="6">
        <v>1646</v>
      </c>
    </row>
    <row r="71" spans="1:17">
      <c r="A71" s="9" t="s">
        <v>27</v>
      </c>
      <c r="B71" s="9" t="s">
        <v>57</v>
      </c>
      <c r="C71" s="9" t="s">
        <v>58</v>
      </c>
      <c r="D71" s="9" t="s">
        <v>53</v>
      </c>
      <c r="E71" s="9" t="s">
        <v>167</v>
      </c>
      <c r="F71" s="6">
        <v>28444</v>
      </c>
      <c r="G71" s="6">
        <v>24378</v>
      </c>
      <c r="H71" s="6">
        <v>20465</v>
      </c>
      <c r="I71" s="6">
        <v>1514</v>
      </c>
      <c r="J71" s="6">
        <v>2399</v>
      </c>
      <c r="K71" s="6">
        <v>1179</v>
      </c>
      <c r="L71" s="6">
        <v>564</v>
      </c>
      <c r="M71" s="6">
        <v>1885</v>
      </c>
      <c r="N71" s="6">
        <v>236</v>
      </c>
      <c r="O71" s="6">
        <v>26</v>
      </c>
      <c r="P71" s="6">
        <v>176</v>
      </c>
      <c r="Q71" s="6">
        <v>25557</v>
      </c>
    </row>
    <row r="72" spans="1:17">
      <c r="A72" s="9" t="s">
        <v>27</v>
      </c>
      <c r="B72" s="9" t="s">
        <v>57</v>
      </c>
      <c r="C72" s="9" t="s">
        <v>58</v>
      </c>
      <c r="D72" s="9" t="s">
        <v>53</v>
      </c>
      <c r="E72" s="9" t="s">
        <v>168</v>
      </c>
      <c r="F72" s="6">
        <v>10101</v>
      </c>
      <c r="G72" s="6">
        <v>9282</v>
      </c>
      <c r="H72" s="6">
        <v>7691</v>
      </c>
      <c r="I72" s="6">
        <v>187</v>
      </c>
      <c r="J72" s="6">
        <v>1404</v>
      </c>
      <c r="K72" s="6">
        <v>175</v>
      </c>
      <c r="L72" s="6">
        <v>75</v>
      </c>
      <c r="M72" s="6">
        <v>445</v>
      </c>
      <c r="N72" s="6">
        <v>14</v>
      </c>
      <c r="O72" s="10" t="s">
        <v>55</v>
      </c>
      <c r="P72" s="6">
        <v>110</v>
      </c>
      <c r="Q72" s="6">
        <v>9457</v>
      </c>
    </row>
    <row r="73" spans="1:17">
      <c r="A73" s="9" t="s">
        <v>27</v>
      </c>
      <c r="B73" s="9" t="s">
        <v>57</v>
      </c>
      <c r="C73" s="9" t="s">
        <v>58</v>
      </c>
      <c r="D73" s="9" t="s">
        <v>53</v>
      </c>
      <c r="E73" s="9" t="s">
        <v>169</v>
      </c>
      <c r="F73" s="6">
        <v>16570</v>
      </c>
      <c r="G73" s="6">
        <v>10631</v>
      </c>
      <c r="H73" s="6">
        <v>9661</v>
      </c>
      <c r="I73" s="6">
        <v>11</v>
      </c>
      <c r="J73" s="6">
        <v>959</v>
      </c>
      <c r="K73" s="6">
        <v>1589</v>
      </c>
      <c r="L73" s="6">
        <v>860</v>
      </c>
      <c r="M73" s="6">
        <v>3107</v>
      </c>
      <c r="N73" s="6">
        <v>230</v>
      </c>
      <c r="O73" s="10" t="s">
        <v>55</v>
      </c>
      <c r="P73" s="6">
        <v>153</v>
      </c>
      <c r="Q73" s="6">
        <v>12220</v>
      </c>
    </row>
    <row r="74" spans="1:17">
      <c r="A74" s="9" t="s">
        <v>27</v>
      </c>
      <c r="B74" s="9" t="s">
        <v>57</v>
      </c>
      <c r="C74" s="9" t="s">
        <v>58</v>
      </c>
      <c r="D74" s="9" t="s">
        <v>53</v>
      </c>
      <c r="E74" s="9" t="s">
        <v>170</v>
      </c>
      <c r="F74" s="6">
        <v>13291</v>
      </c>
      <c r="G74" s="6">
        <v>11622</v>
      </c>
      <c r="H74" s="6">
        <v>6373</v>
      </c>
      <c r="I74" s="6">
        <v>602</v>
      </c>
      <c r="J74" s="6">
        <v>4647</v>
      </c>
      <c r="K74" s="6">
        <v>309</v>
      </c>
      <c r="L74" s="6">
        <v>114</v>
      </c>
      <c r="M74" s="6">
        <v>1038</v>
      </c>
      <c r="N74" s="6">
        <v>74</v>
      </c>
      <c r="O74" s="6">
        <v>1</v>
      </c>
      <c r="P74" s="6">
        <v>133</v>
      </c>
      <c r="Q74" s="6">
        <v>11931</v>
      </c>
    </row>
    <row r="75" spans="1:17">
      <c r="A75" s="9" t="s">
        <v>27</v>
      </c>
      <c r="B75" s="9" t="s">
        <v>57</v>
      </c>
      <c r="C75" s="9" t="s">
        <v>58</v>
      </c>
      <c r="D75" s="9" t="s">
        <v>53</v>
      </c>
      <c r="E75" s="9" t="s">
        <v>171</v>
      </c>
      <c r="F75" s="6">
        <v>4663</v>
      </c>
      <c r="G75" s="6">
        <v>1697</v>
      </c>
      <c r="H75" s="6">
        <v>858</v>
      </c>
      <c r="I75" s="6">
        <v>128</v>
      </c>
      <c r="J75" s="6">
        <v>711</v>
      </c>
      <c r="K75" s="6">
        <v>87</v>
      </c>
      <c r="L75" s="6">
        <v>94</v>
      </c>
      <c r="M75" s="6">
        <v>564</v>
      </c>
      <c r="N75" s="6">
        <v>35</v>
      </c>
      <c r="O75" s="10" t="s">
        <v>55</v>
      </c>
      <c r="P75" s="6">
        <v>2186</v>
      </c>
      <c r="Q75" s="6">
        <v>1784</v>
      </c>
    </row>
    <row r="76" spans="1:17">
      <c r="A76" s="9" t="s">
        <v>27</v>
      </c>
      <c r="B76" s="9" t="s">
        <v>57</v>
      </c>
      <c r="C76" s="9" t="s">
        <v>58</v>
      </c>
      <c r="D76" s="9" t="s">
        <v>54</v>
      </c>
      <c r="E76" s="9" t="s">
        <v>6</v>
      </c>
      <c r="F76" s="6">
        <v>191918</v>
      </c>
      <c r="G76" s="6">
        <v>166408</v>
      </c>
      <c r="H76" s="6">
        <v>86340</v>
      </c>
      <c r="I76" s="6">
        <v>5461</v>
      </c>
      <c r="J76" s="6">
        <v>74607</v>
      </c>
      <c r="K76" s="6">
        <v>6930</v>
      </c>
      <c r="L76" s="6">
        <v>1717</v>
      </c>
      <c r="M76" s="6">
        <v>6877</v>
      </c>
      <c r="N76" s="6">
        <v>6896</v>
      </c>
      <c r="O76" s="6">
        <v>292</v>
      </c>
      <c r="P76" s="6">
        <v>2798</v>
      </c>
      <c r="Q76" s="6">
        <v>173338</v>
      </c>
    </row>
    <row r="77" spans="1:17">
      <c r="A77" s="9" t="s">
        <v>27</v>
      </c>
      <c r="B77" s="9" t="s">
        <v>57</v>
      </c>
      <c r="C77" s="9" t="s">
        <v>58</v>
      </c>
      <c r="D77" s="9" t="s">
        <v>54</v>
      </c>
      <c r="E77" s="9" t="s">
        <v>160</v>
      </c>
      <c r="F77" s="6">
        <v>1706</v>
      </c>
      <c r="G77" s="6">
        <v>152</v>
      </c>
      <c r="H77" s="6">
        <v>146</v>
      </c>
      <c r="I77" s="10" t="s">
        <v>55</v>
      </c>
      <c r="J77" s="6">
        <v>6</v>
      </c>
      <c r="K77" s="6">
        <v>1419</v>
      </c>
      <c r="L77" s="6">
        <v>121</v>
      </c>
      <c r="M77" s="10" t="s">
        <v>55</v>
      </c>
      <c r="N77" s="6">
        <v>11</v>
      </c>
      <c r="O77" s="10" t="s">
        <v>55</v>
      </c>
      <c r="P77" s="6">
        <v>3</v>
      </c>
      <c r="Q77" s="6">
        <v>1571</v>
      </c>
    </row>
    <row r="78" spans="1:17">
      <c r="A78" s="9" t="s">
        <v>27</v>
      </c>
      <c r="B78" s="9" t="s">
        <v>57</v>
      </c>
      <c r="C78" s="9" t="s">
        <v>58</v>
      </c>
      <c r="D78" s="9" t="s">
        <v>54</v>
      </c>
      <c r="E78" s="9" t="s">
        <v>161</v>
      </c>
      <c r="F78" s="6">
        <v>46367</v>
      </c>
      <c r="G78" s="6">
        <v>42567</v>
      </c>
      <c r="H78" s="6">
        <v>31784</v>
      </c>
      <c r="I78" s="6">
        <v>397</v>
      </c>
      <c r="J78" s="6">
        <v>10386</v>
      </c>
      <c r="K78" s="6">
        <v>833</v>
      </c>
      <c r="L78" s="6">
        <v>382</v>
      </c>
      <c r="M78" s="6">
        <v>1936</v>
      </c>
      <c r="N78" s="6">
        <v>433</v>
      </c>
      <c r="O78" s="10" t="s">
        <v>55</v>
      </c>
      <c r="P78" s="6">
        <v>216</v>
      </c>
      <c r="Q78" s="6">
        <v>43400</v>
      </c>
    </row>
    <row r="79" spans="1:17">
      <c r="A79" s="9" t="s">
        <v>27</v>
      </c>
      <c r="B79" s="9" t="s">
        <v>57</v>
      </c>
      <c r="C79" s="9" t="s">
        <v>58</v>
      </c>
      <c r="D79" s="9" t="s">
        <v>54</v>
      </c>
      <c r="E79" s="9" t="s">
        <v>162</v>
      </c>
      <c r="F79" s="6">
        <v>52787</v>
      </c>
      <c r="G79" s="6">
        <v>47163</v>
      </c>
      <c r="H79" s="6">
        <v>27821</v>
      </c>
      <c r="I79" s="6">
        <v>2458</v>
      </c>
      <c r="J79" s="6">
        <v>16884</v>
      </c>
      <c r="K79" s="6">
        <v>2872</v>
      </c>
      <c r="L79" s="6">
        <v>54</v>
      </c>
      <c r="M79" s="6">
        <v>133</v>
      </c>
      <c r="N79" s="6">
        <v>2342</v>
      </c>
      <c r="O79" s="6">
        <v>6</v>
      </c>
      <c r="P79" s="6">
        <v>217</v>
      </c>
      <c r="Q79" s="6">
        <v>50035</v>
      </c>
    </row>
    <row r="80" spans="1:17">
      <c r="A80" s="9" t="s">
        <v>27</v>
      </c>
      <c r="B80" s="9" t="s">
        <v>57</v>
      </c>
      <c r="C80" s="9" t="s">
        <v>58</v>
      </c>
      <c r="D80" s="9" t="s">
        <v>54</v>
      </c>
      <c r="E80" s="9" t="s">
        <v>163</v>
      </c>
      <c r="F80" s="6">
        <v>24083</v>
      </c>
      <c r="G80" s="6">
        <v>20858</v>
      </c>
      <c r="H80" s="6">
        <v>7942</v>
      </c>
      <c r="I80" s="6">
        <v>429</v>
      </c>
      <c r="J80" s="6">
        <v>12487</v>
      </c>
      <c r="K80" s="6">
        <v>855</v>
      </c>
      <c r="L80" s="6">
        <v>267</v>
      </c>
      <c r="M80" s="6">
        <v>1164</v>
      </c>
      <c r="N80" s="6">
        <v>818</v>
      </c>
      <c r="O80" s="10" t="s">
        <v>55</v>
      </c>
      <c r="P80" s="6">
        <v>121</v>
      </c>
      <c r="Q80" s="6">
        <v>21713</v>
      </c>
    </row>
    <row r="81" spans="1:17">
      <c r="A81" s="9" t="s">
        <v>27</v>
      </c>
      <c r="B81" s="9" t="s">
        <v>57</v>
      </c>
      <c r="C81" s="9" t="s">
        <v>58</v>
      </c>
      <c r="D81" s="9" t="s">
        <v>54</v>
      </c>
      <c r="E81" s="9" t="s">
        <v>164</v>
      </c>
      <c r="F81" s="6">
        <v>34634</v>
      </c>
      <c r="G81" s="6">
        <v>29572</v>
      </c>
      <c r="H81" s="6">
        <v>11051</v>
      </c>
      <c r="I81" s="6">
        <v>609</v>
      </c>
      <c r="J81" s="6">
        <v>17912</v>
      </c>
      <c r="K81" s="6">
        <v>525</v>
      </c>
      <c r="L81" s="6">
        <v>750</v>
      </c>
      <c r="M81" s="6">
        <v>1997</v>
      </c>
      <c r="N81" s="6">
        <v>1605</v>
      </c>
      <c r="O81" s="10" t="s">
        <v>55</v>
      </c>
      <c r="P81" s="6">
        <v>185</v>
      </c>
      <c r="Q81" s="6">
        <v>30097</v>
      </c>
    </row>
    <row r="82" spans="1:17">
      <c r="A82" s="9" t="s">
        <v>27</v>
      </c>
      <c r="B82" s="9" t="s">
        <v>57</v>
      </c>
      <c r="C82" s="9" t="s">
        <v>58</v>
      </c>
      <c r="D82" s="9" t="s">
        <v>54</v>
      </c>
      <c r="E82" s="9" t="s">
        <v>165</v>
      </c>
      <c r="F82" s="6">
        <v>1001</v>
      </c>
      <c r="G82" s="6">
        <v>1000</v>
      </c>
      <c r="H82" s="6">
        <v>916</v>
      </c>
      <c r="I82" s="10" t="s">
        <v>55</v>
      </c>
      <c r="J82" s="6">
        <v>84</v>
      </c>
      <c r="K82" s="10" t="s">
        <v>55</v>
      </c>
      <c r="L82" s="10" t="s">
        <v>55</v>
      </c>
      <c r="M82" s="10" t="s">
        <v>55</v>
      </c>
      <c r="N82" s="10" t="s">
        <v>55</v>
      </c>
      <c r="O82" s="10" t="s">
        <v>55</v>
      </c>
      <c r="P82" s="6">
        <v>1</v>
      </c>
      <c r="Q82" s="6">
        <v>1000</v>
      </c>
    </row>
    <row r="83" spans="1:17">
      <c r="A83" s="9" t="s">
        <v>27</v>
      </c>
      <c r="B83" s="9" t="s">
        <v>57</v>
      </c>
      <c r="C83" s="9" t="s">
        <v>58</v>
      </c>
      <c r="D83" s="9" t="s">
        <v>54</v>
      </c>
      <c r="E83" s="9" t="s">
        <v>166</v>
      </c>
      <c r="F83" s="6">
        <v>1774</v>
      </c>
      <c r="G83" s="6">
        <v>925</v>
      </c>
      <c r="H83" s="6">
        <v>208</v>
      </c>
      <c r="I83" s="6">
        <v>19</v>
      </c>
      <c r="J83" s="6">
        <v>698</v>
      </c>
      <c r="K83" s="6">
        <v>17</v>
      </c>
      <c r="L83" s="6">
        <v>15</v>
      </c>
      <c r="M83" s="6">
        <v>124</v>
      </c>
      <c r="N83" s="6">
        <v>690</v>
      </c>
      <c r="O83" s="10" t="s">
        <v>55</v>
      </c>
      <c r="P83" s="6">
        <v>3</v>
      </c>
      <c r="Q83" s="6">
        <v>942</v>
      </c>
    </row>
    <row r="84" spans="1:17">
      <c r="A84" s="9" t="s">
        <v>27</v>
      </c>
      <c r="B84" s="9" t="s">
        <v>57</v>
      </c>
      <c r="C84" s="9" t="s">
        <v>58</v>
      </c>
      <c r="D84" s="9" t="s">
        <v>54</v>
      </c>
      <c r="E84" s="9" t="s">
        <v>167</v>
      </c>
      <c r="F84" s="6">
        <v>12434</v>
      </c>
      <c r="G84" s="6">
        <v>11012</v>
      </c>
      <c r="H84" s="6">
        <v>4079</v>
      </c>
      <c r="I84" s="6">
        <v>907</v>
      </c>
      <c r="J84" s="6">
        <v>6026</v>
      </c>
      <c r="K84" s="6">
        <v>177</v>
      </c>
      <c r="L84" s="6">
        <v>66</v>
      </c>
      <c r="M84" s="6">
        <v>489</v>
      </c>
      <c r="N84" s="6">
        <v>352</v>
      </c>
      <c r="O84" s="6">
        <v>269</v>
      </c>
      <c r="P84" s="6">
        <v>69</v>
      </c>
      <c r="Q84" s="6">
        <v>11189</v>
      </c>
    </row>
    <row r="85" spans="1:17">
      <c r="A85" s="9" t="s">
        <v>27</v>
      </c>
      <c r="B85" s="9" t="s">
        <v>57</v>
      </c>
      <c r="C85" s="9" t="s">
        <v>58</v>
      </c>
      <c r="D85" s="9" t="s">
        <v>54</v>
      </c>
      <c r="E85" s="9" t="s">
        <v>168</v>
      </c>
      <c r="F85" s="6">
        <v>409</v>
      </c>
      <c r="G85" s="6">
        <v>342</v>
      </c>
      <c r="H85" s="6">
        <v>196</v>
      </c>
      <c r="I85" s="6">
        <v>10</v>
      </c>
      <c r="J85" s="6">
        <v>136</v>
      </c>
      <c r="K85" s="6">
        <v>13</v>
      </c>
      <c r="L85" s="6">
        <v>7</v>
      </c>
      <c r="M85" s="6">
        <v>15</v>
      </c>
      <c r="N85" s="6">
        <v>29</v>
      </c>
      <c r="O85" s="10" t="s">
        <v>55</v>
      </c>
      <c r="P85" s="6">
        <v>3</v>
      </c>
      <c r="Q85" s="6">
        <v>355</v>
      </c>
    </row>
    <row r="86" spans="1:17">
      <c r="A86" s="9" t="s">
        <v>27</v>
      </c>
      <c r="B86" s="9" t="s">
        <v>57</v>
      </c>
      <c r="C86" s="9" t="s">
        <v>58</v>
      </c>
      <c r="D86" s="9" t="s">
        <v>54</v>
      </c>
      <c r="E86" s="9" t="s">
        <v>169</v>
      </c>
      <c r="F86" s="6">
        <v>635</v>
      </c>
      <c r="G86" s="6">
        <v>351</v>
      </c>
      <c r="H86" s="6">
        <v>263</v>
      </c>
      <c r="I86" s="6">
        <v>2</v>
      </c>
      <c r="J86" s="6">
        <v>86</v>
      </c>
      <c r="K86" s="6">
        <v>60</v>
      </c>
      <c r="L86" s="6">
        <v>11</v>
      </c>
      <c r="M86" s="6">
        <v>29</v>
      </c>
      <c r="N86" s="6">
        <v>182</v>
      </c>
      <c r="O86" s="10" t="s">
        <v>55</v>
      </c>
      <c r="P86" s="6">
        <v>2</v>
      </c>
      <c r="Q86" s="6">
        <v>411</v>
      </c>
    </row>
    <row r="87" spans="1:17">
      <c r="A87" s="9" t="s">
        <v>27</v>
      </c>
      <c r="B87" s="9" t="s">
        <v>57</v>
      </c>
      <c r="C87" s="9" t="s">
        <v>58</v>
      </c>
      <c r="D87" s="9" t="s">
        <v>54</v>
      </c>
      <c r="E87" s="9" t="s">
        <v>170</v>
      </c>
      <c r="F87" s="6">
        <v>11785</v>
      </c>
      <c r="G87" s="6">
        <v>10730</v>
      </c>
      <c r="H87" s="6">
        <v>1451</v>
      </c>
      <c r="I87" s="6">
        <v>507</v>
      </c>
      <c r="J87" s="6">
        <v>8772</v>
      </c>
      <c r="K87" s="6">
        <v>102</v>
      </c>
      <c r="L87" s="6">
        <v>22</v>
      </c>
      <c r="M87" s="6">
        <v>588</v>
      </c>
      <c r="N87" s="6">
        <v>243</v>
      </c>
      <c r="O87" s="6">
        <v>17</v>
      </c>
      <c r="P87" s="6">
        <v>83</v>
      </c>
      <c r="Q87" s="6">
        <v>10832</v>
      </c>
    </row>
    <row r="88" spans="1:17">
      <c r="A88" s="9" t="s">
        <v>27</v>
      </c>
      <c r="B88" s="9" t="s">
        <v>57</v>
      </c>
      <c r="C88" s="9" t="s">
        <v>58</v>
      </c>
      <c r="D88" s="9" t="s">
        <v>54</v>
      </c>
      <c r="E88" s="9" t="s">
        <v>171</v>
      </c>
      <c r="F88" s="6">
        <v>4303</v>
      </c>
      <c r="G88" s="6">
        <v>1736</v>
      </c>
      <c r="H88" s="6">
        <v>483</v>
      </c>
      <c r="I88" s="6">
        <v>123</v>
      </c>
      <c r="J88" s="6">
        <v>1130</v>
      </c>
      <c r="K88" s="6">
        <v>57</v>
      </c>
      <c r="L88" s="6">
        <v>22</v>
      </c>
      <c r="M88" s="6">
        <v>402</v>
      </c>
      <c r="N88" s="6">
        <v>191</v>
      </c>
      <c r="O88" s="10" t="s">
        <v>55</v>
      </c>
      <c r="P88" s="6">
        <v>1895</v>
      </c>
      <c r="Q88" s="6">
        <v>1793</v>
      </c>
    </row>
    <row r="89" spans="1:17">
      <c r="A89" s="9" t="s">
        <v>56</v>
      </c>
      <c r="B89" s="9" t="s">
        <v>57</v>
      </c>
      <c r="C89" s="9" t="s">
        <v>59</v>
      </c>
      <c r="D89" s="9" t="s">
        <v>6</v>
      </c>
      <c r="E89" s="9" t="s">
        <v>6</v>
      </c>
      <c r="F89" s="6">
        <v>24493</v>
      </c>
      <c r="G89" s="6">
        <v>20036</v>
      </c>
      <c r="H89" s="6">
        <v>13728</v>
      </c>
      <c r="I89" s="6">
        <v>408</v>
      </c>
      <c r="J89" s="6">
        <v>5900</v>
      </c>
      <c r="K89" s="6">
        <v>1450</v>
      </c>
      <c r="L89" s="6">
        <v>563</v>
      </c>
      <c r="M89" s="6">
        <v>1551</v>
      </c>
      <c r="N89" s="6">
        <v>748</v>
      </c>
      <c r="O89" s="6">
        <v>9</v>
      </c>
      <c r="P89" s="6">
        <v>136</v>
      </c>
      <c r="Q89" s="6">
        <v>21486</v>
      </c>
    </row>
    <row r="90" spans="1:17">
      <c r="A90" s="9" t="s">
        <v>56</v>
      </c>
      <c r="B90" s="9" t="s">
        <v>57</v>
      </c>
      <c r="C90" s="9" t="s">
        <v>59</v>
      </c>
      <c r="D90" s="9" t="s">
        <v>6</v>
      </c>
      <c r="E90" s="9" t="s">
        <v>160</v>
      </c>
      <c r="F90" s="6">
        <v>578</v>
      </c>
      <c r="G90" s="6">
        <v>102</v>
      </c>
      <c r="H90" s="6">
        <v>101</v>
      </c>
      <c r="I90" s="10" t="s">
        <v>55</v>
      </c>
      <c r="J90" s="6">
        <v>1</v>
      </c>
      <c r="K90" s="6">
        <v>423</v>
      </c>
      <c r="L90" s="6">
        <v>51</v>
      </c>
      <c r="M90" s="10" t="s">
        <v>55</v>
      </c>
      <c r="N90" s="6">
        <v>2</v>
      </c>
      <c r="O90" s="10" t="s">
        <v>55</v>
      </c>
      <c r="P90" s="10" t="s">
        <v>55</v>
      </c>
      <c r="Q90" s="6">
        <v>525</v>
      </c>
    </row>
    <row r="91" spans="1:17">
      <c r="A91" s="9" t="s">
        <v>56</v>
      </c>
      <c r="B91" s="9" t="s">
        <v>57</v>
      </c>
      <c r="C91" s="9" t="s">
        <v>59</v>
      </c>
      <c r="D91" s="9" t="s">
        <v>6</v>
      </c>
      <c r="E91" s="9" t="s">
        <v>161</v>
      </c>
      <c r="F91" s="6">
        <v>4406</v>
      </c>
      <c r="G91" s="6">
        <v>3758</v>
      </c>
      <c r="H91" s="6">
        <v>3094</v>
      </c>
      <c r="I91" s="6">
        <v>21</v>
      </c>
      <c r="J91" s="6">
        <v>643</v>
      </c>
      <c r="K91" s="6">
        <v>201</v>
      </c>
      <c r="L91" s="6">
        <v>134</v>
      </c>
      <c r="M91" s="6">
        <v>257</v>
      </c>
      <c r="N91" s="6">
        <v>44</v>
      </c>
      <c r="O91" s="10" t="s">
        <v>55</v>
      </c>
      <c r="P91" s="6">
        <v>12</v>
      </c>
      <c r="Q91" s="6">
        <v>3959</v>
      </c>
    </row>
    <row r="92" spans="1:17">
      <c r="A92" s="9" t="s">
        <v>56</v>
      </c>
      <c r="B92" s="9" t="s">
        <v>57</v>
      </c>
      <c r="C92" s="9" t="s">
        <v>59</v>
      </c>
      <c r="D92" s="9" t="s">
        <v>6</v>
      </c>
      <c r="E92" s="9" t="s">
        <v>162</v>
      </c>
      <c r="F92" s="6">
        <v>4792</v>
      </c>
      <c r="G92" s="6">
        <v>4279</v>
      </c>
      <c r="H92" s="6">
        <v>3161</v>
      </c>
      <c r="I92" s="6">
        <v>104</v>
      </c>
      <c r="J92" s="6">
        <v>1014</v>
      </c>
      <c r="K92" s="6">
        <v>296</v>
      </c>
      <c r="L92" s="6">
        <v>8</v>
      </c>
      <c r="M92" s="6">
        <v>15</v>
      </c>
      <c r="N92" s="6">
        <v>186</v>
      </c>
      <c r="O92" s="10" t="s">
        <v>55</v>
      </c>
      <c r="P92" s="6">
        <v>8</v>
      </c>
      <c r="Q92" s="6">
        <v>4575</v>
      </c>
    </row>
    <row r="93" spans="1:17">
      <c r="A93" s="9" t="s">
        <v>56</v>
      </c>
      <c r="B93" s="9" t="s">
        <v>57</v>
      </c>
      <c r="C93" s="9" t="s">
        <v>59</v>
      </c>
      <c r="D93" s="9" t="s">
        <v>6</v>
      </c>
      <c r="E93" s="9" t="s">
        <v>163</v>
      </c>
      <c r="F93" s="6">
        <v>2610</v>
      </c>
      <c r="G93" s="6">
        <v>2049</v>
      </c>
      <c r="H93" s="6">
        <v>1074</v>
      </c>
      <c r="I93" s="6">
        <v>16</v>
      </c>
      <c r="J93" s="6">
        <v>959</v>
      </c>
      <c r="K93" s="6">
        <v>190</v>
      </c>
      <c r="L93" s="6">
        <v>56</v>
      </c>
      <c r="M93" s="6">
        <v>224</v>
      </c>
      <c r="N93" s="6">
        <v>84</v>
      </c>
      <c r="O93" s="10" t="s">
        <v>55</v>
      </c>
      <c r="P93" s="6">
        <v>7</v>
      </c>
      <c r="Q93" s="6">
        <v>2239</v>
      </c>
    </row>
    <row r="94" spans="1:17">
      <c r="A94" s="9" t="s">
        <v>56</v>
      </c>
      <c r="B94" s="9" t="s">
        <v>57</v>
      </c>
      <c r="C94" s="9" t="s">
        <v>59</v>
      </c>
      <c r="D94" s="9" t="s">
        <v>6</v>
      </c>
      <c r="E94" s="9" t="s">
        <v>164</v>
      </c>
      <c r="F94" s="6">
        <v>3447</v>
      </c>
      <c r="G94" s="6">
        <v>2700</v>
      </c>
      <c r="H94" s="6">
        <v>1380</v>
      </c>
      <c r="I94" s="6">
        <v>34</v>
      </c>
      <c r="J94" s="6">
        <v>1286</v>
      </c>
      <c r="K94" s="6">
        <v>83</v>
      </c>
      <c r="L94" s="6">
        <v>164</v>
      </c>
      <c r="M94" s="6">
        <v>313</v>
      </c>
      <c r="N94" s="6">
        <v>176</v>
      </c>
      <c r="O94" s="10" t="s">
        <v>55</v>
      </c>
      <c r="P94" s="6">
        <v>11</v>
      </c>
      <c r="Q94" s="6">
        <v>2783</v>
      </c>
    </row>
    <row r="95" spans="1:17">
      <c r="A95" s="9" t="s">
        <v>56</v>
      </c>
      <c r="B95" s="9" t="s">
        <v>57</v>
      </c>
      <c r="C95" s="9" t="s">
        <v>59</v>
      </c>
      <c r="D95" s="9" t="s">
        <v>6</v>
      </c>
      <c r="E95" s="9" t="s">
        <v>165</v>
      </c>
      <c r="F95" s="6">
        <v>384</v>
      </c>
      <c r="G95" s="6">
        <v>382</v>
      </c>
      <c r="H95" s="6">
        <v>330</v>
      </c>
      <c r="I95" s="10" t="s">
        <v>55</v>
      </c>
      <c r="J95" s="6">
        <v>52</v>
      </c>
      <c r="K95" s="10" t="s">
        <v>55</v>
      </c>
      <c r="L95" s="10" t="s">
        <v>55</v>
      </c>
      <c r="M95" s="6">
        <v>1</v>
      </c>
      <c r="N95" s="10" t="s">
        <v>55</v>
      </c>
      <c r="O95" s="10" t="s">
        <v>55</v>
      </c>
      <c r="P95" s="6">
        <v>1</v>
      </c>
      <c r="Q95" s="6">
        <v>382</v>
      </c>
    </row>
    <row r="96" spans="1:17">
      <c r="A96" s="9" t="s">
        <v>56</v>
      </c>
      <c r="B96" s="9" t="s">
        <v>57</v>
      </c>
      <c r="C96" s="9" t="s">
        <v>59</v>
      </c>
      <c r="D96" s="9" t="s">
        <v>6</v>
      </c>
      <c r="E96" s="9" t="s">
        <v>166</v>
      </c>
      <c r="F96" s="6">
        <v>631</v>
      </c>
      <c r="G96" s="6">
        <v>260</v>
      </c>
      <c r="H96" s="6">
        <v>102</v>
      </c>
      <c r="I96" s="6">
        <v>7</v>
      </c>
      <c r="J96" s="6">
        <v>151</v>
      </c>
      <c r="K96" s="6">
        <v>12</v>
      </c>
      <c r="L96" s="6">
        <v>37</v>
      </c>
      <c r="M96" s="6">
        <v>167</v>
      </c>
      <c r="N96" s="6">
        <v>155</v>
      </c>
      <c r="O96" s="10" t="s">
        <v>55</v>
      </c>
      <c r="P96" s="10" t="s">
        <v>55</v>
      </c>
      <c r="Q96" s="6">
        <v>272</v>
      </c>
    </row>
    <row r="97" spans="1:17">
      <c r="A97" s="9" t="s">
        <v>56</v>
      </c>
      <c r="B97" s="9" t="s">
        <v>57</v>
      </c>
      <c r="C97" s="9" t="s">
        <v>59</v>
      </c>
      <c r="D97" s="9" t="s">
        <v>6</v>
      </c>
      <c r="E97" s="9" t="s">
        <v>167</v>
      </c>
      <c r="F97" s="6">
        <v>3348</v>
      </c>
      <c r="G97" s="6">
        <v>2933</v>
      </c>
      <c r="H97" s="6">
        <v>2258</v>
      </c>
      <c r="I97" s="6">
        <v>127</v>
      </c>
      <c r="J97" s="6">
        <v>548</v>
      </c>
      <c r="K97" s="6">
        <v>100</v>
      </c>
      <c r="L97" s="6">
        <v>41</v>
      </c>
      <c r="M97" s="6">
        <v>208</v>
      </c>
      <c r="N97" s="6">
        <v>45</v>
      </c>
      <c r="O97" s="6">
        <v>9</v>
      </c>
      <c r="P97" s="6">
        <v>12</v>
      </c>
      <c r="Q97" s="6">
        <v>3033</v>
      </c>
    </row>
    <row r="98" spans="1:17">
      <c r="A98" s="9" t="s">
        <v>56</v>
      </c>
      <c r="B98" s="9" t="s">
        <v>57</v>
      </c>
      <c r="C98" s="9" t="s">
        <v>59</v>
      </c>
      <c r="D98" s="9" t="s">
        <v>6</v>
      </c>
      <c r="E98" s="9" t="s">
        <v>168</v>
      </c>
      <c r="F98" s="6">
        <v>928</v>
      </c>
      <c r="G98" s="6">
        <v>874</v>
      </c>
      <c r="H98" s="6">
        <v>752</v>
      </c>
      <c r="I98" s="6">
        <v>9</v>
      </c>
      <c r="J98" s="6">
        <v>113</v>
      </c>
      <c r="K98" s="6">
        <v>22</v>
      </c>
      <c r="L98" s="6">
        <v>5</v>
      </c>
      <c r="M98" s="6">
        <v>20</v>
      </c>
      <c r="N98" s="6">
        <v>1</v>
      </c>
      <c r="O98" s="10" t="s">
        <v>55</v>
      </c>
      <c r="P98" s="6">
        <v>6</v>
      </c>
      <c r="Q98" s="6">
        <v>896</v>
      </c>
    </row>
    <row r="99" spans="1:17">
      <c r="A99" s="9" t="s">
        <v>56</v>
      </c>
      <c r="B99" s="9" t="s">
        <v>57</v>
      </c>
      <c r="C99" s="9" t="s">
        <v>59</v>
      </c>
      <c r="D99" s="9" t="s">
        <v>6</v>
      </c>
      <c r="E99" s="9" t="s">
        <v>169</v>
      </c>
      <c r="F99" s="6">
        <v>1187</v>
      </c>
      <c r="G99" s="6">
        <v>799</v>
      </c>
      <c r="H99" s="6">
        <v>727</v>
      </c>
      <c r="I99" s="10" t="s">
        <v>55</v>
      </c>
      <c r="J99" s="6">
        <v>72</v>
      </c>
      <c r="K99" s="6">
        <v>99</v>
      </c>
      <c r="L99" s="6">
        <v>56</v>
      </c>
      <c r="M99" s="6">
        <v>194</v>
      </c>
      <c r="N99" s="6">
        <v>33</v>
      </c>
      <c r="O99" s="10" t="s">
        <v>55</v>
      </c>
      <c r="P99" s="6">
        <v>6</v>
      </c>
      <c r="Q99" s="6">
        <v>898</v>
      </c>
    </row>
    <row r="100" spans="1:17">
      <c r="A100" s="9" t="s">
        <v>56</v>
      </c>
      <c r="B100" s="9" t="s">
        <v>57</v>
      </c>
      <c r="C100" s="9" t="s">
        <v>59</v>
      </c>
      <c r="D100" s="9" t="s">
        <v>6</v>
      </c>
      <c r="E100" s="9" t="s">
        <v>170</v>
      </c>
      <c r="F100" s="6">
        <v>2030</v>
      </c>
      <c r="G100" s="6">
        <v>1841</v>
      </c>
      <c r="H100" s="6">
        <v>721</v>
      </c>
      <c r="I100" s="6">
        <v>80</v>
      </c>
      <c r="J100" s="6">
        <v>1040</v>
      </c>
      <c r="K100" s="6">
        <v>24</v>
      </c>
      <c r="L100" s="6">
        <v>8</v>
      </c>
      <c r="M100" s="6">
        <v>133</v>
      </c>
      <c r="N100" s="6">
        <v>19</v>
      </c>
      <c r="O100" s="10" t="s">
        <v>55</v>
      </c>
      <c r="P100" s="6">
        <v>5</v>
      </c>
      <c r="Q100" s="6">
        <v>1865</v>
      </c>
    </row>
    <row r="101" spans="1:17">
      <c r="A101" s="9" t="s">
        <v>56</v>
      </c>
      <c r="B101" s="9" t="s">
        <v>57</v>
      </c>
      <c r="C101" s="9" t="s">
        <v>59</v>
      </c>
      <c r="D101" s="9" t="s">
        <v>6</v>
      </c>
      <c r="E101" s="9" t="s">
        <v>171</v>
      </c>
      <c r="F101" s="6">
        <v>152</v>
      </c>
      <c r="G101" s="6">
        <v>59</v>
      </c>
      <c r="H101" s="6">
        <v>28</v>
      </c>
      <c r="I101" s="6">
        <v>10</v>
      </c>
      <c r="J101" s="6">
        <v>21</v>
      </c>
      <c r="K101" s="10" t="s">
        <v>55</v>
      </c>
      <c r="L101" s="6">
        <v>3</v>
      </c>
      <c r="M101" s="6">
        <v>19</v>
      </c>
      <c r="N101" s="6">
        <v>3</v>
      </c>
      <c r="O101" s="10" t="s">
        <v>55</v>
      </c>
      <c r="P101" s="6">
        <v>68</v>
      </c>
      <c r="Q101" s="6">
        <v>59</v>
      </c>
    </row>
    <row r="102" spans="1:17">
      <c r="A102" s="9" t="s">
        <v>56</v>
      </c>
      <c r="B102" s="9" t="s">
        <v>57</v>
      </c>
      <c r="C102" s="9" t="s">
        <v>59</v>
      </c>
      <c r="D102" s="9" t="s">
        <v>53</v>
      </c>
      <c r="E102" s="9" t="s">
        <v>6</v>
      </c>
      <c r="F102" s="6">
        <v>12635</v>
      </c>
      <c r="G102" s="6">
        <v>9887</v>
      </c>
      <c r="H102" s="6">
        <v>8316</v>
      </c>
      <c r="I102" s="6">
        <v>200</v>
      </c>
      <c r="J102" s="6">
        <v>1371</v>
      </c>
      <c r="K102" s="6">
        <v>1015</v>
      </c>
      <c r="L102" s="6">
        <v>430</v>
      </c>
      <c r="M102" s="6">
        <v>1057</v>
      </c>
      <c r="N102" s="6">
        <v>162</v>
      </c>
      <c r="O102" s="6">
        <v>1</v>
      </c>
      <c r="P102" s="6">
        <v>83</v>
      </c>
      <c r="Q102" s="6">
        <v>10902</v>
      </c>
    </row>
    <row r="103" spans="1:17">
      <c r="A103" s="9" t="s">
        <v>56</v>
      </c>
      <c r="B103" s="9" t="s">
        <v>57</v>
      </c>
      <c r="C103" s="9" t="s">
        <v>59</v>
      </c>
      <c r="D103" s="9" t="s">
        <v>53</v>
      </c>
      <c r="E103" s="9" t="s">
        <v>160</v>
      </c>
      <c r="F103" s="6">
        <v>460</v>
      </c>
      <c r="G103" s="6">
        <v>95</v>
      </c>
      <c r="H103" s="6">
        <v>94</v>
      </c>
      <c r="I103" s="10" t="s">
        <v>55</v>
      </c>
      <c r="J103" s="6">
        <v>1</v>
      </c>
      <c r="K103" s="6">
        <v>337</v>
      </c>
      <c r="L103" s="6">
        <v>28</v>
      </c>
      <c r="M103" s="10" t="s">
        <v>55</v>
      </c>
      <c r="N103" s="10" t="s">
        <v>55</v>
      </c>
      <c r="O103" s="10" t="s">
        <v>55</v>
      </c>
      <c r="P103" s="10" t="s">
        <v>55</v>
      </c>
      <c r="Q103" s="6">
        <v>432</v>
      </c>
    </row>
    <row r="104" spans="1:17">
      <c r="A104" s="9" t="s">
        <v>56</v>
      </c>
      <c r="B104" s="9" t="s">
        <v>57</v>
      </c>
      <c r="C104" s="9" t="s">
        <v>59</v>
      </c>
      <c r="D104" s="9" t="s">
        <v>53</v>
      </c>
      <c r="E104" s="9" t="s">
        <v>161</v>
      </c>
      <c r="F104" s="6">
        <v>1844</v>
      </c>
      <c r="G104" s="6">
        <v>1387</v>
      </c>
      <c r="H104" s="6">
        <v>1260</v>
      </c>
      <c r="I104" s="6">
        <v>14</v>
      </c>
      <c r="J104" s="6">
        <v>113</v>
      </c>
      <c r="K104" s="6">
        <v>166</v>
      </c>
      <c r="L104" s="6">
        <v>117</v>
      </c>
      <c r="M104" s="6">
        <v>156</v>
      </c>
      <c r="N104" s="6">
        <v>16</v>
      </c>
      <c r="O104" s="10" t="s">
        <v>55</v>
      </c>
      <c r="P104" s="6">
        <v>2</v>
      </c>
      <c r="Q104" s="6">
        <v>1553</v>
      </c>
    </row>
    <row r="105" spans="1:17">
      <c r="A105" s="9" t="s">
        <v>56</v>
      </c>
      <c r="B105" s="9" t="s">
        <v>57</v>
      </c>
      <c r="C105" s="9" t="s">
        <v>59</v>
      </c>
      <c r="D105" s="9" t="s">
        <v>53</v>
      </c>
      <c r="E105" s="9" t="s">
        <v>162</v>
      </c>
      <c r="F105" s="6">
        <v>1744</v>
      </c>
      <c r="G105" s="6">
        <v>1605</v>
      </c>
      <c r="H105" s="6">
        <v>1446</v>
      </c>
      <c r="I105" s="6">
        <v>23</v>
      </c>
      <c r="J105" s="6">
        <v>136</v>
      </c>
      <c r="K105" s="6">
        <v>100</v>
      </c>
      <c r="L105" s="6">
        <v>5</v>
      </c>
      <c r="M105" s="6">
        <v>12</v>
      </c>
      <c r="N105" s="6">
        <v>16</v>
      </c>
      <c r="O105" s="10" t="s">
        <v>55</v>
      </c>
      <c r="P105" s="6">
        <v>6</v>
      </c>
      <c r="Q105" s="6">
        <v>1705</v>
      </c>
    </row>
    <row r="106" spans="1:17">
      <c r="A106" s="9" t="s">
        <v>56</v>
      </c>
      <c r="B106" s="9" t="s">
        <v>57</v>
      </c>
      <c r="C106" s="9" t="s">
        <v>59</v>
      </c>
      <c r="D106" s="9" t="s">
        <v>53</v>
      </c>
      <c r="E106" s="9" t="s">
        <v>163</v>
      </c>
      <c r="F106" s="6">
        <v>1188</v>
      </c>
      <c r="G106" s="6">
        <v>849</v>
      </c>
      <c r="H106" s="6">
        <v>685</v>
      </c>
      <c r="I106" s="6">
        <v>3</v>
      </c>
      <c r="J106" s="6">
        <v>161</v>
      </c>
      <c r="K106" s="6">
        <v>140</v>
      </c>
      <c r="L106" s="6">
        <v>41</v>
      </c>
      <c r="M106" s="6">
        <v>137</v>
      </c>
      <c r="N106" s="6">
        <v>19</v>
      </c>
      <c r="O106" s="10" t="s">
        <v>55</v>
      </c>
      <c r="P106" s="6">
        <v>2</v>
      </c>
      <c r="Q106" s="6">
        <v>989</v>
      </c>
    </row>
    <row r="107" spans="1:17">
      <c r="A107" s="9" t="s">
        <v>56</v>
      </c>
      <c r="B107" s="9" t="s">
        <v>57</v>
      </c>
      <c r="C107" s="9" t="s">
        <v>59</v>
      </c>
      <c r="D107" s="9" t="s">
        <v>53</v>
      </c>
      <c r="E107" s="9" t="s">
        <v>164</v>
      </c>
      <c r="F107" s="6">
        <v>1009</v>
      </c>
      <c r="G107" s="6">
        <v>706</v>
      </c>
      <c r="H107" s="6">
        <v>501</v>
      </c>
      <c r="I107" s="6">
        <v>7</v>
      </c>
      <c r="J107" s="6">
        <v>198</v>
      </c>
      <c r="K107" s="6">
        <v>39</v>
      </c>
      <c r="L107" s="6">
        <v>94</v>
      </c>
      <c r="M107" s="6">
        <v>132</v>
      </c>
      <c r="N107" s="6">
        <v>35</v>
      </c>
      <c r="O107" s="10" t="s">
        <v>55</v>
      </c>
      <c r="P107" s="6">
        <v>3</v>
      </c>
      <c r="Q107" s="6">
        <v>745</v>
      </c>
    </row>
    <row r="108" spans="1:17">
      <c r="A108" s="9" t="s">
        <v>56</v>
      </c>
      <c r="B108" s="9" t="s">
        <v>57</v>
      </c>
      <c r="C108" s="9" t="s">
        <v>59</v>
      </c>
      <c r="D108" s="9" t="s">
        <v>53</v>
      </c>
      <c r="E108" s="9" t="s">
        <v>165</v>
      </c>
      <c r="F108" s="6">
        <v>369</v>
      </c>
      <c r="G108" s="6">
        <v>367</v>
      </c>
      <c r="H108" s="6">
        <v>317</v>
      </c>
      <c r="I108" s="10" t="s">
        <v>55</v>
      </c>
      <c r="J108" s="6">
        <v>50</v>
      </c>
      <c r="K108" s="10" t="s">
        <v>55</v>
      </c>
      <c r="L108" s="10" t="s">
        <v>55</v>
      </c>
      <c r="M108" s="6">
        <v>1</v>
      </c>
      <c r="N108" s="10" t="s">
        <v>55</v>
      </c>
      <c r="O108" s="10" t="s">
        <v>55</v>
      </c>
      <c r="P108" s="6">
        <v>1</v>
      </c>
      <c r="Q108" s="6">
        <v>367</v>
      </c>
    </row>
    <row r="109" spans="1:17">
      <c r="A109" s="9" t="s">
        <v>56</v>
      </c>
      <c r="B109" s="9" t="s">
        <v>57</v>
      </c>
      <c r="C109" s="9" t="s">
        <v>59</v>
      </c>
      <c r="D109" s="9" t="s">
        <v>53</v>
      </c>
      <c r="E109" s="9" t="s">
        <v>166</v>
      </c>
      <c r="F109" s="6">
        <v>359</v>
      </c>
      <c r="G109" s="6">
        <v>122</v>
      </c>
      <c r="H109" s="6">
        <v>75</v>
      </c>
      <c r="I109" s="6">
        <v>1</v>
      </c>
      <c r="J109" s="6">
        <v>46</v>
      </c>
      <c r="K109" s="6">
        <v>12</v>
      </c>
      <c r="L109" s="6">
        <v>37</v>
      </c>
      <c r="M109" s="6">
        <v>153</v>
      </c>
      <c r="N109" s="6">
        <v>35</v>
      </c>
      <c r="O109" s="10" t="s">
        <v>55</v>
      </c>
      <c r="P109" s="10" t="s">
        <v>55</v>
      </c>
      <c r="Q109" s="6">
        <v>134</v>
      </c>
    </row>
    <row r="110" spans="1:17">
      <c r="A110" s="9" t="s">
        <v>56</v>
      </c>
      <c r="B110" s="9" t="s">
        <v>57</v>
      </c>
      <c r="C110" s="9" t="s">
        <v>59</v>
      </c>
      <c r="D110" s="9" t="s">
        <v>53</v>
      </c>
      <c r="E110" s="9" t="s">
        <v>167</v>
      </c>
      <c r="F110" s="6">
        <v>2473</v>
      </c>
      <c r="G110" s="6">
        <v>2160</v>
      </c>
      <c r="H110" s="6">
        <v>1920</v>
      </c>
      <c r="I110" s="6">
        <v>91</v>
      </c>
      <c r="J110" s="6">
        <v>149</v>
      </c>
      <c r="K110" s="6">
        <v>87</v>
      </c>
      <c r="L110" s="6">
        <v>38</v>
      </c>
      <c r="M110" s="6">
        <v>158</v>
      </c>
      <c r="N110" s="6">
        <v>19</v>
      </c>
      <c r="O110" s="6">
        <v>1</v>
      </c>
      <c r="P110" s="6">
        <v>10</v>
      </c>
      <c r="Q110" s="6">
        <v>2247</v>
      </c>
    </row>
    <row r="111" spans="1:17">
      <c r="A111" s="9" t="s">
        <v>56</v>
      </c>
      <c r="B111" s="9" t="s">
        <v>57</v>
      </c>
      <c r="C111" s="9" t="s">
        <v>59</v>
      </c>
      <c r="D111" s="9" t="s">
        <v>53</v>
      </c>
      <c r="E111" s="9" t="s">
        <v>168</v>
      </c>
      <c r="F111" s="6">
        <v>899</v>
      </c>
      <c r="G111" s="6">
        <v>847</v>
      </c>
      <c r="H111" s="6">
        <v>734</v>
      </c>
      <c r="I111" s="6">
        <v>9</v>
      </c>
      <c r="J111" s="6">
        <v>104</v>
      </c>
      <c r="K111" s="6">
        <v>21</v>
      </c>
      <c r="L111" s="6">
        <v>5</v>
      </c>
      <c r="M111" s="6">
        <v>20</v>
      </c>
      <c r="N111" s="10" t="s">
        <v>55</v>
      </c>
      <c r="O111" s="10" t="s">
        <v>55</v>
      </c>
      <c r="P111" s="6">
        <v>6</v>
      </c>
      <c r="Q111" s="6">
        <v>868</v>
      </c>
    </row>
    <row r="112" spans="1:17">
      <c r="A112" s="9" t="s">
        <v>56</v>
      </c>
      <c r="B112" s="9" t="s">
        <v>57</v>
      </c>
      <c r="C112" s="9" t="s">
        <v>59</v>
      </c>
      <c r="D112" s="9" t="s">
        <v>53</v>
      </c>
      <c r="E112" s="9" t="s">
        <v>169</v>
      </c>
      <c r="F112" s="6">
        <v>1150</v>
      </c>
      <c r="G112" s="6">
        <v>782</v>
      </c>
      <c r="H112" s="6">
        <v>712</v>
      </c>
      <c r="I112" s="10" t="s">
        <v>55</v>
      </c>
      <c r="J112" s="6">
        <v>70</v>
      </c>
      <c r="K112" s="6">
        <v>95</v>
      </c>
      <c r="L112" s="6">
        <v>56</v>
      </c>
      <c r="M112" s="6">
        <v>194</v>
      </c>
      <c r="N112" s="6">
        <v>18</v>
      </c>
      <c r="O112" s="10" t="s">
        <v>55</v>
      </c>
      <c r="P112" s="6">
        <v>5</v>
      </c>
      <c r="Q112" s="6">
        <v>877</v>
      </c>
    </row>
    <row r="113" spans="1:17">
      <c r="A113" s="9" t="s">
        <v>56</v>
      </c>
      <c r="B113" s="9" t="s">
        <v>57</v>
      </c>
      <c r="C113" s="9" t="s">
        <v>59</v>
      </c>
      <c r="D113" s="9" t="s">
        <v>53</v>
      </c>
      <c r="E113" s="9" t="s">
        <v>170</v>
      </c>
      <c r="F113" s="6">
        <v>1046</v>
      </c>
      <c r="G113" s="6">
        <v>935</v>
      </c>
      <c r="H113" s="6">
        <v>556</v>
      </c>
      <c r="I113" s="6">
        <v>44</v>
      </c>
      <c r="J113" s="6">
        <v>335</v>
      </c>
      <c r="K113" s="6">
        <v>18</v>
      </c>
      <c r="L113" s="6">
        <v>8</v>
      </c>
      <c r="M113" s="6">
        <v>79</v>
      </c>
      <c r="N113" s="6">
        <v>4</v>
      </c>
      <c r="O113" s="10" t="s">
        <v>55</v>
      </c>
      <c r="P113" s="6">
        <v>2</v>
      </c>
      <c r="Q113" s="6">
        <v>953</v>
      </c>
    </row>
    <row r="114" spans="1:17">
      <c r="A114" s="9" t="s">
        <v>56</v>
      </c>
      <c r="B114" s="9" t="s">
        <v>57</v>
      </c>
      <c r="C114" s="9" t="s">
        <v>59</v>
      </c>
      <c r="D114" s="9" t="s">
        <v>53</v>
      </c>
      <c r="E114" s="9" t="s">
        <v>171</v>
      </c>
      <c r="F114" s="6">
        <v>94</v>
      </c>
      <c r="G114" s="6">
        <v>32</v>
      </c>
      <c r="H114" s="6">
        <v>16</v>
      </c>
      <c r="I114" s="6">
        <v>8</v>
      </c>
      <c r="J114" s="6">
        <v>8</v>
      </c>
      <c r="K114" s="10" t="s">
        <v>55</v>
      </c>
      <c r="L114" s="6">
        <v>1</v>
      </c>
      <c r="M114" s="6">
        <v>15</v>
      </c>
      <c r="N114" s="10" t="s">
        <v>55</v>
      </c>
      <c r="O114" s="10" t="s">
        <v>55</v>
      </c>
      <c r="P114" s="6">
        <v>46</v>
      </c>
      <c r="Q114" s="6">
        <v>32</v>
      </c>
    </row>
    <row r="115" spans="1:17">
      <c r="A115" s="9" t="s">
        <v>56</v>
      </c>
      <c r="B115" s="9" t="s">
        <v>57</v>
      </c>
      <c r="C115" s="9" t="s">
        <v>59</v>
      </c>
      <c r="D115" s="9" t="s">
        <v>54</v>
      </c>
      <c r="E115" s="9" t="s">
        <v>6</v>
      </c>
      <c r="F115" s="6">
        <v>11858</v>
      </c>
      <c r="G115" s="6">
        <v>10149</v>
      </c>
      <c r="H115" s="6">
        <v>5412</v>
      </c>
      <c r="I115" s="6">
        <v>208</v>
      </c>
      <c r="J115" s="6">
        <v>4529</v>
      </c>
      <c r="K115" s="6">
        <v>435</v>
      </c>
      <c r="L115" s="6">
        <v>133</v>
      </c>
      <c r="M115" s="6">
        <v>494</v>
      </c>
      <c r="N115" s="6">
        <v>586</v>
      </c>
      <c r="O115" s="6">
        <v>8</v>
      </c>
      <c r="P115" s="6">
        <v>53</v>
      </c>
      <c r="Q115" s="6">
        <v>10584</v>
      </c>
    </row>
    <row r="116" spans="1:17">
      <c r="A116" s="9" t="s">
        <v>56</v>
      </c>
      <c r="B116" s="9" t="s">
        <v>57</v>
      </c>
      <c r="C116" s="9" t="s">
        <v>59</v>
      </c>
      <c r="D116" s="9" t="s">
        <v>54</v>
      </c>
      <c r="E116" s="9" t="s">
        <v>160</v>
      </c>
      <c r="F116" s="6">
        <v>118</v>
      </c>
      <c r="G116" s="6">
        <v>7</v>
      </c>
      <c r="H116" s="6">
        <v>7</v>
      </c>
      <c r="I116" s="10" t="s">
        <v>55</v>
      </c>
      <c r="J116" s="10" t="s">
        <v>55</v>
      </c>
      <c r="K116" s="6">
        <v>86</v>
      </c>
      <c r="L116" s="6">
        <v>23</v>
      </c>
      <c r="M116" s="10" t="s">
        <v>55</v>
      </c>
      <c r="N116" s="6">
        <v>2</v>
      </c>
      <c r="O116" s="10" t="s">
        <v>55</v>
      </c>
      <c r="P116" s="10" t="s">
        <v>55</v>
      </c>
      <c r="Q116" s="6">
        <v>93</v>
      </c>
    </row>
    <row r="117" spans="1:17">
      <c r="A117" s="9" t="s">
        <v>56</v>
      </c>
      <c r="B117" s="9" t="s">
        <v>57</v>
      </c>
      <c r="C117" s="9" t="s">
        <v>59</v>
      </c>
      <c r="D117" s="9" t="s">
        <v>54</v>
      </c>
      <c r="E117" s="9" t="s">
        <v>161</v>
      </c>
      <c r="F117" s="6">
        <v>2562</v>
      </c>
      <c r="G117" s="6">
        <v>2371</v>
      </c>
      <c r="H117" s="6">
        <v>1834</v>
      </c>
      <c r="I117" s="6">
        <v>7</v>
      </c>
      <c r="J117" s="6">
        <v>530</v>
      </c>
      <c r="K117" s="6">
        <v>35</v>
      </c>
      <c r="L117" s="6">
        <v>17</v>
      </c>
      <c r="M117" s="6">
        <v>101</v>
      </c>
      <c r="N117" s="6">
        <v>28</v>
      </c>
      <c r="O117" s="10" t="s">
        <v>55</v>
      </c>
      <c r="P117" s="6">
        <v>10</v>
      </c>
      <c r="Q117" s="6">
        <v>2406</v>
      </c>
    </row>
    <row r="118" spans="1:17">
      <c r="A118" s="9" t="s">
        <v>56</v>
      </c>
      <c r="B118" s="9" t="s">
        <v>57</v>
      </c>
      <c r="C118" s="9" t="s">
        <v>59</v>
      </c>
      <c r="D118" s="9" t="s">
        <v>54</v>
      </c>
      <c r="E118" s="9" t="s">
        <v>162</v>
      </c>
      <c r="F118" s="6">
        <v>3048</v>
      </c>
      <c r="G118" s="6">
        <v>2674</v>
      </c>
      <c r="H118" s="6">
        <v>1715</v>
      </c>
      <c r="I118" s="6">
        <v>81</v>
      </c>
      <c r="J118" s="6">
        <v>878</v>
      </c>
      <c r="K118" s="6">
        <v>196</v>
      </c>
      <c r="L118" s="6">
        <v>3</v>
      </c>
      <c r="M118" s="6">
        <v>3</v>
      </c>
      <c r="N118" s="6">
        <v>170</v>
      </c>
      <c r="O118" s="10" t="s">
        <v>55</v>
      </c>
      <c r="P118" s="6">
        <v>2</v>
      </c>
      <c r="Q118" s="6">
        <v>2870</v>
      </c>
    </row>
    <row r="119" spans="1:17">
      <c r="A119" s="9" t="s">
        <v>56</v>
      </c>
      <c r="B119" s="9" t="s">
        <v>57</v>
      </c>
      <c r="C119" s="9" t="s">
        <v>59</v>
      </c>
      <c r="D119" s="9" t="s">
        <v>54</v>
      </c>
      <c r="E119" s="9" t="s">
        <v>163</v>
      </c>
      <c r="F119" s="6">
        <v>1422</v>
      </c>
      <c r="G119" s="6">
        <v>1200</v>
      </c>
      <c r="H119" s="6">
        <v>389</v>
      </c>
      <c r="I119" s="6">
        <v>13</v>
      </c>
      <c r="J119" s="6">
        <v>798</v>
      </c>
      <c r="K119" s="6">
        <v>50</v>
      </c>
      <c r="L119" s="6">
        <v>15</v>
      </c>
      <c r="M119" s="6">
        <v>87</v>
      </c>
      <c r="N119" s="6">
        <v>65</v>
      </c>
      <c r="O119" s="10" t="s">
        <v>55</v>
      </c>
      <c r="P119" s="6">
        <v>5</v>
      </c>
      <c r="Q119" s="6">
        <v>1250</v>
      </c>
    </row>
    <row r="120" spans="1:17">
      <c r="A120" s="9" t="s">
        <v>56</v>
      </c>
      <c r="B120" s="9" t="s">
        <v>57</v>
      </c>
      <c r="C120" s="9" t="s">
        <v>59</v>
      </c>
      <c r="D120" s="9" t="s">
        <v>54</v>
      </c>
      <c r="E120" s="9" t="s">
        <v>164</v>
      </c>
      <c r="F120" s="6">
        <v>2438</v>
      </c>
      <c r="G120" s="6">
        <v>1994</v>
      </c>
      <c r="H120" s="6">
        <v>879</v>
      </c>
      <c r="I120" s="6">
        <v>27</v>
      </c>
      <c r="J120" s="6">
        <v>1088</v>
      </c>
      <c r="K120" s="6">
        <v>44</v>
      </c>
      <c r="L120" s="6">
        <v>70</v>
      </c>
      <c r="M120" s="6">
        <v>181</v>
      </c>
      <c r="N120" s="6">
        <v>141</v>
      </c>
      <c r="O120" s="10" t="s">
        <v>55</v>
      </c>
      <c r="P120" s="6">
        <v>8</v>
      </c>
      <c r="Q120" s="6">
        <v>2038</v>
      </c>
    </row>
    <row r="121" spans="1:17">
      <c r="A121" s="9" t="s">
        <v>56</v>
      </c>
      <c r="B121" s="9" t="s">
        <v>57</v>
      </c>
      <c r="C121" s="9" t="s">
        <v>59</v>
      </c>
      <c r="D121" s="9" t="s">
        <v>54</v>
      </c>
      <c r="E121" s="9" t="s">
        <v>165</v>
      </c>
      <c r="F121" s="6">
        <v>15</v>
      </c>
      <c r="G121" s="6">
        <v>15</v>
      </c>
      <c r="H121" s="6">
        <v>13</v>
      </c>
      <c r="I121" s="10" t="s">
        <v>55</v>
      </c>
      <c r="J121" s="6">
        <v>2</v>
      </c>
      <c r="K121" s="10" t="s">
        <v>55</v>
      </c>
      <c r="L121" s="10" t="s">
        <v>55</v>
      </c>
      <c r="M121" s="10" t="s">
        <v>55</v>
      </c>
      <c r="N121" s="10" t="s">
        <v>55</v>
      </c>
      <c r="O121" s="10" t="s">
        <v>55</v>
      </c>
      <c r="P121" s="10" t="s">
        <v>55</v>
      </c>
      <c r="Q121" s="6">
        <v>15</v>
      </c>
    </row>
    <row r="122" spans="1:17">
      <c r="A122" s="9" t="s">
        <v>56</v>
      </c>
      <c r="B122" s="9" t="s">
        <v>57</v>
      </c>
      <c r="C122" s="9" t="s">
        <v>59</v>
      </c>
      <c r="D122" s="9" t="s">
        <v>54</v>
      </c>
      <c r="E122" s="9" t="s">
        <v>166</v>
      </c>
      <c r="F122" s="6">
        <v>272</v>
      </c>
      <c r="G122" s="6">
        <v>138</v>
      </c>
      <c r="H122" s="6">
        <v>27</v>
      </c>
      <c r="I122" s="6">
        <v>6</v>
      </c>
      <c r="J122" s="6">
        <v>105</v>
      </c>
      <c r="K122" s="10" t="s">
        <v>55</v>
      </c>
      <c r="L122" s="10" t="s">
        <v>55</v>
      </c>
      <c r="M122" s="6">
        <v>14</v>
      </c>
      <c r="N122" s="6">
        <v>120</v>
      </c>
      <c r="O122" s="10" t="s">
        <v>55</v>
      </c>
      <c r="P122" s="10" t="s">
        <v>55</v>
      </c>
      <c r="Q122" s="6">
        <v>138</v>
      </c>
    </row>
    <row r="123" spans="1:17">
      <c r="A123" s="9" t="s">
        <v>56</v>
      </c>
      <c r="B123" s="9" t="s">
        <v>57</v>
      </c>
      <c r="C123" s="9" t="s">
        <v>59</v>
      </c>
      <c r="D123" s="9" t="s">
        <v>54</v>
      </c>
      <c r="E123" s="9" t="s">
        <v>167</v>
      </c>
      <c r="F123" s="6">
        <v>875</v>
      </c>
      <c r="G123" s="6">
        <v>773</v>
      </c>
      <c r="H123" s="6">
        <v>338</v>
      </c>
      <c r="I123" s="6">
        <v>36</v>
      </c>
      <c r="J123" s="6">
        <v>399</v>
      </c>
      <c r="K123" s="6">
        <v>13</v>
      </c>
      <c r="L123" s="6">
        <v>3</v>
      </c>
      <c r="M123" s="6">
        <v>50</v>
      </c>
      <c r="N123" s="6">
        <v>26</v>
      </c>
      <c r="O123" s="6">
        <v>8</v>
      </c>
      <c r="P123" s="6">
        <v>2</v>
      </c>
      <c r="Q123" s="6">
        <v>786</v>
      </c>
    </row>
    <row r="124" spans="1:17">
      <c r="A124" s="9" t="s">
        <v>56</v>
      </c>
      <c r="B124" s="9" t="s">
        <v>57</v>
      </c>
      <c r="C124" s="9" t="s">
        <v>59</v>
      </c>
      <c r="D124" s="9" t="s">
        <v>54</v>
      </c>
      <c r="E124" s="9" t="s">
        <v>168</v>
      </c>
      <c r="F124" s="6">
        <v>29</v>
      </c>
      <c r="G124" s="6">
        <v>27</v>
      </c>
      <c r="H124" s="6">
        <v>18</v>
      </c>
      <c r="I124" s="10" t="s">
        <v>55</v>
      </c>
      <c r="J124" s="6">
        <v>9</v>
      </c>
      <c r="K124" s="6">
        <v>1</v>
      </c>
      <c r="L124" s="10" t="s">
        <v>55</v>
      </c>
      <c r="M124" s="10" t="s">
        <v>55</v>
      </c>
      <c r="N124" s="6">
        <v>1</v>
      </c>
      <c r="O124" s="10" t="s">
        <v>55</v>
      </c>
      <c r="P124" s="10" t="s">
        <v>55</v>
      </c>
      <c r="Q124" s="6">
        <v>28</v>
      </c>
    </row>
    <row r="125" spans="1:17">
      <c r="A125" s="9" t="s">
        <v>56</v>
      </c>
      <c r="B125" s="9" t="s">
        <v>57</v>
      </c>
      <c r="C125" s="9" t="s">
        <v>59</v>
      </c>
      <c r="D125" s="9" t="s">
        <v>54</v>
      </c>
      <c r="E125" s="9" t="s">
        <v>169</v>
      </c>
      <c r="F125" s="6">
        <v>37</v>
      </c>
      <c r="G125" s="6">
        <v>17</v>
      </c>
      <c r="H125" s="6">
        <v>15</v>
      </c>
      <c r="I125" s="10" t="s">
        <v>55</v>
      </c>
      <c r="J125" s="6">
        <v>2</v>
      </c>
      <c r="K125" s="6">
        <v>4</v>
      </c>
      <c r="L125" s="10" t="s">
        <v>55</v>
      </c>
      <c r="M125" s="10" t="s">
        <v>55</v>
      </c>
      <c r="N125" s="6">
        <v>15</v>
      </c>
      <c r="O125" s="10" t="s">
        <v>55</v>
      </c>
      <c r="P125" s="6">
        <v>1</v>
      </c>
      <c r="Q125" s="6">
        <v>21</v>
      </c>
    </row>
    <row r="126" spans="1:17">
      <c r="A126" s="9" t="s">
        <v>56</v>
      </c>
      <c r="B126" s="9" t="s">
        <v>57</v>
      </c>
      <c r="C126" s="9" t="s">
        <v>59</v>
      </c>
      <c r="D126" s="9" t="s">
        <v>54</v>
      </c>
      <c r="E126" s="9" t="s">
        <v>170</v>
      </c>
      <c r="F126" s="6">
        <v>984</v>
      </c>
      <c r="G126" s="6">
        <v>906</v>
      </c>
      <c r="H126" s="6">
        <v>165</v>
      </c>
      <c r="I126" s="6">
        <v>36</v>
      </c>
      <c r="J126" s="6">
        <v>705</v>
      </c>
      <c r="K126" s="6">
        <v>6</v>
      </c>
      <c r="L126" s="10" t="s">
        <v>55</v>
      </c>
      <c r="M126" s="6">
        <v>54</v>
      </c>
      <c r="N126" s="6">
        <v>15</v>
      </c>
      <c r="O126" s="10" t="s">
        <v>55</v>
      </c>
      <c r="P126" s="6">
        <v>3</v>
      </c>
      <c r="Q126" s="6">
        <v>912</v>
      </c>
    </row>
    <row r="127" spans="1:17">
      <c r="A127" s="9" t="s">
        <v>56</v>
      </c>
      <c r="B127" s="9" t="s">
        <v>57</v>
      </c>
      <c r="C127" s="9" t="s">
        <v>59</v>
      </c>
      <c r="D127" s="9" t="s">
        <v>54</v>
      </c>
      <c r="E127" s="9" t="s">
        <v>171</v>
      </c>
      <c r="F127" s="6">
        <v>58</v>
      </c>
      <c r="G127" s="6">
        <v>27</v>
      </c>
      <c r="H127" s="6">
        <v>12</v>
      </c>
      <c r="I127" s="6">
        <v>2</v>
      </c>
      <c r="J127" s="6">
        <v>13</v>
      </c>
      <c r="K127" s="10" t="s">
        <v>55</v>
      </c>
      <c r="L127" s="6">
        <v>2</v>
      </c>
      <c r="M127" s="6">
        <v>4</v>
      </c>
      <c r="N127" s="6">
        <v>3</v>
      </c>
      <c r="O127" s="10" t="s">
        <v>55</v>
      </c>
      <c r="P127" s="6">
        <v>22</v>
      </c>
      <c r="Q127" s="6">
        <v>27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43" orientation="portrait" r:id="rId1"/>
</worksheet>
</file>

<file path=xl/worksheets/sheet1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04B3649-0261-4E08-A8F1-A16C27F08BB1}">
  <sheetPr>
    <pageSetUpPr fitToPage="1"/>
  </sheetPr>
  <dimension ref="A1:AC127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6.25" style="11" customWidth="1"/>
    <col min="6" max="16384" width="12.625" style="11"/>
  </cols>
  <sheetData>
    <row r="1" spans="1:29" s="1" customFormat="1">
      <c r="A1" s="1" t="s">
        <v>0</v>
      </c>
    </row>
    <row r="2" spans="1:29" s="1" customFormat="1">
      <c r="A2" s="1" t="s">
        <v>173</v>
      </c>
    </row>
    <row r="3" spans="1:29" s="1" customFormat="1"/>
    <row r="4" spans="1:29" s="1" customFormat="1" hidden="1"/>
    <row r="5" spans="1:29" s="1" customFormat="1">
      <c r="F5" s="3" t="s">
        <v>106</v>
      </c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  <c r="T5" s="3" t="s">
        <v>106</v>
      </c>
      <c r="U5" s="3" t="s">
        <v>106</v>
      </c>
      <c r="V5" s="3" t="s">
        <v>106</v>
      </c>
      <c r="W5" s="3" t="s">
        <v>106</v>
      </c>
      <c r="X5" s="3" t="s">
        <v>106</v>
      </c>
      <c r="Y5" s="3" t="s">
        <v>106</v>
      </c>
      <c r="Z5" s="3" t="s">
        <v>106</v>
      </c>
      <c r="AA5" s="3" t="s">
        <v>106</v>
      </c>
      <c r="AB5" s="3" t="s">
        <v>106</v>
      </c>
      <c r="AC5" s="3" t="s">
        <v>151</v>
      </c>
    </row>
    <row r="6" spans="1:29" s="1" customFormat="1">
      <c r="F6" s="3" t="s">
        <v>25</v>
      </c>
      <c r="G6" s="3" t="s">
        <v>25</v>
      </c>
      <c r="H6" s="3" t="s">
        <v>25</v>
      </c>
      <c r="I6" s="3" t="s">
        <v>25</v>
      </c>
      <c r="J6" s="3" t="s">
        <v>25</v>
      </c>
      <c r="K6" s="3" t="s">
        <v>25</v>
      </c>
      <c r="L6" s="3" t="s">
        <v>25</v>
      </c>
      <c r="M6" s="3" t="s">
        <v>25</v>
      </c>
      <c r="N6" s="3" t="s">
        <v>25</v>
      </c>
      <c r="O6" s="3" t="s">
        <v>25</v>
      </c>
      <c r="P6" s="3" t="s">
        <v>25</v>
      </c>
      <c r="Q6" s="3" t="s">
        <v>25</v>
      </c>
      <c r="R6" s="3" t="s">
        <v>25</v>
      </c>
      <c r="S6" s="3" t="s">
        <v>25</v>
      </c>
      <c r="T6" s="3" t="s">
        <v>25</v>
      </c>
      <c r="U6" s="3" t="s">
        <v>25</v>
      </c>
      <c r="V6" s="3" t="s">
        <v>25</v>
      </c>
      <c r="W6" s="3" t="s">
        <v>25</v>
      </c>
      <c r="X6" s="3" t="s">
        <v>25</v>
      </c>
      <c r="Y6" s="3" t="s">
        <v>25</v>
      </c>
      <c r="Z6" s="3" t="s">
        <v>25</v>
      </c>
      <c r="AA6" s="3" t="s">
        <v>25</v>
      </c>
      <c r="AB6" s="3" t="s">
        <v>25</v>
      </c>
      <c r="AC6" s="3"/>
    </row>
    <row r="7" spans="1:29" s="1" customFormat="1">
      <c r="F7" s="3">
        <v>1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  <c r="W7" s="3">
        <v>1</v>
      </c>
      <c r="X7" s="3">
        <v>1</v>
      </c>
      <c r="Y7" s="3">
        <v>1</v>
      </c>
      <c r="Z7" s="3">
        <v>1</v>
      </c>
      <c r="AA7" s="3">
        <v>1</v>
      </c>
      <c r="AB7" s="3">
        <v>1</v>
      </c>
      <c r="AC7" s="3"/>
    </row>
    <row r="8" spans="1:29" s="1" customFormat="1" ht="24">
      <c r="F8" s="3" t="s">
        <v>30</v>
      </c>
      <c r="G8" s="3" t="s">
        <v>31</v>
      </c>
      <c r="H8" s="3" t="s">
        <v>32</v>
      </c>
      <c r="I8" s="3" t="s">
        <v>33</v>
      </c>
      <c r="J8" s="3" t="s">
        <v>34</v>
      </c>
      <c r="K8" s="3" t="s">
        <v>35</v>
      </c>
      <c r="L8" s="3" t="s">
        <v>36</v>
      </c>
      <c r="M8" s="3" t="s">
        <v>37</v>
      </c>
      <c r="N8" s="3" t="s">
        <v>38</v>
      </c>
      <c r="O8" s="3" t="s">
        <v>39</v>
      </c>
      <c r="P8" s="3" t="s">
        <v>40</v>
      </c>
      <c r="Q8" s="3" t="s">
        <v>41</v>
      </c>
      <c r="R8" s="3" t="s">
        <v>42</v>
      </c>
      <c r="S8" s="3" t="s">
        <v>43</v>
      </c>
      <c r="T8" s="3" t="s">
        <v>44</v>
      </c>
      <c r="U8" s="3" t="s">
        <v>45</v>
      </c>
      <c r="V8" s="3" t="s">
        <v>46</v>
      </c>
      <c r="W8" s="3" t="s">
        <v>47</v>
      </c>
      <c r="X8" s="3" t="s">
        <v>48</v>
      </c>
      <c r="Y8" s="3" t="s">
        <v>49</v>
      </c>
      <c r="Z8" s="3" t="s">
        <v>50</v>
      </c>
      <c r="AA8" s="3" t="s">
        <v>51</v>
      </c>
      <c r="AB8" s="3" t="s">
        <v>52</v>
      </c>
      <c r="AC8" s="3"/>
    </row>
    <row r="9" spans="1:29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  <c r="AC9" s="4" t="s">
        <v>152</v>
      </c>
    </row>
    <row r="10" spans="1:29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59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</row>
    <row r="11" spans="1:2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6">
        <v>57643225</v>
      </c>
      <c r="G11" s="6">
        <v>786795</v>
      </c>
      <c r="H11" s="6">
        <v>3489163</v>
      </c>
      <c r="I11" s="6">
        <v>4287963</v>
      </c>
      <c r="J11" s="6">
        <v>4577146</v>
      </c>
      <c r="K11" s="6">
        <v>5228646</v>
      </c>
      <c r="L11" s="6">
        <v>6146340</v>
      </c>
      <c r="M11" s="6">
        <v>7287886</v>
      </c>
      <c r="N11" s="6">
        <v>6434140</v>
      </c>
      <c r="O11" s="6">
        <v>5815244</v>
      </c>
      <c r="P11" s="6">
        <v>4865428</v>
      </c>
      <c r="Q11" s="6">
        <v>3814699</v>
      </c>
      <c r="R11" s="6">
        <v>2882904</v>
      </c>
      <c r="S11" s="6">
        <v>1246049</v>
      </c>
      <c r="T11" s="6">
        <v>530752</v>
      </c>
      <c r="U11" s="6">
        <v>195919</v>
      </c>
      <c r="V11" s="6">
        <v>48074</v>
      </c>
      <c r="W11" s="6">
        <v>6077</v>
      </c>
      <c r="X11" s="6">
        <v>48918751</v>
      </c>
      <c r="Y11" s="6">
        <v>8724474</v>
      </c>
      <c r="Z11" s="6">
        <v>2026871</v>
      </c>
      <c r="AA11" s="6">
        <v>250070</v>
      </c>
      <c r="AB11" s="6">
        <v>51946655</v>
      </c>
      <c r="AC11" s="7">
        <v>48.006320000000002</v>
      </c>
    </row>
    <row r="12" spans="1:2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60</v>
      </c>
      <c r="F12" s="6">
        <v>1170866</v>
      </c>
      <c r="G12" s="6">
        <v>85</v>
      </c>
      <c r="H12" s="6">
        <v>1364</v>
      </c>
      <c r="I12" s="6">
        <v>5853</v>
      </c>
      <c r="J12" s="6">
        <v>17424</v>
      </c>
      <c r="K12" s="6">
        <v>39663</v>
      </c>
      <c r="L12" s="6">
        <v>72340</v>
      </c>
      <c r="M12" s="6">
        <v>118079</v>
      </c>
      <c r="N12" s="6">
        <v>142523</v>
      </c>
      <c r="O12" s="6">
        <v>180609</v>
      </c>
      <c r="P12" s="6">
        <v>184147</v>
      </c>
      <c r="Q12" s="6">
        <v>146581</v>
      </c>
      <c r="R12" s="6">
        <v>134246</v>
      </c>
      <c r="S12" s="6">
        <v>73326</v>
      </c>
      <c r="T12" s="6">
        <v>35246</v>
      </c>
      <c r="U12" s="6">
        <v>14860</v>
      </c>
      <c r="V12" s="6">
        <v>3892</v>
      </c>
      <c r="W12" s="6">
        <v>628</v>
      </c>
      <c r="X12" s="6">
        <v>762087</v>
      </c>
      <c r="Y12" s="6">
        <v>408779</v>
      </c>
      <c r="Z12" s="6">
        <v>127952</v>
      </c>
      <c r="AA12" s="6">
        <v>19380</v>
      </c>
      <c r="AB12" s="6">
        <v>908583</v>
      </c>
      <c r="AC12" s="7">
        <v>59.98292</v>
      </c>
    </row>
    <row r="13" spans="1:2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61</v>
      </c>
      <c r="F13" s="6">
        <v>10275114</v>
      </c>
      <c r="G13" s="6">
        <v>41797</v>
      </c>
      <c r="H13" s="6">
        <v>652001</v>
      </c>
      <c r="I13" s="6">
        <v>1090024</v>
      </c>
      <c r="J13" s="6">
        <v>1067886</v>
      </c>
      <c r="K13" s="6">
        <v>1132618</v>
      </c>
      <c r="L13" s="6">
        <v>1240984</v>
      </c>
      <c r="M13" s="6">
        <v>1277024</v>
      </c>
      <c r="N13" s="6">
        <v>1129328</v>
      </c>
      <c r="O13" s="6">
        <v>1043514</v>
      </c>
      <c r="P13" s="6">
        <v>763913</v>
      </c>
      <c r="Q13" s="6">
        <v>437021</v>
      </c>
      <c r="R13" s="6">
        <v>252876</v>
      </c>
      <c r="S13" s="6">
        <v>91358</v>
      </c>
      <c r="T13" s="6">
        <v>35891</v>
      </c>
      <c r="U13" s="6">
        <v>14313</v>
      </c>
      <c r="V13" s="6">
        <v>4094</v>
      </c>
      <c r="W13" s="6">
        <v>472</v>
      </c>
      <c r="X13" s="6">
        <v>9439089</v>
      </c>
      <c r="Y13" s="6">
        <v>836025</v>
      </c>
      <c r="Z13" s="6">
        <v>146128</v>
      </c>
      <c r="AA13" s="6">
        <v>18879</v>
      </c>
      <c r="AB13" s="6">
        <v>9834313</v>
      </c>
      <c r="AC13" s="7">
        <v>45.013039999999997</v>
      </c>
    </row>
    <row r="14" spans="1:2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62</v>
      </c>
      <c r="F14" s="6">
        <v>11670626</v>
      </c>
      <c r="G14" s="6">
        <v>51397</v>
      </c>
      <c r="H14" s="6">
        <v>499255</v>
      </c>
      <c r="I14" s="6">
        <v>896765</v>
      </c>
      <c r="J14" s="6">
        <v>1009002</v>
      </c>
      <c r="K14" s="6">
        <v>1156302</v>
      </c>
      <c r="L14" s="6">
        <v>1427676</v>
      </c>
      <c r="M14" s="6">
        <v>1820103</v>
      </c>
      <c r="N14" s="6">
        <v>1587291</v>
      </c>
      <c r="O14" s="6">
        <v>1361424</v>
      </c>
      <c r="P14" s="6">
        <v>943171</v>
      </c>
      <c r="Q14" s="6">
        <v>471377</v>
      </c>
      <c r="R14" s="6">
        <v>284780</v>
      </c>
      <c r="S14" s="6">
        <v>108619</v>
      </c>
      <c r="T14" s="6">
        <v>37723</v>
      </c>
      <c r="U14" s="6">
        <v>12626</v>
      </c>
      <c r="V14" s="6">
        <v>2798</v>
      </c>
      <c r="W14" s="6">
        <v>317</v>
      </c>
      <c r="X14" s="6">
        <v>10752386</v>
      </c>
      <c r="Y14" s="6">
        <v>918240</v>
      </c>
      <c r="Z14" s="6">
        <v>162083</v>
      </c>
      <c r="AA14" s="6">
        <v>15741</v>
      </c>
      <c r="AB14" s="6">
        <v>11172366</v>
      </c>
      <c r="AC14" s="7">
        <v>46.781750000000002</v>
      </c>
    </row>
    <row r="15" spans="1:2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63</v>
      </c>
      <c r="F15" s="6">
        <v>6862265</v>
      </c>
      <c r="G15" s="6">
        <v>183448</v>
      </c>
      <c r="H15" s="6">
        <v>568356</v>
      </c>
      <c r="I15" s="6">
        <v>557511</v>
      </c>
      <c r="J15" s="6">
        <v>561298</v>
      </c>
      <c r="K15" s="6">
        <v>635233</v>
      </c>
      <c r="L15" s="6">
        <v>705019</v>
      </c>
      <c r="M15" s="6">
        <v>857917</v>
      </c>
      <c r="N15" s="6">
        <v>758417</v>
      </c>
      <c r="O15" s="6">
        <v>661462</v>
      </c>
      <c r="P15" s="6">
        <v>513686</v>
      </c>
      <c r="Q15" s="6">
        <v>358581</v>
      </c>
      <c r="R15" s="6">
        <v>271830</v>
      </c>
      <c r="S15" s="6">
        <v>129464</v>
      </c>
      <c r="T15" s="6">
        <v>63089</v>
      </c>
      <c r="U15" s="6">
        <v>27395</v>
      </c>
      <c r="V15" s="6">
        <v>8187</v>
      </c>
      <c r="W15" s="6">
        <v>1372</v>
      </c>
      <c r="X15" s="6">
        <v>6002347</v>
      </c>
      <c r="Y15" s="6">
        <v>859918</v>
      </c>
      <c r="Z15" s="6">
        <v>229507</v>
      </c>
      <c r="AA15" s="6">
        <v>36954</v>
      </c>
      <c r="AB15" s="6">
        <v>6177480</v>
      </c>
      <c r="AC15" s="7">
        <v>46.114190000000001</v>
      </c>
    </row>
    <row r="16" spans="1:2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64</v>
      </c>
      <c r="F16" s="6">
        <v>6802033</v>
      </c>
      <c r="G16" s="6">
        <v>226473</v>
      </c>
      <c r="H16" s="6">
        <v>619373</v>
      </c>
      <c r="I16" s="6">
        <v>434029</v>
      </c>
      <c r="J16" s="6">
        <v>472157</v>
      </c>
      <c r="K16" s="6">
        <v>570987</v>
      </c>
      <c r="L16" s="6">
        <v>659754</v>
      </c>
      <c r="M16" s="6">
        <v>739149</v>
      </c>
      <c r="N16" s="6">
        <v>660552</v>
      </c>
      <c r="O16" s="6">
        <v>617140</v>
      </c>
      <c r="P16" s="6">
        <v>584536</v>
      </c>
      <c r="Q16" s="6">
        <v>554579</v>
      </c>
      <c r="R16" s="6">
        <v>432488</v>
      </c>
      <c r="S16" s="6">
        <v>162407</v>
      </c>
      <c r="T16" s="6">
        <v>52462</v>
      </c>
      <c r="U16" s="6">
        <v>13253</v>
      </c>
      <c r="V16" s="6">
        <v>2403</v>
      </c>
      <c r="W16" s="6">
        <v>291</v>
      </c>
      <c r="X16" s="6">
        <v>5584150</v>
      </c>
      <c r="Y16" s="6">
        <v>1217883</v>
      </c>
      <c r="Z16" s="6">
        <v>230816</v>
      </c>
      <c r="AA16" s="6">
        <v>15947</v>
      </c>
      <c r="AB16" s="6">
        <v>5912256</v>
      </c>
      <c r="AC16" s="7">
        <v>47.547980000000003</v>
      </c>
    </row>
    <row r="17" spans="1:2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65</v>
      </c>
      <c r="F17" s="6">
        <v>1097989</v>
      </c>
      <c r="G17" s="6">
        <v>18617</v>
      </c>
      <c r="H17" s="6">
        <v>88707</v>
      </c>
      <c r="I17" s="6">
        <v>98913</v>
      </c>
      <c r="J17" s="6">
        <v>106768</v>
      </c>
      <c r="K17" s="6">
        <v>108602</v>
      </c>
      <c r="L17" s="6">
        <v>110564</v>
      </c>
      <c r="M17" s="6">
        <v>113737</v>
      </c>
      <c r="N17" s="6">
        <v>93702</v>
      </c>
      <c r="O17" s="6">
        <v>88700</v>
      </c>
      <c r="P17" s="6">
        <v>83863</v>
      </c>
      <c r="Q17" s="6">
        <v>86454</v>
      </c>
      <c r="R17" s="6">
        <v>70259</v>
      </c>
      <c r="S17" s="6">
        <v>24161</v>
      </c>
      <c r="T17" s="6">
        <v>4515</v>
      </c>
      <c r="U17" s="6">
        <v>402</v>
      </c>
      <c r="V17" s="6">
        <v>25</v>
      </c>
      <c r="W17" s="10" t="s">
        <v>55</v>
      </c>
      <c r="X17" s="6">
        <v>912173</v>
      </c>
      <c r="Y17" s="6">
        <v>185816</v>
      </c>
      <c r="Z17" s="6">
        <v>29103</v>
      </c>
      <c r="AA17" s="6">
        <v>427</v>
      </c>
      <c r="AB17" s="6">
        <v>980010</v>
      </c>
      <c r="AC17" s="7">
        <v>46.588659999999997</v>
      </c>
    </row>
    <row r="18" spans="1:2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66</v>
      </c>
      <c r="F18" s="6">
        <v>1895441</v>
      </c>
      <c r="G18" s="6">
        <v>6711</v>
      </c>
      <c r="H18" s="6">
        <v>41402</v>
      </c>
      <c r="I18" s="6">
        <v>51222</v>
      </c>
      <c r="J18" s="6">
        <v>66293</v>
      </c>
      <c r="K18" s="6">
        <v>87279</v>
      </c>
      <c r="L18" s="6">
        <v>98264</v>
      </c>
      <c r="M18" s="6">
        <v>105003</v>
      </c>
      <c r="N18" s="6">
        <v>100594</v>
      </c>
      <c r="O18" s="6">
        <v>125605</v>
      </c>
      <c r="P18" s="6">
        <v>194612</v>
      </c>
      <c r="Q18" s="6">
        <v>306432</v>
      </c>
      <c r="R18" s="6">
        <v>322637</v>
      </c>
      <c r="S18" s="6">
        <v>193582</v>
      </c>
      <c r="T18" s="6">
        <v>126591</v>
      </c>
      <c r="U18" s="6">
        <v>55320</v>
      </c>
      <c r="V18" s="6">
        <v>12627</v>
      </c>
      <c r="W18" s="6">
        <v>1267</v>
      </c>
      <c r="X18" s="6">
        <v>876985</v>
      </c>
      <c r="Y18" s="6">
        <v>1018456</v>
      </c>
      <c r="Z18" s="6">
        <v>389387</v>
      </c>
      <c r="AA18" s="6">
        <v>69214</v>
      </c>
      <c r="AB18" s="6">
        <v>1176706</v>
      </c>
      <c r="AC18" s="7">
        <v>61.909109999999998</v>
      </c>
    </row>
    <row r="19" spans="1:2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67</v>
      </c>
      <c r="F19" s="6">
        <v>7641867</v>
      </c>
      <c r="G19" s="6">
        <v>115797</v>
      </c>
      <c r="H19" s="6">
        <v>523534</v>
      </c>
      <c r="I19" s="6">
        <v>616872</v>
      </c>
      <c r="J19" s="6">
        <v>685974</v>
      </c>
      <c r="K19" s="6">
        <v>754593</v>
      </c>
      <c r="L19" s="6">
        <v>874766</v>
      </c>
      <c r="M19" s="6">
        <v>1023360</v>
      </c>
      <c r="N19" s="6">
        <v>855130</v>
      </c>
      <c r="O19" s="6">
        <v>728182</v>
      </c>
      <c r="P19" s="6">
        <v>578775</v>
      </c>
      <c r="Q19" s="6">
        <v>417455</v>
      </c>
      <c r="R19" s="6">
        <v>287126</v>
      </c>
      <c r="S19" s="6">
        <v>119601</v>
      </c>
      <c r="T19" s="6">
        <v>44966</v>
      </c>
      <c r="U19" s="6">
        <v>13081</v>
      </c>
      <c r="V19" s="6">
        <v>2402</v>
      </c>
      <c r="W19" s="6">
        <v>253</v>
      </c>
      <c r="X19" s="6">
        <v>6756983</v>
      </c>
      <c r="Y19" s="6">
        <v>884884</v>
      </c>
      <c r="Z19" s="6">
        <v>180303</v>
      </c>
      <c r="AA19" s="6">
        <v>15736</v>
      </c>
      <c r="AB19" s="6">
        <v>7058641</v>
      </c>
      <c r="AC19" s="7">
        <v>46.245289999999997</v>
      </c>
    </row>
    <row r="20" spans="1:2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68</v>
      </c>
      <c r="F20" s="6">
        <v>1945557</v>
      </c>
      <c r="G20" s="6">
        <v>5433</v>
      </c>
      <c r="H20" s="6">
        <v>42228</v>
      </c>
      <c r="I20" s="6">
        <v>71293</v>
      </c>
      <c r="J20" s="6">
        <v>92721</v>
      </c>
      <c r="K20" s="6">
        <v>131343</v>
      </c>
      <c r="L20" s="6">
        <v>186789</v>
      </c>
      <c r="M20" s="6">
        <v>271772</v>
      </c>
      <c r="N20" s="6">
        <v>271491</v>
      </c>
      <c r="O20" s="6">
        <v>252336</v>
      </c>
      <c r="P20" s="6">
        <v>230867</v>
      </c>
      <c r="Q20" s="6">
        <v>208660</v>
      </c>
      <c r="R20" s="6">
        <v>144775</v>
      </c>
      <c r="S20" s="6">
        <v>31126</v>
      </c>
      <c r="T20" s="6">
        <v>4103</v>
      </c>
      <c r="U20" s="6">
        <v>544</v>
      </c>
      <c r="V20" s="6">
        <v>75</v>
      </c>
      <c r="W20" s="6">
        <v>1</v>
      </c>
      <c r="X20" s="6">
        <v>1556273</v>
      </c>
      <c r="Y20" s="6">
        <v>389284</v>
      </c>
      <c r="Z20" s="6">
        <v>35849</v>
      </c>
      <c r="AA20" s="6">
        <v>620</v>
      </c>
      <c r="AB20" s="6">
        <v>1759500</v>
      </c>
      <c r="AC20" s="7">
        <v>52.603949999999998</v>
      </c>
    </row>
    <row r="21" spans="1:2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69</v>
      </c>
      <c r="F21" s="6">
        <v>2461426</v>
      </c>
      <c r="G21" s="6">
        <v>27164</v>
      </c>
      <c r="H21" s="6">
        <v>121941</v>
      </c>
      <c r="I21" s="6">
        <v>153633</v>
      </c>
      <c r="J21" s="6">
        <v>164217</v>
      </c>
      <c r="K21" s="6">
        <v>212834</v>
      </c>
      <c r="L21" s="6">
        <v>281529</v>
      </c>
      <c r="M21" s="6">
        <v>342946</v>
      </c>
      <c r="N21" s="6">
        <v>270562</v>
      </c>
      <c r="O21" s="6">
        <v>227434</v>
      </c>
      <c r="P21" s="6">
        <v>232596</v>
      </c>
      <c r="Q21" s="6">
        <v>224105</v>
      </c>
      <c r="R21" s="6">
        <v>145481</v>
      </c>
      <c r="S21" s="6">
        <v>43220</v>
      </c>
      <c r="T21" s="6">
        <v>10973</v>
      </c>
      <c r="U21" s="6">
        <v>2367</v>
      </c>
      <c r="V21" s="6">
        <v>405</v>
      </c>
      <c r="W21" s="6">
        <v>19</v>
      </c>
      <c r="X21" s="6">
        <v>2034856</v>
      </c>
      <c r="Y21" s="6">
        <v>426570</v>
      </c>
      <c r="Z21" s="6">
        <v>56984</v>
      </c>
      <c r="AA21" s="6">
        <v>2791</v>
      </c>
      <c r="AB21" s="6">
        <v>2231797</v>
      </c>
      <c r="AC21" s="7">
        <v>49.155940000000001</v>
      </c>
    </row>
    <row r="22" spans="1:2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70</v>
      </c>
      <c r="F22" s="6">
        <v>4194830</v>
      </c>
      <c r="G22" s="6">
        <v>65905</v>
      </c>
      <c r="H22" s="6">
        <v>199930</v>
      </c>
      <c r="I22" s="6">
        <v>198829</v>
      </c>
      <c r="J22" s="6">
        <v>236132</v>
      </c>
      <c r="K22" s="6">
        <v>295191</v>
      </c>
      <c r="L22" s="6">
        <v>369964</v>
      </c>
      <c r="M22" s="6">
        <v>477276</v>
      </c>
      <c r="N22" s="6">
        <v>440780</v>
      </c>
      <c r="O22" s="6">
        <v>423718</v>
      </c>
      <c r="P22" s="6">
        <v>454482</v>
      </c>
      <c r="Q22" s="6">
        <v>473282</v>
      </c>
      <c r="R22" s="6">
        <v>373526</v>
      </c>
      <c r="S22" s="6">
        <v>143240</v>
      </c>
      <c r="T22" s="6">
        <v>35046</v>
      </c>
      <c r="U22" s="6">
        <v>6360</v>
      </c>
      <c r="V22" s="6">
        <v>1042</v>
      </c>
      <c r="W22" s="6">
        <v>127</v>
      </c>
      <c r="X22" s="6">
        <v>3162207</v>
      </c>
      <c r="Y22" s="6">
        <v>1032623</v>
      </c>
      <c r="Z22" s="6">
        <v>185815</v>
      </c>
      <c r="AA22" s="6">
        <v>7529</v>
      </c>
      <c r="AB22" s="6">
        <v>3569584</v>
      </c>
      <c r="AC22" s="7">
        <v>51.921610000000001</v>
      </c>
    </row>
    <row r="23" spans="1:2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71</v>
      </c>
      <c r="F23" s="6">
        <v>1625211</v>
      </c>
      <c r="G23" s="6">
        <v>43968</v>
      </c>
      <c r="H23" s="6">
        <v>131072</v>
      </c>
      <c r="I23" s="6">
        <v>113019</v>
      </c>
      <c r="J23" s="6">
        <v>97274</v>
      </c>
      <c r="K23" s="6">
        <v>104001</v>
      </c>
      <c r="L23" s="6">
        <v>118691</v>
      </c>
      <c r="M23" s="6">
        <v>141520</v>
      </c>
      <c r="N23" s="6">
        <v>123770</v>
      </c>
      <c r="O23" s="6">
        <v>105120</v>
      </c>
      <c r="P23" s="6">
        <v>100780</v>
      </c>
      <c r="Q23" s="6">
        <v>130172</v>
      </c>
      <c r="R23" s="6">
        <v>162880</v>
      </c>
      <c r="S23" s="6">
        <v>125945</v>
      </c>
      <c r="T23" s="6">
        <v>80147</v>
      </c>
      <c r="U23" s="6">
        <v>35398</v>
      </c>
      <c r="V23" s="6">
        <v>10124</v>
      </c>
      <c r="W23" s="6">
        <v>1330</v>
      </c>
      <c r="X23" s="6">
        <v>1079215</v>
      </c>
      <c r="Y23" s="6">
        <v>545996</v>
      </c>
      <c r="Z23" s="6">
        <v>252944</v>
      </c>
      <c r="AA23" s="6">
        <v>46852</v>
      </c>
      <c r="AB23" s="6">
        <v>1165419</v>
      </c>
      <c r="AC23" s="7">
        <v>52.676499999999997</v>
      </c>
    </row>
    <row r="24" spans="1:29">
      <c r="A24" s="9" t="s">
        <v>27</v>
      </c>
      <c r="B24" s="9" t="s">
        <v>28</v>
      </c>
      <c r="C24" s="9" t="s">
        <v>29</v>
      </c>
      <c r="D24" s="9" t="s">
        <v>53</v>
      </c>
      <c r="E24" s="9" t="s">
        <v>6</v>
      </c>
      <c r="F24" s="6">
        <v>31501307</v>
      </c>
      <c r="G24" s="6">
        <v>398900</v>
      </c>
      <c r="H24" s="6">
        <v>1749180</v>
      </c>
      <c r="I24" s="6">
        <v>2249992</v>
      </c>
      <c r="J24" s="6">
        <v>2522293</v>
      </c>
      <c r="K24" s="6">
        <v>2883380</v>
      </c>
      <c r="L24" s="6">
        <v>3335879</v>
      </c>
      <c r="M24" s="6">
        <v>3910236</v>
      </c>
      <c r="N24" s="6">
        <v>3442070</v>
      </c>
      <c r="O24" s="6">
        <v>3161054</v>
      </c>
      <c r="P24" s="6">
        <v>2743770</v>
      </c>
      <c r="Q24" s="6">
        <v>2212215</v>
      </c>
      <c r="R24" s="6">
        <v>1703070</v>
      </c>
      <c r="S24" s="6">
        <v>734225</v>
      </c>
      <c r="T24" s="6">
        <v>313955</v>
      </c>
      <c r="U24" s="6">
        <v>113199</v>
      </c>
      <c r="V24" s="6">
        <v>25168</v>
      </c>
      <c r="W24" s="6">
        <v>2721</v>
      </c>
      <c r="X24" s="6">
        <v>26396754</v>
      </c>
      <c r="Y24" s="6">
        <v>5104553</v>
      </c>
      <c r="Z24" s="6">
        <v>1189268</v>
      </c>
      <c r="AA24" s="6">
        <v>141088</v>
      </c>
      <c r="AB24" s="6">
        <v>28210069</v>
      </c>
      <c r="AC24" s="7">
        <v>48.494459999999997</v>
      </c>
    </row>
    <row r="25" spans="1:29">
      <c r="A25" s="9" t="s">
        <v>27</v>
      </c>
      <c r="B25" s="9" t="s">
        <v>28</v>
      </c>
      <c r="C25" s="9" t="s">
        <v>29</v>
      </c>
      <c r="D25" s="9" t="s">
        <v>53</v>
      </c>
      <c r="E25" s="9" t="s">
        <v>160</v>
      </c>
      <c r="F25" s="6">
        <v>987417</v>
      </c>
      <c r="G25" s="6">
        <v>60</v>
      </c>
      <c r="H25" s="6">
        <v>1000</v>
      </c>
      <c r="I25" s="6">
        <v>4570</v>
      </c>
      <c r="J25" s="6">
        <v>14036</v>
      </c>
      <c r="K25" s="6">
        <v>32933</v>
      </c>
      <c r="L25" s="6">
        <v>61401</v>
      </c>
      <c r="M25" s="6">
        <v>100881</v>
      </c>
      <c r="N25" s="6">
        <v>121542</v>
      </c>
      <c r="O25" s="6">
        <v>155461</v>
      </c>
      <c r="P25" s="6">
        <v>159846</v>
      </c>
      <c r="Q25" s="6">
        <v>124035</v>
      </c>
      <c r="R25" s="6">
        <v>110615</v>
      </c>
      <c r="S25" s="6">
        <v>59612</v>
      </c>
      <c r="T25" s="6">
        <v>27557</v>
      </c>
      <c r="U25" s="6">
        <v>10927</v>
      </c>
      <c r="V25" s="6">
        <v>2560</v>
      </c>
      <c r="W25" s="6">
        <v>381</v>
      </c>
      <c r="X25" s="6">
        <v>651730</v>
      </c>
      <c r="Y25" s="6">
        <v>335687</v>
      </c>
      <c r="Z25" s="6">
        <v>101037</v>
      </c>
      <c r="AA25" s="6">
        <v>13868</v>
      </c>
      <c r="AB25" s="6">
        <v>775705</v>
      </c>
      <c r="AC25" s="7">
        <v>59.809519999999999</v>
      </c>
    </row>
    <row r="26" spans="1:29">
      <c r="A26" s="9" t="s">
        <v>27</v>
      </c>
      <c r="B26" s="9" t="s">
        <v>28</v>
      </c>
      <c r="C26" s="9" t="s">
        <v>29</v>
      </c>
      <c r="D26" s="9" t="s">
        <v>53</v>
      </c>
      <c r="E26" s="9" t="s">
        <v>161</v>
      </c>
      <c r="F26" s="6">
        <v>5212775</v>
      </c>
      <c r="G26" s="6">
        <v>23665</v>
      </c>
      <c r="H26" s="6">
        <v>258343</v>
      </c>
      <c r="I26" s="6">
        <v>503878</v>
      </c>
      <c r="J26" s="6">
        <v>541772</v>
      </c>
      <c r="K26" s="6">
        <v>573223</v>
      </c>
      <c r="L26" s="6">
        <v>620372</v>
      </c>
      <c r="M26" s="6">
        <v>637145</v>
      </c>
      <c r="N26" s="6">
        <v>568151</v>
      </c>
      <c r="O26" s="6">
        <v>535200</v>
      </c>
      <c r="P26" s="6">
        <v>411063</v>
      </c>
      <c r="Q26" s="6">
        <v>265229</v>
      </c>
      <c r="R26" s="6">
        <v>169919</v>
      </c>
      <c r="S26" s="6">
        <v>64584</v>
      </c>
      <c r="T26" s="6">
        <v>26350</v>
      </c>
      <c r="U26" s="6">
        <v>10574</v>
      </c>
      <c r="V26" s="6">
        <v>2975</v>
      </c>
      <c r="W26" s="6">
        <v>332</v>
      </c>
      <c r="X26" s="6">
        <v>4672812</v>
      </c>
      <c r="Y26" s="6">
        <v>539963</v>
      </c>
      <c r="Z26" s="6">
        <v>104815</v>
      </c>
      <c r="AA26" s="6">
        <v>13881</v>
      </c>
      <c r="AB26" s="6">
        <v>4914376</v>
      </c>
      <c r="AC26" s="7">
        <v>46.177770000000002</v>
      </c>
    </row>
    <row r="27" spans="1:29">
      <c r="A27" s="9" t="s">
        <v>27</v>
      </c>
      <c r="B27" s="9" t="s">
        <v>28</v>
      </c>
      <c r="C27" s="9" t="s">
        <v>29</v>
      </c>
      <c r="D27" s="9" t="s">
        <v>53</v>
      </c>
      <c r="E27" s="9" t="s">
        <v>162</v>
      </c>
      <c r="F27" s="6">
        <v>4549030</v>
      </c>
      <c r="G27" s="6">
        <v>16835</v>
      </c>
      <c r="H27" s="6">
        <v>161281</v>
      </c>
      <c r="I27" s="6">
        <v>304890</v>
      </c>
      <c r="J27" s="6">
        <v>368006</v>
      </c>
      <c r="K27" s="6">
        <v>424266</v>
      </c>
      <c r="L27" s="6">
        <v>514684</v>
      </c>
      <c r="M27" s="6">
        <v>673687</v>
      </c>
      <c r="N27" s="6">
        <v>636581</v>
      </c>
      <c r="O27" s="6">
        <v>606620</v>
      </c>
      <c r="P27" s="6">
        <v>464434</v>
      </c>
      <c r="Q27" s="6">
        <v>212738</v>
      </c>
      <c r="R27" s="6">
        <v>109298</v>
      </c>
      <c r="S27" s="6">
        <v>37877</v>
      </c>
      <c r="T27" s="6">
        <v>12583</v>
      </c>
      <c r="U27" s="6">
        <v>4194</v>
      </c>
      <c r="V27" s="6">
        <v>957</v>
      </c>
      <c r="W27" s="6">
        <v>99</v>
      </c>
      <c r="X27" s="6">
        <v>4171284</v>
      </c>
      <c r="Y27" s="6">
        <v>377746</v>
      </c>
      <c r="Z27" s="6">
        <v>55710</v>
      </c>
      <c r="AA27" s="6">
        <v>5250</v>
      </c>
      <c r="AB27" s="6">
        <v>4367187</v>
      </c>
      <c r="AC27" s="7">
        <v>47.94435</v>
      </c>
    </row>
    <row r="28" spans="1:29">
      <c r="A28" s="9" t="s">
        <v>27</v>
      </c>
      <c r="B28" s="9" t="s">
        <v>28</v>
      </c>
      <c r="C28" s="9" t="s">
        <v>29</v>
      </c>
      <c r="D28" s="9" t="s">
        <v>53</v>
      </c>
      <c r="E28" s="9" t="s">
        <v>163</v>
      </c>
      <c r="F28" s="6">
        <v>3724422</v>
      </c>
      <c r="G28" s="6">
        <v>68503</v>
      </c>
      <c r="H28" s="6">
        <v>251334</v>
      </c>
      <c r="I28" s="6">
        <v>292627</v>
      </c>
      <c r="J28" s="6">
        <v>314298</v>
      </c>
      <c r="K28" s="6">
        <v>368995</v>
      </c>
      <c r="L28" s="6">
        <v>407373</v>
      </c>
      <c r="M28" s="6">
        <v>491994</v>
      </c>
      <c r="N28" s="6">
        <v>421863</v>
      </c>
      <c r="O28" s="6">
        <v>360409</v>
      </c>
      <c r="P28" s="6">
        <v>275503</v>
      </c>
      <c r="Q28" s="6">
        <v>188859</v>
      </c>
      <c r="R28" s="6">
        <v>154200</v>
      </c>
      <c r="S28" s="6">
        <v>74877</v>
      </c>
      <c r="T28" s="6">
        <v>35482</v>
      </c>
      <c r="U28" s="6">
        <v>13936</v>
      </c>
      <c r="V28" s="6">
        <v>3634</v>
      </c>
      <c r="W28" s="6">
        <v>535</v>
      </c>
      <c r="X28" s="6">
        <v>3252899</v>
      </c>
      <c r="Y28" s="6">
        <v>471523</v>
      </c>
      <c r="Z28" s="6">
        <v>128464</v>
      </c>
      <c r="AA28" s="6">
        <v>18105</v>
      </c>
      <c r="AB28" s="6">
        <v>3373255</v>
      </c>
      <c r="AC28" s="7">
        <v>46.709229999999998</v>
      </c>
    </row>
    <row r="29" spans="1:29">
      <c r="A29" s="9" t="s">
        <v>27</v>
      </c>
      <c r="B29" s="9" t="s">
        <v>28</v>
      </c>
      <c r="C29" s="9" t="s">
        <v>29</v>
      </c>
      <c r="D29" s="9" t="s">
        <v>53</v>
      </c>
      <c r="E29" s="9" t="s">
        <v>164</v>
      </c>
      <c r="F29" s="6">
        <v>2113623</v>
      </c>
      <c r="G29" s="6">
        <v>89187</v>
      </c>
      <c r="H29" s="6">
        <v>244709</v>
      </c>
      <c r="I29" s="6">
        <v>152477</v>
      </c>
      <c r="J29" s="6">
        <v>171383</v>
      </c>
      <c r="K29" s="6">
        <v>199064</v>
      </c>
      <c r="L29" s="6">
        <v>209947</v>
      </c>
      <c r="M29" s="6">
        <v>204148</v>
      </c>
      <c r="N29" s="6">
        <v>158788</v>
      </c>
      <c r="O29" s="6">
        <v>137313</v>
      </c>
      <c r="P29" s="6">
        <v>143427</v>
      </c>
      <c r="Q29" s="6">
        <v>170199</v>
      </c>
      <c r="R29" s="6">
        <v>144975</v>
      </c>
      <c r="S29" s="6">
        <v>60491</v>
      </c>
      <c r="T29" s="6">
        <v>21515</v>
      </c>
      <c r="U29" s="6">
        <v>5132</v>
      </c>
      <c r="V29" s="6">
        <v>800</v>
      </c>
      <c r="W29" s="6">
        <v>68</v>
      </c>
      <c r="X29" s="6">
        <v>1710443</v>
      </c>
      <c r="Y29" s="6">
        <v>403180</v>
      </c>
      <c r="Z29" s="6">
        <v>88006</v>
      </c>
      <c r="AA29" s="6">
        <v>6000</v>
      </c>
      <c r="AB29" s="6">
        <v>1791455</v>
      </c>
      <c r="AC29" s="7">
        <v>45.918840000000003</v>
      </c>
    </row>
    <row r="30" spans="1:29">
      <c r="A30" s="9" t="s">
        <v>27</v>
      </c>
      <c r="B30" s="9" t="s">
        <v>28</v>
      </c>
      <c r="C30" s="9" t="s">
        <v>29</v>
      </c>
      <c r="D30" s="9" t="s">
        <v>53</v>
      </c>
      <c r="E30" s="9" t="s">
        <v>165</v>
      </c>
      <c r="F30" s="6">
        <v>1011738</v>
      </c>
      <c r="G30" s="6">
        <v>14886</v>
      </c>
      <c r="H30" s="6">
        <v>74496</v>
      </c>
      <c r="I30" s="6">
        <v>86945</v>
      </c>
      <c r="J30" s="6">
        <v>96880</v>
      </c>
      <c r="K30" s="6">
        <v>100154</v>
      </c>
      <c r="L30" s="6">
        <v>102659</v>
      </c>
      <c r="M30" s="6">
        <v>104690</v>
      </c>
      <c r="N30" s="6">
        <v>87290</v>
      </c>
      <c r="O30" s="6">
        <v>83352</v>
      </c>
      <c r="P30" s="6">
        <v>79988</v>
      </c>
      <c r="Q30" s="6">
        <v>83622</v>
      </c>
      <c r="R30" s="6">
        <v>68433</v>
      </c>
      <c r="S30" s="6">
        <v>23550</v>
      </c>
      <c r="T30" s="6">
        <v>4388</v>
      </c>
      <c r="U30" s="6">
        <v>384</v>
      </c>
      <c r="V30" s="6">
        <v>21</v>
      </c>
      <c r="W30" s="10" t="s">
        <v>55</v>
      </c>
      <c r="X30" s="6">
        <v>831340</v>
      </c>
      <c r="Y30" s="6">
        <v>180398</v>
      </c>
      <c r="Z30" s="6">
        <v>28343</v>
      </c>
      <c r="AA30" s="6">
        <v>405</v>
      </c>
      <c r="AB30" s="6">
        <v>900076</v>
      </c>
      <c r="AC30" s="7">
        <v>47.211530000000003</v>
      </c>
    </row>
    <row r="31" spans="1:29">
      <c r="A31" s="9" t="s">
        <v>27</v>
      </c>
      <c r="B31" s="9" t="s">
        <v>28</v>
      </c>
      <c r="C31" s="9" t="s">
        <v>29</v>
      </c>
      <c r="D31" s="9" t="s">
        <v>53</v>
      </c>
      <c r="E31" s="9" t="s">
        <v>166</v>
      </c>
      <c r="F31" s="6">
        <v>1202637</v>
      </c>
      <c r="G31" s="6">
        <v>5016</v>
      </c>
      <c r="H31" s="6">
        <v>28773</v>
      </c>
      <c r="I31" s="6">
        <v>36909</v>
      </c>
      <c r="J31" s="6">
        <v>47054</v>
      </c>
      <c r="K31" s="6">
        <v>60512</v>
      </c>
      <c r="L31" s="6">
        <v>66859</v>
      </c>
      <c r="M31" s="6">
        <v>69007</v>
      </c>
      <c r="N31" s="6">
        <v>64065</v>
      </c>
      <c r="O31" s="6">
        <v>76664</v>
      </c>
      <c r="P31" s="6">
        <v>116178</v>
      </c>
      <c r="Q31" s="6">
        <v>188468</v>
      </c>
      <c r="R31" s="6">
        <v>205184</v>
      </c>
      <c r="S31" s="6">
        <v>117867</v>
      </c>
      <c r="T31" s="6">
        <v>77640</v>
      </c>
      <c r="U31" s="6">
        <v>34495</v>
      </c>
      <c r="V31" s="6">
        <v>7298</v>
      </c>
      <c r="W31" s="6">
        <v>648</v>
      </c>
      <c r="X31" s="6">
        <v>571037</v>
      </c>
      <c r="Y31" s="6">
        <v>631600</v>
      </c>
      <c r="Z31" s="6">
        <v>237948</v>
      </c>
      <c r="AA31" s="6">
        <v>42441</v>
      </c>
      <c r="AB31" s="6">
        <v>754489</v>
      </c>
      <c r="AC31" s="7">
        <v>61.184310000000004</v>
      </c>
    </row>
    <row r="32" spans="1:29">
      <c r="A32" s="9" t="s">
        <v>27</v>
      </c>
      <c r="B32" s="9" t="s">
        <v>28</v>
      </c>
      <c r="C32" s="9" t="s">
        <v>29</v>
      </c>
      <c r="D32" s="9" t="s">
        <v>53</v>
      </c>
      <c r="E32" s="9" t="s">
        <v>167</v>
      </c>
      <c r="F32" s="6">
        <v>5341606</v>
      </c>
      <c r="G32" s="6">
        <v>82923</v>
      </c>
      <c r="H32" s="6">
        <v>364637</v>
      </c>
      <c r="I32" s="6">
        <v>455045</v>
      </c>
      <c r="J32" s="6">
        <v>515118</v>
      </c>
      <c r="K32" s="6">
        <v>556569</v>
      </c>
      <c r="L32" s="6">
        <v>629343</v>
      </c>
      <c r="M32" s="6">
        <v>716752</v>
      </c>
      <c r="N32" s="6">
        <v>581281</v>
      </c>
      <c r="O32" s="6">
        <v>486702</v>
      </c>
      <c r="P32" s="6">
        <v>371642</v>
      </c>
      <c r="Q32" s="6">
        <v>261666</v>
      </c>
      <c r="R32" s="6">
        <v>192034</v>
      </c>
      <c r="S32" s="6">
        <v>85032</v>
      </c>
      <c r="T32" s="6">
        <v>32261</v>
      </c>
      <c r="U32" s="6">
        <v>8958</v>
      </c>
      <c r="V32" s="6">
        <v>1510</v>
      </c>
      <c r="W32" s="6">
        <v>133</v>
      </c>
      <c r="X32" s="6">
        <v>4760012</v>
      </c>
      <c r="Y32" s="6">
        <v>581594</v>
      </c>
      <c r="Z32" s="6">
        <v>127894</v>
      </c>
      <c r="AA32" s="6">
        <v>10601</v>
      </c>
      <c r="AB32" s="6">
        <v>4938755</v>
      </c>
      <c r="AC32" s="7">
        <v>45.689010000000003</v>
      </c>
    </row>
    <row r="33" spans="1:29">
      <c r="A33" s="9" t="s">
        <v>27</v>
      </c>
      <c r="B33" s="9" t="s">
        <v>28</v>
      </c>
      <c r="C33" s="9" t="s">
        <v>29</v>
      </c>
      <c r="D33" s="9" t="s">
        <v>53</v>
      </c>
      <c r="E33" s="9" t="s">
        <v>168</v>
      </c>
      <c r="F33" s="6">
        <v>1867544</v>
      </c>
      <c r="G33" s="6">
        <v>4859</v>
      </c>
      <c r="H33" s="6">
        <v>38133</v>
      </c>
      <c r="I33" s="6">
        <v>65537</v>
      </c>
      <c r="J33" s="6">
        <v>87224</v>
      </c>
      <c r="K33" s="6">
        <v>124854</v>
      </c>
      <c r="L33" s="6">
        <v>177846</v>
      </c>
      <c r="M33" s="6">
        <v>257024</v>
      </c>
      <c r="N33" s="6">
        <v>259441</v>
      </c>
      <c r="O33" s="6">
        <v>244434</v>
      </c>
      <c r="P33" s="6">
        <v>225606</v>
      </c>
      <c r="Q33" s="6">
        <v>204630</v>
      </c>
      <c r="R33" s="6">
        <v>142723</v>
      </c>
      <c r="S33" s="6">
        <v>30640</v>
      </c>
      <c r="T33" s="6">
        <v>3998</v>
      </c>
      <c r="U33" s="6">
        <v>521</v>
      </c>
      <c r="V33" s="6">
        <v>73</v>
      </c>
      <c r="W33" s="6">
        <v>1</v>
      </c>
      <c r="X33" s="6">
        <v>1484958</v>
      </c>
      <c r="Y33" s="6">
        <v>382586</v>
      </c>
      <c r="Z33" s="6">
        <v>35233</v>
      </c>
      <c r="AA33" s="6">
        <v>595</v>
      </c>
      <c r="AB33" s="6">
        <v>1684729</v>
      </c>
      <c r="AC33" s="7">
        <v>52.847969999999997</v>
      </c>
    </row>
    <row r="34" spans="1:29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169</v>
      </c>
      <c r="F34" s="6">
        <v>2391224</v>
      </c>
      <c r="G34" s="6">
        <v>26107</v>
      </c>
      <c r="H34" s="6">
        <v>116413</v>
      </c>
      <c r="I34" s="6">
        <v>147891</v>
      </c>
      <c r="J34" s="6">
        <v>159257</v>
      </c>
      <c r="K34" s="6">
        <v>206853</v>
      </c>
      <c r="L34" s="6">
        <v>274169</v>
      </c>
      <c r="M34" s="6">
        <v>334153</v>
      </c>
      <c r="N34" s="6">
        <v>263603</v>
      </c>
      <c r="O34" s="6">
        <v>221680</v>
      </c>
      <c r="P34" s="6">
        <v>227053</v>
      </c>
      <c r="Q34" s="6">
        <v>218370</v>
      </c>
      <c r="R34" s="6">
        <v>141212</v>
      </c>
      <c r="S34" s="6">
        <v>41499</v>
      </c>
      <c r="T34" s="6">
        <v>10392</v>
      </c>
      <c r="U34" s="6">
        <v>2197</v>
      </c>
      <c r="V34" s="6">
        <v>358</v>
      </c>
      <c r="W34" s="6">
        <v>17</v>
      </c>
      <c r="X34" s="6">
        <v>1977179</v>
      </c>
      <c r="Y34" s="6">
        <v>414045</v>
      </c>
      <c r="Z34" s="6">
        <v>54463</v>
      </c>
      <c r="AA34" s="6">
        <v>2572</v>
      </c>
      <c r="AB34" s="6">
        <v>2169442</v>
      </c>
      <c r="AC34" s="7">
        <v>49.195369999999997</v>
      </c>
    </row>
    <row r="35" spans="1:29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170</v>
      </c>
      <c r="F35" s="6">
        <v>2233295</v>
      </c>
      <c r="G35" s="6">
        <v>45377</v>
      </c>
      <c r="H35" s="6">
        <v>139375</v>
      </c>
      <c r="I35" s="6">
        <v>133222</v>
      </c>
      <c r="J35" s="6">
        <v>152714</v>
      </c>
      <c r="K35" s="6">
        <v>178610</v>
      </c>
      <c r="L35" s="6">
        <v>205562</v>
      </c>
      <c r="M35" s="6">
        <v>242745</v>
      </c>
      <c r="N35" s="6">
        <v>211406</v>
      </c>
      <c r="O35" s="6">
        <v>197572</v>
      </c>
      <c r="P35" s="6">
        <v>218222</v>
      </c>
      <c r="Q35" s="6">
        <v>229319</v>
      </c>
      <c r="R35" s="6">
        <v>182650</v>
      </c>
      <c r="S35" s="6">
        <v>74012</v>
      </c>
      <c r="T35" s="6">
        <v>18886</v>
      </c>
      <c r="U35" s="6">
        <v>3166</v>
      </c>
      <c r="V35" s="6">
        <v>420</v>
      </c>
      <c r="W35" s="6">
        <v>37</v>
      </c>
      <c r="X35" s="6">
        <v>1724805</v>
      </c>
      <c r="Y35" s="6">
        <v>508490</v>
      </c>
      <c r="Z35" s="6">
        <v>96521</v>
      </c>
      <c r="AA35" s="6">
        <v>3623</v>
      </c>
      <c r="AB35" s="6">
        <v>1908747</v>
      </c>
      <c r="AC35" s="7">
        <v>50.118250000000003</v>
      </c>
    </row>
    <row r="36" spans="1:2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171</v>
      </c>
      <c r="F36" s="6">
        <v>865996</v>
      </c>
      <c r="G36" s="6">
        <v>21482</v>
      </c>
      <c r="H36" s="6">
        <v>70686</v>
      </c>
      <c r="I36" s="6">
        <v>66001</v>
      </c>
      <c r="J36" s="6">
        <v>54551</v>
      </c>
      <c r="K36" s="6">
        <v>57347</v>
      </c>
      <c r="L36" s="6">
        <v>65664</v>
      </c>
      <c r="M36" s="6">
        <v>78010</v>
      </c>
      <c r="N36" s="6">
        <v>68059</v>
      </c>
      <c r="O36" s="6">
        <v>55647</v>
      </c>
      <c r="P36" s="6">
        <v>50808</v>
      </c>
      <c r="Q36" s="6">
        <v>65080</v>
      </c>
      <c r="R36" s="6">
        <v>81827</v>
      </c>
      <c r="S36" s="6">
        <v>64184</v>
      </c>
      <c r="T36" s="6">
        <v>42903</v>
      </c>
      <c r="U36" s="6">
        <v>18715</v>
      </c>
      <c r="V36" s="6">
        <v>4562</v>
      </c>
      <c r="W36" s="6">
        <v>470</v>
      </c>
      <c r="X36" s="6">
        <v>588255</v>
      </c>
      <c r="Y36" s="6">
        <v>277741</v>
      </c>
      <c r="Z36" s="6">
        <v>130834</v>
      </c>
      <c r="AA36" s="6">
        <v>23747</v>
      </c>
      <c r="AB36" s="6">
        <v>631853</v>
      </c>
      <c r="AC36" s="7">
        <v>52.060740000000003</v>
      </c>
    </row>
    <row r="37" spans="1:29">
      <c r="A37" s="9" t="s">
        <v>27</v>
      </c>
      <c r="B37" s="9" t="s">
        <v>28</v>
      </c>
      <c r="C37" s="9" t="s">
        <v>29</v>
      </c>
      <c r="D37" s="9" t="s">
        <v>54</v>
      </c>
      <c r="E37" s="9" t="s">
        <v>6</v>
      </c>
      <c r="F37" s="6">
        <v>26141918</v>
      </c>
      <c r="G37" s="6">
        <v>387895</v>
      </c>
      <c r="H37" s="6">
        <v>1739983</v>
      </c>
      <c r="I37" s="6">
        <v>2037971</v>
      </c>
      <c r="J37" s="6">
        <v>2054853</v>
      </c>
      <c r="K37" s="6">
        <v>2345266</v>
      </c>
      <c r="L37" s="6">
        <v>2810461</v>
      </c>
      <c r="M37" s="6">
        <v>3377650</v>
      </c>
      <c r="N37" s="6">
        <v>2992070</v>
      </c>
      <c r="O37" s="6">
        <v>2654190</v>
      </c>
      <c r="P37" s="6">
        <v>2121658</v>
      </c>
      <c r="Q37" s="6">
        <v>1602484</v>
      </c>
      <c r="R37" s="6">
        <v>1179834</v>
      </c>
      <c r="S37" s="6">
        <v>511824</v>
      </c>
      <c r="T37" s="6">
        <v>216797</v>
      </c>
      <c r="U37" s="6">
        <v>82720</v>
      </c>
      <c r="V37" s="6">
        <v>22906</v>
      </c>
      <c r="W37" s="6">
        <v>3356</v>
      </c>
      <c r="X37" s="6">
        <v>22521997</v>
      </c>
      <c r="Y37" s="6">
        <v>3619921</v>
      </c>
      <c r="Z37" s="6">
        <v>837603</v>
      </c>
      <c r="AA37" s="6">
        <v>108982</v>
      </c>
      <c r="AB37" s="6">
        <v>23736586</v>
      </c>
      <c r="AC37" s="7">
        <v>47.418100000000003</v>
      </c>
    </row>
    <row r="38" spans="1:29">
      <c r="A38" s="9" t="s">
        <v>27</v>
      </c>
      <c r="B38" s="9" t="s">
        <v>28</v>
      </c>
      <c r="C38" s="9" t="s">
        <v>29</v>
      </c>
      <c r="D38" s="9" t="s">
        <v>54</v>
      </c>
      <c r="E38" s="9" t="s">
        <v>160</v>
      </c>
      <c r="F38" s="6">
        <v>183449</v>
      </c>
      <c r="G38" s="6">
        <v>25</v>
      </c>
      <c r="H38" s="6">
        <v>364</v>
      </c>
      <c r="I38" s="6">
        <v>1283</v>
      </c>
      <c r="J38" s="6">
        <v>3388</v>
      </c>
      <c r="K38" s="6">
        <v>6730</v>
      </c>
      <c r="L38" s="6">
        <v>10939</v>
      </c>
      <c r="M38" s="6">
        <v>17198</v>
      </c>
      <c r="N38" s="6">
        <v>20981</v>
      </c>
      <c r="O38" s="6">
        <v>25148</v>
      </c>
      <c r="P38" s="6">
        <v>24301</v>
      </c>
      <c r="Q38" s="6">
        <v>22546</v>
      </c>
      <c r="R38" s="6">
        <v>23631</v>
      </c>
      <c r="S38" s="6">
        <v>13714</v>
      </c>
      <c r="T38" s="6">
        <v>7689</v>
      </c>
      <c r="U38" s="6">
        <v>3933</v>
      </c>
      <c r="V38" s="6">
        <v>1332</v>
      </c>
      <c r="W38" s="6">
        <v>247</v>
      </c>
      <c r="X38" s="6">
        <v>110357</v>
      </c>
      <c r="Y38" s="6">
        <v>73092</v>
      </c>
      <c r="Z38" s="6">
        <v>26915</v>
      </c>
      <c r="AA38" s="6">
        <v>5512</v>
      </c>
      <c r="AB38" s="6">
        <v>132878</v>
      </c>
      <c r="AC38" s="7">
        <v>60.916240000000002</v>
      </c>
    </row>
    <row r="39" spans="1:29">
      <c r="A39" s="9" t="s">
        <v>27</v>
      </c>
      <c r="B39" s="9" t="s">
        <v>28</v>
      </c>
      <c r="C39" s="9" t="s">
        <v>29</v>
      </c>
      <c r="D39" s="9" t="s">
        <v>54</v>
      </c>
      <c r="E39" s="9" t="s">
        <v>161</v>
      </c>
      <c r="F39" s="6">
        <v>5062339</v>
      </c>
      <c r="G39" s="6">
        <v>18132</v>
      </c>
      <c r="H39" s="6">
        <v>393658</v>
      </c>
      <c r="I39" s="6">
        <v>586146</v>
      </c>
      <c r="J39" s="6">
        <v>526114</v>
      </c>
      <c r="K39" s="6">
        <v>559395</v>
      </c>
      <c r="L39" s="6">
        <v>620612</v>
      </c>
      <c r="M39" s="6">
        <v>639879</v>
      </c>
      <c r="N39" s="6">
        <v>561177</v>
      </c>
      <c r="O39" s="6">
        <v>508314</v>
      </c>
      <c r="P39" s="6">
        <v>352850</v>
      </c>
      <c r="Q39" s="6">
        <v>171792</v>
      </c>
      <c r="R39" s="6">
        <v>82957</v>
      </c>
      <c r="S39" s="6">
        <v>26774</v>
      </c>
      <c r="T39" s="6">
        <v>9541</v>
      </c>
      <c r="U39" s="6">
        <v>3739</v>
      </c>
      <c r="V39" s="6">
        <v>1119</v>
      </c>
      <c r="W39" s="6">
        <v>140</v>
      </c>
      <c r="X39" s="6">
        <v>4766277</v>
      </c>
      <c r="Y39" s="6">
        <v>296062</v>
      </c>
      <c r="Z39" s="6">
        <v>41313</v>
      </c>
      <c r="AA39" s="6">
        <v>4998</v>
      </c>
      <c r="AB39" s="6">
        <v>4919937</v>
      </c>
      <c r="AC39" s="7">
        <v>43.813690000000001</v>
      </c>
    </row>
    <row r="40" spans="1:29">
      <c r="A40" s="9" t="s">
        <v>27</v>
      </c>
      <c r="B40" s="9" t="s">
        <v>28</v>
      </c>
      <c r="C40" s="9" t="s">
        <v>29</v>
      </c>
      <c r="D40" s="9" t="s">
        <v>54</v>
      </c>
      <c r="E40" s="9" t="s">
        <v>162</v>
      </c>
      <c r="F40" s="6">
        <v>7121596</v>
      </c>
      <c r="G40" s="6">
        <v>34562</v>
      </c>
      <c r="H40" s="6">
        <v>337974</v>
      </c>
      <c r="I40" s="6">
        <v>591875</v>
      </c>
      <c r="J40" s="6">
        <v>640996</v>
      </c>
      <c r="K40" s="6">
        <v>732036</v>
      </c>
      <c r="L40" s="6">
        <v>912992</v>
      </c>
      <c r="M40" s="6">
        <v>1146416</v>
      </c>
      <c r="N40" s="6">
        <v>950710</v>
      </c>
      <c r="O40" s="6">
        <v>754804</v>
      </c>
      <c r="P40" s="6">
        <v>478737</v>
      </c>
      <c r="Q40" s="6">
        <v>258639</v>
      </c>
      <c r="R40" s="6">
        <v>175482</v>
      </c>
      <c r="S40" s="6">
        <v>70742</v>
      </c>
      <c r="T40" s="6">
        <v>25140</v>
      </c>
      <c r="U40" s="6">
        <v>8432</v>
      </c>
      <c r="V40" s="6">
        <v>1841</v>
      </c>
      <c r="W40" s="6">
        <v>218</v>
      </c>
      <c r="X40" s="6">
        <v>6581102</v>
      </c>
      <c r="Y40" s="6">
        <v>540494</v>
      </c>
      <c r="Z40" s="6">
        <v>106373</v>
      </c>
      <c r="AA40" s="6">
        <v>10491</v>
      </c>
      <c r="AB40" s="6">
        <v>6805179</v>
      </c>
      <c r="AC40" s="7">
        <v>46.039119999999997</v>
      </c>
    </row>
    <row r="41" spans="1:29">
      <c r="A41" s="9" t="s">
        <v>27</v>
      </c>
      <c r="B41" s="9" t="s">
        <v>28</v>
      </c>
      <c r="C41" s="9" t="s">
        <v>29</v>
      </c>
      <c r="D41" s="9" t="s">
        <v>54</v>
      </c>
      <c r="E41" s="9" t="s">
        <v>163</v>
      </c>
      <c r="F41" s="6">
        <v>3137843</v>
      </c>
      <c r="G41" s="6">
        <v>114945</v>
      </c>
      <c r="H41" s="6">
        <v>317022</v>
      </c>
      <c r="I41" s="6">
        <v>264884</v>
      </c>
      <c r="J41" s="6">
        <v>247000</v>
      </c>
      <c r="K41" s="6">
        <v>266238</v>
      </c>
      <c r="L41" s="6">
        <v>297646</v>
      </c>
      <c r="M41" s="6">
        <v>365923</v>
      </c>
      <c r="N41" s="6">
        <v>336554</v>
      </c>
      <c r="O41" s="6">
        <v>301053</v>
      </c>
      <c r="P41" s="6">
        <v>238183</v>
      </c>
      <c r="Q41" s="6">
        <v>169722</v>
      </c>
      <c r="R41" s="6">
        <v>117630</v>
      </c>
      <c r="S41" s="6">
        <v>54587</v>
      </c>
      <c r="T41" s="6">
        <v>27607</v>
      </c>
      <c r="U41" s="6">
        <v>13459</v>
      </c>
      <c r="V41" s="6">
        <v>4553</v>
      </c>
      <c r="W41" s="6">
        <v>837</v>
      </c>
      <c r="X41" s="6">
        <v>2749448</v>
      </c>
      <c r="Y41" s="6">
        <v>388395</v>
      </c>
      <c r="Z41" s="6">
        <v>101043</v>
      </c>
      <c r="AA41" s="6">
        <v>18849</v>
      </c>
      <c r="AB41" s="6">
        <v>2804225</v>
      </c>
      <c r="AC41" s="7">
        <v>45.407910000000001</v>
      </c>
    </row>
    <row r="42" spans="1:29">
      <c r="A42" s="9" t="s">
        <v>27</v>
      </c>
      <c r="B42" s="9" t="s">
        <v>28</v>
      </c>
      <c r="C42" s="9" t="s">
        <v>29</v>
      </c>
      <c r="D42" s="9" t="s">
        <v>54</v>
      </c>
      <c r="E42" s="9" t="s">
        <v>164</v>
      </c>
      <c r="F42" s="6">
        <v>4688410</v>
      </c>
      <c r="G42" s="6">
        <v>137286</v>
      </c>
      <c r="H42" s="6">
        <v>374664</v>
      </c>
      <c r="I42" s="6">
        <v>281552</v>
      </c>
      <c r="J42" s="6">
        <v>300774</v>
      </c>
      <c r="K42" s="6">
        <v>371923</v>
      </c>
      <c r="L42" s="6">
        <v>449807</v>
      </c>
      <c r="M42" s="6">
        <v>535001</v>
      </c>
      <c r="N42" s="6">
        <v>501764</v>
      </c>
      <c r="O42" s="6">
        <v>479827</v>
      </c>
      <c r="P42" s="6">
        <v>441109</v>
      </c>
      <c r="Q42" s="6">
        <v>384380</v>
      </c>
      <c r="R42" s="6">
        <v>287513</v>
      </c>
      <c r="S42" s="6">
        <v>101916</v>
      </c>
      <c r="T42" s="6">
        <v>30947</v>
      </c>
      <c r="U42" s="6">
        <v>8121</v>
      </c>
      <c r="V42" s="6">
        <v>1603</v>
      </c>
      <c r="W42" s="6">
        <v>223</v>
      </c>
      <c r="X42" s="6">
        <v>3873707</v>
      </c>
      <c r="Y42" s="6">
        <v>814703</v>
      </c>
      <c r="Z42" s="6">
        <v>142810</v>
      </c>
      <c r="AA42" s="6">
        <v>9947</v>
      </c>
      <c r="AB42" s="6">
        <v>4120801</v>
      </c>
      <c r="AC42" s="7">
        <v>48.282429999999998</v>
      </c>
    </row>
    <row r="43" spans="1:29">
      <c r="A43" s="9" t="s">
        <v>27</v>
      </c>
      <c r="B43" s="9" t="s">
        <v>28</v>
      </c>
      <c r="C43" s="9" t="s">
        <v>29</v>
      </c>
      <c r="D43" s="9" t="s">
        <v>54</v>
      </c>
      <c r="E43" s="9" t="s">
        <v>165</v>
      </c>
      <c r="F43" s="6">
        <v>86251</v>
      </c>
      <c r="G43" s="6">
        <v>3731</v>
      </c>
      <c r="H43" s="6">
        <v>14211</v>
      </c>
      <c r="I43" s="6">
        <v>11968</v>
      </c>
      <c r="J43" s="6">
        <v>9888</v>
      </c>
      <c r="K43" s="6">
        <v>8448</v>
      </c>
      <c r="L43" s="6">
        <v>7905</v>
      </c>
      <c r="M43" s="6">
        <v>9047</v>
      </c>
      <c r="N43" s="6">
        <v>6412</v>
      </c>
      <c r="O43" s="6">
        <v>5348</v>
      </c>
      <c r="P43" s="6">
        <v>3875</v>
      </c>
      <c r="Q43" s="6">
        <v>2832</v>
      </c>
      <c r="R43" s="6">
        <v>1826</v>
      </c>
      <c r="S43" s="6">
        <v>611</v>
      </c>
      <c r="T43" s="6">
        <v>127</v>
      </c>
      <c r="U43" s="6">
        <v>18</v>
      </c>
      <c r="V43" s="6">
        <v>4</v>
      </c>
      <c r="W43" s="10" t="s">
        <v>55</v>
      </c>
      <c r="X43" s="6">
        <v>80833</v>
      </c>
      <c r="Y43" s="6">
        <v>5418</v>
      </c>
      <c r="Z43" s="6">
        <v>760</v>
      </c>
      <c r="AA43" s="6">
        <v>22</v>
      </c>
      <c r="AB43" s="6">
        <v>79934</v>
      </c>
      <c r="AC43" s="7">
        <v>39.282400000000003</v>
      </c>
    </row>
    <row r="44" spans="1:29">
      <c r="A44" s="9" t="s">
        <v>27</v>
      </c>
      <c r="B44" s="9" t="s">
        <v>28</v>
      </c>
      <c r="C44" s="9" t="s">
        <v>29</v>
      </c>
      <c r="D44" s="9" t="s">
        <v>54</v>
      </c>
      <c r="E44" s="9" t="s">
        <v>166</v>
      </c>
      <c r="F44" s="6">
        <v>692804</v>
      </c>
      <c r="G44" s="6">
        <v>1695</v>
      </c>
      <c r="H44" s="6">
        <v>12629</v>
      </c>
      <c r="I44" s="6">
        <v>14313</v>
      </c>
      <c r="J44" s="6">
        <v>19239</v>
      </c>
      <c r="K44" s="6">
        <v>26767</v>
      </c>
      <c r="L44" s="6">
        <v>31405</v>
      </c>
      <c r="M44" s="6">
        <v>35996</v>
      </c>
      <c r="N44" s="6">
        <v>36529</v>
      </c>
      <c r="O44" s="6">
        <v>48941</v>
      </c>
      <c r="P44" s="6">
        <v>78434</v>
      </c>
      <c r="Q44" s="6">
        <v>117964</v>
      </c>
      <c r="R44" s="6">
        <v>117453</v>
      </c>
      <c r="S44" s="6">
        <v>75715</v>
      </c>
      <c r="T44" s="6">
        <v>48951</v>
      </c>
      <c r="U44" s="6">
        <v>20825</v>
      </c>
      <c r="V44" s="6">
        <v>5329</v>
      </c>
      <c r="W44" s="6">
        <v>619</v>
      </c>
      <c r="X44" s="6">
        <v>305948</v>
      </c>
      <c r="Y44" s="6">
        <v>386856</v>
      </c>
      <c r="Z44" s="6">
        <v>151439</v>
      </c>
      <c r="AA44" s="6">
        <v>26773</v>
      </c>
      <c r="AB44" s="6">
        <v>422217</v>
      </c>
      <c r="AC44" s="7">
        <v>63.167299999999997</v>
      </c>
    </row>
    <row r="45" spans="1:29">
      <c r="A45" s="9" t="s">
        <v>27</v>
      </c>
      <c r="B45" s="9" t="s">
        <v>28</v>
      </c>
      <c r="C45" s="9" t="s">
        <v>29</v>
      </c>
      <c r="D45" s="9" t="s">
        <v>54</v>
      </c>
      <c r="E45" s="9" t="s">
        <v>167</v>
      </c>
      <c r="F45" s="6">
        <v>2300261</v>
      </c>
      <c r="G45" s="6">
        <v>32874</v>
      </c>
      <c r="H45" s="6">
        <v>158897</v>
      </c>
      <c r="I45" s="6">
        <v>161827</v>
      </c>
      <c r="J45" s="6">
        <v>170856</v>
      </c>
      <c r="K45" s="6">
        <v>198024</v>
      </c>
      <c r="L45" s="6">
        <v>245423</v>
      </c>
      <c r="M45" s="6">
        <v>306608</v>
      </c>
      <c r="N45" s="6">
        <v>273849</v>
      </c>
      <c r="O45" s="6">
        <v>241480</v>
      </c>
      <c r="P45" s="6">
        <v>207133</v>
      </c>
      <c r="Q45" s="6">
        <v>155789</v>
      </c>
      <c r="R45" s="6">
        <v>95092</v>
      </c>
      <c r="S45" s="6">
        <v>34569</v>
      </c>
      <c r="T45" s="6">
        <v>12705</v>
      </c>
      <c r="U45" s="6">
        <v>4123</v>
      </c>
      <c r="V45" s="6">
        <v>892</v>
      </c>
      <c r="W45" s="6">
        <v>120</v>
      </c>
      <c r="X45" s="6">
        <v>1996971</v>
      </c>
      <c r="Y45" s="6">
        <v>303290</v>
      </c>
      <c r="Z45" s="6">
        <v>52409</v>
      </c>
      <c r="AA45" s="6">
        <v>5135</v>
      </c>
      <c r="AB45" s="6">
        <v>2119886</v>
      </c>
      <c r="AC45" s="7">
        <v>47.53707</v>
      </c>
    </row>
    <row r="46" spans="1:29">
      <c r="A46" s="9" t="s">
        <v>27</v>
      </c>
      <c r="B46" s="9" t="s">
        <v>28</v>
      </c>
      <c r="C46" s="9" t="s">
        <v>29</v>
      </c>
      <c r="D46" s="9" t="s">
        <v>54</v>
      </c>
      <c r="E46" s="9" t="s">
        <v>168</v>
      </c>
      <c r="F46" s="6">
        <v>78013</v>
      </c>
      <c r="G46" s="6">
        <v>574</v>
      </c>
      <c r="H46" s="6">
        <v>4095</v>
      </c>
      <c r="I46" s="6">
        <v>5756</v>
      </c>
      <c r="J46" s="6">
        <v>5497</v>
      </c>
      <c r="K46" s="6">
        <v>6489</v>
      </c>
      <c r="L46" s="6">
        <v>8943</v>
      </c>
      <c r="M46" s="6">
        <v>14748</v>
      </c>
      <c r="N46" s="6">
        <v>12050</v>
      </c>
      <c r="O46" s="6">
        <v>7902</v>
      </c>
      <c r="P46" s="6">
        <v>5261</v>
      </c>
      <c r="Q46" s="6">
        <v>4030</v>
      </c>
      <c r="R46" s="6">
        <v>2052</v>
      </c>
      <c r="S46" s="6">
        <v>486</v>
      </c>
      <c r="T46" s="6">
        <v>105</v>
      </c>
      <c r="U46" s="6">
        <v>23</v>
      </c>
      <c r="V46" s="6">
        <v>2</v>
      </c>
      <c r="W46" s="10" t="s">
        <v>55</v>
      </c>
      <c r="X46" s="6">
        <v>71315</v>
      </c>
      <c r="Y46" s="6">
        <v>6698</v>
      </c>
      <c r="Z46" s="6">
        <v>616</v>
      </c>
      <c r="AA46" s="6">
        <v>25</v>
      </c>
      <c r="AB46" s="6">
        <v>74771</v>
      </c>
      <c r="AC46" s="7">
        <v>46.762430000000002</v>
      </c>
    </row>
    <row r="47" spans="1:29">
      <c r="A47" s="9" t="s">
        <v>27</v>
      </c>
      <c r="B47" s="9" t="s">
        <v>28</v>
      </c>
      <c r="C47" s="9" t="s">
        <v>29</v>
      </c>
      <c r="D47" s="9" t="s">
        <v>54</v>
      </c>
      <c r="E47" s="9" t="s">
        <v>169</v>
      </c>
      <c r="F47" s="6">
        <v>70202</v>
      </c>
      <c r="G47" s="6">
        <v>1057</v>
      </c>
      <c r="H47" s="6">
        <v>5528</v>
      </c>
      <c r="I47" s="6">
        <v>5742</v>
      </c>
      <c r="J47" s="6">
        <v>4960</v>
      </c>
      <c r="K47" s="6">
        <v>5981</v>
      </c>
      <c r="L47" s="6">
        <v>7360</v>
      </c>
      <c r="M47" s="6">
        <v>8793</v>
      </c>
      <c r="N47" s="6">
        <v>6959</v>
      </c>
      <c r="O47" s="6">
        <v>5754</v>
      </c>
      <c r="P47" s="6">
        <v>5543</v>
      </c>
      <c r="Q47" s="6">
        <v>5735</v>
      </c>
      <c r="R47" s="6">
        <v>4269</v>
      </c>
      <c r="S47" s="6">
        <v>1721</v>
      </c>
      <c r="T47" s="6">
        <v>581</v>
      </c>
      <c r="U47" s="6">
        <v>170</v>
      </c>
      <c r="V47" s="6">
        <v>47</v>
      </c>
      <c r="W47" s="6">
        <v>2</v>
      </c>
      <c r="X47" s="6">
        <v>57677</v>
      </c>
      <c r="Y47" s="6">
        <v>12525</v>
      </c>
      <c r="Z47" s="6">
        <v>2521</v>
      </c>
      <c r="AA47" s="6">
        <v>219</v>
      </c>
      <c r="AB47" s="6">
        <v>62355</v>
      </c>
      <c r="AC47" s="7">
        <v>47.8127</v>
      </c>
    </row>
    <row r="48" spans="1:29">
      <c r="A48" s="9" t="s">
        <v>27</v>
      </c>
      <c r="B48" s="9" t="s">
        <v>28</v>
      </c>
      <c r="C48" s="9" t="s">
        <v>29</v>
      </c>
      <c r="D48" s="9" t="s">
        <v>54</v>
      </c>
      <c r="E48" s="9" t="s">
        <v>170</v>
      </c>
      <c r="F48" s="6">
        <v>1961535</v>
      </c>
      <c r="G48" s="6">
        <v>20528</v>
      </c>
      <c r="H48" s="6">
        <v>60555</v>
      </c>
      <c r="I48" s="6">
        <v>65607</v>
      </c>
      <c r="J48" s="6">
        <v>83418</v>
      </c>
      <c r="K48" s="6">
        <v>116581</v>
      </c>
      <c r="L48" s="6">
        <v>164402</v>
      </c>
      <c r="M48" s="6">
        <v>234531</v>
      </c>
      <c r="N48" s="6">
        <v>229374</v>
      </c>
      <c r="O48" s="6">
        <v>226146</v>
      </c>
      <c r="P48" s="6">
        <v>236260</v>
      </c>
      <c r="Q48" s="6">
        <v>243963</v>
      </c>
      <c r="R48" s="6">
        <v>190876</v>
      </c>
      <c r="S48" s="6">
        <v>69228</v>
      </c>
      <c r="T48" s="6">
        <v>16160</v>
      </c>
      <c r="U48" s="6">
        <v>3194</v>
      </c>
      <c r="V48" s="6">
        <v>622</v>
      </c>
      <c r="W48" s="6">
        <v>90</v>
      </c>
      <c r="X48" s="6">
        <v>1437402</v>
      </c>
      <c r="Y48" s="6">
        <v>524133</v>
      </c>
      <c r="Z48" s="6">
        <v>89294</v>
      </c>
      <c r="AA48" s="6">
        <v>3906</v>
      </c>
      <c r="AB48" s="6">
        <v>1660837</v>
      </c>
      <c r="AC48" s="7">
        <v>53.974809999999998</v>
      </c>
    </row>
    <row r="49" spans="1:29">
      <c r="A49" s="9" t="s">
        <v>27</v>
      </c>
      <c r="B49" s="9" t="s">
        <v>28</v>
      </c>
      <c r="C49" s="9" t="s">
        <v>29</v>
      </c>
      <c r="D49" s="9" t="s">
        <v>54</v>
      </c>
      <c r="E49" s="9" t="s">
        <v>171</v>
      </c>
      <c r="F49" s="6">
        <v>759215</v>
      </c>
      <c r="G49" s="6">
        <v>22486</v>
      </c>
      <c r="H49" s="6">
        <v>60386</v>
      </c>
      <c r="I49" s="6">
        <v>47018</v>
      </c>
      <c r="J49" s="6">
        <v>42723</v>
      </c>
      <c r="K49" s="6">
        <v>46654</v>
      </c>
      <c r="L49" s="6">
        <v>53027</v>
      </c>
      <c r="M49" s="6">
        <v>63510</v>
      </c>
      <c r="N49" s="6">
        <v>55711</v>
      </c>
      <c r="O49" s="6">
        <v>49473</v>
      </c>
      <c r="P49" s="6">
        <v>49972</v>
      </c>
      <c r="Q49" s="6">
        <v>65092</v>
      </c>
      <c r="R49" s="6">
        <v>81053</v>
      </c>
      <c r="S49" s="6">
        <v>61761</v>
      </c>
      <c r="T49" s="6">
        <v>37244</v>
      </c>
      <c r="U49" s="6">
        <v>16683</v>
      </c>
      <c r="V49" s="6">
        <v>5562</v>
      </c>
      <c r="W49" s="6">
        <v>860</v>
      </c>
      <c r="X49" s="6">
        <v>490960</v>
      </c>
      <c r="Y49" s="6">
        <v>268255</v>
      </c>
      <c r="Z49" s="6">
        <v>122110</v>
      </c>
      <c r="AA49" s="6">
        <v>23105</v>
      </c>
      <c r="AB49" s="6">
        <v>533566</v>
      </c>
      <c r="AC49" s="7">
        <v>53.378880000000002</v>
      </c>
    </row>
    <row r="50" spans="1:29">
      <c r="A50" s="9" t="s">
        <v>27</v>
      </c>
      <c r="B50" s="9" t="s">
        <v>57</v>
      </c>
      <c r="C50" s="9" t="s">
        <v>58</v>
      </c>
      <c r="D50" s="9" t="s">
        <v>6</v>
      </c>
      <c r="E50" s="9" t="s">
        <v>6</v>
      </c>
      <c r="F50" s="6">
        <v>819259</v>
      </c>
      <c r="G50" s="6">
        <v>10157</v>
      </c>
      <c r="H50" s="6">
        <v>44791</v>
      </c>
      <c r="I50" s="6">
        <v>55866</v>
      </c>
      <c r="J50" s="6">
        <v>64940</v>
      </c>
      <c r="K50" s="6">
        <v>77411</v>
      </c>
      <c r="L50" s="6">
        <v>86839</v>
      </c>
      <c r="M50" s="6">
        <v>92113</v>
      </c>
      <c r="N50" s="6">
        <v>82601</v>
      </c>
      <c r="O50" s="6">
        <v>84716</v>
      </c>
      <c r="P50" s="6">
        <v>80459</v>
      </c>
      <c r="Q50" s="6">
        <v>64742</v>
      </c>
      <c r="R50" s="6">
        <v>43822</v>
      </c>
      <c r="S50" s="6">
        <v>17825</v>
      </c>
      <c r="T50" s="6">
        <v>8888</v>
      </c>
      <c r="U50" s="6">
        <v>3289</v>
      </c>
      <c r="V50" s="6">
        <v>715</v>
      </c>
      <c r="W50" s="6">
        <v>85</v>
      </c>
      <c r="X50" s="6">
        <v>679893</v>
      </c>
      <c r="Y50" s="6">
        <v>139366</v>
      </c>
      <c r="Z50" s="6">
        <v>30802</v>
      </c>
      <c r="AA50" s="6">
        <v>4089</v>
      </c>
      <c r="AB50" s="6">
        <v>734478</v>
      </c>
      <c r="AC50" s="7">
        <v>48.895679999999999</v>
      </c>
    </row>
    <row r="51" spans="1:29">
      <c r="A51" s="9" t="s">
        <v>27</v>
      </c>
      <c r="B51" s="9" t="s">
        <v>57</v>
      </c>
      <c r="C51" s="9" t="s">
        <v>58</v>
      </c>
      <c r="D51" s="9" t="s">
        <v>6</v>
      </c>
      <c r="E51" s="9" t="s">
        <v>160</v>
      </c>
      <c r="F51" s="6">
        <v>16188</v>
      </c>
      <c r="G51" s="6">
        <v>1</v>
      </c>
      <c r="H51" s="6">
        <v>17</v>
      </c>
      <c r="I51" s="6">
        <v>80</v>
      </c>
      <c r="J51" s="6">
        <v>288</v>
      </c>
      <c r="K51" s="6">
        <v>596</v>
      </c>
      <c r="L51" s="6">
        <v>1089</v>
      </c>
      <c r="M51" s="6">
        <v>1603</v>
      </c>
      <c r="N51" s="6">
        <v>1918</v>
      </c>
      <c r="O51" s="6">
        <v>2507</v>
      </c>
      <c r="P51" s="6">
        <v>2473</v>
      </c>
      <c r="Q51" s="6">
        <v>2217</v>
      </c>
      <c r="R51" s="6">
        <v>1883</v>
      </c>
      <c r="S51" s="6">
        <v>860</v>
      </c>
      <c r="T51" s="6">
        <v>428</v>
      </c>
      <c r="U51" s="6">
        <v>174</v>
      </c>
      <c r="V51" s="6">
        <v>42</v>
      </c>
      <c r="W51" s="6">
        <v>12</v>
      </c>
      <c r="X51" s="6">
        <v>10572</v>
      </c>
      <c r="Y51" s="6">
        <v>5616</v>
      </c>
      <c r="Z51" s="6">
        <v>1516</v>
      </c>
      <c r="AA51" s="6">
        <v>228</v>
      </c>
      <c r="AB51" s="6">
        <v>12788</v>
      </c>
      <c r="AC51" s="7">
        <v>59.578020000000002</v>
      </c>
    </row>
    <row r="52" spans="1:29">
      <c r="A52" s="9" t="s">
        <v>27</v>
      </c>
      <c r="B52" s="9" t="s">
        <v>57</v>
      </c>
      <c r="C52" s="9" t="s">
        <v>58</v>
      </c>
      <c r="D52" s="9" t="s">
        <v>6</v>
      </c>
      <c r="E52" s="9" t="s">
        <v>161</v>
      </c>
      <c r="F52" s="6">
        <v>142959</v>
      </c>
      <c r="G52" s="6">
        <v>488</v>
      </c>
      <c r="H52" s="6">
        <v>7999</v>
      </c>
      <c r="I52" s="6">
        <v>13156</v>
      </c>
      <c r="J52" s="6">
        <v>14241</v>
      </c>
      <c r="K52" s="6">
        <v>15982</v>
      </c>
      <c r="L52" s="6">
        <v>17597</v>
      </c>
      <c r="M52" s="6">
        <v>17870</v>
      </c>
      <c r="N52" s="6">
        <v>15967</v>
      </c>
      <c r="O52" s="6">
        <v>15628</v>
      </c>
      <c r="P52" s="6">
        <v>11966</v>
      </c>
      <c r="Q52" s="6">
        <v>6715</v>
      </c>
      <c r="R52" s="6">
        <v>3498</v>
      </c>
      <c r="S52" s="6">
        <v>1142</v>
      </c>
      <c r="T52" s="6">
        <v>454</v>
      </c>
      <c r="U52" s="6">
        <v>191</v>
      </c>
      <c r="V52" s="6">
        <v>60</v>
      </c>
      <c r="W52" s="6">
        <v>5</v>
      </c>
      <c r="X52" s="6">
        <v>130894</v>
      </c>
      <c r="Y52" s="6">
        <v>12065</v>
      </c>
      <c r="Z52" s="6">
        <v>1852</v>
      </c>
      <c r="AA52" s="6">
        <v>256</v>
      </c>
      <c r="AB52" s="6">
        <v>137121</v>
      </c>
      <c r="AC52" s="7">
        <v>45.818100000000001</v>
      </c>
    </row>
    <row r="53" spans="1:29">
      <c r="A53" s="9" t="s">
        <v>27</v>
      </c>
      <c r="B53" s="9" t="s">
        <v>57</v>
      </c>
      <c r="C53" s="9" t="s">
        <v>58</v>
      </c>
      <c r="D53" s="9" t="s">
        <v>6</v>
      </c>
      <c r="E53" s="9" t="s">
        <v>162</v>
      </c>
      <c r="F53" s="6">
        <v>142476</v>
      </c>
      <c r="G53" s="6">
        <v>867</v>
      </c>
      <c r="H53" s="6">
        <v>6093</v>
      </c>
      <c r="I53" s="6">
        <v>9969</v>
      </c>
      <c r="J53" s="6">
        <v>12172</v>
      </c>
      <c r="K53" s="6">
        <v>15091</v>
      </c>
      <c r="L53" s="6">
        <v>18307</v>
      </c>
      <c r="M53" s="6">
        <v>20980</v>
      </c>
      <c r="N53" s="6">
        <v>17814</v>
      </c>
      <c r="O53" s="6">
        <v>16341</v>
      </c>
      <c r="P53" s="6">
        <v>12657</v>
      </c>
      <c r="Q53" s="6">
        <v>6713</v>
      </c>
      <c r="R53" s="6">
        <v>3635</v>
      </c>
      <c r="S53" s="6">
        <v>1240</v>
      </c>
      <c r="T53" s="6">
        <v>414</v>
      </c>
      <c r="U53" s="6">
        <v>134</v>
      </c>
      <c r="V53" s="6">
        <v>44</v>
      </c>
      <c r="W53" s="6">
        <v>5</v>
      </c>
      <c r="X53" s="6">
        <v>130291</v>
      </c>
      <c r="Y53" s="6">
        <v>12185</v>
      </c>
      <c r="Z53" s="6">
        <v>1837</v>
      </c>
      <c r="AA53" s="6">
        <v>183</v>
      </c>
      <c r="AB53" s="6">
        <v>136137</v>
      </c>
      <c r="AC53" s="7">
        <v>46.968530000000001</v>
      </c>
    </row>
    <row r="54" spans="1:29">
      <c r="A54" s="9" t="s">
        <v>27</v>
      </c>
      <c r="B54" s="9" t="s">
        <v>57</v>
      </c>
      <c r="C54" s="9" t="s">
        <v>58</v>
      </c>
      <c r="D54" s="9" t="s">
        <v>6</v>
      </c>
      <c r="E54" s="9" t="s">
        <v>163</v>
      </c>
      <c r="F54" s="6">
        <v>89990</v>
      </c>
      <c r="G54" s="6">
        <v>2136</v>
      </c>
      <c r="H54" s="6">
        <v>6550</v>
      </c>
      <c r="I54" s="6">
        <v>6804</v>
      </c>
      <c r="J54" s="6">
        <v>7450</v>
      </c>
      <c r="K54" s="6">
        <v>8826</v>
      </c>
      <c r="L54" s="6">
        <v>9331</v>
      </c>
      <c r="M54" s="6">
        <v>10235</v>
      </c>
      <c r="N54" s="6">
        <v>9035</v>
      </c>
      <c r="O54" s="6">
        <v>8930</v>
      </c>
      <c r="P54" s="6">
        <v>8326</v>
      </c>
      <c r="Q54" s="6">
        <v>5709</v>
      </c>
      <c r="R54" s="6">
        <v>3756</v>
      </c>
      <c r="S54" s="6">
        <v>1643</v>
      </c>
      <c r="T54" s="6">
        <v>828</v>
      </c>
      <c r="U54" s="6">
        <v>314</v>
      </c>
      <c r="V54" s="6">
        <v>101</v>
      </c>
      <c r="W54" s="6">
        <v>16</v>
      </c>
      <c r="X54" s="6">
        <v>77623</v>
      </c>
      <c r="Y54" s="6">
        <v>12367</v>
      </c>
      <c r="Z54" s="6">
        <v>2902</v>
      </c>
      <c r="AA54" s="6">
        <v>431</v>
      </c>
      <c r="AB54" s="6">
        <v>81196</v>
      </c>
      <c r="AC54" s="7">
        <v>46.966320000000003</v>
      </c>
    </row>
    <row r="55" spans="1:29">
      <c r="A55" s="9" t="s">
        <v>27</v>
      </c>
      <c r="B55" s="9" t="s">
        <v>57</v>
      </c>
      <c r="C55" s="9" t="s">
        <v>58</v>
      </c>
      <c r="D55" s="9" t="s">
        <v>6</v>
      </c>
      <c r="E55" s="9" t="s">
        <v>164</v>
      </c>
      <c r="F55" s="6">
        <v>104583</v>
      </c>
      <c r="G55" s="6">
        <v>2895</v>
      </c>
      <c r="H55" s="6">
        <v>7736</v>
      </c>
      <c r="I55" s="6">
        <v>6629</v>
      </c>
      <c r="J55" s="6">
        <v>7862</v>
      </c>
      <c r="K55" s="6">
        <v>9765</v>
      </c>
      <c r="L55" s="6">
        <v>10451</v>
      </c>
      <c r="M55" s="6">
        <v>10409</v>
      </c>
      <c r="N55" s="6">
        <v>9573</v>
      </c>
      <c r="O55" s="6">
        <v>10240</v>
      </c>
      <c r="P55" s="6">
        <v>10744</v>
      </c>
      <c r="Q55" s="6">
        <v>9390</v>
      </c>
      <c r="R55" s="6">
        <v>6027</v>
      </c>
      <c r="S55" s="6">
        <v>1969</v>
      </c>
      <c r="T55" s="6">
        <v>702</v>
      </c>
      <c r="U55" s="6">
        <v>160</v>
      </c>
      <c r="V55" s="6">
        <v>29</v>
      </c>
      <c r="W55" s="6">
        <v>2</v>
      </c>
      <c r="X55" s="6">
        <v>86304</v>
      </c>
      <c r="Y55" s="6">
        <v>18279</v>
      </c>
      <c r="Z55" s="6">
        <v>2862</v>
      </c>
      <c r="AA55" s="6">
        <v>191</v>
      </c>
      <c r="AB55" s="6">
        <v>92799</v>
      </c>
      <c r="AC55" s="7">
        <v>48.069710000000001</v>
      </c>
    </row>
    <row r="56" spans="1:29">
      <c r="A56" s="9" t="s">
        <v>27</v>
      </c>
      <c r="B56" s="9" t="s">
        <v>57</v>
      </c>
      <c r="C56" s="9" t="s">
        <v>58</v>
      </c>
      <c r="D56" s="9" t="s">
        <v>6</v>
      </c>
      <c r="E56" s="9" t="s">
        <v>165</v>
      </c>
      <c r="F56" s="6">
        <v>15986</v>
      </c>
      <c r="G56" s="6">
        <v>335</v>
      </c>
      <c r="H56" s="6">
        <v>1500</v>
      </c>
      <c r="I56" s="6">
        <v>1645</v>
      </c>
      <c r="J56" s="6">
        <v>1761</v>
      </c>
      <c r="K56" s="6">
        <v>1636</v>
      </c>
      <c r="L56" s="6">
        <v>1697</v>
      </c>
      <c r="M56" s="6">
        <v>1643</v>
      </c>
      <c r="N56" s="6">
        <v>1571</v>
      </c>
      <c r="O56" s="6">
        <v>1147</v>
      </c>
      <c r="P56" s="6">
        <v>1161</v>
      </c>
      <c r="Q56" s="6">
        <v>1080</v>
      </c>
      <c r="R56" s="6">
        <v>603</v>
      </c>
      <c r="S56" s="6">
        <v>176</v>
      </c>
      <c r="T56" s="6">
        <v>25</v>
      </c>
      <c r="U56" s="6">
        <v>6</v>
      </c>
      <c r="V56" s="10" t="s">
        <v>55</v>
      </c>
      <c r="W56" s="10" t="s">
        <v>55</v>
      </c>
      <c r="X56" s="6">
        <v>14096</v>
      </c>
      <c r="Y56" s="6">
        <v>1890</v>
      </c>
      <c r="Z56" s="6">
        <v>207</v>
      </c>
      <c r="AA56" s="6">
        <v>6</v>
      </c>
      <c r="AB56" s="6">
        <v>14841</v>
      </c>
      <c r="AC56" s="7">
        <v>44.251530000000002</v>
      </c>
    </row>
    <row r="57" spans="1:29">
      <c r="A57" s="9" t="s">
        <v>27</v>
      </c>
      <c r="B57" s="9" t="s">
        <v>57</v>
      </c>
      <c r="C57" s="9" t="s">
        <v>58</v>
      </c>
      <c r="D57" s="9" t="s">
        <v>6</v>
      </c>
      <c r="E57" s="9" t="s">
        <v>166</v>
      </c>
      <c r="F57" s="6">
        <v>68682</v>
      </c>
      <c r="G57" s="6">
        <v>228</v>
      </c>
      <c r="H57" s="6">
        <v>2024</v>
      </c>
      <c r="I57" s="6">
        <v>2471</v>
      </c>
      <c r="J57" s="6">
        <v>2915</v>
      </c>
      <c r="K57" s="6">
        <v>3441</v>
      </c>
      <c r="L57" s="6">
        <v>3643</v>
      </c>
      <c r="M57" s="6">
        <v>3642</v>
      </c>
      <c r="N57" s="6">
        <v>3946</v>
      </c>
      <c r="O57" s="6">
        <v>5347</v>
      </c>
      <c r="P57" s="6">
        <v>7611</v>
      </c>
      <c r="Q57" s="6">
        <v>10438</v>
      </c>
      <c r="R57" s="6">
        <v>10510</v>
      </c>
      <c r="S57" s="6">
        <v>6288</v>
      </c>
      <c r="T57" s="6">
        <v>4244</v>
      </c>
      <c r="U57" s="6">
        <v>1629</v>
      </c>
      <c r="V57" s="6">
        <v>287</v>
      </c>
      <c r="W57" s="6">
        <v>18</v>
      </c>
      <c r="X57" s="6">
        <v>35268</v>
      </c>
      <c r="Y57" s="6">
        <v>33414</v>
      </c>
      <c r="Z57" s="6">
        <v>12466</v>
      </c>
      <c r="AA57" s="6">
        <v>1934</v>
      </c>
      <c r="AB57" s="6">
        <v>45478</v>
      </c>
      <c r="AC57" s="7">
        <v>60.181820000000002</v>
      </c>
    </row>
    <row r="58" spans="1:29">
      <c r="A58" s="9" t="s">
        <v>27</v>
      </c>
      <c r="B58" s="9" t="s">
        <v>57</v>
      </c>
      <c r="C58" s="9" t="s">
        <v>58</v>
      </c>
      <c r="D58" s="9" t="s">
        <v>6</v>
      </c>
      <c r="E58" s="9" t="s">
        <v>167</v>
      </c>
      <c r="F58" s="6">
        <v>100501</v>
      </c>
      <c r="G58" s="6">
        <v>1550</v>
      </c>
      <c r="H58" s="6">
        <v>7030</v>
      </c>
      <c r="I58" s="6">
        <v>8198</v>
      </c>
      <c r="J58" s="6">
        <v>9848</v>
      </c>
      <c r="K58" s="6">
        <v>11021</v>
      </c>
      <c r="L58" s="6">
        <v>11570</v>
      </c>
      <c r="M58" s="6">
        <v>12035</v>
      </c>
      <c r="N58" s="6">
        <v>9989</v>
      </c>
      <c r="O58" s="6">
        <v>9968</v>
      </c>
      <c r="P58" s="6">
        <v>8485</v>
      </c>
      <c r="Q58" s="6">
        <v>5806</v>
      </c>
      <c r="R58" s="6">
        <v>3313</v>
      </c>
      <c r="S58" s="6">
        <v>1089</v>
      </c>
      <c r="T58" s="6">
        <v>448</v>
      </c>
      <c r="U58" s="6">
        <v>131</v>
      </c>
      <c r="V58" s="6">
        <v>20</v>
      </c>
      <c r="W58" s="10" t="s">
        <v>55</v>
      </c>
      <c r="X58" s="6">
        <v>89694</v>
      </c>
      <c r="Y58" s="6">
        <v>10807</v>
      </c>
      <c r="Z58" s="6">
        <v>1688</v>
      </c>
      <c r="AA58" s="6">
        <v>151</v>
      </c>
      <c r="AB58" s="6">
        <v>93950</v>
      </c>
      <c r="AC58" s="7">
        <v>45.788429999999998</v>
      </c>
    </row>
    <row r="59" spans="1:29">
      <c r="A59" s="9" t="s">
        <v>27</v>
      </c>
      <c r="B59" s="9" t="s">
        <v>57</v>
      </c>
      <c r="C59" s="9" t="s">
        <v>58</v>
      </c>
      <c r="D59" s="9" t="s">
        <v>6</v>
      </c>
      <c r="E59" s="9" t="s">
        <v>168</v>
      </c>
      <c r="F59" s="6">
        <v>27302</v>
      </c>
      <c r="G59" s="6">
        <v>84</v>
      </c>
      <c r="H59" s="6">
        <v>525</v>
      </c>
      <c r="I59" s="6">
        <v>1000</v>
      </c>
      <c r="J59" s="6">
        <v>1358</v>
      </c>
      <c r="K59" s="6">
        <v>1999</v>
      </c>
      <c r="L59" s="6">
        <v>2544</v>
      </c>
      <c r="M59" s="6">
        <v>3100</v>
      </c>
      <c r="N59" s="6">
        <v>3267</v>
      </c>
      <c r="O59" s="6">
        <v>3801</v>
      </c>
      <c r="P59" s="6">
        <v>3926</v>
      </c>
      <c r="Q59" s="6">
        <v>3338</v>
      </c>
      <c r="R59" s="6">
        <v>1922</v>
      </c>
      <c r="S59" s="6">
        <v>388</v>
      </c>
      <c r="T59" s="6">
        <v>46</v>
      </c>
      <c r="U59" s="6">
        <v>3</v>
      </c>
      <c r="V59" s="6">
        <v>1</v>
      </c>
      <c r="W59" s="10" t="s">
        <v>55</v>
      </c>
      <c r="X59" s="6">
        <v>21604</v>
      </c>
      <c r="Y59" s="6">
        <v>5698</v>
      </c>
      <c r="Z59" s="6">
        <v>438</v>
      </c>
      <c r="AA59" s="6">
        <v>4</v>
      </c>
      <c r="AB59" s="6">
        <v>24858</v>
      </c>
      <c r="AC59" s="7">
        <v>53.085450000000002</v>
      </c>
    </row>
    <row r="60" spans="1:29">
      <c r="A60" s="9" t="s">
        <v>27</v>
      </c>
      <c r="B60" s="9" t="s">
        <v>57</v>
      </c>
      <c r="C60" s="9" t="s">
        <v>58</v>
      </c>
      <c r="D60" s="9" t="s">
        <v>6</v>
      </c>
      <c r="E60" s="9" t="s">
        <v>169</v>
      </c>
      <c r="F60" s="6">
        <v>41529</v>
      </c>
      <c r="G60" s="6">
        <v>477</v>
      </c>
      <c r="H60" s="6">
        <v>2122</v>
      </c>
      <c r="I60" s="6">
        <v>2700</v>
      </c>
      <c r="J60" s="6">
        <v>2870</v>
      </c>
      <c r="K60" s="6">
        <v>3902</v>
      </c>
      <c r="L60" s="6">
        <v>4701</v>
      </c>
      <c r="M60" s="6">
        <v>4394</v>
      </c>
      <c r="N60" s="6">
        <v>3385</v>
      </c>
      <c r="O60" s="6">
        <v>3827</v>
      </c>
      <c r="P60" s="6">
        <v>5017</v>
      </c>
      <c r="Q60" s="6">
        <v>4875</v>
      </c>
      <c r="R60" s="6">
        <v>2540</v>
      </c>
      <c r="S60" s="6">
        <v>543</v>
      </c>
      <c r="T60" s="6">
        <v>142</v>
      </c>
      <c r="U60" s="6">
        <v>32</v>
      </c>
      <c r="V60" s="6">
        <v>2</v>
      </c>
      <c r="W60" s="10" t="s">
        <v>55</v>
      </c>
      <c r="X60" s="6">
        <v>33395</v>
      </c>
      <c r="Y60" s="6">
        <v>8134</v>
      </c>
      <c r="Z60" s="6">
        <v>719</v>
      </c>
      <c r="AA60" s="6">
        <v>34</v>
      </c>
      <c r="AB60" s="6">
        <v>37793</v>
      </c>
      <c r="AC60" s="7">
        <v>49.591909999999999</v>
      </c>
    </row>
    <row r="61" spans="1:29">
      <c r="A61" s="9" t="s">
        <v>27</v>
      </c>
      <c r="B61" s="9" t="s">
        <v>57</v>
      </c>
      <c r="C61" s="9" t="s">
        <v>58</v>
      </c>
      <c r="D61" s="9" t="s">
        <v>6</v>
      </c>
      <c r="E61" s="9" t="s">
        <v>170</v>
      </c>
      <c r="F61" s="6">
        <v>53177</v>
      </c>
      <c r="G61" s="6">
        <v>666</v>
      </c>
      <c r="H61" s="6">
        <v>2174</v>
      </c>
      <c r="I61" s="6">
        <v>2392</v>
      </c>
      <c r="J61" s="6">
        <v>3300</v>
      </c>
      <c r="K61" s="6">
        <v>4124</v>
      </c>
      <c r="L61" s="6">
        <v>4751</v>
      </c>
      <c r="M61" s="6">
        <v>5036</v>
      </c>
      <c r="N61" s="6">
        <v>5039</v>
      </c>
      <c r="O61" s="6">
        <v>5881</v>
      </c>
      <c r="P61" s="6">
        <v>6776</v>
      </c>
      <c r="Q61" s="6">
        <v>6923</v>
      </c>
      <c r="R61" s="6">
        <v>4380</v>
      </c>
      <c r="S61" s="6">
        <v>1316</v>
      </c>
      <c r="T61" s="6">
        <v>343</v>
      </c>
      <c r="U61" s="6">
        <v>66</v>
      </c>
      <c r="V61" s="6">
        <v>8</v>
      </c>
      <c r="W61" s="6">
        <v>2</v>
      </c>
      <c r="X61" s="6">
        <v>40139</v>
      </c>
      <c r="Y61" s="6">
        <v>13038</v>
      </c>
      <c r="Z61" s="6">
        <v>1735</v>
      </c>
      <c r="AA61" s="6">
        <v>76</v>
      </c>
      <c r="AB61" s="6">
        <v>46396</v>
      </c>
      <c r="AC61" s="7">
        <v>52.225499999999997</v>
      </c>
    </row>
    <row r="62" spans="1:29">
      <c r="A62" s="9" t="s">
        <v>27</v>
      </c>
      <c r="B62" s="9" t="s">
        <v>57</v>
      </c>
      <c r="C62" s="9" t="s">
        <v>58</v>
      </c>
      <c r="D62" s="9" t="s">
        <v>6</v>
      </c>
      <c r="E62" s="9" t="s">
        <v>171</v>
      </c>
      <c r="F62" s="6">
        <v>15886</v>
      </c>
      <c r="G62" s="6">
        <v>430</v>
      </c>
      <c r="H62" s="6">
        <v>1021</v>
      </c>
      <c r="I62" s="6">
        <v>822</v>
      </c>
      <c r="J62" s="6">
        <v>875</v>
      </c>
      <c r="K62" s="6">
        <v>1028</v>
      </c>
      <c r="L62" s="6">
        <v>1158</v>
      </c>
      <c r="M62" s="6">
        <v>1166</v>
      </c>
      <c r="N62" s="6">
        <v>1097</v>
      </c>
      <c r="O62" s="6">
        <v>1099</v>
      </c>
      <c r="P62" s="6">
        <v>1317</v>
      </c>
      <c r="Q62" s="6">
        <v>1538</v>
      </c>
      <c r="R62" s="6">
        <v>1755</v>
      </c>
      <c r="S62" s="6">
        <v>1171</v>
      </c>
      <c r="T62" s="6">
        <v>814</v>
      </c>
      <c r="U62" s="6">
        <v>449</v>
      </c>
      <c r="V62" s="6">
        <v>121</v>
      </c>
      <c r="W62" s="6">
        <v>25</v>
      </c>
      <c r="X62" s="6">
        <v>10013</v>
      </c>
      <c r="Y62" s="6">
        <v>5873</v>
      </c>
      <c r="Z62" s="6">
        <v>2580</v>
      </c>
      <c r="AA62" s="6">
        <v>595</v>
      </c>
      <c r="AB62" s="6">
        <v>11121</v>
      </c>
      <c r="AC62" s="7">
        <v>54.725540000000002</v>
      </c>
    </row>
    <row r="63" spans="1:29">
      <c r="A63" s="9" t="s">
        <v>27</v>
      </c>
      <c r="B63" s="9" t="s">
        <v>57</v>
      </c>
      <c r="C63" s="9" t="s">
        <v>58</v>
      </c>
      <c r="D63" s="9" t="s">
        <v>53</v>
      </c>
      <c r="E63" s="9" t="s">
        <v>6</v>
      </c>
      <c r="F63" s="6">
        <v>429368</v>
      </c>
      <c r="G63" s="6">
        <v>5087</v>
      </c>
      <c r="H63" s="6">
        <v>22154</v>
      </c>
      <c r="I63" s="6">
        <v>28296</v>
      </c>
      <c r="J63" s="6">
        <v>33937</v>
      </c>
      <c r="K63" s="6">
        <v>40450</v>
      </c>
      <c r="L63" s="6">
        <v>45072</v>
      </c>
      <c r="M63" s="6">
        <v>47257</v>
      </c>
      <c r="N63" s="6">
        <v>41369</v>
      </c>
      <c r="O63" s="6">
        <v>43471</v>
      </c>
      <c r="P63" s="6">
        <v>43358</v>
      </c>
      <c r="Q63" s="6">
        <v>36158</v>
      </c>
      <c r="R63" s="6">
        <v>25179</v>
      </c>
      <c r="S63" s="6">
        <v>10053</v>
      </c>
      <c r="T63" s="6">
        <v>5156</v>
      </c>
      <c r="U63" s="6">
        <v>1928</v>
      </c>
      <c r="V63" s="6">
        <v>410</v>
      </c>
      <c r="W63" s="6">
        <v>33</v>
      </c>
      <c r="X63" s="6">
        <v>350451</v>
      </c>
      <c r="Y63" s="6">
        <v>78917</v>
      </c>
      <c r="Z63" s="6">
        <v>17580</v>
      </c>
      <c r="AA63" s="6">
        <v>2371</v>
      </c>
      <c r="AB63" s="6">
        <v>381522</v>
      </c>
      <c r="AC63" s="7">
        <v>49.388120000000001</v>
      </c>
    </row>
    <row r="64" spans="1:29">
      <c r="A64" s="9" t="s">
        <v>27</v>
      </c>
      <c r="B64" s="9" t="s">
        <v>57</v>
      </c>
      <c r="C64" s="9" t="s">
        <v>58</v>
      </c>
      <c r="D64" s="9" t="s">
        <v>53</v>
      </c>
      <c r="E64" s="9" t="s">
        <v>160</v>
      </c>
      <c r="F64" s="6">
        <v>13342</v>
      </c>
      <c r="G64" s="6">
        <v>1</v>
      </c>
      <c r="H64" s="6">
        <v>14</v>
      </c>
      <c r="I64" s="6">
        <v>65</v>
      </c>
      <c r="J64" s="6">
        <v>240</v>
      </c>
      <c r="K64" s="6">
        <v>493</v>
      </c>
      <c r="L64" s="6">
        <v>924</v>
      </c>
      <c r="M64" s="6">
        <v>1342</v>
      </c>
      <c r="N64" s="6">
        <v>1615</v>
      </c>
      <c r="O64" s="6">
        <v>2103</v>
      </c>
      <c r="P64" s="6">
        <v>2069</v>
      </c>
      <c r="Q64" s="6">
        <v>1816</v>
      </c>
      <c r="R64" s="6">
        <v>1532</v>
      </c>
      <c r="S64" s="6">
        <v>665</v>
      </c>
      <c r="T64" s="6">
        <v>310</v>
      </c>
      <c r="U64" s="6">
        <v>122</v>
      </c>
      <c r="V64" s="6">
        <v>26</v>
      </c>
      <c r="W64" s="6">
        <v>5</v>
      </c>
      <c r="X64" s="6">
        <v>8866</v>
      </c>
      <c r="Y64" s="6">
        <v>4476</v>
      </c>
      <c r="Z64" s="6">
        <v>1128</v>
      </c>
      <c r="AA64" s="6">
        <v>153</v>
      </c>
      <c r="AB64" s="6">
        <v>10681</v>
      </c>
      <c r="AC64" s="7">
        <v>59.2684</v>
      </c>
    </row>
    <row r="65" spans="1:29">
      <c r="A65" s="9" t="s">
        <v>27</v>
      </c>
      <c r="B65" s="9" t="s">
        <v>57</v>
      </c>
      <c r="C65" s="9" t="s">
        <v>58</v>
      </c>
      <c r="D65" s="9" t="s">
        <v>53</v>
      </c>
      <c r="E65" s="9" t="s">
        <v>161</v>
      </c>
      <c r="F65" s="6">
        <v>60271</v>
      </c>
      <c r="G65" s="6">
        <v>282</v>
      </c>
      <c r="H65" s="6">
        <v>2518</v>
      </c>
      <c r="I65" s="6">
        <v>4822</v>
      </c>
      <c r="J65" s="6">
        <v>5925</v>
      </c>
      <c r="K65" s="6">
        <v>6309</v>
      </c>
      <c r="L65" s="6">
        <v>7206</v>
      </c>
      <c r="M65" s="6">
        <v>7454</v>
      </c>
      <c r="N65" s="6">
        <v>6360</v>
      </c>
      <c r="O65" s="6">
        <v>6478</v>
      </c>
      <c r="P65" s="6">
        <v>5420</v>
      </c>
      <c r="Q65" s="6">
        <v>3809</v>
      </c>
      <c r="R65" s="6">
        <v>2326</v>
      </c>
      <c r="S65" s="6">
        <v>820</v>
      </c>
      <c r="T65" s="6">
        <v>350</v>
      </c>
      <c r="U65" s="6">
        <v>148</v>
      </c>
      <c r="V65" s="6">
        <v>40</v>
      </c>
      <c r="W65" s="6">
        <v>4</v>
      </c>
      <c r="X65" s="6">
        <v>52774</v>
      </c>
      <c r="Y65" s="6">
        <v>7497</v>
      </c>
      <c r="Z65" s="6">
        <v>1362</v>
      </c>
      <c r="AA65" s="6">
        <v>192</v>
      </c>
      <c r="AB65" s="6">
        <v>56301</v>
      </c>
      <c r="AC65" s="7">
        <v>47.530839999999998</v>
      </c>
    </row>
    <row r="66" spans="1:29">
      <c r="A66" s="9" t="s">
        <v>27</v>
      </c>
      <c r="B66" s="9" t="s">
        <v>57</v>
      </c>
      <c r="C66" s="9" t="s">
        <v>58</v>
      </c>
      <c r="D66" s="9" t="s">
        <v>53</v>
      </c>
      <c r="E66" s="9" t="s">
        <v>162</v>
      </c>
      <c r="F66" s="6">
        <v>49669</v>
      </c>
      <c r="G66" s="6">
        <v>247</v>
      </c>
      <c r="H66" s="6">
        <v>1824</v>
      </c>
      <c r="I66" s="6">
        <v>3137</v>
      </c>
      <c r="J66" s="6">
        <v>3841</v>
      </c>
      <c r="K66" s="6">
        <v>4783</v>
      </c>
      <c r="L66" s="6">
        <v>5680</v>
      </c>
      <c r="M66" s="6">
        <v>7136</v>
      </c>
      <c r="N66" s="6">
        <v>6446</v>
      </c>
      <c r="O66" s="6">
        <v>6622</v>
      </c>
      <c r="P66" s="6">
        <v>5651</v>
      </c>
      <c r="Q66" s="6">
        <v>2581</v>
      </c>
      <c r="R66" s="6">
        <v>1192</v>
      </c>
      <c r="S66" s="6">
        <v>359</v>
      </c>
      <c r="T66" s="6">
        <v>112</v>
      </c>
      <c r="U66" s="6">
        <v>34</v>
      </c>
      <c r="V66" s="6">
        <v>23</v>
      </c>
      <c r="W66" s="6">
        <v>1</v>
      </c>
      <c r="X66" s="6">
        <v>45367</v>
      </c>
      <c r="Y66" s="6">
        <v>4302</v>
      </c>
      <c r="Z66" s="6">
        <v>529</v>
      </c>
      <c r="AA66" s="6">
        <v>58</v>
      </c>
      <c r="AB66" s="6">
        <v>47701</v>
      </c>
      <c r="AC66" s="7">
        <v>48.15399</v>
      </c>
    </row>
    <row r="67" spans="1:29">
      <c r="A67" s="9" t="s">
        <v>27</v>
      </c>
      <c r="B67" s="9" t="s">
        <v>57</v>
      </c>
      <c r="C67" s="9" t="s">
        <v>58</v>
      </c>
      <c r="D67" s="9" t="s">
        <v>53</v>
      </c>
      <c r="E67" s="9" t="s">
        <v>163</v>
      </c>
      <c r="F67" s="6">
        <v>46511</v>
      </c>
      <c r="G67" s="6">
        <v>773</v>
      </c>
      <c r="H67" s="6">
        <v>2985</v>
      </c>
      <c r="I67" s="6">
        <v>3488</v>
      </c>
      <c r="J67" s="6">
        <v>3964</v>
      </c>
      <c r="K67" s="6">
        <v>4850</v>
      </c>
      <c r="L67" s="6">
        <v>5118</v>
      </c>
      <c r="M67" s="6">
        <v>5602</v>
      </c>
      <c r="N67" s="6">
        <v>4577</v>
      </c>
      <c r="O67" s="6">
        <v>4422</v>
      </c>
      <c r="P67" s="6">
        <v>4188</v>
      </c>
      <c r="Q67" s="6">
        <v>2941</v>
      </c>
      <c r="R67" s="6">
        <v>2066</v>
      </c>
      <c r="S67" s="6">
        <v>908</v>
      </c>
      <c r="T67" s="6">
        <v>439</v>
      </c>
      <c r="U67" s="6">
        <v>143</v>
      </c>
      <c r="V67" s="6">
        <v>41</v>
      </c>
      <c r="W67" s="6">
        <v>6</v>
      </c>
      <c r="X67" s="6">
        <v>39967</v>
      </c>
      <c r="Y67" s="6">
        <v>6544</v>
      </c>
      <c r="Z67" s="6">
        <v>1537</v>
      </c>
      <c r="AA67" s="6">
        <v>190</v>
      </c>
      <c r="AB67" s="6">
        <v>42135</v>
      </c>
      <c r="AC67" s="7">
        <v>47.257260000000002</v>
      </c>
    </row>
    <row r="68" spans="1:29">
      <c r="A68" s="9" t="s">
        <v>27</v>
      </c>
      <c r="B68" s="9" t="s">
        <v>57</v>
      </c>
      <c r="C68" s="9" t="s">
        <v>58</v>
      </c>
      <c r="D68" s="9" t="s">
        <v>53</v>
      </c>
      <c r="E68" s="9" t="s">
        <v>164</v>
      </c>
      <c r="F68" s="6">
        <v>31628</v>
      </c>
      <c r="G68" s="6">
        <v>1162</v>
      </c>
      <c r="H68" s="6">
        <v>3138</v>
      </c>
      <c r="I68" s="6">
        <v>2387</v>
      </c>
      <c r="J68" s="6">
        <v>2739</v>
      </c>
      <c r="K68" s="6">
        <v>3447</v>
      </c>
      <c r="L68" s="6">
        <v>3486</v>
      </c>
      <c r="M68" s="6">
        <v>3083</v>
      </c>
      <c r="N68" s="6">
        <v>2402</v>
      </c>
      <c r="O68" s="6">
        <v>2235</v>
      </c>
      <c r="P68" s="6">
        <v>2476</v>
      </c>
      <c r="Q68" s="6">
        <v>2385</v>
      </c>
      <c r="R68" s="6">
        <v>1676</v>
      </c>
      <c r="S68" s="6">
        <v>660</v>
      </c>
      <c r="T68" s="6">
        <v>283</v>
      </c>
      <c r="U68" s="6">
        <v>60</v>
      </c>
      <c r="V68" s="6">
        <v>9</v>
      </c>
      <c r="W68" s="10" t="s">
        <v>55</v>
      </c>
      <c r="X68" s="6">
        <v>26555</v>
      </c>
      <c r="Y68" s="6">
        <v>5073</v>
      </c>
      <c r="Z68" s="6">
        <v>1012</v>
      </c>
      <c r="AA68" s="6">
        <v>69</v>
      </c>
      <c r="AB68" s="6">
        <v>27778</v>
      </c>
      <c r="AC68" s="7">
        <v>45.576140000000002</v>
      </c>
    </row>
    <row r="69" spans="1:29">
      <c r="A69" s="9" t="s">
        <v>27</v>
      </c>
      <c r="B69" s="9" t="s">
        <v>57</v>
      </c>
      <c r="C69" s="9" t="s">
        <v>58</v>
      </c>
      <c r="D69" s="9" t="s">
        <v>53</v>
      </c>
      <c r="E69" s="9" t="s">
        <v>165</v>
      </c>
      <c r="F69" s="6">
        <v>14662</v>
      </c>
      <c r="G69" s="6">
        <v>241</v>
      </c>
      <c r="H69" s="6">
        <v>1245</v>
      </c>
      <c r="I69" s="6">
        <v>1451</v>
      </c>
      <c r="J69" s="6">
        <v>1613</v>
      </c>
      <c r="K69" s="6">
        <v>1520</v>
      </c>
      <c r="L69" s="6">
        <v>1564</v>
      </c>
      <c r="M69" s="6">
        <v>1494</v>
      </c>
      <c r="N69" s="6">
        <v>1479</v>
      </c>
      <c r="O69" s="6">
        <v>1098</v>
      </c>
      <c r="P69" s="6">
        <v>1115</v>
      </c>
      <c r="Q69" s="6">
        <v>1046</v>
      </c>
      <c r="R69" s="6">
        <v>593</v>
      </c>
      <c r="S69" s="6">
        <v>173</v>
      </c>
      <c r="T69" s="6">
        <v>25</v>
      </c>
      <c r="U69" s="6">
        <v>5</v>
      </c>
      <c r="V69" s="10" t="s">
        <v>55</v>
      </c>
      <c r="W69" s="10" t="s">
        <v>55</v>
      </c>
      <c r="X69" s="6">
        <v>12820</v>
      </c>
      <c r="Y69" s="6">
        <v>1842</v>
      </c>
      <c r="Z69" s="6">
        <v>203</v>
      </c>
      <c r="AA69" s="6">
        <v>5</v>
      </c>
      <c r="AB69" s="6">
        <v>13625</v>
      </c>
      <c r="AC69" s="7">
        <v>44.932549999999999</v>
      </c>
    </row>
    <row r="70" spans="1:29">
      <c r="A70" s="9" t="s">
        <v>27</v>
      </c>
      <c r="B70" s="9" t="s">
        <v>57</v>
      </c>
      <c r="C70" s="9" t="s">
        <v>58</v>
      </c>
      <c r="D70" s="9" t="s">
        <v>53</v>
      </c>
      <c r="E70" s="9" t="s">
        <v>166</v>
      </c>
      <c r="F70" s="6">
        <v>41592</v>
      </c>
      <c r="G70" s="6">
        <v>140</v>
      </c>
      <c r="H70" s="6">
        <v>1197</v>
      </c>
      <c r="I70" s="6">
        <v>1484</v>
      </c>
      <c r="J70" s="6">
        <v>1797</v>
      </c>
      <c r="K70" s="6">
        <v>2189</v>
      </c>
      <c r="L70" s="6">
        <v>2338</v>
      </c>
      <c r="M70" s="6">
        <v>2268</v>
      </c>
      <c r="N70" s="6">
        <v>2394</v>
      </c>
      <c r="O70" s="6">
        <v>3214</v>
      </c>
      <c r="P70" s="6">
        <v>4504</v>
      </c>
      <c r="Q70" s="6">
        <v>6154</v>
      </c>
      <c r="R70" s="6">
        <v>6429</v>
      </c>
      <c r="S70" s="6">
        <v>3667</v>
      </c>
      <c r="T70" s="6">
        <v>2569</v>
      </c>
      <c r="U70" s="6">
        <v>1050</v>
      </c>
      <c r="V70" s="6">
        <v>191</v>
      </c>
      <c r="W70" s="6">
        <v>7</v>
      </c>
      <c r="X70" s="6">
        <v>21525</v>
      </c>
      <c r="Y70" s="6">
        <v>20067</v>
      </c>
      <c r="Z70" s="6">
        <v>7484</v>
      </c>
      <c r="AA70" s="6">
        <v>1248</v>
      </c>
      <c r="AB70" s="6">
        <v>27539</v>
      </c>
      <c r="AC70" s="7">
        <v>60.036279999999998</v>
      </c>
    </row>
    <row r="71" spans="1:29">
      <c r="A71" s="9" t="s">
        <v>27</v>
      </c>
      <c r="B71" s="9" t="s">
        <v>57</v>
      </c>
      <c r="C71" s="9" t="s">
        <v>58</v>
      </c>
      <c r="D71" s="9" t="s">
        <v>53</v>
      </c>
      <c r="E71" s="9" t="s">
        <v>167</v>
      </c>
      <c r="F71" s="6">
        <v>68271</v>
      </c>
      <c r="G71" s="6">
        <v>1031</v>
      </c>
      <c r="H71" s="6">
        <v>4669</v>
      </c>
      <c r="I71" s="6">
        <v>5806</v>
      </c>
      <c r="J71" s="6">
        <v>7108</v>
      </c>
      <c r="K71" s="6">
        <v>8020</v>
      </c>
      <c r="L71" s="6">
        <v>8283</v>
      </c>
      <c r="M71" s="6">
        <v>8396</v>
      </c>
      <c r="N71" s="6">
        <v>6636</v>
      </c>
      <c r="O71" s="6">
        <v>6503</v>
      </c>
      <c r="P71" s="6">
        <v>5283</v>
      </c>
      <c r="Q71" s="6">
        <v>3391</v>
      </c>
      <c r="R71" s="6">
        <v>2040</v>
      </c>
      <c r="S71" s="6">
        <v>708</v>
      </c>
      <c r="T71" s="6">
        <v>300</v>
      </c>
      <c r="U71" s="6">
        <v>84</v>
      </c>
      <c r="V71" s="6">
        <v>13</v>
      </c>
      <c r="W71" s="10" t="s">
        <v>55</v>
      </c>
      <c r="X71" s="6">
        <v>61735</v>
      </c>
      <c r="Y71" s="6">
        <v>6536</v>
      </c>
      <c r="Z71" s="6">
        <v>1105</v>
      </c>
      <c r="AA71" s="6">
        <v>97</v>
      </c>
      <c r="AB71" s="6">
        <v>64095</v>
      </c>
      <c r="AC71" s="7">
        <v>45.154899999999998</v>
      </c>
    </row>
    <row r="72" spans="1:29">
      <c r="A72" s="9" t="s">
        <v>27</v>
      </c>
      <c r="B72" s="9" t="s">
        <v>57</v>
      </c>
      <c r="C72" s="9" t="s">
        <v>58</v>
      </c>
      <c r="D72" s="9" t="s">
        <v>53</v>
      </c>
      <c r="E72" s="9" t="s">
        <v>168</v>
      </c>
      <c r="F72" s="6">
        <v>26425</v>
      </c>
      <c r="G72" s="6">
        <v>77</v>
      </c>
      <c r="H72" s="6">
        <v>499</v>
      </c>
      <c r="I72" s="6">
        <v>958</v>
      </c>
      <c r="J72" s="6">
        <v>1308</v>
      </c>
      <c r="K72" s="6">
        <v>1918</v>
      </c>
      <c r="L72" s="6">
        <v>2444</v>
      </c>
      <c r="M72" s="6">
        <v>2956</v>
      </c>
      <c r="N72" s="6">
        <v>3164</v>
      </c>
      <c r="O72" s="6">
        <v>3690</v>
      </c>
      <c r="P72" s="6">
        <v>3830</v>
      </c>
      <c r="Q72" s="6">
        <v>3263</v>
      </c>
      <c r="R72" s="6">
        <v>1896</v>
      </c>
      <c r="S72" s="6">
        <v>376</v>
      </c>
      <c r="T72" s="6">
        <v>42</v>
      </c>
      <c r="U72" s="6">
        <v>3</v>
      </c>
      <c r="V72" s="6">
        <v>1</v>
      </c>
      <c r="W72" s="10" t="s">
        <v>55</v>
      </c>
      <c r="X72" s="6">
        <v>20844</v>
      </c>
      <c r="Y72" s="6">
        <v>5581</v>
      </c>
      <c r="Z72" s="6">
        <v>422</v>
      </c>
      <c r="AA72" s="6">
        <v>4</v>
      </c>
      <c r="AB72" s="6">
        <v>24030</v>
      </c>
      <c r="AC72" s="7">
        <v>53.19605</v>
      </c>
    </row>
    <row r="73" spans="1:29">
      <c r="A73" s="9" t="s">
        <v>27</v>
      </c>
      <c r="B73" s="9" t="s">
        <v>57</v>
      </c>
      <c r="C73" s="9" t="s">
        <v>58</v>
      </c>
      <c r="D73" s="9" t="s">
        <v>53</v>
      </c>
      <c r="E73" s="9" t="s">
        <v>169</v>
      </c>
      <c r="F73" s="6">
        <v>40169</v>
      </c>
      <c r="G73" s="6">
        <v>458</v>
      </c>
      <c r="H73" s="6">
        <v>2024</v>
      </c>
      <c r="I73" s="6">
        <v>2600</v>
      </c>
      <c r="J73" s="6">
        <v>2772</v>
      </c>
      <c r="K73" s="6">
        <v>3761</v>
      </c>
      <c r="L73" s="6">
        <v>4590</v>
      </c>
      <c r="M73" s="6">
        <v>4266</v>
      </c>
      <c r="N73" s="6">
        <v>3265</v>
      </c>
      <c r="O73" s="6">
        <v>3698</v>
      </c>
      <c r="P73" s="6">
        <v>4886</v>
      </c>
      <c r="Q73" s="6">
        <v>4715</v>
      </c>
      <c r="R73" s="6">
        <v>2445</v>
      </c>
      <c r="S73" s="6">
        <v>518</v>
      </c>
      <c r="T73" s="6">
        <v>139</v>
      </c>
      <c r="U73" s="6">
        <v>30</v>
      </c>
      <c r="V73" s="6">
        <v>2</v>
      </c>
      <c r="W73" s="10" t="s">
        <v>55</v>
      </c>
      <c r="X73" s="6">
        <v>32320</v>
      </c>
      <c r="Y73" s="6">
        <v>7849</v>
      </c>
      <c r="Z73" s="6">
        <v>689</v>
      </c>
      <c r="AA73" s="6">
        <v>32</v>
      </c>
      <c r="AB73" s="6">
        <v>36577</v>
      </c>
      <c r="AC73" s="7">
        <v>49.615490000000001</v>
      </c>
    </row>
    <row r="74" spans="1:29">
      <c r="A74" s="9" t="s">
        <v>27</v>
      </c>
      <c r="B74" s="9" t="s">
        <v>57</v>
      </c>
      <c r="C74" s="9" t="s">
        <v>58</v>
      </c>
      <c r="D74" s="9" t="s">
        <v>53</v>
      </c>
      <c r="E74" s="9" t="s">
        <v>170</v>
      </c>
      <c r="F74" s="6">
        <v>28410</v>
      </c>
      <c r="G74" s="6">
        <v>442</v>
      </c>
      <c r="H74" s="6">
        <v>1514</v>
      </c>
      <c r="I74" s="6">
        <v>1632</v>
      </c>
      <c r="J74" s="6">
        <v>2166</v>
      </c>
      <c r="K74" s="6">
        <v>2594</v>
      </c>
      <c r="L74" s="6">
        <v>2783</v>
      </c>
      <c r="M74" s="6">
        <v>2603</v>
      </c>
      <c r="N74" s="6">
        <v>2420</v>
      </c>
      <c r="O74" s="6">
        <v>2826</v>
      </c>
      <c r="P74" s="6">
        <v>3271</v>
      </c>
      <c r="Q74" s="6">
        <v>3269</v>
      </c>
      <c r="R74" s="6">
        <v>2083</v>
      </c>
      <c r="S74" s="6">
        <v>603</v>
      </c>
      <c r="T74" s="6">
        <v>172</v>
      </c>
      <c r="U74" s="6">
        <v>30</v>
      </c>
      <c r="V74" s="6">
        <v>1</v>
      </c>
      <c r="W74" s="6">
        <v>1</v>
      </c>
      <c r="X74" s="6">
        <v>22251</v>
      </c>
      <c r="Y74" s="6">
        <v>6159</v>
      </c>
      <c r="Z74" s="6">
        <v>807</v>
      </c>
      <c r="AA74" s="6">
        <v>32</v>
      </c>
      <c r="AB74" s="6">
        <v>25078</v>
      </c>
      <c r="AC74" s="7">
        <v>50.184930000000001</v>
      </c>
    </row>
    <row r="75" spans="1:29">
      <c r="A75" s="9" t="s">
        <v>27</v>
      </c>
      <c r="B75" s="9" t="s">
        <v>57</v>
      </c>
      <c r="C75" s="9" t="s">
        <v>58</v>
      </c>
      <c r="D75" s="9" t="s">
        <v>53</v>
      </c>
      <c r="E75" s="9" t="s">
        <v>171</v>
      </c>
      <c r="F75" s="6">
        <v>8418</v>
      </c>
      <c r="G75" s="6">
        <v>233</v>
      </c>
      <c r="H75" s="6">
        <v>527</v>
      </c>
      <c r="I75" s="6">
        <v>466</v>
      </c>
      <c r="J75" s="6">
        <v>464</v>
      </c>
      <c r="K75" s="6">
        <v>566</v>
      </c>
      <c r="L75" s="6">
        <v>656</v>
      </c>
      <c r="M75" s="6">
        <v>657</v>
      </c>
      <c r="N75" s="6">
        <v>611</v>
      </c>
      <c r="O75" s="6">
        <v>582</v>
      </c>
      <c r="P75" s="6">
        <v>665</v>
      </c>
      <c r="Q75" s="6">
        <v>788</v>
      </c>
      <c r="R75" s="6">
        <v>901</v>
      </c>
      <c r="S75" s="6">
        <v>596</v>
      </c>
      <c r="T75" s="6">
        <v>415</v>
      </c>
      <c r="U75" s="6">
        <v>219</v>
      </c>
      <c r="V75" s="6">
        <v>63</v>
      </c>
      <c r="W75" s="6">
        <v>9</v>
      </c>
      <c r="X75" s="6">
        <v>5427</v>
      </c>
      <c r="Y75" s="6">
        <v>2991</v>
      </c>
      <c r="Z75" s="6">
        <v>1302</v>
      </c>
      <c r="AA75" s="6">
        <v>291</v>
      </c>
      <c r="AB75" s="6">
        <v>5982</v>
      </c>
      <c r="AC75" s="7">
        <v>54.157400000000003</v>
      </c>
    </row>
    <row r="76" spans="1:29">
      <c r="A76" s="9" t="s">
        <v>27</v>
      </c>
      <c r="B76" s="9" t="s">
        <v>57</v>
      </c>
      <c r="C76" s="9" t="s">
        <v>58</v>
      </c>
      <c r="D76" s="9" t="s">
        <v>54</v>
      </c>
      <c r="E76" s="9" t="s">
        <v>6</v>
      </c>
      <c r="F76" s="6">
        <v>389891</v>
      </c>
      <c r="G76" s="6">
        <v>5070</v>
      </c>
      <c r="H76" s="6">
        <v>22637</v>
      </c>
      <c r="I76" s="6">
        <v>27570</v>
      </c>
      <c r="J76" s="6">
        <v>31003</v>
      </c>
      <c r="K76" s="6">
        <v>36961</v>
      </c>
      <c r="L76" s="6">
        <v>41767</v>
      </c>
      <c r="M76" s="6">
        <v>44856</v>
      </c>
      <c r="N76" s="6">
        <v>41232</v>
      </c>
      <c r="O76" s="6">
        <v>41245</v>
      </c>
      <c r="P76" s="6">
        <v>37101</v>
      </c>
      <c r="Q76" s="6">
        <v>28584</v>
      </c>
      <c r="R76" s="6">
        <v>18643</v>
      </c>
      <c r="S76" s="6">
        <v>7772</v>
      </c>
      <c r="T76" s="6">
        <v>3732</v>
      </c>
      <c r="U76" s="6">
        <v>1361</v>
      </c>
      <c r="V76" s="6">
        <v>305</v>
      </c>
      <c r="W76" s="6">
        <v>52</v>
      </c>
      <c r="X76" s="6">
        <v>329442</v>
      </c>
      <c r="Y76" s="6">
        <v>60449</v>
      </c>
      <c r="Z76" s="6">
        <v>13222</v>
      </c>
      <c r="AA76" s="6">
        <v>1718</v>
      </c>
      <c r="AB76" s="6">
        <v>352956</v>
      </c>
      <c r="AC76" s="7">
        <v>48.353380000000001</v>
      </c>
    </row>
    <row r="77" spans="1:29">
      <c r="A77" s="9" t="s">
        <v>27</v>
      </c>
      <c r="B77" s="9" t="s">
        <v>57</v>
      </c>
      <c r="C77" s="9" t="s">
        <v>58</v>
      </c>
      <c r="D77" s="9" t="s">
        <v>54</v>
      </c>
      <c r="E77" s="9" t="s">
        <v>160</v>
      </c>
      <c r="F77" s="6">
        <v>2846</v>
      </c>
      <c r="G77" s="10" t="s">
        <v>55</v>
      </c>
      <c r="H77" s="6">
        <v>3</v>
      </c>
      <c r="I77" s="6">
        <v>15</v>
      </c>
      <c r="J77" s="6">
        <v>48</v>
      </c>
      <c r="K77" s="6">
        <v>103</v>
      </c>
      <c r="L77" s="6">
        <v>165</v>
      </c>
      <c r="M77" s="6">
        <v>261</v>
      </c>
      <c r="N77" s="6">
        <v>303</v>
      </c>
      <c r="O77" s="6">
        <v>404</v>
      </c>
      <c r="P77" s="6">
        <v>404</v>
      </c>
      <c r="Q77" s="6">
        <v>401</v>
      </c>
      <c r="R77" s="6">
        <v>351</v>
      </c>
      <c r="S77" s="6">
        <v>195</v>
      </c>
      <c r="T77" s="6">
        <v>118</v>
      </c>
      <c r="U77" s="6">
        <v>52</v>
      </c>
      <c r="V77" s="6">
        <v>16</v>
      </c>
      <c r="W77" s="6">
        <v>7</v>
      </c>
      <c r="X77" s="6">
        <v>1706</v>
      </c>
      <c r="Y77" s="6">
        <v>1140</v>
      </c>
      <c r="Z77" s="6">
        <v>388</v>
      </c>
      <c r="AA77" s="6">
        <v>75</v>
      </c>
      <c r="AB77" s="6">
        <v>2107</v>
      </c>
      <c r="AC77" s="7">
        <v>61.029519999999998</v>
      </c>
    </row>
    <row r="78" spans="1:29">
      <c r="A78" s="9" t="s">
        <v>27</v>
      </c>
      <c r="B78" s="9" t="s">
        <v>57</v>
      </c>
      <c r="C78" s="9" t="s">
        <v>58</v>
      </c>
      <c r="D78" s="9" t="s">
        <v>54</v>
      </c>
      <c r="E78" s="9" t="s">
        <v>161</v>
      </c>
      <c r="F78" s="6">
        <v>82688</v>
      </c>
      <c r="G78" s="6">
        <v>206</v>
      </c>
      <c r="H78" s="6">
        <v>5481</v>
      </c>
      <c r="I78" s="6">
        <v>8334</v>
      </c>
      <c r="J78" s="6">
        <v>8316</v>
      </c>
      <c r="K78" s="6">
        <v>9673</v>
      </c>
      <c r="L78" s="6">
        <v>10391</v>
      </c>
      <c r="M78" s="6">
        <v>10416</v>
      </c>
      <c r="N78" s="6">
        <v>9607</v>
      </c>
      <c r="O78" s="6">
        <v>9150</v>
      </c>
      <c r="P78" s="6">
        <v>6546</v>
      </c>
      <c r="Q78" s="6">
        <v>2906</v>
      </c>
      <c r="R78" s="6">
        <v>1172</v>
      </c>
      <c r="S78" s="6">
        <v>322</v>
      </c>
      <c r="T78" s="6">
        <v>104</v>
      </c>
      <c r="U78" s="6">
        <v>43</v>
      </c>
      <c r="V78" s="6">
        <v>20</v>
      </c>
      <c r="W78" s="6">
        <v>1</v>
      </c>
      <c r="X78" s="6">
        <v>78120</v>
      </c>
      <c r="Y78" s="6">
        <v>4568</v>
      </c>
      <c r="Z78" s="6">
        <v>490</v>
      </c>
      <c r="AA78" s="6">
        <v>64</v>
      </c>
      <c r="AB78" s="6">
        <v>80820</v>
      </c>
      <c r="AC78" s="7">
        <v>44.569679999999998</v>
      </c>
    </row>
    <row r="79" spans="1:29">
      <c r="A79" s="9" t="s">
        <v>27</v>
      </c>
      <c r="B79" s="9" t="s">
        <v>57</v>
      </c>
      <c r="C79" s="9" t="s">
        <v>58</v>
      </c>
      <c r="D79" s="9" t="s">
        <v>54</v>
      </c>
      <c r="E79" s="9" t="s">
        <v>162</v>
      </c>
      <c r="F79" s="6">
        <v>92807</v>
      </c>
      <c r="G79" s="6">
        <v>620</v>
      </c>
      <c r="H79" s="6">
        <v>4269</v>
      </c>
      <c r="I79" s="6">
        <v>6832</v>
      </c>
      <c r="J79" s="6">
        <v>8331</v>
      </c>
      <c r="K79" s="6">
        <v>10308</v>
      </c>
      <c r="L79" s="6">
        <v>12627</v>
      </c>
      <c r="M79" s="6">
        <v>13844</v>
      </c>
      <c r="N79" s="6">
        <v>11368</v>
      </c>
      <c r="O79" s="6">
        <v>9719</v>
      </c>
      <c r="P79" s="6">
        <v>7006</v>
      </c>
      <c r="Q79" s="6">
        <v>4132</v>
      </c>
      <c r="R79" s="6">
        <v>2443</v>
      </c>
      <c r="S79" s="6">
        <v>881</v>
      </c>
      <c r="T79" s="6">
        <v>302</v>
      </c>
      <c r="U79" s="6">
        <v>100</v>
      </c>
      <c r="V79" s="6">
        <v>21</v>
      </c>
      <c r="W79" s="6">
        <v>4</v>
      </c>
      <c r="X79" s="6">
        <v>84924</v>
      </c>
      <c r="Y79" s="6">
        <v>7883</v>
      </c>
      <c r="Z79" s="6">
        <v>1308</v>
      </c>
      <c r="AA79" s="6">
        <v>125</v>
      </c>
      <c r="AB79" s="6">
        <v>88436</v>
      </c>
      <c r="AC79" s="7">
        <v>46.334090000000003</v>
      </c>
    </row>
    <row r="80" spans="1:29">
      <c r="A80" s="9" t="s">
        <v>27</v>
      </c>
      <c r="B80" s="9" t="s">
        <v>57</v>
      </c>
      <c r="C80" s="9" t="s">
        <v>58</v>
      </c>
      <c r="D80" s="9" t="s">
        <v>54</v>
      </c>
      <c r="E80" s="9" t="s">
        <v>163</v>
      </c>
      <c r="F80" s="6">
        <v>43479</v>
      </c>
      <c r="G80" s="6">
        <v>1363</v>
      </c>
      <c r="H80" s="6">
        <v>3565</v>
      </c>
      <c r="I80" s="6">
        <v>3316</v>
      </c>
      <c r="J80" s="6">
        <v>3486</v>
      </c>
      <c r="K80" s="6">
        <v>3976</v>
      </c>
      <c r="L80" s="6">
        <v>4213</v>
      </c>
      <c r="M80" s="6">
        <v>4633</v>
      </c>
      <c r="N80" s="6">
        <v>4458</v>
      </c>
      <c r="O80" s="6">
        <v>4508</v>
      </c>
      <c r="P80" s="6">
        <v>4138</v>
      </c>
      <c r="Q80" s="6">
        <v>2768</v>
      </c>
      <c r="R80" s="6">
        <v>1690</v>
      </c>
      <c r="S80" s="6">
        <v>735</v>
      </c>
      <c r="T80" s="6">
        <v>389</v>
      </c>
      <c r="U80" s="6">
        <v>171</v>
      </c>
      <c r="V80" s="6">
        <v>60</v>
      </c>
      <c r="W80" s="6">
        <v>10</v>
      </c>
      <c r="X80" s="6">
        <v>37656</v>
      </c>
      <c r="Y80" s="6">
        <v>5823</v>
      </c>
      <c r="Z80" s="6">
        <v>1365</v>
      </c>
      <c r="AA80" s="6">
        <v>241</v>
      </c>
      <c r="AB80" s="6">
        <v>39061</v>
      </c>
      <c r="AC80" s="7">
        <v>46.655090000000001</v>
      </c>
    </row>
    <row r="81" spans="1:29">
      <c r="A81" s="9" t="s">
        <v>27</v>
      </c>
      <c r="B81" s="9" t="s">
        <v>57</v>
      </c>
      <c r="C81" s="9" t="s">
        <v>58</v>
      </c>
      <c r="D81" s="9" t="s">
        <v>54</v>
      </c>
      <c r="E81" s="9" t="s">
        <v>164</v>
      </c>
      <c r="F81" s="6">
        <v>72955</v>
      </c>
      <c r="G81" s="6">
        <v>1733</v>
      </c>
      <c r="H81" s="6">
        <v>4598</v>
      </c>
      <c r="I81" s="6">
        <v>4242</v>
      </c>
      <c r="J81" s="6">
        <v>5123</v>
      </c>
      <c r="K81" s="6">
        <v>6318</v>
      </c>
      <c r="L81" s="6">
        <v>6965</v>
      </c>
      <c r="M81" s="6">
        <v>7326</v>
      </c>
      <c r="N81" s="6">
        <v>7171</v>
      </c>
      <c r="O81" s="6">
        <v>8005</v>
      </c>
      <c r="P81" s="6">
        <v>8268</v>
      </c>
      <c r="Q81" s="6">
        <v>7005</v>
      </c>
      <c r="R81" s="6">
        <v>4351</v>
      </c>
      <c r="S81" s="6">
        <v>1309</v>
      </c>
      <c r="T81" s="6">
        <v>419</v>
      </c>
      <c r="U81" s="6">
        <v>100</v>
      </c>
      <c r="V81" s="6">
        <v>20</v>
      </c>
      <c r="W81" s="6">
        <v>2</v>
      </c>
      <c r="X81" s="6">
        <v>59749</v>
      </c>
      <c r="Y81" s="6">
        <v>13206</v>
      </c>
      <c r="Z81" s="6">
        <v>1850</v>
      </c>
      <c r="AA81" s="6">
        <v>122</v>
      </c>
      <c r="AB81" s="6">
        <v>65021</v>
      </c>
      <c r="AC81" s="7">
        <v>49.150739999999999</v>
      </c>
    </row>
    <row r="82" spans="1:29">
      <c r="A82" s="9" t="s">
        <v>27</v>
      </c>
      <c r="B82" s="9" t="s">
        <v>57</v>
      </c>
      <c r="C82" s="9" t="s">
        <v>58</v>
      </c>
      <c r="D82" s="9" t="s">
        <v>54</v>
      </c>
      <c r="E82" s="9" t="s">
        <v>165</v>
      </c>
      <c r="F82" s="6">
        <v>1324</v>
      </c>
      <c r="G82" s="6">
        <v>94</v>
      </c>
      <c r="H82" s="6">
        <v>255</v>
      </c>
      <c r="I82" s="6">
        <v>194</v>
      </c>
      <c r="J82" s="6">
        <v>148</v>
      </c>
      <c r="K82" s="6">
        <v>116</v>
      </c>
      <c r="L82" s="6">
        <v>133</v>
      </c>
      <c r="M82" s="6">
        <v>149</v>
      </c>
      <c r="N82" s="6">
        <v>92</v>
      </c>
      <c r="O82" s="6">
        <v>49</v>
      </c>
      <c r="P82" s="6">
        <v>46</v>
      </c>
      <c r="Q82" s="6">
        <v>34</v>
      </c>
      <c r="R82" s="6">
        <v>10</v>
      </c>
      <c r="S82" s="6">
        <v>3</v>
      </c>
      <c r="T82" s="10" t="s">
        <v>55</v>
      </c>
      <c r="U82" s="6">
        <v>1</v>
      </c>
      <c r="V82" s="10" t="s">
        <v>55</v>
      </c>
      <c r="W82" s="10" t="s">
        <v>55</v>
      </c>
      <c r="X82" s="6">
        <v>1276</v>
      </c>
      <c r="Y82" s="6">
        <v>48</v>
      </c>
      <c r="Z82" s="6">
        <v>4</v>
      </c>
      <c r="AA82" s="6">
        <v>1</v>
      </c>
      <c r="AB82" s="6">
        <v>1216</v>
      </c>
      <c r="AC82" s="7">
        <v>36.709969999999998</v>
      </c>
    </row>
    <row r="83" spans="1:29">
      <c r="A83" s="9" t="s">
        <v>27</v>
      </c>
      <c r="B83" s="9" t="s">
        <v>57</v>
      </c>
      <c r="C83" s="9" t="s">
        <v>58</v>
      </c>
      <c r="D83" s="9" t="s">
        <v>54</v>
      </c>
      <c r="E83" s="9" t="s">
        <v>166</v>
      </c>
      <c r="F83" s="6">
        <v>27090</v>
      </c>
      <c r="G83" s="6">
        <v>88</v>
      </c>
      <c r="H83" s="6">
        <v>827</v>
      </c>
      <c r="I83" s="6">
        <v>987</v>
      </c>
      <c r="J83" s="6">
        <v>1118</v>
      </c>
      <c r="K83" s="6">
        <v>1252</v>
      </c>
      <c r="L83" s="6">
        <v>1305</v>
      </c>
      <c r="M83" s="6">
        <v>1374</v>
      </c>
      <c r="N83" s="6">
        <v>1552</v>
      </c>
      <c r="O83" s="6">
        <v>2133</v>
      </c>
      <c r="P83" s="6">
        <v>3107</v>
      </c>
      <c r="Q83" s="6">
        <v>4284</v>
      </c>
      <c r="R83" s="6">
        <v>4081</v>
      </c>
      <c r="S83" s="6">
        <v>2621</v>
      </c>
      <c r="T83" s="6">
        <v>1675</v>
      </c>
      <c r="U83" s="6">
        <v>579</v>
      </c>
      <c r="V83" s="6">
        <v>96</v>
      </c>
      <c r="W83" s="6">
        <v>11</v>
      </c>
      <c r="X83" s="6">
        <v>13743</v>
      </c>
      <c r="Y83" s="6">
        <v>13347</v>
      </c>
      <c r="Z83" s="6">
        <v>4982</v>
      </c>
      <c r="AA83" s="6">
        <v>686</v>
      </c>
      <c r="AB83" s="6">
        <v>17939</v>
      </c>
      <c r="AC83" s="7">
        <v>60.405279999999998</v>
      </c>
    </row>
    <row r="84" spans="1:29">
      <c r="A84" s="9" t="s">
        <v>27</v>
      </c>
      <c r="B84" s="9" t="s">
        <v>57</v>
      </c>
      <c r="C84" s="9" t="s">
        <v>58</v>
      </c>
      <c r="D84" s="9" t="s">
        <v>54</v>
      </c>
      <c r="E84" s="9" t="s">
        <v>167</v>
      </c>
      <c r="F84" s="6">
        <v>32230</v>
      </c>
      <c r="G84" s="6">
        <v>519</v>
      </c>
      <c r="H84" s="6">
        <v>2361</v>
      </c>
      <c r="I84" s="6">
        <v>2392</v>
      </c>
      <c r="J84" s="6">
        <v>2740</v>
      </c>
      <c r="K84" s="6">
        <v>3001</v>
      </c>
      <c r="L84" s="6">
        <v>3287</v>
      </c>
      <c r="M84" s="6">
        <v>3639</v>
      </c>
      <c r="N84" s="6">
        <v>3353</v>
      </c>
      <c r="O84" s="6">
        <v>3465</v>
      </c>
      <c r="P84" s="6">
        <v>3202</v>
      </c>
      <c r="Q84" s="6">
        <v>2415</v>
      </c>
      <c r="R84" s="6">
        <v>1273</v>
      </c>
      <c r="S84" s="6">
        <v>381</v>
      </c>
      <c r="T84" s="6">
        <v>148</v>
      </c>
      <c r="U84" s="6">
        <v>47</v>
      </c>
      <c r="V84" s="6">
        <v>7</v>
      </c>
      <c r="W84" s="10" t="s">
        <v>55</v>
      </c>
      <c r="X84" s="6">
        <v>27959</v>
      </c>
      <c r="Y84" s="6">
        <v>4271</v>
      </c>
      <c r="Z84" s="6">
        <v>583</v>
      </c>
      <c r="AA84" s="6">
        <v>54</v>
      </c>
      <c r="AB84" s="6">
        <v>29855</v>
      </c>
      <c r="AC84" s="7">
        <v>47.130409999999998</v>
      </c>
    </row>
    <row r="85" spans="1:29">
      <c r="A85" s="9" t="s">
        <v>27</v>
      </c>
      <c r="B85" s="9" t="s">
        <v>57</v>
      </c>
      <c r="C85" s="9" t="s">
        <v>58</v>
      </c>
      <c r="D85" s="9" t="s">
        <v>54</v>
      </c>
      <c r="E85" s="9" t="s">
        <v>168</v>
      </c>
      <c r="F85" s="6">
        <v>877</v>
      </c>
      <c r="G85" s="6">
        <v>7</v>
      </c>
      <c r="H85" s="6">
        <v>26</v>
      </c>
      <c r="I85" s="6">
        <v>42</v>
      </c>
      <c r="J85" s="6">
        <v>50</v>
      </c>
      <c r="K85" s="6">
        <v>81</v>
      </c>
      <c r="L85" s="6">
        <v>100</v>
      </c>
      <c r="M85" s="6">
        <v>144</v>
      </c>
      <c r="N85" s="6">
        <v>103</v>
      </c>
      <c r="O85" s="6">
        <v>111</v>
      </c>
      <c r="P85" s="6">
        <v>96</v>
      </c>
      <c r="Q85" s="6">
        <v>75</v>
      </c>
      <c r="R85" s="6">
        <v>26</v>
      </c>
      <c r="S85" s="6">
        <v>12</v>
      </c>
      <c r="T85" s="6">
        <v>4</v>
      </c>
      <c r="U85" s="10" t="s">
        <v>55</v>
      </c>
      <c r="V85" s="10" t="s">
        <v>55</v>
      </c>
      <c r="W85" s="10" t="s">
        <v>55</v>
      </c>
      <c r="X85" s="6">
        <v>760</v>
      </c>
      <c r="Y85" s="6">
        <v>117</v>
      </c>
      <c r="Z85" s="6">
        <v>16</v>
      </c>
      <c r="AA85" s="10" t="s">
        <v>55</v>
      </c>
      <c r="AB85" s="6">
        <v>828</v>
      </c>
      <c r="AC85" s="7">
        <v>49.753140000000002</v>
      </c>
    </row>
    <row r="86" spans="1:29">
      <c r="A86" s="9" t="s">
        <v>27</v>
      </c>
      <c r="B86" s="9" t="s">
        <v>57</v>
      </c>
      <c r="C86" s="9" t="s">
        <v>58</v>
      </c>
      <c r="D86" s="9" t="s">
        <v>54</v>
      </c>
      <c r="E86" s="9" t="s">
        <v>169</v>
      </c>
      <c r="F86" s="6">
        <v>1360</v>
      </c>
      <c r="G86" s="6">
        <v>19</v>
      </c>
      <c r="H86" s="6">
        <v>98</v>
      </c>
      <c r="I86" s="6">
        <v>100</v>
      </c>
      <c r="J86" s="6">
        <v>98</v>
      </c>
      <c r="K86" s="6">
        <v>141</v>
      </c>
      <c r="L86" s="6">
        <v>111</v>
      </c>
      <c r="M86" s="6">
        <v>128</v>
      </c>
      <c r="N86" s="6">
        <v>120</v>
      </c>
      <c r="O86" s="6">
        <v>129</v>
      </c>
      <c r="P86" s="6">
        <v>131</v>
      </c>
      <c r="Q86" s="6">
        <v>160</v>
      </c>
      <c r="R86" s="6">
        <v>95</v>
      </c>
      <c r="S86" s="6">
        <v>25</v>
      </c>
      <c r="T86" s="6">
        <v>3</v>
      </c>
      <c r="U86" s="6">
        <v>2</v>
      </c>
      <c r="V86" s="10" t="s">
        <v>55</v>
      </c>
      <c r="W86" s="10" t="s">
        <v>55</v>
      </c>
      <c r="X86" s="6">
        <v>1075</v>
      </c>
      <c r="Y86" s="6">
        <v>285</v>
      </c>
      <c r="Z86" s="6">
        <v>30</v>
      </c>
      <c r="AA86" s="6">
        <v>2</v>
      </c>
      <c r="AB86" s="6">
        <v>1216</v>
      </c>
      <c r="AC86" s="7">
        <v>48.895589999999999</v>
      </c>
    </row>
    <row r="87" spans="1:29">
      <c r="A87" s="9" t="s">
        <v>27</v>
      </c>
      <c r="B87" s="9" t="s">
        <v>57</v>
      </c>
      <c r="C87" s="9" t="s">
        <v>58</v>
      </c>
      <c r="D87" s="9" t="s">
        <v>54</v>
      </c>
      <c r="E87" s="9" t="s">
        <v>170</v>
      </c>
      <c r="F87" s="6">
        <v>24767</v>
      </c>
      <c r="G87" s="6">
        <v>224</v>
      </c>
      <c r="H87" s="6">
        <v>660</v>
      </c>
      <c r="I87" s="6">
        <v>760</v>
      </c>
      <c r="J87" s="6">
        <v>1134</v>
      </c>
      <c r="K87" s="6">
        <v>1530</v>
      </c>
      <c r="L87" s="6">
        <v>1968</v>
      </c>
      <c r="M87" s="6">
        <v>2433</v>
      </c>
      <c r="N87" s="6">
        <v>2619</v>
      </c>
      <c r="O87" s="6">
        <v>3055</v>
      </c>
      <c r="P87" s="6">
        <v>3505</v>
      </c>
      <c r="Q87" s="6">
        <v>3654</v>
      </c>
      <c r="R87" s="6">
        <v>2297</v>
      </c>
      <c r="S87" s="6">
        <v>713</v>
      </c>
      <c r="T87" s="6">
        <v>171</v>
      </c>
      <c r="U87" s="6">
        <v>36</v>
      </c>
      <c r="V87" s="6">
        <v>7</v>
      </c>
      <c r="W87" s="6">
        <v>1</v>
      </c>
      <c r="X87" s="6">
        <v>17888</v>
      </c>
      <c r="Y87" s="6">
        <v>6879</v>
      </c>
      <c r="Z87" s="6">
        <v>928</v>
      </c>
      <c r="AA87" s="6">
        <v>44</v>
      </c>
      <c r="AB87" s="6">
        <v>21318</v>
      </c>
      <c r="AC87" s="7">
        <v>54.566220000000001</v>
      </c>
    </row>
    <row r="88" spans="1:29">
      <c r="A88" s="9" t="s">
        <v>27</v>
      </c>
      <c r="B88" s="9" t="s">
        <v>57</v>
      </c>
      <c r="C88" s="9" t="s">
        <v>58</v>
      </c>
      <c r="D88" s="9" t="s">
        <v>54</v>
      </c>
      <c r="E88" s="9" t="s">
        <v>171</v>
      </c>
      <c r="F88" s="6">
        <v>7468</v>
      </c>
      <c r="G88" s="6">
        <v>197</v>
      </c>
      <c r="H88" s="6">
        <v>494</v>
      </c>
      <c r="I88" s="6">
        <v>356</v>
      </c>
      <c r="J88" s="6">
        <v>411</v>
      </c>
      <c r="K88" s="6">
        <v>462</v>
      </c>
      <c r="L88" s="6">
        <v>502</v>
      </c>
      <c r="M88" s="6">
        <v>509</v>
      </c>
      <c r="N88" s="6">
        <v>486</v>
      </c>
      <c r="O88" s="6">
        <v>517</v>
      </c>
      <c r="P88" s="6">
        <v>652</v>
      </c>
      <c r="Q88" s="6">
        <v>750</v>
      </c>
      <c r="R88" s="6">
        <v>854</v>
      </c>
      <c r="S88" s="6">
        <v>575</v>
      </c>
      <c r="T88" s="6">
        <v>399</v>
      </c>
      <c r="U88" s="6">
        <v>230</v>
      </c>
      <c r="V88" s="6">
        <v>58</v>
      </c>
      <c r="W88" s="6">
        <v>16</v>
      </c>
      <c r="X88" s="6">
        <v>4586</v>
      </c>
      <c r="Y88" s="6">
        <v>2882</v>
      </c>
      <c r="Z88" s="6">
        <v>1278</v>
      </c>
      <c r="AA88" s="6">
        <v>304</v>
      </c>
      <c r="AB88" s="6">
        <v>5139</v>
      </c>
      <c r="AC88" s="7">
        <v>55.365960000000001</v>
      </c>
    </row>
    <row r="89" spans="1:29">
      <c r="A89" s="9" t="s">
        <v>56</v>
      </c>
      <c r="B89" s="9" t="s">
        <v>57</v>
      </c>
      <c r="C89" s="9" t="s">
        <v>59</v>
      </c>
      <c r="D89" s="9" t="s">
        <v>6</v>
      </c>
      <c r="E89" s="9" t="s">
        <v>6</v>
      </c>
      <c r="F89" s="6">
        <v>56898</v>
      </c>
      <c r="G89" s="6">
        <v>603</v>
      </c>
      <c r="H89" s="6">
        <v>3023</v>
      </c>
      <c r="I89" s="6">
        <v>3827</v>
      </c>
      <c r="J89" s="6">
        <v>4356</v>
      </c>
      <c r="K89" s="6">
        <v>5187</v>
      </c>
      <c r="L89" s="6">
        <v>5690</v>
      </c>
      <c r="M89" s="6">
        <v>6262</v>
      </c>
      <c r="N89" s="6">
        <v>5948</v>
      </c>
      <c r="O89" s="6">
        <v>6207</v>
      </c>
      <c r="P89" s="6">
        <v>5816</v>
      </c>
      <c r="Q89" s="6">
        <v>4706</v>
      </c>
      <c r="R89" s="6">
        <v>3195</v>
      </c>
      <c r="S89" s="6">
        <v>1241</v>
      </c>
      <c r="T89" s="6">
        <v>602</v>
      </c>
      <c r="U89" s="6">
        <v>190</v>
      </c>
      <c r="V89" s="6">
        <v>44</v>
      </c>
      <c r="W89" s="6">
        <v>1</v>
      </c>
      <c r="X89" s="6">
        <v>46919</v>
      </c>
      <c r="Y89" s="6">
        <v>9979</v>
      </c>
      <c r="Z89" s="6">
        <v>2078</v>
      </c>
      <c r="AA89" s="6">
        <v>235</v>
      </c>
      <c r="AB89" s="6">
        <v>51022</v>
      </c>
      <c r="AC89" s="7">
        <v>49.339660000000002</v>
      </c>
    </row>
    <row r="90" spans="1:29">
      <c r="A90" s="9" t="s">
        <v>56</v>
      </c>
      <c r="B90" s="9" t="s">
        <v>57</v>
      </c>
      <c r="C90" s="9" t="s">
        <v>59</v>
      </c>
      <c r="D90" s="9" t="s">
        <v>6</v>
      </c>
      <c r="E90" s="9" t="s">
        <v>160</v>
      </c>
      <c r="F90" s="6">
        <v>1131</v>
      </c>
      <c r="G90" s="10" t="s">
        <v>55</v>
      </c>
      <c r="H90" s="10" t="s">
        <v>55</v>
      </c>
      <c r="I90" s="6">
        <v>6</v>
      </c>
      <c r="J90" s="6">
        <v>16</v>
      </c>
      <c r="K90" s="6">
        <v>37</v>
      </c>
      <c r="L90" s="6">
        <v>58</v>
      </c>
      <c r="M90" s="6">
        <v>90</v>
      </c>
      <c r="N90" s="6">
        <v>128</v>
      </c>
      <c r="O90" s="6">
        <v>201</v>
      </c>
      <c r="P90" s="6">
        <v>164</v>
      </c>
      <c r="Q90" s="6">
        <v>157</v>
      </c>
      <c r="R90" s="6">
        <v>136</v>
      </c>
      <c r="S90" s="6">
        <v>78</v>
      </c>
      <c r="T90" s="6">
        <v>41</v>
      </c>
      <c r="U90" s="6">
        <v>13</v>
      </c>
      <c r="V90" s="6">
        <v>5</v>
      </c>
      <c r="W90" s="6">
        <v>1</v>
      </c>
      <c r="X90" s="6">
        <v>700</v>
      </c>
      <c r="Y90" s="6">
        <v>431</v>
      </c>
      <c r="Z90" s="6">
        <v>138</v>
      </c>
      <c r="AA90" s="6">
        <v>19</v>
      </c>
      <c r="AB90" s="6">
        <v>857</v>
      </c>
      <c r="AC90" s="7">
        <v>60.996020000000001</v>
      </c>
    </row>
    <row r="91" spans="1:29">
      <c r="A91" s="9" t="s">
        <v>56</v>
      </c>
      <c r="B91" s="9" t="s">
        <v>57</v>
      </c>
      <c r="C91" s="9" t="s">
        <v>59</v>
      </c>
      <c r="D91" s="9" t="s">
        <v>6</v>
      </c>
      <c r="E91" s="9" t="s">
        <v>161</v>
      </c>
      <c r="F91" s="6">
        <v>8588</v>
      </c>
      <c r="G91" s="6">
        <v>31</v>
      </c>
      <c r="H91" s="6">
        <v>465</v>
      </c>
      <c r="I91" s="6">
        <v>722</v>
      </c>
      <c r="J91" s="6">
        <v>829</v>
      </c>
      <c r="K91" s="6">
        <v>929</v>
      </c>
      <c r="L91" s="6">
        <v>1041</v>
      </c>
      <c r="M91" s="6">
        <v>1084</v>
      </c>
      <c r="N91" s="6">
        <v>1026</v>
      </c>
      <c r="O91" s="6">
        <v>1008</v>
      </c>
      <c r="P91" s="6">
        <v>726</v>
      </c>
      <c r="Q91" s="6">
        <v>354</v>
      </c>
      <c r="R91" s="6">
        <v>240</v>
      </c>
      <c r="S91" s="6">
        <v>86</v>
      </c>
      <c r="T91" s="6">
        <v>30</v>
      </c>
      <c r="U91" s="6">
        <v>14</v>
      </c>
      <c r="V91" s="6">
        <v>3</v>
      </c>
      <c r="W91" s="10" t="s">
        <v>55</v>
      </c>
      <c r="X91" s="6">
        <v>7861</v>
      </c>
      <c r="Y91" s="6">
        <v>727</v>
      </c>
      <c r="Z91" s="6">
        <v>133</v>
      </c>
      <c r="AA91" s="6">
        <v>17</v>
      </c>
      <c r="AB91" s="6">
        <v>8184</v>
      </c>
      <c r="AC91" s="7">
        <v>46.281089999999999</v>
      </c>
    </row>
    <row r="92" spans="1:29">
      <c r="A92" s="9" t="s">
        <v>56</v>
      </c>
      <c r="B92" s="9" t="s">
        <v>57</v>
      </c>
      <c r="C92" s="9" t="s">
        <v>59</v>
      </c>
      <c r="D92" s="9" t="s">
        <v>6</v>
      </c>
      <c r="E92" s="9" t="s">
        <v>162</v>
      </c>
      <c r="F92" s="6">
        <v>9181</v>
      </c>
      <c r="G92" s="6">
        <v>68</v>
      </c>
      <c r="H92" s="6">
        <v>374</v>
      </c>
      <c r="I92" s="6">
        <v>602</v>
      </c>
      <c r="J92" s="6">
        <v>731</v>
      </c>
      <c r="K92" s="6">
        <v>983</v>
      </c>
      <c r="L92" s="6">
        <v>1112</v>
      </c>
      <c r="M92" s="6">
        <v>1364</v>
      </c>
      <c r="N92" s="6">
        <v>1200</v>
      </c>
      <c r="O92" s="6">
        <v>1052</v>
      </c>
      <c r="P92" s="6">
        <v>846</v>
      </c>
      <c r="Q92" s="6">
        <v>429</v>
      </c>
      <c r="R92" s="6">
        <v>284</v>
      </c>
      <c r="S92" s="6">
        <v>92</v>
      </c>
      <c r="T92" s="6">
        <v>36</v>
      </c>
      <c r="U92" s="6">
        <v>6</v>
      </c>
      <c r="V92" s="6">
        <v>2</v>
      </c>
      <c r="W92" s="10" t="s">
        <v>55</v>
      </c>
      <c r="X92" s="6">
        <v>8332</v>
      </c>
      <c r="Y92" s="6">
        <v>849</v>
      </c>
      <c r="Z92" s="6">
        <v>136</v>
      </c>
      <c r="AA92" s="6">
        <v>8</v>
      </c>
      <c r="AB92" s="6">
        <v>8693</v>
      </c>
      <c r="AC92" s="7">
        <v>47.46613</v>
      </c>
    </row>
    <row r="93" spans="1:29">
      <c r="A93" s="9" t="s">
        <v>56</v>
      </c>
      <c r="B93" s="9" t="s">
        <v>57</v>
      </c>
      <c r="C93" s="9" t="s">
        <v>59</v>
      </c>
      <c r="D93" s="9" t="s">
        <v>6</v>
      </c>
      <c r="E93" s="9" t="s">
        <v>163</v>
      </c>
      <c r="F93" s="6">
        <v>5304</v>
      </c>
      <c r="G93" s="6">
        <v>120</v>
      </c>
      <c r="H93" s="6">
        <v>328</v>
      </c>
      <c r="I93" s="6">
        <v>336</v>
      </c>
      <c r="J93" s="6">
        <v>435</v>
      </c>
      <c r="K93" s="6">
        <v>494</v>
      </c>
      <c r="L93" s="6">
        <v>522</v>
      </c>
      <c r="M93" s="6">
        <v>591</v>
      </c>
      <c r="N93" s="6">
        <v>513</v>
      </c>
      <c r="O93" s="6">
        <v>542</v>
      </c>
      <c r="P93" s="6">
        <v>547</v>
      </c>
      <c r="Q93" s="6">
        <v>374</v>
      </c>
      <c r="R93" s="6">
        <v>269</v>
      </c>
      <c r="S93" s="6">
        <v>115</v>
      </c>
      <c r="T93" s="6">
        <v>85</v>
      </c>
      <c r="U93" s="6">
        <v>26</v>
      </c>
      <c r="V93" s="6">
        <v>7</v>
      </c>
      <c r="W93" s="10" t="s">
        <v>55</v>
      </c>
      <c r="X93" s="6">
        <v>4428</v>
      </c>
      <c r="Y93" s="6">
        <v>876</v>
      </c>
      <c r="Z93" s="6">
        <v>233</v>
      </c>
      <c r="AA93" s="6">
        <v>33</v>
      </c>
      <c r="AB93" s="6">
        <v>4682</v>
      </c>
      <c r="AC93" s="7">
        <v>48.547319999999999</v>
      </c>
    </row>
    <row r="94" spans="1:29">
      <c r="A94" s="9" t="s">
        <v>56</v>
      </c>
      <c r="B94" s="9" t="s">
        <v>57</v>
      </c>
      <c r="C94" s="9" t="s">
        <v>59</v>
      </c>
      <c r="D94" s="9" t="s">
        <v>6</v>
      </c>
      <c r="E94" s="9" t="s">
        <v>164</v>
      </c>
      <c r="F94" s="6">
        <v>6965</v>
      </c>
      <c r="G94" s="6">
        <v>118</v>
      </c>
      <c r="H94" s="6">
        <v>363</v>
      </c>
      <c r="I94" s="6">
        <v>410</v>
      </c>
      <c r="J94" s="6">
        <v>550</v>
      </c>
      <c r="K94" s="6">
        <v>678</v>
      </c>
      <c r="L94" s="6">
        <v>724</v>
      </c>
      <c r="M94" s="6">
        <v>700</v>
      </c>
      <c r="N94" s="6">
        <v>692</v>
      </c>
      <c r="O94" s="6">
        <v>730</v>
      </c>
      <c r="P94" s="6">
        <v>707</v>
      </c>
      <c r="Q94" s="6">
        <v>648</v>
      </c>
      <c r="R94" s="6">
        <v>425</v>
      </c>
      <c r="S94" s="6">
        <v>145</v>
      </c>
      <c r="T94" s="6">
        <v>53</v>
      </c>
      <c r="U94" s="6">
        <v>17</v>
      </c>
      <c r="V94" s="6">
        <v>5</v>
      </c>
      <c r="W94" s="10" t="s">
        <v>55</v>
      </c>
      <c r="X94" s="6">
        <v>5672</v>
      </c>
      <c r="Y94" s="6">
        <v>1293</v>
      </c>
      <c r="Z94" s="6">
        <v>220</v>
      </c>
      <c r="AA94" s="6">
        <v>22</v>
      </c>
      <c r="AB94" s="6">
        <v>6202</v>
      </c>
      <c r="AC94" s="7">
        <v>49.304879999999997</v>
      </c>
    </row>
    <row r="95" spans="1:29">
      <c r="A95" s="9" t="s">
        <v>56</v>
      </c>
      <c r="B95" s="9" t="s">
        <v>57</v>
      </c>
      <c r="C95" s="9" t="s">
        <v>59</v>
      </c>
      <c r="D95" s="9" t="s">
        <v>6</v>
      </c>
      <c r="E95" s="9" t="s">
        <v>165</v>
      </c>
      <c r="F95" s="6">
        <v>735</v>
      </c>
      <c r="G95" s="6">
        <v>5</v>
      </c>
      <c r="H95" s="6">
        <v>56</v>
      </c>
      <c r="I95" s="6">
        <v>79</v>
      </c>
      <c r="J95" s="6">
        <v>72</v>
      </c>
      <c r="K95" s="6">
        <v>65</v>
      </c>
      <c r="L95" s="6">
        <v>71</v>
      </c>
      <c r="M95" s="6">
        <v>64</v>
      </c>
      <c r="N95" s="6">
        <v>41</v>
      </c>
      <c r="O95" s="6">
        <v>68</v>
      </c>
      <c r="P95" s="6">
        <v>92</v>
      </c>
      <c r="Q95" s="6">
        <v>71</v>
      </c>
      <c r="R95" s="6">
        <v>40</v>
      </c>
      <c r="S95" s="6">
        <v>10</v>
      </c>
      <c r="T95" s="6">
        <v>1</v>
      </c>
      <c r="U95" s="10" t="s">
        <v>55</v>
      </c>
      <c r="V95" s="10" t="s">
        <v>55</v>
      </c>
      <c r="W95" s="10" t="s">
        <v>55</v>
      </c>
      <c r="X95" s="6">
        <v>613</v>
      </c>
      <c r="Y95" s="6">
        <v>122</v>
      </c>
      <c r="Z95" s="6">
        <v>11</v>
      </c>
      <c r="AA95" s="10" t="s">
        <v>55</v>
      </c>
      <c r="AB95" s="6">
        <v>679</v>
      </c>
      <c r="AC95" s="7">
        <v>47.134010000000004</v>
      </c>
    </row>
    <row r="96" spans="1:29">
      <c r="A96" s="9" t="s">
        <v>56</v>
      </c>
      <c r="B96" s="9" t="s">
        <v>57</v>
      </c>
      <c r="C96" s="9" t="s">
        <v>59</v>
      </c>
      <c r="D96" s="9" t="s">
        <v>6</v>
      </c>
      <c r="E96" s="9" t="s">
        <v>166</v>
      </c>
      <c r="F96" s="6">
        <v>7384</v>
      </c>
      <c r="G96" s="6">
        <v>38</v>
      </c>
      <c r="H96" s="6">
        <v>496</v>
      </c>
      <c r="I96" s="6">
        <v>576</v>
      </c>
      <c r="J96" s="6">
        <v>485</v>
      </c>
      <c r="K96" s="6">
        <v>430</v>
      </c>
      <c r="L96" s="6">
        <v>391</v>
      </c>
      <c r="M96" s="6">
        <v>406</v>
      </c>
      <c r="N96" s="6">
        <v>463</v>
      </c>
      <c r="O96" s="6">
        <v>597</v>
      </c>
      <c r="P96" s="6">
        <v>838</v>
      </c>
      <c r="Q96" s="6">
        <v>1026</v>
      </c>
      <c r="R96" s="6">
        <v>825</v>
      </c>
      <c r="S96" s="6">
        <v>441</v>
      </c>
      <c r="T96" s="6">
        <v>265</v>
      </c>
      <c r="U96" s="6">
        <v>92</v>
      </c>
      <c r="V96" s="6">
        <v>15</v>
      </c>
      <c r="W96" s="10" t="s">
        <v>55</v>
      </c>
      <c r="X96" s="6">
        <v>4720</v>
      </c>
      <c r="Y96" s="6">
        <v>2664</v>
      </c>
      <c r="Z96" s="6">
        <v>813</v>
      </c>
      <c r="AA96" s="6">
        <v>107</v>
      </c>
      <c r="AB96" s="6">
        <v>5708</v>
      </c>
      <c r="AC96" s="7">
        <v>54.290219999999998</v>
      </c>
    </row>
    <row r="97" spans="1:29">
      <c r="A97" s="9" t="s">
        <v>56</v>
      </c>
      <c r="B97" s="9" t="s">
        <v>57</v>
      </c>
      <c r="C97" s="9" t="s">
        <v>59</v>
      </c>
      <c r="D97" s="9" t="s">
        <v>6</v>
      </c>
      <c r="E97" s="9" t="s">
        <v>167</v>
      </c>
      <c r="F97" s="6">
        <v>7651</v>
      </c>
      <c r="G97" s="6">
        <v>134</v>
      </c>
      <c r="H97" s="6">
        <v>581</v>
      </c>
      <c r="I97" s="6">
        <v>595</v>
      </c>
      <c r="J97" s="6">
        <v>611</v>
      </c>
      <c r="K97" s="6">
        <v>784</v>
      </c>
      <c r="L97" s="6">
        <v>809</v>
      </c>
      <c r="M97" s="6">
        <v>975</v>
      </c>
      <c r="N97" s="6">
        <v>816</v>
      </c>
      <c r="O97" s="6">
        <v>849</v>
      </c>
      <c r="P97" s="6">
        <v>616</v>
      </c>
      <c r="Q97" s="6">
        <v>460</v>
      </c>
      <c r="R97" s="6">
        <v>274</v>
      </c>
      <c r="S97" s="6">
        <v>93</v>
      </c>
      <c r="T97" s="6">
        <v>39</v>
      </c>
      <c r="U97" s="6">
        <v>12</v>
      </c>
      <c r="V97" s="6">
        <v>3</v>
      </c>
      <c r="W97" s="10" t="s">
        <v>55</v>
      </c>
      <c r="X97" s="6">
        <v>6770</v>
      </c>
      <c r="Y97" s="6">
        <v>881</v>
      </c>
      <c r="Z97" s="6">
        <v>147</v>
      </c>
      <c r="AA97" s="6">
        <v>15</v>
      </c>
      <c r="AB97" s="6">
        <v>7096</v>
      </c>
      <c r="AC97" s="7">
        <v>46.312049999999999</v>
      </c>
    </row>
    <row r="98" spans="1:29">
      <c r="A98" s="9" t="s">
        <v>56</v>
      </c>
      <c r="B98" s="9" t="s">
        <v>57</v>
      </c>
      <c r="C98" s="9" t="s">
        <v>59</v>
      </c>
      <c r="D98" s="9" t="s">
        <v>6</v>
      </c>
      <c r="E98" s="9" t="s">
        <v>168</v>
      </c>
      <c r="F98" s="6">
        <v>2205</v>
      </c>
      <c r="G98" s="6">
        <v>7</v>
      </c>
      <c r="H98" s="6">
        <v>43</v>
      </c>
      <c r="I98" s="6">
        <v>83</v>
      </c>
      <c r="J98" s="6">
        <v>103</v>
      </c>
      <c r="K98" s="6">
        <v>167</v>
      </c>
      <c r="L98" s="6">
        <v>212</v>
      </c>
      <c r="M98" s="6">
        <v>254</v>
      </c>
      <c r="N98" s="6">
        <v>318</v>
      </c>
      <c r="O98" s="6">
        <v>324</v>
      </c>
      <c r="P98" s="6">
        <v>314</v>
      </c>
      <c r="Q98" s="6">
        <v>230</v>
      </c>
      <c r="R98" s="6">
        <v>125</v>
      </c>
      <c r="S98" s="6">
        <v>23</v>
      </c>
      <c r="T98" s="6">
        <v>2</v>
      </c>
      <c r="U98" s="10" t="s">
        <v>55</v>
      </c>
      <c r="V98" s="10" t="s">
        <v>55</v>
      </c>
      <c r="W98" s="10" t="s">
        <v>55</v>
      </c>
      <c r="X98" s="6">
        <v>1825</v>
      </c>
      <c r="Y98" s="6">
        <v>380</v>
      </c>
      <c r="Z98" s="6">
        <v>25</v>
      </c>
      <c r="AA98" s="10" t="s">
        <v>55</v>
      </c>
      <c r="AB98" s="6">
        <v>2048</v>
      </c>
      <c r="AC98" s="7">
        <v>52.373019999999997</v>
      </c>
    </row>
    <row r="99" spans="1:29">
      <c r="A99" s="9" t="s">
        <v>56</v>
      </c>
      <c r="B99" s="9" t="s">
        <v>57</v>
      </c>
      <c r="C99" s="9" t="s">
        <v>59</v>
      </c>
      <c r="D99" s="9" t="s">
        <v>6</v>
      </c>
      <c r="E99" s="9" t="s">
        <v>169</v>
      </c>
      <c r="F99" s="6">
        <v>2910</v>
      </c>
      <c r="G99" s="6">
        <v>40</v>
      </c>
      <c r="H99" s="6">
        <v>125</v>
      </c>
      <c r="I99" s="6">
        <v>170</v>
      </c>
      <c r="J99" s="6">
        <v>198</v>
      </c>
      <c r="K99" s="6">
        <v>239</v>
      </c>
      <c r="L99" s="6">
        <v>302</v>
      </c>
      <c r="M99" s="6">
        <v>267</v>
      </c>
      <c r="N99" s="6">
        <v>274</v>
      </c>
      <c r="O99" s="6">
        <v>283</v>
      </c>
      <c r="P99" s="6">
        <v>358</v>
      </c>
      <c r="Q99" s="6">
        <v>387</v>
      </c>
      <c r="R99" s="6">
        <v>204</v>
      </c>
      <c r="S99" s="6">
        <v>43</v>
      </c>
      <c r="T99" s="6">
        <v>15</v>
      </c>
      <c r="U99" s="6">
        <v>5</v>
      </c>
      <c r="V99" s="10" t="s">
        <v>55</v>
      </c>
      <c r="W99" s="10" t="s">
        <v>55</v>
      </c>
      <c r="X99" s="6">
        <v>2256</v>
      </c>
      <c r="Y99" s="6">
        <v>654</v>
      </c>
      <c r="Z99" s="6">
        <v>63</v>
      </c>
      <c r="AA99" s="6">
        <v>5</v>
      </c>
      <c r="AB99" s="6">
        <v>2603</v>
      </c>
      <c r="AC99" s="7">
        <v>50.873539999999998</v>
      </c>
    </row>
    <row r="100" spans="1:29">
      <c r="A100" s="9" t="s">
        <v>56</v>
      </c>
      <c r="B100" s="9" t="s">
        <v>57</v>
      </c>
      <c r="C100" s="9" t="s">
        <v>59</v>
      </c>
      <c r="D100" s="9" t="s">
        <v>6</v>
      </c>
      <c r="E100" s="9" t="s">
        <v>170</v>
      </c>
      <c r="F100" s="6">
        <v>4436</v>
      </c>
      <c r="G100" s="6">
        <v>31</v>
      </c>
      <c r="H100" s="6">
        <v>162</v>
      </c>
      <c r="I100" s="6">
        <v>212</v>
      </c>
      <c r="J100" s="6">
        <v>297</v>
      </c>
      <c r="K100" s="6">
        <v>341</v>
      </c>
      <c r="L100" s="6">
        <v>421</v>
      </c>
      <c r="M100" s="6">
        <v>431</v>
      </c>
      <c r="N100" s="6">
        <v>457</v>
      </c>
      <c r="O100" s="6">
        <v>512</v>
      </c>
      <c r="P100" s="6">
        <v>569</v>
      </c>
      <c r="Q100" s="6">
        <v>533</v>
      </c>
      <c r="R100" s="6">
        <v>336</v>
      </c>
      <c r="S100" s="6">
        <v>102</v>
      </c>
      <c r="T100" s="6">
        <v>26</v>
      </c>
      <c r="U100" s="6">
        <v>4</v>
      </c>
      <c r="V100" s="6">
        <v>2</v>
      </c>
      <c r="W100" s="10" t="s">
        <v>55</v>
      </c>
      <c r="X100" s="6">
        <v>3433</v>
      </c>
      <c r="Y100" s="6">
        <v>1003</v>
      </c>
      <c r="Z100" s="6">
        <v>134</v>
      </c>
      <c r="AA100" s="6">
        <v>6</v>
      </c>
      <c r="AB100" s="6">
        <v>3935</v>
      </c>
      <c r="AC100" s="7">
        <v>51.988500000000002</v>
      </c>
    </row>
    <row r="101" spans="1:29">
      <c r="A101" s="9" t="s">
        <v>56</v>
      </c>
      <c r="B101" s="9" t="s">
        <v>57</v>
      </c>
      <c r="C101" s="9" t="s">
        <v>59</v>
      </c>
      <c r="D101" s="9" t="s">
        <v>6</v>
      </c>
      <c r="E101" s="9" t="s">
        <v>171</v>
      </c>
      <c r="F101" s="6">
        <v>408</v>
      </c>
      <c r="G101" s="6">
        <v>11</v>
      </c>
      <c r="H101" s="6">
        <v>30</v>
      </c>
      <c r="I101" s="6">
        <v>36</v>
      </c>
      <c r="J101" s="6">
        <v>29</v>
      </c>
      <c r="K101" s="6">
        <v>40</v>
      </c>
      <c r="L101" s="6">
        <v>27</v>
      </c>
      <c r="M101" s="6">
        <v>36</v>
      </c>
      <c r="N101" s="6">
        <v>20</v>
      </c>
      <c r="O101" s="6">
        <v>41</v>
      </c>
      <c r="P101" s="6">
        <v>39</v>
      </c>
      <c r="Q101" s="6">
        <v>37</v>
      </c>
      <c r="R101" s="6">
        <v>37</v>
      </c>
      <c r="S101" s="6">
        <v>13</v>
      </c>
      <c r="T101" s="6">
        <v>9</v>
      </c>
      <c r="U101" s="6">
        <v>1</v>
      </c>
      <c r="V101" s="6">
        <v>2</v>
      </c>
      <c r="W101" s="10" t="s">
        <v>55</v>
      </c>
      <c r="X101" s="6">
        <v>309</v>
      </c>
      <c r="Y101" s="6">
        <v>99</v>
      </c>
      <c r="Z101" s="6">
        <v>25</v>
      </c>
      <c r="AA101" s="6">
        <v>3</v>
      </c>
      <c r="AB101" s="6">
        <v>335</v>
      </c>
      <c r="AC101" s="7">
        <v>49.48039</v>
      </c>
    </row>
    <row r="102" spans="1:29">
      <c r="A102" s="9" t="s">
        <v>56</v>
      </c>
      <c r="B102" s="9" t="s">
        <v>57</v>
      </c>
      <c r="C102" s="9" t="s">
        <v>59</v>
      </c>
      <c r="D102" s="9" t="s">
        <v>53</v>
      </c>
      <c r="E102" s="9" t="s">
        <v>6</v>
      </c>
      <c r="F102" s="6">
        <v>29154</v>
      </c>
      <c r="G102" s="6">
        <v>331</v>
      </c>
      <c r="H102" s="6">
        <v>1391</v>
      </c>
      <c r="I102" s="6">
        <v>1834</v>
      </c>
      <c r="J102" s="6">
        <v>2166</v>
      </c>
      <c r="K102" s="6">
        <v>2600</v>
      </c>
      <c r="L102" s="6">
        <v>2896</v>
      </c>
      <c r="M102" s="6">
        <v>3181</v>
      </c>
      <c r="N102" s="6">
        <v>2994</v>
      </c>
      <c r="O102" s="6">
        <v>3185</v>
      </c>
      <c r="P102" s="6">
        <v>3107</v>
      </c>
      <c r="Q102" s="6">
        <v>2521</v>
      </c>
      <c r="R102" s="6">
        <v>1789</v>
      </c>
      <c r="S102" s="6">
        <v>689</v>
      </c>
      <c r="T102" s="6">
        <v>347</v>
      </c>
      <c r="U102" s="6">
        <v>100</v>
      </c>
      <c r="V102" s="6">
        <v>23</v>
      </c>
      <c r="W102" s="10" t="s">
        <v>55</v>
      </c>
      <c r="X102" s="6">
        <v>23685</v>
      </c>
      <c r="Y102" s="6">
        <v>5469</v>
      </c>
      <c r="Z102" s="6">
        <v>1159</v>
      </c>
      <c r="AA102" s="6">
        <v>123</v>
      </c>
      <c r="AB102" s="6">
        <v>25875</v>
      </c>
      <c r="AC102" s="7">
        <v>49.966450000000002</v>
      </c>
    </row>
    <row r="103" spans="1:29">
      <c r="A103" s="9" t="s">
        <v>56</v>
      </c>
      <c r="B103" s="9" t="s">
        <v>57</v>
      </c>
      <c r="C103" s="9" t="s">
        <v>59</v>
      </c>
      <c r="D103" s="9" t="s">
        <v>53</v>
      </c>
      <c r="E103" s="9" t="s">
        <v>160</v>
      </c>
      <c r="F103" s="6">
        <v>917</v>
      </c>
      <c r="G103" s="10" t="s">
        <v>55</v>
      </c>
      <c r="H103" s="10" t="s">
        <v>55</v>
      </c>
      <c r="I103" s="6">
        <v>4</v>
      </c>
      <c r="J103" s="6">
        <v>14</v>
      </c>
      <c r="K103" s="6">
        <v>31</v>
      </c>
      <c r="L103" s="6">
        <v>45</v>
      </c>
      <c r="M103" s="6">
        <v>75</v>
      </c>
      <c r="N103" s="6">
        <v>110</v>
      </c>
      <c r="O103" s="6">
        <v>165</v>
      </c>
      <c r="P103" s="6">
        <v>137</v>
      </c>
      <c r="Q103" s="6">
        <v>124</v>
      </c>
      <c r="R103" s="6">
        <v>111</v>
      </c>
      <c r="S103" s="6">
        <v>61</v>
      </c>
      <c r="T103" s="6">
        <v>28</v>
      </c>
      <c r="U103" s="6">
        <v>10</v>
      </c>
      <c r="V103" s="6">
        <v>2</v>
      </c>
      <c r="W103" s="10" t="s">
        <v>55</v>
      </c>
      <c r="X103" s="6">
        <v>581</v>
      </c>
      <c r="Y103" s="6">
        <v>336</v>
      </c>
      <c r="Z103" s="6">
        <v>101</v>
      </c>
      <c r="AA103" s="6">
        <v>12</v>
      </c>
      <c r="AB103" s="6">
        <v>705</v>
      </c>
      <c r="AC103" s="7">
        <v>60.645040000000002</v>
      </c>
    </row>
    <row r="104" spans="1:29">
      <c r="A104" s="9" t="s">
        <v>56</v>
      </c>
      <c r="B104" s="9" t="s">
        <v>57</v>
      </c>
      <c r="C104" s="9" t="s">
        <v>59</v>
      </c>
      <c r="D104" s="9" t="s">
        <v>53</v>
      </c>
      <c r="E104" s="9" t="s">
        <v>161</v>
      </c>
      <c r="F104" s="6">
        <v>3346</v>
      </c>
      <c r="G104" s="6">
        <v>18</v>
      </c>
      <c r="H104" s="6">
        <v>135</v>
      </c>
      <c r="I104" s="6">
        <v>248</v>
      </c>
      <c r="J104" s="6">
        <v>323</v>
      </c>
      <c r="K104" s="6">
        <v>338</v>
      </c>
      <c r="L104" s="6">
        <v>408</v>
      </c>
      <c r="M104" s="6">
        <v>399</v>
      </c>
      <c r="N104" s="6">
        <v>361</v>
      </c>
      <c r="O104" s="6">
        <v>388</v>
      </c>
      <c r="P104" s="6">
        <v>311</v>
      </c>
      <c r="Q104" s="6">
        <v>184</v>
      </c>
      <c r="R104" s="6">
        <v>146</v>
      </c>
      <c r="S104" s="6">
        <v>52</v>
      </c>
      <c r="T104" s="6">
        <v>25</v>
      </c>
      <c r="U104" s="6">
        <v>8</v>
      </c>
      <c r="V104" s="6">
        <v>2</v>
      </c>
      <c r="W104" s="10" t="s">
        <v>55</v>
      </c>
      <c r="X104" s="6">
        <v>2929</v>
      </c>
      <c r="Y104" s="6">
        <v>417</v>
      </c>
      <c r="Z104" s="6">
        <v>87</v>
      </c>
      <c r="AA104" s="6">
        <v>10</v>
      </c>
      <c r="AB104" s="6">
        <v>3095</v>
      </c>
      <c r="AC104" s="7">
        <v>47.894500000000001</v>
      </c>
    </row>
    <row r="105" spans="1:29">
      <c r="A105" s="9" t="s">
        <v>56</v>
      </c>
      <c r="B105" s="9" t="s">
        <v>57</v>
      </c>
      <c r="C105" s="9" t="s">
        <v>59</v>
      </c>
      <c r="D105" s="9" t="s">
        <v>53</v>
      </c>
      <c r="E105" s="9" t="s">
        <v>162</v>
      </c>
      <c r="F105" s="6">
        <v>3129</v>
      </c>
      <c r="G105" s="6">
        <v>22</v>
      </c>
      <c r="H105" s="6">
        <v>110</v>
      </c>
      <c r="I105" s="6">
        <v>193</v>
      </c>
      <c r="J105" s="6">
        <v>228</v>
      </c>
      <c r="K105" s="6">
        <v>276</v>
      </c>
      <c r="L105" s="6">
        <v>330</v>
      </c>
      <c r="M105" s="6">
        <v>518</v>
      </c>
      <c r="N105" s="6">
        <v>425</v>
      </c>
      <c r="O105" s="6">
        <v>405</v>
      </c>
      <c r="P105" s="6">
        <v>355</v>
      </c>
      <c r="Q105" s="6">
        <v>142</v>
      </c>
      <c r="R105" s="6">
        <v>85</v>
      </c>
      <c r="S105" s="6">
        <v>28</v>
      </c>
      <c r="T105" s="6">
        <v>11</v>
      </c>
      <c r="U105" s="10" t="s">
        <v>55</v>
      </c>
      <c r="V105" s="6">
        <v>1</v>
      </c>
      <c r="W105" s="10" t="s">
        <v>55</v>
      </c>
      <c r="X105" s="6">
        <v>2862</v>
      </c>
      <c r="Y105" s="6">
        <v>267</v>
      </c>
      <c r="Z105" s="6">
        <v>40</v>
      </c>
      <c r="AA105" s="6">
        <v>1</v>
      </c>
      <c r="AB105" s="6">
        <v>2982</v>
      </c>
      <c r="AC105" s="7">
        <v>48.359699999999997</v>
      </c>
    </row>
    <row r="106" spans="1:29">
      <c r="A106" s="9" t="s">
        <v>56</v>
      </c>
      <c r="B106" s="9" t="s">
        <v>57</v>
      </c>
      <c r="C106" s="9" t="s">
        <v>59</v>
      </c>
      <c r="D106" s="9" t="s">
        <v>53</v>
      </c>
      <c r="E106" s="9" t="s">
        <v>163</v>
      </c>
      <c r="F106" s="6">
        <v>2436</v>
      </c>
      <c r="G106" s="6">
        <v>48</v>
      </c>
      <c r="H106" s="6">
        <v>133</v>
      </c>
      <c r="I106" s="6">
        <v>146</v>
      </c>
      <c r="J106" s="6">
        <v>218</v>
      </c>
      <c r="K106" s="6">
        <v>237</v>
      </c>
      <c r="L106" s="6">
        <v>245</v>
      </c>
      <c r="M106" s="6">
        <v>266</v>
      </c>
      <c r="N106" s="6">
        <v>225</v>
      </c>
      <c r="O106" s="6">
        <v>238</v>
      </c>
      <c r="P106" s="6">
        <v>256</v>
      </c>
      <c r="Q106" s="6">
        <v>168</v>
      </c>
      <c r="R106" s="6">
        <v>142</v>
      </c>
      <c r="S106" s="6">
        <v>61</v>
      </c>
      <c r="T106" s="6">
        <v>42</v>
      </c>
      <c r="U106" s="6">
        <v>8</v>
      </c>
      <c r="V106" s="6">
        <v>3</v>
      </c>
      <c r="W106" s="10" t="s">
        <v>55</v>
      </c>
      <c r="X106" s="6">
        <v>2012</v>
      </c>
      <c r="Y106" s="6">
        <v>424</v>
      </c>
      <c r="Z106" s="6">
        <v>114</v>
      </c>
      <c r="AA106" s="6">
        <v>11</v>
      </c>
      <c r="AB106" s="6">
        <v>2132</v>
      </c>
      <c r="AC106" s="7">
        <v>48.905990000000003</v>
      </c>
    </row>
    <row r="107" spans="1:29">
      <c r="A107" s="9" t="s">
        <v>56</v>
      </c>
      <c r="B107" s="9" t="s">
        <v>57</v>
      </c>
      <c r="C107" s="9" t="s">
        <v>59</v>
      </c>
      <c r="D107" s="9" t="s">
        <v>53</v>
      </c>
      <c r="E107" s="9" t="s">
        <v>164</v>
      </c>
      <c r="F107" s="6">
        <v>1922</v>
      </c>
      <c r="G107" s="6">
        <v>49</v>
      </c>
      <c r="H107" s="6">
        <v>120</v>
      </c>
      <c r="I107" s="6">
        <v>157</v>
      </c>
      <c r="J107" s="6">
        <v>172</v>
      </c>
      <c r="K107" s="6">
        <v>232</v>
      </c>
      <c r="L107" s="6">
        <v>218</v>
      </c>
      <c r="M107" s="6">
        <v>175</v>
      </c>
      <c r="N107" s="6">
        <v>170</v>
      </c>
      <c r="O107" s="6">
        <v>145</v>
      </c>
      <c r="P107" s="6">
        <v>160</v>
      </c>
      <c r="Q107" s="6">
        <v>150</v>
      </c>
      <c r="R107" s="6">
        <v>93</v>
      </c>
      <c r="S107" s="6">
        <v>51</v>
      </c>
      <c r="T107" s="6">
        <v>23</v>
      </c>
      <c r="U107" s="6">
        <v>6</v>
      </c>
      <c r="V107" s="6">
        <v>1</v>
      </c>
      <c r="W107" s="10" t="s">
        <v>55</v>
      </c>
      <c r="X107" s="6">
        <v>1598</v>
      </c>
      <c r="Y107" s="6">
        <v>324</v>
      </c>
      <c r="Z107" s="6">
        <v>81</v>
      </c>
      <c r="AA107" s="6">
        <v>7</v>
      </c>
      <c r="AB107" s="6">
        <v>1699</v>
      </c>
      <c r="AC107" s="7">
        <v>47.01249</v>
      </c>
    </row>
    <row r="108" spans="1:29">
      <c r="A108" s="9" t="s">
        <v>56</v>
      </c>
      <c r="B108" s="9" t="s">
        <v>57</v>
      </c>
      <c r="C108" s="9" t="s">
        <v>59</v>
      </c>
      <c r="D108" s="9" t="s">
        <v>53</v>
      </c>
      <c r="E108" s="9" t="s">
        <v>165</v>
      </c>
      <c r="F108" s="6">
        <v>696</v>
      </c>
      <c r="G108" s="6">
        <v>3</v>
      </c>
      <c r="H108" s="6">
        <v>51</v>
      </c>
      <c r="I108" s="6">
        <v>68</v>
      </c>
      <c r="J108" s="6">
        <v>68</v>
      </c>
      <c r="K108" s="6">
        <v>62</v>
      </c>
      <c r="L108" s="6">
        <v>69</v>
      </c>
      <c r="M108" s="6">
        <v>61</v>
      </c>
      <c r="N108" s="6">
        <v>40</v>
      </c>
      <c r="O108" s="6">
        <v>67</v>
      </c>
      <c r="P108" s="6">
        <v>89</v>
      </c>
      <c r="Q108" s="6">
        <v>70</v>
      </c>
      <c r="R108" s="6">
        <v>37</v>
      </c>
      <c r="S108" s="6">
        <v>10</v>
      </c>
      <c r="T108" s="6">
        <v>1</v>
      </c>
      <c r="U108" s="10" t="s">
        <v>55</v>
      </c>
      <c r="V108" s="10" t="s">
        <v>55</v>
      </c>
      <c r="W108" s="10" t="s">
        <v>55</v>
      </c>
      <c r="X108" s="6">
        <v>578</v>
      </c>
      <c r="Y108" s="6">
        <v>118</v>
      </c>
      <c r="Z108" s="6">
        <v>11</v>
      </c>
      <c r="AA108" s="10" t="s">
        <v>55</v>
      </c>
      <c r="AB108" s="6">
        <v>645</v>
      </c>
      <c r="AC108" s="7">
        <v>47.627870000000001</v>
      </c>
    </row>
    <row r="109" spans="1:29">
      <c r="A109" s="9" t="s">
        <v>56</v>
      </c>
      <c r="B109" s="9" t="s">
        <v>57</v>
      </c>
      <c r="C109" s="9" t="s">
        <v>59</v>
      </c>
      <c r="D109" s="9" t="s">
        <v>53</v>
      </c>
      <c r="E109" s="9" t="s">
        <v>166</v>
      </c>
      <c r="F109" s="6">
        <v>3662</v>
      </c>
      <c r="G109" s="6">
        <v>17</v>
      </c>
      <c r="H109" s="6">
        <v>134</v>
      </c>
      <c r="I109" s="6">
        <v>162</v>
      </c>
      <c r="J109" s="6">
        <v>180</v>
      </c>
      <c r="K109" s="6">
        <v>211</v>
      </c>
      <c r="L109" s="6">
        <v>214</v>
      </c>
      <c r="M109" s="6">
        <v>213</v>
      </c>
      <c r="N109" s="6">
        <v>248</v>
      </c>
      <c r="O109" s="6">
        <v>320</v>
      </c>
      <c r="P109" s="6">
        <v>438</v>
      </c>
      <c r="Q109" s="6">
        <v>552</v>
      </c>
      <c r="R109" s="6">
        <v>502</v>
      </c>
      <c r="S109" s="6">
        <v>249</v>
      </c>
      <c r="T109" s="6">
        <v>158</v>
      </c>
      <c r="U109" s="6">
        <v>55</v>
      </c>
      <c r="V109" s="6">
        <v>9</v>
      </c>
      <c r="W109" s="10" t="s">
        <v>55</v>
      </c>
      <c r="X109" s="6">
        <v>2137</v>
      </c>
      <c r="Y109" s="6">
        <v>1525</v>
      </c>
      <c r="Z109" s="6">
        <v>471</v>
      </c>
      <c r="AA109" s="6">
        <v>64</v>
      </c>
      <c r="AB109" s="6">
        <v>2672</v>
      </c>
      <c r="AC109" s="7">
        <v>57.664119999999997</v>
      </c>
    </row>
    <row r="110" spans="1:29">
      <c r="A110" s="9" t="s">
        <v>56</v>
      </c>
      <c r="B110" s="9" t="s">
        <v>57</v>
      </c>
      <c r="C110" s="9" t="s">
        <v>59</v>
      </c>
      <c r="D110" s="9" t="s">
        <v>53</v>
      </c>
      <c r="E110" s="9" t="s">
        <v>167</v>
      </c>
      <c r="F110" s="6">
        <v>5529</v>
      </c>
      <c r="G110" s="6">
        <v>100</v>
      </c>
      <c r="H110" s="6">
        <v>421</v>
      </c>
      <c r="I110" s="6">
        <v>456</v>
      </c>
      <c r="J110" s="6">
        <v>472</v>
      </c>
      <c r="K110" s="6">
        <v>590</v>
      </c>
      <c r="L110" s="6">
        <v>603</v>
      </c>
      <c r="M110" s="6">
        <v>731</v>
      </c>
      <c r="N110" s="6">
        <v>598</v>
      </c>
      <c r="O110" s="6">
        <v>604</v>
      </c>
      <c r="P110" s="6">
        <v>420</v>
      </c>
      <c r="Q110" s="6">
        <v>264</v>
      </c>
      <c r="R110" s="6">
        <v>181</v>
      </c>
      <c r="S110" s="6">
        <v>55</v>
      </c>
      <c r="T110" s="6">
        <v>25</v>
      </c>
      <c r="U110" s="6">
        <v>6</v>
      </c>
      <c r="V110" s="6">
        <v>3</v>
      </c>
      <c r="W110" s="10" t="s">
        <v>55</v>
      </c>
      <c r="X110" s="6">
        <v>4995</v>
      </c>
      <c r="Y110" s="6">
        <v>534</v>
      </c>
      <c r="Z110" s="6">
        <v>89</v>
      </c>
      <c r="AA110" s="6">
        <v>9</v>
      </c>
      <c r="AB110" s="6">
        <v>5159</v>
      </c>
      <c r="AC110" s="7">
        <v>45.57723</v>
      </c>
    </row>
    <row r="111" spans="1:29">
      <c r="A111" s="9" t="s">
        <v>56</v>
      </c>
      <c r="B111" s="9" t="s">
        <v>57</v>
      </c>
      <c r="C111" s="9" t="s">
        <v>59</v>
      </c>
      <c r="D111" s="9" t="s">
        <v>53</v>
      </c>
      <c r="E111" s="9" t="s">
        <v>168</v>
      </c>
      <c r="F111" s="6">
        <v>2156</v>
      </c>
      <c r="G111" s="6">
        <v>6</v>
      </c>
      <c r="H111" s="6">
        <v>41</v>
      </c>
      <c r="I111" s="6">
        <v>82</v>
      </c>
      <c r="J111" s="6">
        <v>100</v>
      </c>
      <c r="K111" s="6">
        <v>163</v>
      </c>
      <c r="L111" s="6">
        <v>210</v>
      </c>
      <c r="M111" s="6">
        <v>242</v>
      </c>
      <c r="N111" s="6">
        <v>310</v>
      </c>
      <c r="O111" s="6">
        <v>317</v>
      </c>
      <c r="P111" s="6">
        <v>309</v>
      </c>
      <c r="Q111" s="6">
        <v>228</v>
      </c>
      <c r="R111" s="6">
        <v>123</v>
      </c>
      <c r="S111" s="6">
        <v>23</v>
      </c>
      <c r="T111" s="6">
        <v>2</v>
      </c>
      <c r="U111" s="10" t="s">
        <v>55</v>
      </c>
      <c r="V111" s="10" t="s">
        <v>55</v>
      </c>
      <c r="W111" s="10" t="s">
        <v>55</v>
      </c>
      <c r="X111" s="6">
        <v>1780</v>
      </c>
      <c r="Y111" s="6">
        <v>376</v>
      </c>
      <c r="Z111" s="6">
        <v>25</v>
      </c>
      <c r="AA111" s="10" t="s">
        <v>55</v>
      </c>
      <c r="AB111" s="6">
        <v>2002</v>
      </c>
      <c r="AC111" s="7">
        <v>52.453150000000001</v>
      </c>
    </row>
    <row r="112" spans="1:29">
      <c r="A112" s="9" t="s">
        <v>56</v>
      </c>
      <c r="B112" s="9" t="s">
        <v>57</v>
      </c>
      <c r="C112" s="9" t="s">
        <v>59</v>
      </c>
      <c r="D112" s="9" t="s">
        <v>53</v>
      </c>
      <c r="E112" s="9" t="s">
        <v>169</v>
      </c>
      <c r="F112" s="6">
        <v>2819</v>
      </c>
      <c r="G112" s="6">
        <v>40</v>
      </c>
      <c r="H112" s="6">
        <v>120</v>
      </c>
      <c r="I112" s="6">
        <v>164</v>
      </c>
      <c r="J112" s="6">
        <v>194</v>
      </c>
      <c r="K112" s="6">
        <v>232</v>
      </c>
      <c r="L112" s="6">
        <v>293</v>
      </c>
      <c r="M112" s="6">
        <v>258</v>
      </c>
      <c r="N112" s="6">
        <v>265</v>
      </c>
      <c r="O112" s="6">
        <v>274</v>
      </c>
      <c r="P112" s="6">
        <v>348</v>
      </c>
      <c r="Q112" s="6">
        <v>373</v>
      </c>
      <c r="R112" s="6">
        <v>197</v>
      </c>
      <c r="S112" s="6">
        <v>41</v>
      </c>
      <c r="T112" s="6">
        <v>15</v>
      </c>
      <c r="U112" s="6">
        <v>5</v>
      </c>
      <c r="V112" s="10" t="s">
        <v>55</v>
      </c>
      <c r="W112" s="10" t="s">
        <v>55</v>
      </c>
      <c r="X112" s="6">
        <v>2188</v>
      </c>
      <c r="Y112" s="6">
        <v>631</v>
      </c>
      <c r="Z112" s="6">
        <v>61</v>
      </c>
      <c r="AA112" s="6">
        <v>5</v>
      </c>
      <c r="AB112" s="6">
        <v>2521</v>
      </c>
      <c r="AC112" s="7">
        <v>50.854379999999999</v>
      </c>
    </row>
    <row r="113" spans="1:29">
      <c r="A113" s="9" t="s">
        <v>56</v>
      </c>
      <c r="B113" s="9" t="s">
        <v>57</v>
      </c>
      <c r="C113" s="9" t="s">
        <v>59</v>
      </c>
      <c r="D113" s="9" t="s">
        <v>53</v>
      </c>
      <c r="E113" s="9" t="s">
        <v>170</v>
      </c>
      <c r="F113" s="6">
        <v>2301</v>
      </c>
      <c r="G113" s="6">
        <v>22</v>
      </c>
      <c r="H113" s="6">
        <v>110</v>
      </c>
      <c r="I113" s="6">
        <v>133</v>
      </c>
      <c r="J113" s="6">
        <v>178</v>
      </c>
      <c r="K113" s="6">
        <v>209</v>
      </c>
      <c r="L113" s="6">
        <v>244</v>
      </c>
      <c r="M113" s="6">
        <v>222</v>
      </c>
      <c r="N113" s="6">
        <v>228</v>
      </c>
      <c r="O113" s="6">
        <v>236</v>
      </c>
      <c r="P113" s="6">
        <v>261</v>
      </c>
      <c r="Q113" s="6">
        <v>243</v>
      </c>
      <c r="R113" s="6">
        <v>152</v>
      </c>
      <c r="S113" s="6">
        <v>49</v>
      </c>
      <c r="T113" s="6">
        <v>11</v>
      </c>
      <c r="U113" s="6">
        <v>2</v>
      </c>
      <c r="V113" s="6">
        <v>1</v>
      </c>
      <c r="W113" s="10" t="s">
        <v>55</v>
      </c>
      <c r="X113" s="6">
        <v>1843</v>
      </c>
      <c r="Y113" s="6">
        <v>458</v>
      </c>
      <c r="Z113" s="6">
        <v>63</v>
      </c>
      <c r="AA113" s="6">
        <v>3</v>
      </c>
      <c r="AB113" s="6">
        <v>2064</v>
      </c>
      <c r="AC113" s="7">
        <v>50.093649999999997</v>
      </c>
    </row>
    <row r="114" spans="1:29">
      <c r="A114" s="9" t="s">
        <v>56</v>
      </c>
      <c r="B114" s="9" t="s">
        <v>57</v>
      </c>
      <c r="C114" s="9" t="s">
        <v>59</v>
      </c>
      <c r="D114" s="9" t="s">
        <v>53</v>
      </c>
      <c r="E114" s="9" t="s">
        <v>171</v>
      </c>
      <c r="F114" s="6">
        <v>241</v>
      </c>
      <c r="G114" s="6">
        <v>6</v>
      </c>
      <c r="H114" s="6">
        <v>16</v>
      </c>
      <c r="I114" s="6">
        <v>21</v>
      </c>
      <c r="J114" s="6">
        <v>19</v>
      </c>
      <c r="K114" s="6">
        <v>19</v>
      </c>
      <c r="L114" s="6">
        <v>17</v>
      </c>
      <c r="M114" s="6">
        <v>21</v>
      </c>
      <c r="N114" s="6">
        <v>14</v>
      </c>
      <c r="O114" s="6">
        <v>26</v>
      </c>
      <c r="P114" s="6">
        <v>23</v>
      </c>
      <c r="Q114" s="6">
        <v>23</v>
      </c>
      <c r="R114" s="6">
        <v>20</v>
      </c>
      <c r="S114" s="6">
        <v>9</v>
      </c>
      <c r="T114" s="6">
        <v>6</v>
      </c>
      <c r="U114" s="10" t="s">
        <v>55</v>
      </c>
      <c r="V114" s="6">
        <v>1</v>
      </c>
      <c r="W114" s="10" t="s">
        <v>55</v>
      </c>
      <c r="X114" s="6">
        <v>182</v>
      </c>
      <c r="Y114" s="6">
        <v>59</v>
      </c>
      <c r="Z114" s="6">
        <v>16</v>
      </c>
      <c r="AA114" s="6">
        <v>1</v>
      </c>
      <c r="AB114" s="6">
        <v>199</v>
      </c>
      <c r="AC114" s="7">
        <v>49.877589999999998</v>
      </c>
    </row>
    <row r="115" spans="1:29">
      <c r="A115" s="9" t="s">
        <v>56</v>
      </c>
      <c r="B115" s="9" t="s">
        <v>57</v>
      </c>
      <c r="C115" s="9" t="s">
        <v>59</v>
      </c>
      <c r="D115" s="9" t="s">
        <v>54</v>
      </c>
      <c r="E115" s="9" t="s">
        <v>6</v>
      </c>
      <c r="F115" s="6">
        <v>27744</v>
      </c>
      <c r="G115" s="6">
        <v>272</v>
      </c>
      <c r="H115" s="6">
        <v>1632</v>
      </c>
      <c r="I115" s="6">
        <v>1993</v>
      </c>
      <c r="J115" s="6">
        <v>2190</v>
      </c>
      <c r="K115" s="6">
        <v>2587</v>
      </c>
      <c r="L115" s="6">
        <v>2794</v>
      </c>
      <c r="M115" s="6">
        <v>3081</v>
      </c>
      <c r="N115" s="6">
        <v>2954</v>
      </c>
      <c r="O115" s="6">
        <v>3022</v>
      </c>
      <c r="P115" s="6">
        <v>2709</v>
      </c>
      <c r="Q115" s="6">
        <v>2185</v>
      </c>
      <c r="R115" s="6">
        <v>1406</v>
      </c>
      <c r="S115" s="6">
        <v>552</v>
      </c>
      <c r="T115" s="6">
        <v>255</v>
      </c>
      <c r="U115" s="6">
        <v>90</v>
      </c>
      <c r="V115" s="6">
        <v>21</v>
      </c>
      <c r="W115" s="6">
        <v>1</v>
      </c>
      <c r="X115" s="6">
        <v>23234</v>
      </c>
      <c r="Y115" s="6">
        <v>4510</v>
      </c>
      <c r="Z115" s="6">
        <v>919</v>
      </c>
      <c r="AA115" s="6">
        <v>112</v>
      </c>
      <c r="AB115" s="6">
        <v>25147</v>
      </c>
      <c r="AC115" s="7">
        <v>48.681010000000001</v>
      </c>
    </row>
    <row r="116" spans="1:29">
      <c r="A116" s="9" t="s">
        <v>56</v>
      </c>
      <c r="B116" s="9" t="s">
        <v>57</v>
      </c>
      <c r="C116" s="9" t="s">
        <v>59</v>
      </c>
      <c r="D116" s="9" t="s">
        <v>54</v>
      </c>
      <c r="E116" s="9" t="s">
        <v>160</v>
      </c>
      <c r="F116" s="6">
        <v>214</v>
      </c>
      <c r="G116" s="10" t="s">
        <v>55</v>
      </c>
      <c r="H116" s="10" t="s">
        <v>55</v>
      </c>
      <c r="I116" s="6">
        <v>2</v>
      </c>
      <c r="J116" s="6">
        <v>2</v>
      </c>
      <c r="K116" s="6">
        <v>6</v>
      </c>
      <c r="L116" s="6">
        <v>13</v>
      </c>
      <c r="M116" s="6">
        <v>15</v>
      </c>
      <c r="N116" s="6">
        <v>18</v>
      </c>
      <c r="O116" s="6">
        <v>36</v>
      </c>
      <c r="P116" s="6">
        <v>27</v>
      </c>
      <c r="Q116" s="6">
        <v>33</v>
      </c>
      <c r="R116" s="6">
        <v>25</v>
      </c>
      <c r="S116" s="6">
        <v>17</v>
      </c>
      <c r="T116" s="6">
        <v>13</v>
      </c>
      <c r="U116" s="6">
        <v>3</v>
      </c>
      <c r="V116" s="6">
        <v>3</v>
      </c>
      <c r="W116" s="6">
        <v>1</v>
      </c>
      <c r="X116" s="6">
        <v>119</v>
      </c>
      <c r="Y116" s="6">
        <v>95</v>
      </c>
      <c r="Z116" s="6">
        <v>37</v>
      </c>
      <c r="AA116" s="6">
        <v>7</v>
      </c>
      <c r="AB116" s="6">
        <v>152</v>
      </c>
      <c r="AC116" s="7">
        <v>62.5</v>
      </c>
    </row>
    <row r="117" spans="1:29">
      <c r="A117" s="9" t="s">
        <v>56</v>
      </c>
      <c r="B117" s="9" t="s">
        <v>57</v>
      </c>
      <c r="C117" s="9" t="s">
        <v>59</v>
      </c>
      <c r="D117" s="9" t="s">
        <v>54</v>
      </c>
      <c r="E117" s="9" t="s">
        <v>161</v>
      </c>
      <c r="F117" s="6">
        <v>5242</v>
      </c>
      <c r="G117" s="6">
        <v>13</v>
      </c>
      <c r="H117" s="6">
        <v>330</v>
      </c>
      <c r="I117" s="6">
        <v>474</v>
      </c>
      <c r="J117" s="6">
        <v>506</v>
      </c>
      <c r="K117" s="6">
        <v>591</v>
      </c>
      <c r="L117" s="6">
        <v>633</v>
      </c>
      <c r="M117" s="6">
        <v>685</v>
      </c>
      <c r="N117" s="6">
        <v>665</v>
      </c>
      <c r="O117" s="6">
        <v>620</v>
      </c>
      <c r="P117" s="6">
        <v>415</v>
      </c>
      <c r="Q117" s="6">
        <v>170</v>
      </c>
      <c r="R117" s="6">
        <v>94</v>
      </c>
      <c r="S117" s="6">
        <v>34</v>
      </c>
      <c r="T117" s="6">
        <v>5</v>
      </c>
      <c r="U117" s="6">
        <v>6</v>
      </c>
      <c r="V117" s="6">
        <v>1</v>
      </c>
      <c r="W117" s="10" t="s">
        <v>55</v>
      </c>
      <c r="X117" s="6">
        <v>4932</v>
      </c>
      <c r="Y117" s="6">
        <v>310</v>
      </c>
      <c r="Z117" s="6">
        <v>46</v>
      </c>
      <c r="AA117" s="6">
        <v>7</v>
      </c>
      <c r="AB117" s="6">
        <v>5089</v>
      </c>
      <c r="AC117" s="7">
        <v>45.251240000000003</v>
      </c>
    </row>
    <row r="118" spans="1:29">
      <c r="A118" s="9" t="s">
        <v>56</v>
      </c>
      <c r="B118" s="9" t="s">
        <v>57</v>
      </c>
      <c r="C118" s="9" t="s">
        <v>59</v>
      </c>
      <c r="D118" s="9" t="s">
        <v>54</v>
      </c>
      <c r="E118" s="9" t="s">
        <v>162</v>
      </c>
      <c r="F118" s="6">
        <v>6052</v>
      </c>
      <c r="G118" s="6">
        <v>46</v>
      </c>
      <c r="H118" s="6">
        <v>264</v>
      </c>
      <c r="I118" s="6">
        <v>409</v>
      </c>
      <c r="J118" s="6">
        <v>503</v>
      </c>
      <c r="K118" s="6">
        <v>707</v>
      </c>
      <c r="L118" s="6">
        <v>782</v>
      </c>
      <c r="M118" s="6">
        <v>846</v>
      </c>
      <c r="N118" s="6">
        <v>775</v>
      </c>
      <c r="O118" s="6">
        <v>647</v>
      </c>
      <c r="P118" s="6">
        <v>491</v>
      </c>
      <c r="Q118" s="6">
        <v>287</v>
      </c>
      <c r="R118" s="6">
        <v>199</v>
      </c>
      <c r="S118" s="6">
        <v>64</v>
      </c>
      <c r="T118" s="6">
        <v>25</v>
      </c>
      <c r="U118" s="6">
        <v>6</v>
      </c>
      <c r="V118" s="6">
        <v>1</v>
      </c>
      <c r="W118" s="10" t="s">
        <v>55</v>
      </c>
      <c r="X118" s="6">
        <v>5470</v>
      </c>
      <c r="Y118" s="6">
        <v>582</v>
      </c>
      <c r="Z118" s="6">
        <v>96</v>
      </c>
      <c r="AA118" s="6">
        <v>7</v>
      </c>
      <c r="AB118" s="6">
        <v>5711</v>
      </c>
      <c r="AC118" s="7">
        <v>47.004130000000004</v>
      </c>
    </row>
    <row r="119" spans="1:29">
      <c r="A119" s="9" t="s">
        <v>56</v>
      </c>
      <c r="B119" s="9" t="s">
        <v>57</v>
      </c>
      <c r="C119" s="9" t="s">
        <v>59</v>
      </c>
      <c r="D119" s="9" t="s">
        <v>54</v>
      </c>
      <c r="E119" s="9" t="s">
        <v>163</v>
      </c>
      <c r="F119" s="6">
        <v>2868</v>
      </c>
      <c r="G119" s="6">
        <v>72</v>
      </c>
      <c r="H119" s="6">
        <v>195</v>
      </c>
      <c r="I119" s="6">
        <v>190</v>
      </c>
      <c r="J119" s="6">
        <v>217</v>
      </c>
      <c r="K119" s="6">
        <v>257</v>
      </c>
      <c r="L119" s="6">
        <v>277</v>
      </c>
      <c r="M119" s="6">
        <v>325</v>
      </c>
      <c r="N119" s="6">
        <v>288</v>
      </c>
      <c r="O119" s="6">
        <v>304</v>
      </c>
      <c r="P119" s="6">
        <v>291</v>
      </c>
      <c r="Q119" s="6">
        <v>206</v>
      </c>
      <c r="R119" s="6">
        <v>127</v>
      </c>
      <c r="S119" s="6">
        <v>54</v>
      </c>
      <c r="T119" s="6">
        <v>43</v>
      </c>
      <c r="U119" s="6">
        <v>18</v>
      </c>
      <c r="V119" s="6">
        <v>4</v>
      </c>
      <c r="W119" s="10" t="s">
        <v>55</v>
      </c>
      <c r="X119" s="6">
        <v>2416</v>
      </c>
      <c r="Y119" s="6">
        <v>452</v>
      </c>
      <c r="Z119" s="6">
        <v>119</v>
      </c>
      <c r="AA119" s="6">
        <v>22</v>
      </c>
      <c r="AB119" s="6">
        <v>2550</v>
      </c>
      <c r="AC119" s="7">
        <v>48.24268</v>
      </c>
    </row>
    <row r="120" spans="1:29">
      <c r="A120" s="9" t="s">
        <v>56</v>
      </c>
      <c r="B120" s="9" t="s">
        <v>57</v>
      </c>
      <c r="C120" s="9" t="s">
        <v>59</v>
      </c>
      <c r="D120" s="9" t="s">
        <v>54</v>
      </c>
      <c r="E120" s="9" t="s">
        <v>164</v>
      </c>
      <c r="F120" s="6">
        <v>5043</v>
      </c>
      <c r="G120" s="6">
        <v>69</v>
      </c>
      <c r="H120" s="6">
        <v>243</v>
      </c>
      <c r="I120" s="6">
        <v>253</v>
      </c>
      <c r="J120" s="6">
        <v>378</v>
      </c>
      <c r="K120" s="6">
        <v>446</v>
      </c>
      <c r="L120" s="6">
        <v>506</v>
      </c>
      <c r="M120" s="6">
        <v>525</v>
      </c>
      <c r="N120" s="6">
        <v>522</v>
      </c>
      <c r="O120" s="6">
        <v>585</v>
      </c>
      <c r="P120" s="6">
        <v>547</v>
      </c>
      <c r="Q120" s="6">
        <v>498</v>
      </c>
      <c r="R120" s="6">
        <v>332</v>
      </c>
      <c r="S120" s="6">
        <v>94</v>
      </c>
      <c r="T120" s="6">
        <v>30</v>
      </c>
      <c r="U120" s="6">
        <v>11</v>
      </c>
      <c r="V120" s="6">
        <v>4</v>
      </c>
      <c r="W120" s="10" t="s">
        <v>55</v>
      </c>
      <c r="X120" s="6">
        <v>4074</v>
      </c>
      <c r="Y120" s="6">
        <v>969</v>
      </c>
      <c r="Z120" s="6">
        <v>139</v>
      </c>
      <c r="AA120" s="6">
        <v>15</v>
      </c>
      <c r="AB120" s="6">
        <v>4503</v>
      </c>
      <c r="AC120" s="7">
        <v>50.178559999999997</v>
      </c>
    </row>
    <row r="121" spans="1:29">
      <c r="A121" s="9" t="s">
        <v>56</v>
      </c>
      <c r="B121" s="9" t="s">
        <v>57</v>
      </c>
      <c r="C121" s="9" t="s">
        <v>59</v>
      </c>
      <c r="D121" s="9" t="s">
        <v>54</v>
      </c>
      <c r="E121" s="9" t="s">
        <v>165</v>
      </c>
      <c r="F121" s="6">
        <v>39</v>
      </c>
      <c r="G121" s="6">
        <v>2</v>
      </c>
      <c r="H121" s="6">
        <v>5</v>
      </c>
      <c r="I121" s="6">
        <v>11</v>
      </c>
      <c r="J121" s="6">
        <v>4</v>
      </c>
      <c r="K121" s="6">
        <v>3</v>
      </c>
      <c r="L121" s="6">
        <v>2</v>
      </c>
      <c r="M121" s="6">
        <v>3</v>
      </c>
      <c r="N121" s="6">
        <v>1</v>
      </c>
      <c r="O121" s="6">
        <v>1</v>
      </c>
      <c r="P121" s="6">
        <v>3</v>
      </c>
      <c r="Q121" s="6">
        <v>1</v>
      </c>
      <c r="R121" s="6">
        <v>3</v>
      </c>
      <c r="S121" s="10" t="s">
        <v>55</v>
      </c>
      <c r="T121" s="10" t="s">
        <v>55</v>
      </c>
      <c r="U121" s="10" t="s">
        <v>55</v>
      </c>
      <c r="V121" s="10" t="s">
        <v>55</v>
      </c>
      <c r="W121" s="10" t="s">
        <v>55</v>
      </c>
      <c r="X121" s="6">
        <v>35</v>
      </c>
      <c r="Y121" s="6">
        <v>4</v>
      </c>
      <c r="Z121" s="10" t="s">
        <v>55</v>
      </c>
      <c r="AA121" s="10" t="s">
        <v>55</v>
      </c>
      <c r="AB121" s="6">
        <v>34</v>
      </c>
      <c r="AC121" s="7">
        <v>38.320509999999999</v>
      </c>
    </row>
    <row r="122" spans="1:29">
      <c r="A122" s="9" t="s">
        <v>56</v>
      </c>
      <c r="B122" s="9" t="s">
        <v>57</v>
      </c>
      <c r="C122" s="9" t="s">
        <v>59</v>
      </c>
      <c r="D122" s="9" t="s">
        <v>54</v>
      </c>
      <c r="E122" s="9" t="s">
        <v>166</v>
      </c>
      <c r="F122" s="6">
        <v>3722</v>
      </c>
      <c r="G122" s="6">
        <v>21</v>
      </c>
      <c r="H122" s="6">
        <v>362</v>
      </c>
      <c r="I122" s="6">
        <v>414</v>
      </c>
      <c r="J122" s="6">
        <v>305</v>
      </c>
      <c r="K122" s="6">
        <v>219</v>
      </c>
      <c r="L122" s="6">
        <v>177</v>
      </c>
      <c r="M122" s="6">
        <v>193</v>
      </c>
      <c r="N122" s="6">
        <v>215</v>
      </c>
      <c r="O122" s="6">
        <v>277</v>
      </c>
      <c r="P122" s="6">
        <v>400</v>
      </c>
      <c r="Q122" s="6">
        <v>474</v>
      </c>
      <c r="R122" s="6">
        <v>323</v>
      </c>
      <c r="S122" s="6">
        <v>192</v>
      </c>
      <c r="T122" s="6">
        <v>107</v>
      </c>
      <c r="U122" s="6">
        <v>37</v>
      </c>
      <c r="V122" s="6">
        <v>6</v>
      </c>
      <c r="W122" s="10" t="s">
        <v>55</v>
      </c>
      <c r="X122" s="6">
        <v>2583</v>
      </c>
      <c r="Y122" s="6">
        <v>1139</v>
      </c>
      <c r="Z122" s="6">
        <v>342</v>
      </c>
      <c r="AA122" s="6">
        <v>43</v>
      </c>
      <c r="AB122" s="6">
        <v>3036</v>
      </c>
      <c r="AC122" s="7">
        <v>50.970709999999997</v>
      </c>
    </row>
    <row r="123" spans="1:29">
      <c r="A123" s="9" t="s">
        <v>56</v>
      </c>
      <c r="B123" s="9" t="s">
        <v>57</v>
      </c>
      <c r="C123" s="9" t="s">
        <v>59</v>
      </c>
      <c r="D123" s="9" t="s">
        <v>54</v>
      </c>
      <c r="E123" s="9" t="s">
        <v>167</v>
      </c>
      <c r="F123" s="6">
        <v>2122</v>
      </c>
      <c r="G123" s="6">
        <v>34</v>
      </c>
      <c r="H123" s="6">
        <v>160</v>
      </c>
      <c r="I123" s="6">
        <v>139</v>
      </c>
      <c r="J123" s="6">
        <v>139</v>
      </c>
      <c r="K123" s="6">
        <v>194</v>
      </c>
      <c r="L123" s="6">
        <v>206</v>
      </c>
      <c r="M123" s="6">
        <v>244</v>
      </c>
      <c r="N123" s="6">
        <v>218</v>
      </c>
      <c r="O123" s="6">
        <v>245</v>
      </c>
      <c r="P123" s="6">
        <v>196</v>
      </c>
      <c r="Q123" s="6">
        <v>196</v>
      </c>
      <c r="R123" s="6">
        <v>93</v>
      </c>
      <c r="S123" s="6">
        <v>38</v>
      </c>
      <c r="T123" s="6">
        <v>14</v>
      </c>
      <c r="U123" s="6">
        <v>6</v>
      </c>
      <c r="V123" s="10" t="s">
        <v>55</v>
      </c>
      <c r="W123" s="10" t="s">
        <v>55</v>
      </c>
      <c r="X123" s="6">
        <v>1775</v>
      </c>
      <c r="Y123" s="6">
        <v>347</v>
      </c>
      <c r="Z123" s="6">
        <v>58</v>
      </c>
      <c r="AA123" s="6">
        <v>6</v>
      </c>
      <c r="AB123" s="6">
        <v>1937</v>
      </c>
      <c r="AC123" s="7">
        <v>48.226669999999999</v>
      </c>
    </row>
    <row r="124" spans="1:29">
      <c r="A124" s="9" t="s">
        <v>56</v>
      </c>
      <c r="B124" s="9" t="s">
        <v>57</v>
      </c>
      <c r="C124" s="9" t="s">
        <v>59</v>
      </c>
      <c r="D124" s="9" t="s">
        <v>54</v>
      </c>
      <c r="E124" s="9" t="s">
        <v>168</v>
      </c>
      <c r="F124" s="6">
        <v>49</v>
      </c>
      <c r="G124" s="6">
        <v>1</v>
      </c>
      <c r="H124" s="6">
        <v>2</v>
      </c>
      <c r="I124" s="6">
        <v>1</v>
      </c>
      <c r="J124" s="6">
        <v>3</v>
      </c>
      <c r="K124" s="6">
        <v>4</v>
      </c>
      <c r="L124" s="6">
        <v>2</v>
      </c>
      <c r="M124" s="6">
        <v>12</v>
      </c>
      <c r="N124" s="6">
        <v>8</v>
      </c>
      <c r="O124" s="6">
        <v>7</v>
      </c>
      <c r="P124" s="6">
        <v>5</v>
      </c>
      <c r="Q124" s="6">
        <v>2</v>
      </c>
      <c r="R124" s="6">
        <v>2</v>
      </c>
      <c r="S124" s="10" t="s">
        <v>55</v>
      </c>
      <c r="T124" s="10" t="s">
        <v>55</v>
      </c>
      <c r="U124" s="10" t="s">
        <v>55</v>
      </c>
      <c r="V124" s="10" t="s">
        <v>55</v>
      </c>
      <c r="W124" s="10" t="s">
        <v>55</v>
      </c>
      <c r="X124" s="6">
        <v>45</v>
      </c>
      <c r="Y124" s="6">
        <v>4</v>
      </c>
      <c r="Z124" s="10" t="s">
        <v>55</v>
      </c>
      <c r="AA124" s="10" t="s">
        <v>55</v>
      </c>
      <c r="AB124" s="6">
        <v>46</v>
      </c>
      <c r="AC124" s="7">
        <v>48.846939999999996</v>
      </c>
    </row>
    <row r="125" spans="1:29">
      <c r="A125" s="9" t="s">
        <v>56</v>
      </c>
      <c r="B125" s="9" t="s">
        <v>57</v>
      </c>
      <c r="C125" s="9" t="s">
        <v>59</v>
      </c>
      <c r="D125" s="9" t="s">
        <v>54</v>
      </c>
      <c r="E125" s="9" t="s">
        <v>169</v>
      </c>
      <c r="F125" s="6">
        <v>91</v>
      </c>
      <c r="G125" s="10" t="s">
        <v>55</v>
      </c>
      <c r="H125" s="6">
        <v>5</v>
      </c>
      <c r="I125" s="6">
        <v>6</v>
      </c>
      <c r="J125" s="6">
        <v>4</v>
      </c>
      <c r="K125" s="6">
        <v>7</v>
      </c>
      <c r="L125" s="6">
        <v>9</v>
      </c>
      <c r="M125" s="6">
        <v>9</v>
      </c>
      <c r="N125" s="6">
        <v>9</v>
      </c>
      <c r="O125" s="6">
        <v>9</v>
      </c>
      <c r="P125" s="6">
        <v>10</v>
      </c>
      <c r="Q125" s="6">
        <v>14</v>
      </c>
      <c r="R125" s="6">
        <v>7</v>
      </c>
      <c r="S125" s="6">
        <v>2</v>
      </c>
      <c r="T125" s="10" t="s">
        <v>55</v>
      </c>
      <c r="U125" s="10" t="s">
        <v>55</v>
      </c>
      <c r="V125" s="10" t="s">
        <v>55</v>
      </c>
      <c r="W125" s="10" t="s">
        <v>55</v>
      </c>
      <c r="X125" s="6">
        <v>68</v>
      </c>
      <c r="Y125" s="6">
        <v>23</v>
      </c>
      <c r="Z125" s="6">
        <v>2</v>
      </c>
      <c r="AA125" s="10" t="s">
        <v>55</v>
      </c>
      <c r="AB125" s="6">
        <v>82</v>
      </c>
      <c r="AC125" s="7">
        <v>51.467030000000001</v>
      </c>
    </row>
    <row r="126" spans="1:29">
      <c r="A126" s="9" t="s">
        <v>56</v>
      </c>
      <c r="B126" s="9" t="s">
        <v>57</v>
      </c>
      <c r="C126" s="9" t="s">
        <v>59</v>
      </c>
      <c r="D126" s="9" t="s">
        <v>54</v>
      </c>
      <c r="E126" s="9" t="s">
        <v>170</v>
      </c>
      <c r="F126" s="6">
        <v>2135</v>
      </c>
      <c r="G126" s="6">
        <v>9</v>
      </c>
      <c r="H126" s="6">
        <v>52</v>
      </c>
      <c r="I126" s="6">
        <v>79</v>
      </c>
      <c r="J126" s="6">
        <v>119</v>
      </c>
      <c r="K126" s="6">
        <v>132</v>
      </c>
      <c r="L126" s="6">
        <v>177</v>
      </c>
      <c r="M126" s="6">
        <v>209</v>
      </c>
      <c r="N126" s="6">
        <v>229</v>
      </c>
      <c r="O126" s="6">
        <v>276</v>
      </c>
      <c r="P126" s="6">
        <v>308</v>
      </c>
      <c r="Q126" s="6">
        <v>290</v>
      </c>
      <c r="R126" s="6">
        <v>184</v>
      </c>
      <c r="S126" s="6">
        <v>53</v>
      </c>
      <c r="T126" s="6">
        <v>15</v>
      </c>
      <c r="U126" s="6">
        <v>2</v>
      </c>
      <c r="V126" s="6">
        <v>1</v>
      </c>
      <c r="W126" s="10" t="s">
        <v>55</v>
      </c>
      <c r="X126" s="6">
        <v>1590</v>
      </c>
      <c r="Y126" s="6">
        <v>545</v>
      </c>
      <c r="Z126" s="6">
        <v>71</v>
      </c>
      <c r="AA126" s="6">
        <v>3</v>
      </c>
      <c r="AB126" s="6">
        <v>1871</v>
      </c>
      <c r="AC126" s="7">
        <v>54.030679999999997</v>
      </c>
    </row>
    <row r="127" spans="1:29">
      <c r="A127" s="9" t="s">
        <v>56</v>
      </c>
      <c r="B127" s="9" t="s">
        <v>57</v>
      </c>
      <c r="C127" s="9" t="s">
        <v>59</v>
      </c>
      <c r="D127" s="9" t="s">
        <v>54</v>
      </c>
      <c r="E127" s="9" t="s">
        <v>171</v>
      </c>
      <c r="F127" s="6">
        <v>167</v>
      </c>
      <c r="G127" s="6">
        <v>5</v>
      </c>
      <c r="H127" s="6">
        <v>14</v>
      </c>
      <c r="I127" s="6">
        <v>15</v>
      </c>
      <c r="J127" s="6">
        <v>10</v>
      </c>
      <c r="K127" s="6">
        <v>21</v>
      </c>
      <c r="L127" s="6">
        <v>10</v>
      </c>
      <c r="M127" s="6">
        <v>15</v>
      </c>
      <c r="N127" s="6">
        <v>6</v>
      </c>
      <c r="O127" s="6">
        <v>15</v>
      </c>
      <c r="P127" s="6">
        <v>16</v>
      </c>
      <c r="Q127" s="6">
        <v>14</v>
      </c>
      <c r="R127" s="6">
        <v>17</v>
      </c>
      <c r="S127" s="6">
        <v>4</v>
      </c>
      <c r="T127" s="6">
        <v>3</v>
      </c>
      <c r="U127" s="6">
        <v>1</v>
      </c>
      <c r="V127" s="6">
        <v>1</v>
      </c>
      <c r="W127" s="10" t="s">
        <v>55</v>
      </c>
      <c r="X127" s="6">
        <v>127</v>
      </c>
      <c r="Y127" s="6">
        <v>40</v>
      </c>
      <c r="Z127" s="6">
        <v>9</v>
      </c>
      <c r="AA127" s="6">
        <v>2</v>
      </c>
      <c r="AB127" s="6">
        <v>136</v>
      </c>
      <c r="AC127" s="7">
        <v>48.90719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5" orientation="portrait" r:id="rId1"/>
</worksheet>
</file>

<file path=xl/worksheets/sheet1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8128D90-A085-4A17-BAA8-68ABA61942F6}">
  <sheetPr>
    <pageSetUpPr fitToPage="1"/>
  </sheetPr>
  <dimension ref="A1:AC127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6.25" style="11" customWidth="1"/>
    <col min="6" max="16384" width="12.625" style="11"/>
  </cols>
  <sheetData>
    <row r="1" spans="1:29" s="1" customFormat="1">
      <c r="A1" s="1" t="s">
        <v>0</v>
      </c>
    </row>
    <row r="2" spans="1:29" s="1" customFormat="1">
      <c r="A2" s="1" t="s">
        <v>174</v>
      </c>
    </row>
    <row r="3" spans="1:29" s="1" customFormat="1"/>
    <row r="4" spans="1:29" s="1" customFormat="1" hidden="1"/>
    <row r="5" spans="1:29" s="1" customFormat="1" ht="24">
      <c r="F5" s="3" t="s">
        <v>154</v>
      </c>
      <c r="G5" s="3" t="s">
        <v>154</v>
      </c>
      <c r="H5" s="3" t="s">
        <v>154</v>
      </c>
      <c r="I5" s="3" t="s">
        <v>154</v>
      </c>
      <c r="J5" s="3" t="s">
        <v>154</v>
      </c>
      <c r="K5" s="3" t="s">
        <v>154</v>
      </c>
      <c r="L5" s="3" t="s">
        <v>154</v>
      </c>
      <c r="M5" s="3" t="s">
        <v>154</v>
      </c>
      <c r="N5" s="3" t="s">
        <v>154</v>
      </c>
      <c r="O5" s="3" t="s">
        <v>154</v>
      </c>
      <c r="P5" s="3" t="s">
        <v>154</v>
      </c>
      <c r="Q5" s="3" t="s">
        <v>154</v>
      </c>
      <c r="R5" s="3" t="s">
        <v>154</v>
      </c>
      <c r="S5" s="3" t="s">
        <v>154</v>
      </c>
      <c r="T5" s="3" t="s">
        <v>154</v>
      </c>
      <c r="U5" s="3" t="s">
        <v>154</v>
      </c>
      <c r="V5" s="3" t="s">
        <v>154</v>
      </c>
      <c r="W5" s="3" t="s">
        <v>154</v>
      </c>
      <c r="X5" s="3" t="s">
        <v>154</v>
      </c>
      <c r="Y5" s="3" t="s">
        <v>154</v>
      </c>
      <c r="Z5" s="3" t="s">
        <v>154</v>
      </c>
      <c r="AA5" s="3" t="s">
        <v>154</v>
      </c>
      <c r="AB5" s="3" t="s">
        <v>154</v>
      </c>
      <c r="AC5" s="3" t="s">
        <v>151</v>
      </c>
    </row>
    <row r="6" spans="1:29" s="1" customFormat="1">
      <c r="F6" s="3" t="s">
        <v>25</v>
      </c>
      <c r="G6" s="3" t="s">
        <v>25</v>
      </c>
      <c r="H6" s="3" t="s">
        <v>25</v>
      </c>
      <c r="I6" s="3" t="s">
        <v>25</v>
      </c>
      <c r="J6" s="3" t="s">
        <v>25</v>
      </c>
      <c r="K6" s="3" t="s">
        <v>25</v>
      </c>
      <c r="L6" s="3" t="s">
        <v>25</v>
      </c>
      <c r="M6" s="3" t="s">
        <v>25</v>
      </c>
      <c r="N6" s="3" t="s">
        <v>25</v>
      </c>
      <c r="O6" s="3" t="s">
        <v>25</v>
      </c>
      <c r="P6" s="3" t="s">
        <v>25</v>
      </c>
      <c r="Q6" s="3" t="s">
        <v>25</v>
      </c>
      <c r="R6" s="3" t="s">
        <v>25</v>
      </c>
      <c r="S6" s="3" t="s">
        <v>25</v>
      </c>
      <c r="T6" s="3" t="s">
        <v>25</v>
      </c>
      <c r="U6" s="3" t="s">
        <v>25</v>
      </c>
      <c r="V6" s="3" t="s">
        <v>25</v>
      </c>
      <c r="W6" s="3" t="s">
        <v>25</v>
      </c>
      <c r="X6" s="3" t="s">
        <v>25</v>
      </c>
      <c r="Y6" s="3" t="s">
        <v>25</v>
      </c>
      <c r="Z6" s="3" t="s">
        <v>25</v>
      </c>
      <c r="AA6" s="3" t="s">
        <v>25</v>
      </c>
      <c r="AB6" s="3" t="s">
        <v>25</v>
      </c>
      <c r="AC6" s="3"/>
    </row>
    <row r="7" spans="1:29" s="1" customFormat="1">
      <c r="F7" s="3">
        <v>1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  <c r="T7" s="3">
        <v>1</v>
      </c>
      <c r="U7" s="3">
        <v>1</v>
      </c>
      <c r="V7" s="3">
        <v>1</v>
      </c>
      <c r="W7" s="3">
        <v>1</v>
      </c>
      <c r="X7" s="3">
        <v>1</v>
      </c>
      <c r="Y7" s="3">
        <v>1</v>
      </c>
      <c r="Z7" s="3">
        <v>1</v>
      </c>
      <c r="AA7" s="3">
        <v>1</v>
      </c>
      <c r="AB7" s="3">
        <v>1</v>
      </c>
      <c r="AC7" s="3"/>
    </row>
    <row r="8" spans="1:29" s="1" customFormat="1" ht="24">
      <c r="F8" s="3" t="s">
        <v>30</v>
      </c>
      <c r="G8" s="3" t="s">
        <v>31</v>
      </c>
      <c r="H8" s="3" t="s">
        <v>32</v>
      </c>
      <c r="I8" s="3" t="s">
        <v>33</v>
      </c>
      <c r="J8" s="3" t="s">
        <v>34</v>
      </c>
      <c r="K8" s="3" t="s">
        <v>35</v>
      </c>
      <c r="L8" s="3" t="s">
        <v>36</v>
      </c>
      <c r="M8" s="3" t="s">
        <v>37</v>
      </c>
      <c r="N8" s="3" t="s">
        <v>38</v>
      </c>
      <c r="O8" s="3" t="s">
        <v>39</v>
      </c>
      <c r="P8" s="3" t="s">
        <v>40</v>
      </c>
      <c r="Q8" s="3" t="s">
        <v>41</v>
      </c>
      <c r="R8" s="3" t="s">
        <v>42</v>
      </c>
      <c r="S8" s="3" t="s">
        <v>43</v>
      </c>
      <c r="T8" s="3" t="s">
        <v>44</v>
      </c>
      <c r="U8" s="3" t="s">
        <v>45</v>
      </c>
      <c r="V8" s="3" t="s">
        <v>46</v>
      </c>
      <c r="W8" s="3" t="s">
        <v>47</v>
      </c>
      <c r="X8" s="3" t="s">
        <v>48</v>
      </c>
      <c r="Y8" s="3" t="s">
        <v>49</v>
      </c>
      <c r="Z8" s="3" t="s">
        <v>50</v>
      </c>
      <c r="AA8" s="3" t="s">
        <v>51</v>
      </c>
      <c r="AB8" s="3" t="s">
        <v>52</v>
      </c>
      <c r="AC8" s="3"/>
    </row>
    <row r="9" spans="1:29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  <c r="AC9" s="4" t="s">
        <v>152</v>
      </c>
    </row>
    <row r="10" spans="1:29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59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  <c r="AC10" s="2"/>
    </row>
    <row r="11" spans="1:2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6">
        <v>50076420</v>
      </c>
      <c r="G11" s="6">
        <v>760639</v>
      </c>
      <c r="H11" s="6">
        <v>3344141</v>
      </c>
      <c r="I11" s="6">
        <v>4066675</v>
      </c>
      <c r="J11" s="6">
        <v>4277898</v>
      </c>
      <c r="K11" s="6">
        <v>4801365</v>
      </c>
      <c r="L11" s="6">
        <v>5593492</v>
      </c>
      <c r="M11" s="6">
        <v>6613579</v>
      </c>
      <c r="N11" s="6">
        <v>5788190</v>
      </c>
      <c r="O11" s="6">
        <v>5164724</v>
      </c>
      <c r="P11" s="6">
        <v>4120560</v>
      </c>
      <c r="Q11" s="6">
        <v>2842362</v>
      </c>
      <c r="R11" s="6">
        <v>1836875</v>
      </c>
      <c r="S11" s="6">
        <v>617635</v>
      </c>
      <c r="T11" s="6">
        <v>181121</v>
      </c>
      <c r="U11" s="6">
        <v>53306</v>
      </c>
      <c r="V11" s="6">
        <v>12297</v>
      </c>
      <c r="W11" s="6">
        <v>1561</v>
      </c>
      <c r="X11" s="6">
        <v>44531263</v>
      </c>
      <c r="Y11" s="6">
        <v>5545157</v>
      </c>
      <c r="Z11" s="6">
        <v>865920</v>
      </c>
      <c r="AA11" s="6">
        <v>67164</v>
      </c>
      <c r="AB11" s="6">
        <v>46612986</v>
      </c>
      <c r="AC11" s="7">
        <v>46.391779999999997</v>
      </c>
    </row>
    <row r="12" spans="1:2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60</v>
      </c>
      <c r="F12" s="6">
        <v>1104422</v>
      </c>
      <c r="G12" s="6">
        <v>81</v>
      </c>
      <c r="H12" s="6">
        <v>1218</v>
      </c>
      <c r="I12" s="6">
        <v>5302</v>
      </c>
      <c r="J12" s="6">
        <v>15942</v>
      </c>
      <c r="K12" s="6">
        <v>36558</v>
      </c>
      <c r="L12" s="6">
        <v>67636</v>
      </c>
      <c r="M12" s="6">
        <v>111526</v>
      </c>
      <c r="N12" s="6">
        <v>135675</v>
      </c>
      <c r="O12" s="6">
        <v>173211</v>
      </c>
      <c r="P12" s="6">
        <v>176775</v>
      </c>
      <c r="Q12" s="6">
        <v>138428</v>
      </c>
      <c r="R12" s="6">
        <v>125124</v>
      </c>
      <c r="S12" s="6">
        <v>67663</v>
      </c>
      <c r="T12" s="6">
        <v>32016</v>
      </c>
      <c r="U12" s="6">
        <v>13335</v>
      </c>
      <c r="V12" s="6">
        <v>3383</v>
      </c>
      <c r="W12" s="6">
        <v>549</v>
      </c>
      <c r="X12" s="6">
        <v>723924</v>
      </c>
      <c r="Y12" s="6">
        <v>380498</v>
      </c>
      <c r="Z12" s="6">
        <v>116946</v>
      </c>
      <c r="AA12" s="6">
        <v>17267</v>
      </c>
      <c r="AB12" s="6">
        <v>862271</v>
      </c>
      <c r="AC12" s="7">
        <v>59.929569999999998</v>
      </c>
    </row>
    <row r="13" spans="1:2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61</v>
      </c>
      <c r="F13" s="6">
        <v>9180597</v>
      </c>
      <c r="G13" s="6">
        <v>40930</v>
      </c>
      <c r="H13" s="6">
        <v>638501</v>
      </c>
      <c r="I13" s="6">
        <v>1055073</v>
      </c>
      <c r="J13" s="6">
        <v>1007658</v>
      </c>
      <c r="K13" s="6">
        <v>1047025</v>
      </c>
      <c r="L13" s="6">
        <v>1130231</v>
      </c>
      <c r="M13" s="6">
        <v>1148009</v>
      </c>
      <c r="N13" s="6">
        <v>1005471</v>
      </c>
      <c r="O13" s="6">
        <v>915853</v>
      </c>
      <c r="P13" s="6">
        <v>639167</v>
      </c>
      <c r="Q13" s="6">
        <v>321534</v>
      </c>
      <c r="R13" s="6">
        <v>156988</v>
      </c>
      <c r="S13" s="6">
        <v>48609</v>
      </c>
      <c r="T13" s="6">
        <v>17199</v>
      </c>
      <c r="U13" s="6">
        <v>6398</v>
      </c>
      <c r="V13" s="6">
        <v>1746</v>
      </c>
      <c r="W13" s="6">
        <v>205</v>
      </c>
      <c r="X13" s="6">
        <v>8627918</v>
      </c>
      <c r="Y13" s="6">
        <v>552679</v>
      </c>
      <c r="Z13" s="6">
        <v>74157</v>
      </c>
      <c r="AA13" s="6">
        <v>8349</v>
      </c>
      <c r="AB13" s="6">
        <v>8908522</v>
      </c>
      <c r="AC13" s="7">
        <v>43.90457</v>
      </c>
    </row>
    <row r="14" spans="1:2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62</v>
      </c>
      <c r="F14" s="6">
        <v>11276868</v>
      </c>
      <c r="G14" s="6">
        <v>50748</v>
      </c>
      <c r="H14" s="6">
        <v>494374</v>
      </c>
      <c r="I14" s="6">
        <v>886589</v>
      </c>
      <c r="J14" s="6">
        <v>991466</v>
      </c>
      <c r="K14" s="6">
        <v>1129077</v>
      </c>
      <c r="L14" s="6">
        <v>1392742</v>
      </c>
      <c r="M14" s="6">
        <v>1777574</v>
      </c>
      <c r="N14" s="6">
        <v>1547212</v>
      </c>
      <c r="O14" s="6">
        <v>1319491</v>
      </c>
      <c r="P14" s="6">
        <v>896841</v>
      </c>
      <c r="Q14" s="6">
        <v>421314</v>
      </c>
      <c r="R14" s="6">
        <v>240350</v>
      </c>
      <c r="S14" s="6">
        <v>87758</v>
      </c>
      <c r="T14" s="6">
        <v>29376</v>
      </c>
      <c r="U14" s="6">
        <v>9601</v>
      </c>
      <c r="V14" s="6">
        <v>2126</v>
      </c>
      <c r="W14" s="6">
        <v>229</v>
      </c>
      <c r="X14" s="6">
        <v>10486114</v>
      </c>
      <c r="Y14" s="6">
        <v>790754</v>
      </c>
      <c r="Z14" s="6">
        <v>129090</v>
      </c>
      <c r="AA14" s="6">
        <v>11956</v>
      </c>
      <c r="AB14" s="6">
        <v>10856680</v>
      </c>
      <c r="AC14" s="7">
        <v>46.451680000000003</v>
      </c>
    </row>
    <row r="15" spans="1:2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63</v>
      </c>
      <c r="F15" s="6">
        <v>6178752</v>
      </c>
      <c r="G15" s="6">
        <v>182564</v>
      </c>
      <c r="H15" s="6">
        <v>562202</v>
      </c>
      <c r="I15" s="6">
        <v>546478</v>
      </c>
      <c r="J15" s="6">
        <v>543853</v>
      </c>
      <c r="K15" s="6">
        <v>608642</v>
      </c>
      <c r="L15" s="6">
        <v>669134</v>
      </c>
      <c r="M15" s="6">
        <v>809177</v>
      </c>
      <c r="N15" s="6">
        <v>704652</v>
      </c>
      <c r="O15" s="6">
        <v>599280</v>
      </c>
      <c r="P15" s="6">
        <v>438865</v>
      </c>
      <c r="Q15" s="6">
        <v>264992</v>
      </c>
      <c r="R15" s="6">
        <v>162181</v>
      </c>
      <c r="S15" s="6">
        <v>58120</v>
      </c>
      <c r="T15" s="6">
        <v>20339</v>
      </c>
      <c r="U15" s="6">
        <v>6599</v>
      </c>
      <c r="V15" s="6">
        <v>1495</v>
      </c>
      <c r="W15" s="6">
        <v>179</v>
      </c>
      <c r="X15" s="6">
        <v>5664847</v>
      </c>
      <c r="Y15" s="6">
        <v>513905</v>
      </c>
      <c r="Z15" s="6">
        <v>86732</v>
      </c>
      <c r="AA15" s="6">
        <v>8273</v>
      </c>
      <c r="AB15" s="6">
        <v>5747275</v>
      </c>
      <c r="AC15" s="7">
        <v>44.287480000000002</v>
      </c>
    </row>
    <row r="16" spans="1:2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64</v>
      </c>
      <c r="F16" s="6">
        <v>5816598</v>
      </c>
      <c r="G16" s="6">
        <v>224813</v>
      </c>
      <c r="H16" s="6">
        <v>609476</v>
      </c>
      <c r="I16" s="6">
        <v>413991</v>
      </c>
      <c r="J16" s="6">
        <v>434264</v>
      </c>
      <c r="K16" s="6">
        <v>506314</v>
      </c>
      <c r="L16" s="6">
        <v>573866</v>
      </c>
      <c r="M16" s="6">
        <v>639623</v>
      </c>
      <c r="N16" s="6">
        <v>563703</v>
      </c>
      <c r="O16" s="6">
        <v>526261</v>
      </c>
      <c r="P16" s="6">
        <v>492957</v>
      </c>
      <c r="Q16" s="6">
        <v>437201</v>
      </c>
      <c r="R16" s="6">
        <v>293407</v>
      </c>
      <c r="S16" s="6">
        <v>80565</v>
      </c>
      <c r="T16" s="6">
        <v>16142</v>
      </c>
      <c r="U16" s="6">
        <v>3220</v>
      </c>
      <c r="V16" s="6">
        <v>714</v>
      </c>
      <c r="W16" s="6">
        <v>81</v>
      </c>
      <c r="X16" s="6">
        <v>4985268</v>
      </c>
      <c r="Y16" s="6">
        <v>831330</v>
      </c>
      <c r="Z16" s="6">
        <v>100722</v>
      </c>
      <c r="AA16" s="6">
        <v>4015</v>
      </c>
      <c r="AB16" s="6">
        <v>5197656</v>
      </c>
      <c r="AC16" s="7">
        <v>45.760089999999998</v>
      </c>
    </row>
    <row r="17" spans="1:2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65</v>
      </c>
      <c r="F17" s="6">
        <v>1083577</v>
      </c>
      <c r="G17" s="6">
        <v>18596</v>
      </c>
      <c r="H17" s="6">
        <v>88570</v>
      </c>
      <c r="I17" s="6">
        <v>98752</v>
      </c>
      <c r="J17" s="6">
        <v>106538</v>
      </c>
      <c r="K17" s="6">
        <v>108302</v>
      </c>
      <c r="L17" s="6">
        <v>110120</v>
      </c>
      <c r="M17" s="6">
        <v>113221</v>
      </c>
      <c r="N17" s="6">
        <v>93145</v>
      </c>
      <c r="O17" s="6">
        <v>88110</v>
      </c>
      <c r="P17" s="6">
        <v>82712</v>
      </c>
      <c r="Q17" s="6">
        <v>83671</v>
      </c>
      <c r="R17" s="6">
        <v>66035</v>
      </c>
      <c r="S17" s="6">
        <v>21632</v>
      </c>
      <c r="T17" s="6">
        <v>3828</v>
      </c>
      <c r="U17" s="6">
        <v>324</v>
      </c>
      <c r="V17" s="6">
        <v>21</v>
      </c>
      <c r="W17" s="10" t="s">
        <v>55</v>
      </c>
      <c r="X17" s="6">
        <v>908066</v>
      </c>
      <c r="Y17" s="6">
        <v>175511</v>
      </c>
      <c r="Z17" s="6">
        <v>25805</v>
      </c>
      <c r="AA17" s="6">
        <v>345</v>
      </c>
      <c r="AB17" s="6">
        <v>973141</v>
      </c>
      <c r="AC17" s="7">
        <v>46.323480000000004</v>
      </c>
    </row>
    <row r="18" spans="1:2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66</v>
      </c>
      <c r="F18" s="6">
        <v>474452</v>
      </c>
      <c r="G18" s="6">
        <v>5015</v>
      </c>
      <c r="H18" s="6">
        <v>32479</v>
      </c>
      <c r="I18" s="6">
        <v>34223</v>
      </c>
      <c r="J18" s="6">
        <v>36538</v>
      </c>
      <c r="K18" s="6">
        <v>42105</v>
      </c>
      <c r="L18" s="6">
        <v>43624</v>
      </c>
      <c r="M18" s="6">
        <v>44276</v>
      </c>
      <c r="N18" s="6">
        <v>37108</v>
      </c>
      <c r="O18" s="6">
        <v>38364</v>
      </c>
      <c r="P18" s="6">
        <v>47191</v>
      </c>
      <c r="Q18" s="6">
        <v>52210</v>
      </c>
      <c r="R18" s="6">
        <v>39954</v>
      </c>
      <c r="S18" s="6">
        <v>14704</v>
      </c>
      <c r="T18" s="6">
        <v>4928</v>
      </c>
      <c r="U18" s="6">
        <v>1420</v>
      </c>
      <c r="V18" s="6">
        <v>286</v>
      </c>
      <c r="W18" s="6">
        <v>27</v>
      </c>
      <c r="X18" s="6">
        <v>360923</v>
      </c>
      <c r="Y18" s="6">
        <v>113529</v>
      </c>
      <c r="Z18" s="6">
        <v>21365</v>
      </c>
      <c r="AA18" s="6">
        <v>1733</v>
      </c>
      <c r="AB18" s="6">
        <v>408118</v>
      </c>
      <c r="AC18" s="7">
        <v>49.954450000000001</v>
      </c>
    </row>
    <row r="19" spans="1:2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67</v>
      </c>
      <c r="F19" s="6">
        <v>6878883</v>
      </c>
      <c r="G19" s="6">
        <v>111538</v>
      </c>
      <c r="H19" s="6">
        <v>506578</v>
      </c>
      <c r="I19" s="6">
        <v>593212</v>
      </c>
      <c r="J19" s="6">
        <v>652033</v>
      </c>
      <c r="K19" s="6">
        <v>706434</v>
      </c>
      <c r="L19" s="6">
        <v>811031</v>
      </c>
      <c r="M19" s="6">
        <v>943285</v>
      </c>
      <c r="N19" s="6">
        <v>780755</v>
      </c>
      <c r="O19" s="6">
        <v>659322</v>
      </c>
      <c r="P19" s="6">
        <v>506376</v>
      </c>
      <c r="Q19" s="6">
        <v>330119</v>
      </c>
      <c r="R19" s="6">
        <v>192249</v>
      </c>
      <c r="S19" s="6">
        <v>62974</v>
      </c>
      <c r="T19" s="6">
        <v>17819</v>
      </c>
      <c r="U19" s="6">
        <v>4308</v>
      </c>
      <c r="V19" s="6">
        <v>772</v>
      </c>
      <c r="W19" s="6">
        <v>78</v>
      </c>
      <c r="X19" s="6">
        <v>6270564</v>
      </c>
      <c r="Y19" s="6">
        <v>608319</v>
      </c>
      <c r="Z19" s="6">
        <v>85951</v>
      </c>
      <c r="AA19" s="6">
        <v>5158</v>
      </c>
      <c r="AB19" s="6">
        <v>6489145</v>
      </c>
      <c r="AC19" s="7">
        <v>45.087690000000002</v>
      </c>
    </row>
    <row r="20" spans="1:2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68</v>
      </c>
      <c r="F20" s="6">
        <v>1832432</v>
      </c>
      <c r="G20" s="6">
        <v>5316</v>
      </c>
      <c r="H20" s="6">
        <v>41139</v>
      </c>
      <c r="I20" s="6">
        <v>69367</v>
      </c>
      <c r="J20" s="6">
        <v>89935</v>
      </c>
      <c r="K20" s="6">
        <v>126907</v>
      </c>
      <c r="L20" s="6">
        <v>179923</v>
      </c>
      <c r="M20" s="6">
        <v>260168</v>
      </c>
      <c r="N20" s="6">
        <v>257561</v>
      </c>
      <c r="O20" s="6">
        <v>238262</v>
      </c>
      <c r="P20" s="6">
        <v>215726</v>
      </c>
      <c r="Q20" s="6">
        <v>190833</v>
      </c>
      <c r="R20" s="6">
        <v>127969</v>
      </c>
      <c r="S20" s="6">
        <v>26066</v>
      </c>
      <c r="T20" s="6">
        <v>2883</v>
      </c>
      <c r="U20" s="6">
        <v>330</v>
      </c>
      <c r="V20" s="6">
        <v>46</v>
      </c>
      <c r="W20" s="6">
        <v>1</v>
      </c>
      <c r="X20" s="6">
        <v>1484304</v>
      </c>
      <c r="Y20" s="6">
        <v>348128</v>
      </c>
      <c r="Z20" s="6">
        <v>29326</v>
      </c>
      <c r="AA20" s="6">
        <v>377</v>
      </c>
      <c r="AB20" s="6">
        <v>1669821</v>
      </c>
      <c r="AC20" s="7">
        <v>52.249279999999999</v>
      </c>
    </row>
    <row r="21" spans="1:2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69</v>
      </c>
      <c r="F21" s="6">
        <v>1803249</v>
      </c>
      <c r="G21" s="6">
        <v>25507</v>
      </c>
      <c r="H21" s="6">
        <v>112323</v>
      </c>
      <c r="I21" s="6">
        <v>136438</v>
      </c>
      <c r="J21" s="6">
        <v>138017</v>
      </c>
      <c r="K21" s="6">
        <v>166759</v>
      </c>
      <c r="L21" s="6">
        <v>212561</v>
      </c>
      <c r="M21" s="6">
        <v>250555</v>
      </c>
      <c r="N21" s="6">
        <v>191810</v>
      </c>
      <c r="O21" s="6">
        <v>162291</v>
      </c>
      <c r="P21" s="6">
        <v>161000</v>
      </c>
      <c r="Q21" s="6">
        <v>137261</v>
      </c>
      <c r="R21" s="6">
        <v>80931</v>
      </c>
      <c r="S21" s="6">
        <v>21619</v>
      </c>
      <c r="T21" s="6">
        <v>4958</v>
      </c>
      <c r="U21" s="6">
        <v>1024</v>
      </c>
      <c r="V21" s="6">
        <v>188</v>
      </c>
      <c r="W21" s="6">
        <v>7</v>
      </c>
      <c r="X21" s="6">
        <v>1557261</v>
      </c>
      <c r="Y21" s="6">
        <v>245988</v>
      </c>
      <c r="Z21" s="6">
        <v>27796</v>
      </c>
      <c r="AA21" s="6">
        <v>1219</v>
      </c>
      <c r="AB21" s="6">
        <v>1669015</v>
      </c>
      <c r="AC21" s="7">
        <v>47.237229999999997</v>
      </c>
    </row>
    <row r="22" spans="1:2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70</v>
      </c>
      <c r="F22" s="6">
        <v>3820649</v>
      </c>
      <c r="G22" s="6">
        <v>61101</v>
      </c>
      <c r="H22" s="6">
        <v>183389</v>
      </c>
      <c r="I22" s="6">
        <v>181349</v>
      </c>
      <c r="J22" s="6">
        <v>216008</v>
      </c>
      <c r="K22" s="6">
        <v>271798</v>
      </c>
      <c r="L22" s="6">
        <v>342701</v>
      </c>
      <c r="M22" s="6">
        <v>445086</v>
      </c>
      <c r="N22" s="6">
        <v>411439</v>
      </c>
      <c r="O22" s="6">
        <v>397031</v>
      </c>
      <c r="P22" s="6">
        <v>425629</v>
      </c>
      <c r="Q22" s="6">
        <v>429056</v>
      </c>
      <c r="R22" s="6">
        <v>318281</v>
      </c>
      <c r="S22" s="6">
        <v>109853</v>
      </c>
      <c r="T22" s="6">
        <v>23416</v>
      </c>
      <c r="U22" s="6">
        <v>3794</v>
      </c>
      <c r="V22" s="6">
        <v>645</v>
      </c>
      <c r="W22" s="6">
        <v>73</v>
      </c>
      <c r="X22" s="6">
        <v>2935531</v>
      </c>
      <c r="Y22" s="6">
        <v>885118</v>
      </c>
      <c r="Z22" s="6">
        <v>137781</v>
      </c>
      <c r="AA22" s="6">
        <v>4512</v>
      </c>
      <c r="AB22" s="6">
        <v>3303486</v>
      </c>
      <c r="AC22" s="7">
        <v>51.55341</v>
      </c>
    </row>
    <row r="23" spans="1:2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71</v>
      </c>
      <c r="F23" s="6">
        <v>625941</v>
      </c>
      <c r="G23" s="6">
        <v>34430</v>
      </c>
      <c r="H23" s="6">
        <v>73892</v>
      </c>
      <c r="I23" s="6">
        <v>45901</v>
      </c>
      <c r="J23" s="6">
        <v>45646</v>
      </c>
      <c r="K23" s="6">
        <v>51444</v>
      </c>
      <c r="L23" s="6">
        <v>59923</v>
      </c>
      <c r="M23" s="6">
        <v>71079</v>
      </c>
      <c r="N23" s="6">
        <v>59659</v>
      </c>
      <c r="O23" s="6">
        <v>47248</v>
      </c>
      <c r="P23" s="6">
        <v>37321</v>
      </c>
      <c r="Q23" s="6">
        <v>35743</v>
      </c>
      <c r="R23" s="6">
        <v>33406</v>
      </c>
      <c r="S23" s="6">
        <v>18072</v>
      </c>
      <c r="T23" s="6">
        <v>8217</v>
      </c>
      <c r="U23" s="6">
        <v>2953</v>
      </c>
      <c r="V23" s="6">
        <v>875</v>
      </c>
      <c r="W23" s="6">
        <v>132</v>
      </c>
      <c r="X23" s="6">
        <v>526543</v>
      </c>
      <c r="Y23" s="6">
        <v>99398</v>
      </c>
      <c r="Z23" s="6">
        <v>30249</v>
      </c>
      <c r="AA23" s="6">
        <v>3960</v>
      </c>
      <c r="AB23" s="6">
        <v>527856</v>
      </c>
      <c r="AC23" s="7">
        <v>45.207819999999998</v>
      </c>
    </row>
    <row r="24" spans="1:29">
      <c r="A24" s="9" t="s">
        <v>27</v>
      </c>
      <c r="B24" s="9" t="s">
        <v>28</v>
      </c>
      <c r="C24" s="9" t="s">
        <v>29</v>
      </c>
      <c r="D24" s="9" t="s">
        <v>53</v>
      </c>
      <c r="E24" s="9" t="s">
        <v>6</v>
      </c>
      <c r="F24" s="6">
        <v>26945461</v>
      </c>
      <c r="G24" s="6">
        <v>382274</v>
      </c>
      <c r="H24" s="6">
        <v>1660577</v>
      </c>
      <c r="I24" s="6">
        <v>2113546</v>
      </c>
      <c r="J24" s="6">
        <v>2345644</v>
      </c>
      <c r="K24" s="6">
        <v>2627598</v>
      </c>
      <c r="L24" s="6">
        <v>2995016</v>
      </c>
      <c r="M24" s="6">
        <v>3488759</v>
      </c>
      <c r="N24" s="6">
        <v>3043854</v>
      </c>
      <c r="O24" s="6">
        <v>2774787</v>
      </c>
      <c r="P24" s="6">
        <v>2301462</v>
      </c>
      <c r="Q24" s="6">
        <v>1620354</v>
      </c>
      <c r="R24" s="6">
        <v>1072012</v>
      </c>
      <c r="S24" s="6">
        <v>369683</v>
      </c>
      <c r="T24" s="6">
        <v>110618</v>
      </c>
      <c r="U24" s="6">
        <v>31705</v>
      </c>
      <c r="V24" s="6">
        <v>6770</v>
      </c>
      <c r="W24" s="6">
        <v>802</v>
      </c>
      <c r="X24" s="6">
        <v>23733517</v>
      </c>
      <c r="Y24" s="6">
        <v>3211944</v>
      </c>
      <c r="Z24" s="6">
        <v>519578</v>
      </c>
      <c r="AA24" s="6">
        <v>39277</v>
      </c>
      <c r="AB24" s="6">
        <v>24971597</v>
      </c>
      <c r="AC24" s="7">
        <v>46.809550000000002</v>
      </c>
    </row>
    <row r="25" spans="1:29">
      <c r="A25" s="9" t="s">
        <v>27</v>
      </c>
      <c r="B25" s="9" t="s">
        <v>28</v>
      </c>
      <c r="C25" s="9" t="s">
        <v>29</v>
      </c>
      <c r="D25" s="9" t="s">
        <v>53</v>
      </c>
      <c r="E25" s="9" t="s">
        <v>160</v>
      </c>
      <c r="F25" s="6">
        <v>936341</v>
      </c>
      <c r="G25" s="6">
        <v>57</v>
      </c>
      <c r="H25" s="6">
        <v>880</v>
      </c>
      <c r="I25" s="6">
        <v>4150</v>
      </c>
      <c r="J25" s="6">
        <v>12897</v>
      </c>
      <c r="K25" s="6">
        <v>30413</v>
      </c>
      <c r="L25" s="6">
        <v>57637</v>
      </c>
      <c r="M25" s="6">
        <v>95718</v>
      </c>
      <c r="N25" s="6">
        <v>116282</v>
      </c>
      <c r="O25" s="6">
        <v>149882</v>
      </c>
      <c r="P25" s="6">
        <v>154141</v>
      </c>
      <c r="Q25" s="6">
        <v>117695</v>
      </c>
      <c r="R25" s="6">
        <v>103613</v>
      </c>
      <c r="S25" s="6">
        <v>55305</v>
      </c>
      <c r="T25" s="6">
        <v>25197</v>
      </c>
      <c r="U25" s="6">
        <v>9878</v>
      </c>
      <c r="V25" s="6">
        <v>2250</v>
      </c>
      <c r="W25" s="6">
        <v>346</v>
      </c>
      <c r="X25" s="6">
        <v>622057</v>
      </c>
      <c r="Y25" s="6">
        <v>314284</v>
      </c>
      <c r="Z25" s="6">
        <v>92976</v>
      </c>
      <c r="AA25" s="6">
        <v>12474</v>
      </c>
      <c r="AB25" s="6">
        <v>739695</v>
      </c>
      <c r="AC25" s="7">
        <v>59.770099999999999</v>
      </c>
    </row>
    <row r="26" spans="1:29">
      <c r="A26" s="9" t="s">
        <v>27</v>
      </c>
      <c r="B26" s="9" t="s">
        <v>28</v>
      </c>
      <c r="C26" s="9" t="s">
        <v>29</v>
      </c>
      <c r="D26" s="9" t="s">
        <v>53</v>
      </c>
      <c r="E26" s="9" t="s">
        <v>161</v>
      </c>
      <c r="F26" s="6">
        <v>4523873</v>
      </c>
      <c r="G26" s="6">
        <v>23167</v>
      </c>
      <c r="H26" s="6">
        <v>251489</v>
      </c>
      <c r="I26" s="6">
        <v>485554</v>
      </c>
      <c r="J26" s="6">
        <v>509073</v>
      </c>
      <c r="K26" s="6">
        <v>525352</v>
      </c>
      <c r="L26" s="6">
        <v>556897</v>
      </c>
      <c r="M26" s="6">
        <v>562940</v>
      </c>
      <c r="N26" s="6">
        <v>495935</v>
      </c>
      <c r="O26" s="6">
        <v>457786</v>
      </c>
      <c r="P26" s="6">
        <v>327708</v>
      </c>
      <c r="Q26" s="6">
        <v>179289</v>
      </c>
      <c r="R26" s="6">
        <v>96899</v>
      </c>
      <c r="S26" s="6">
        <v>33003</v>
      </c>
      <c r="T26" s="6">
        <v>12602</v>
      </c>
      <c r="U26" s="6">
        <v>4752</v>
      </c>
      <c r="V26" s="6">
        <v>1281</v>
      </c>
      <c r="W26" s="6">
        <v>146</v>
      </c>
      <c r="X26" s="6">
        <v>4195901</v>
      </c>
      <c r="Y26" s="6">
        <v>327972</v>
      </c>
      <c r="Z26" s="6">
        <v>51784</v>
      </c>
      <c r="AA26" s="6">
        <v>6179</v>
      </c>
      <c r="AB26" s="6">
        <v>4352023</v>
      </c>
      <c r="AC26" s="7">
        <v>44.68835</v>
      </c>
    </row>
    <row r="27" spans="1:29">
      <c r="A27" s="9" t="s">
        <v>27</v>
      </c>
      <c r="B27" s="9" t="s">
        <v>28</v>
      </c>
      <c r="C27" s="9" t="s">
        <v>29</v>
      </c>
      <c r="D27" s="9" t="s">
        <v>53</v>
      </c>
      <c r="E27" s="9" t="s">
        <v>162</v>
      </c>
      <c r="F27" s="6">
        <v>4491399</v>
      </c>
      <c r="G27" s="6">
        <v>16588</v>
      </c>
      <c r="H27" s="6">
        <v>159712</v>
      </c>
      <c r="I27" s="6">
        <v>302080</v>
      </c>
      <c r="J27" s="6">
        <v>364294</v>
      </c>
      <c r="K27" s="6">
        <v>419511</v>
      </c>
      <c r="L27" s="6">
        <v>509285</v>
      </c>
      <c r="M27" s="6">
        <v>667326</v>
      </c>
      <c r="N27" s="6">
        <v>631062</v>
      </c>
      <c r="O27" s="6">
        <v>601265</v>
      </c>
      <c r="P27" s="6">
        <v>458737</v>
      </c>
      <c r="Q27" s="6">
        <v>207058</v>
      </c>
      <c r="R27" s="6">
        <v>103904</v>
      </c>
      <c r="S27" s="6">
        <v>34957</v>
      </c>
      <c r="T27" s="6">
        <v>11161</v>
      </c>
      <c r="U27" s="6">
        <v>3592</v>
      </c>
      <c r="V27" s="6">
        <v>785</v>
      </c>
      <c r="W27" s="6">
        <v>82</v>
      </c>
      <c r="X27" s="6">
        <v>4129860</v>
      </c>
      <c r="Y27" s="6">
        <v>361539</v>
      </c>
      <c r="Z27" s="6">
        <v>50577</v>
      </c>
      <c r="AA27" s="6">
        <v>4459</v>
      </c>
      <c r="AB27" s="6">
        <v>4320330</v>
      </c>
      <c r="AC27" s="7">
        <v>47.87191</v>
      </c>
    </row>
    <row r="28" spans="1:29">
      <c r="A28" s="9" t="s">
        <v>27</v>
      </c>
      <c r="B28" s="9" t="s">
        <v>28</v>
      </c>
      <c r="C28" s="9" t="s">
        <v>29</v>
      </c>
      <c r="D28" s="9" t="s">
        <v>53</v>
      </c>
      <c r="E28" s="9" t="s">
        <v>163</v>
      </c>
      <c r="F28" s="6">
        <v>3334157</v>
      </c>
      <c r="G28" s="6">
        <v>68092</v>
      </c>
      <c r="H28" s="6">
        <v>248161</v>
      </c>
      <c r="I28" s="6">
        <v>286223</v>
      </c>
      <c r="J28" s="6">
        <v>304344</v>
      </c>
      <c r="K28" s="6">
        <v>353477</v>
      </c>
      <c r="L28" s="6">
        <v>385942</v>
      </c>
      <c r="M28" s="6">
        <v>462702</v>
      </c>
      <c r="N28" s="6">
        <v>389674</v>
      </c>
      <c r="O28" s="6">
        <v>324549</v>
      </c>
      <c r="P28" s="6">
        <v>232797</v>
      </c>
      <c r="Q28" s="6">
        <v>134378</v>
      </c>
      <c r="R28" s="6">
        <v>91283</v>
      </c>
      <c r="S28" s="6">
        <v>35436</v>
      </c>
      <c r="T28" s="6">
        <v>12526</v>
      </c>
      <c r="U28" s="6">
        <v>3775</v>
      </c>
      <c r="V28" s="6">
        <v>728</v>
      </c>
      <c r="W28" s="6">
        <v>70</v>
      </c>
      <c r="X28" s="6">
        <v>3055961</v>
      </c>
      <c r="Y28" s="6">
        <v>278196</v>
      </c>
      <c r="Z28" s="6">
        <v>52535</v>
      </c>
      <c r="AA28" s="6">
        <v>4573</v>
      </c>
      <c r="AB28" s="6">
        <v>3122247</v>
      </c>
      <c r="AC28" s="7">
        <v>44.896940000000001</v>
      </c>
    </row>
    <row r="29" spans="1:29">
      <c r="A29" s="9" t="s">
        <v>27</v>
      </c>
      <c r="B29" s="9" t="s">
        <v>28</v>
      </c>
      <c r="C29" s="9" t="s">
        <v>29</v>
      </c>
      <c r="D29" s="9" t="s">
        <v>53</v>
      </c>
      <c r="E29" s="9" t="s">
        <v>164</v>
      </c>
      <c r="F29" s="6">
        <v>1692882</v>
      </c>
      <c r="G29" s="6">
        <v>88472</v>
      </c>
      <c r="H29" s="6">
        <v>240749</v>
      </c>
      <c r="I29" s="6">
        <v>144357</v>
      </c>
      <c r="J29" s="6">
        <v>155041</v>
      </c>
      <c r="K29" s="6">
        <v>168617</v>
      </c>
      <c r="L29" s="6">
        <v>168243</v>
      </c>
      <c r="M29" s="6">
        <v>156766</v>
      </c>
      <c r="N29" s="6">
        <v>115168</v>
      </c>
      <c r="O29" s="6">
        <v>100260</v>
      </c>
      <c r="P29" s="6">
        <v>107919</v>
      </c>
      <c r="Q29" s="6">
        <v>123579</v>
      </c>
      <c r="R29" s="6">
        <v>89704</v>
      </c>
      <c r="S29" s="6">
        <v>26688</v>
      </c>
      <c r="T29" s="6">
        <v>5975</v>
      </c>
      <c r="U29" s="6">
        <v>1112</v>
      </c>
      <c r="V29" s="6">
        <v>216</v>
      </c>
      <c r="W29" s="6">
        <v>16</v>
      </c>
      <c r="X29" s="6">
        <v>1445592</v>
      </c>
      <c r="Y29" s="6">
        <v>247290</v>
      </c>
      <c r="Z29" s="6">
        <v>34007</v>
      </c>
      <c r="AA29" s="6">
        <v>1344</v>
      </c>
      <c r="AB29" s="6">
        <v>1480699</v>
      </c>
      <c r="AC29" s="7">
        <v>43.082030000000003</v>
      </c>
    </row>
    <row r="30" spans="1:29">
      <c r="A30" s="9" t="s">
        <v>27</v>
      </c>
      <c r="B30" s="9" t="s">
        <v>28</v>
      </c>
      <c r="C30" s="9" t="s">
        <v>29</v>
      </c>
      <c r="D30" s="9" t="s">
        <v>53</v>
      </c>
      <c r="E30" s="9" t="s">
        <v>165</v>
      </c>
      <c r="F30" s="6">
        <v>998248</v>
      </c>
      <c r="G30" s="6">
        <v>14868</v>
      </c>
      <c r="H30" s="6">
        <v>74378</v>
      </c>
      <c r="I30" s="6">
        <v>86799</v>
      </c>
      <c r="J30" s="6">
        <v>96673</v>
      </c>
      <c r="K30" s="6">
        <v>99874</v>
      </c>
      <c r="L30" s="6">
        <v>102238</v>
      </c>
      <c r="M30" s="6">
        <v>104207</v>
      </c>
      <c r="N30" s="6">
        <v>86763</v>
      </c>
      <c r="O30" s="6">
        <v>82797</v>
      </c>
      <c r="P30" s="6">
        <v>78897</v>
      </c>
      <c r="Q30" s="6">
        <v>81002</v>
      </c>
      <c r="R30" s="6">
        <v>64472</v>
      </c>
      <c r="S30" s="6">
        <v>21198</v>
      </c>
      <c r="T30" s="6">
        <v>3752</v>
      </c>
      <c r="U30" s="6">
        <v>312</v>
      </c>
      <c r="V30" s="6">
        <v>18</v>
      </c>
      <c r="W30" s="10" t="s">
        <v>55</v>
      </c>
      <c r="X30" s="6">
        <v>827494</v>
      </c>
      <c r="Y30" s="6">
        <v>170754</v>
      </c>
      <c r="Z30" s="6">
        <v>25280</v>
      </c>
      <c r="AA30" s="6">
        <v>330</v>
      </c>
      <c r="AB30" s="6">
        <v>893628</v>
      </c>
      <c r="AC30" s="7">
        <v>46.950040000000001</v>
      </c>
    </row>
    <row r="31" spans="1:29">
      <c r="A31" s="9" t="s">
        <v>27</v>
      </c>
      <c r="B31" s="9" t="s">
        <v>28</v>
      </c>
      <c r="C31" s="9" t="s">
        <v>29</v>
      </c>
      <c r="D31" s="9" t="s">
        <v>53</v>
      </c>
      <c r="E31" s="9" t="s">
        <v>166</v>
      </c>
      <c r="F31" s="6">
        <v>318586</v>
      </c>
      <c r="G31" s="6">
        <v>3660</v>
      </c>
      <c r="H31" s="6">
        <v>21513</v>
      </c>
      <c r="I31" s="6">
        <v>23776</v>
      </c>
      <c r="J31" s="6">
        <v>25582</v>
      </c>
      <c r="K31" s="6">
        <v>29041</v>
      </c>
      <c r="L31" s="6">
        <v>29213</v>
      </c>
      <c r="M31" s="6">
        <v>28682</v>
      </c>
      <c r="N31" s="6">
        <v>23929</v>
      </c>
      <c r="O31" s="6">
        <v>24774</v>
      </c>
      <c r="P31" s="6">
        <v>31098</v>
      </c>
      <c r="Q31" s="6">
        <v>35591</v>
      </c>
      <c r="R31" s="6">
        <v>27736</v>
      </c>
      <c r="S31" s="6">
        <v>9840</v>
      </c>
      <c r="T31" s="6">
        <v>3146</v>
      </c>
      <c r="U31" s="6">
        <v>843</v>
      </c>
      <c r="V31" s="6">
        <v>143</v>
      </c>
      <c r="W31" s="6">
        <v>19</v>
      </c>
      <c r="X31" s="6">
        <v>241268</v>
      </c>
      <c r="Y31" s="6">
        <v>77318</v>
      </c>
      <c r="Z31" s="6">
        <v>13991</v>
      </c>
      <c r="AA31" s="6">
        <v>1005</v>
      </c>
      <c r="AB31" s="6">
        <v>273199</v>
      </c>
      <c r="AC31" s="7">
        <v>49.819890000000001</v>
      </c>
    </row>
    <row r="32" spans="1:29">
      <c r="A32" s="9" t="s">
        <v>27</v>
      </c>
      <c r="B32" s="9" t="s">
        <v>28</v>
      </c>
      <c r="C32" s="9" t="s">
        <v>29</v>
      </c>
      <c r="D32" s="9" t="s">
        <v>53</v>
      </c>
      <c r="E32" s="9" t="s">
        <v>167</v>
      </c>
      <c r="F32" s="6">
        <v>4810730</v>
      </c>
      <c r="G32" s="6">
        <v>80187</v>
      </c>
      <c r="H32" s="6">
        <v>353576</v>
      </c>
      <c r="I32" s="6">
        <v>439713</v>
      </c>
      <c r="J32" s="6">
        <v>493805</v>
      </c>
      <c r="K32" s="6">
        <v>525400</v>
      </c>
      <c r="L32" s="6">
        <v>585899</v>
      </c>
      <c r="M32" s="6">
        <v>659668</v>
      </c>
      <c r="N32" s="6">
        <v>527137</v>
      </c>
      <c r="O32" s="6">
        <v>437619</v>
      </c>
      <c r="P32" s="6">
        <v>321162</v>
      </c>
      <c r="Q32" s="6">
        <v>200240</v>
      </c>
      <c r="R32" s="6">
        <v>125030</v>
      </c>
      <c r="S32" s="6">
        <v>44768</v>
      </c>
      <c r="T32" s="6">
        <v>12951</v>
      </c>
      <c r="U32" s="6">
        <v>3016</v>
      </c>
      <c r="V32" s="6">
        <v>517</v>
      </c>
      <c r="W32" s="6">
        <v>42</v>
      </c>
      <c r="X32" s="6">
        <v>4424166</v>
      </c>
      <c r="Y32" s="6">
        <v>386564</v>
      </c>
      <c r="Z32" s="6">
        <v>61294</v>
      </c>
      <c r="AA32" s="6">
        <v>3575</v>
      </c>
      <c r="AB32" s="6">
        <v>4544219</v>
      </c>
      <c r="AC32" s="7">
        <v>44.434579999999997</v>
      </c>
    </row>
    <row r="33" spans="1:29">
      <c r="A33" s="9" t="s">
        <v>27</v>
      </c>
      <c r="B33" s="9" t="s">
        <v>28</v>
      </c>
      <c r="C33" s="9" t="s">
        <v>29</v>
      </c>
      <c r="D33" s="9" t="s">
        <v>53</v>
      </c>
      <c r="E33" s="9" t="s">
        <v>168</v>
      </c>
      <c r="F33" s="6">
        <v>1760241</v>
      </c>
      <c r="G33" s="6">
        <v>4753</v>
      </c>
      <c r="H33" s="6">
        <v>37127</v>
      </c>
      <c r="I33" s="6">
        <v>63753</v>
      </c>
      <c r="J33" s="6">
        <v>84652</v>
      </c>
      <c r="K33" s="6">
        <v>120757</v>
      </c>
      <c r="L33" s="6">
        <v>171465</v>
      </c>
      <c r="M33" s="6">
        <v>246283</v>
      </c>
      <c r="N33" s="6">
        <v>246368</v>
      </c>
      <c r="O33" s="6">
        <v>231093</v>
      </c>
      <c r="P33" s="6">
        <v>211176</v>
      </c>
      <c r="Q33" s="6">
        <v>187550</v>
      </c>
      <c r="R33" s="6">
        <v>126365</v>
      </c>
      <c r="S33" s="6">
        <v>25724</v>
      </c>
      <c r="T33" s="6">
        <v>2812</v>
      </c>
      <c r="U33" s="6">
        <v>318</v>
      </c>
      <c r="V33" s="6">
        <v>44</v>
      </c>
      <c r="W33" s="6">
        <v>1</v>
      </c>
      <c r="X33" s="6">
        <v>1417427</v>
      </c>
      <c r="Y33" s="6">
        <v>342814</v>
      </c>
      <c r="Z33" s="6">
        <v>28899</v>
      </c>
      <c r="AA33" s="6">
        <v>363</v>
      </c>
      <c r="AB33" s="6">
        <v>1600224</v>
      </c>
      <c r="AC33" s="7">
        <v>52.499450000000003</v>
      </c>
    </row>
    <row r="34" spans="1:29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169</v>
      </c>
      <c r="F34" s="6">
        <v>1755986</v>
      </c>
      <c r="G34" s="6">
        <v>24525</v>
      </c>
      <c r="H34" s="6">
        <v>107122</v>
      </c>
      <c r="I34" s="6">
        <v>131185</v>
      </c>
      <c r="J34" s="6">
        <v>134053</v>
      </c>
      <c r="K34" s="6">
        <v>162377</v>
      </c>
      <c r="L34" s="6">
        <v>207363</v>
      </c>
      <c r="M34" s="6">
        <v>244602</v>
      </c>
      <c r="N34" s="6">
        <v>187326</v>
      </c>
      <c r="O34" s="6">
        <v>158897</v>
      </c>
      <c r="P34" s="6">
        <v>158233</v>
      </c>
      <c r="Q34" s="6">
        <v>134670</v>
      </c>
      <c r="R34" s="6">
        <v>79013</v>
      </c>
      <c r="S34" s="6">
        <v>20830</v>
      </c>
      <c r="T34" s="6">
        <v>4676</v>
      </c>
      <c r="U34" s="6">
        <v>947</v>
      </c>
      <c r="V34" s="6">
        <v>161</v>
      </c>
      <c r="W34" s="6">
        <v>6</v>
      </c>
      <c r="X34" s="6">
        <v>1515683</v>
      </c>
      <c r="Y34" s="6">
        <v>240303</v>
      </c>
      <c r="Z34" s="6">
        <v>26620</v>
      </c>
      <c r="AA34" s="6">
        <v>1114</v>
      </c>
      <c r="AB34" s="6">
        <v>1625828</v>
      </c>
      <c r="AC34" s="7">
        <v>47.320180000000001</v>
      </c>
    </row>
    <row r="35" spans="1:29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170</v>
      </c>
      <c r="F35" s="6">
        <v>2007698</v>
      </c>
      <c r="G35" s="6">
        <v>42020</v>
      </c>
      <c r="H35" s="6">
        <v>128020</v>
      </c>
      <c r="I35" s="6">
        <v>122311</v>
      </c>
      <c r="J35" s="6">
        <v>141292</v>
      </c>
      <c r="K35" s="6">
        <v>165854</v>
      </c>
      <c r="L35" s="6">
        <v>190082</v>
      </c>
      <c r="M35" s="6">
        <v>224135</v>
      </c>
      <c r="N35" s="6">
        <v>193833</v>
      </c>
      <c r="O35" s="6">
        <v>181708</v>
      </c>
      <c r="P35" s="6">
        <v>200910</v>
      </c>
      <c r="Q35" s="6">
        <v>202197</v>
      </c>
      <c r="R35" s="6">
        <v>148253</v>
      </c>
      <c r="S35" s="6">
        <v>53136</v>
      </c>
      <c r="T35" s="6">
        <v>11840</v>
      </c>
      <c r="U35" s="6">
        <v>1822</v>
      </c>
      <c r="V35" s="6">
        <v>262</v>
      </c>
      <c r="W35" s="6">
        <v>23</v>
      </c>
      <c r="X35" s="6">
        <v>1590165</v>
      </c>
      <c r="Y35" s="6">
        <v>417533</v>
      </c>
      <c r="Z35" s="6">
        <v>67083</v>
      </c>
      <c r="AA35" s="6">
        <v>2107</v>
      </c>
      <c r="AB35" s="6">
        <v>1750342</v>
      </c>
      <c r="AC35" s="7">
        <v>49.485080000000004</v>
      </c>
    </row>
    <row r="36" spans="1:2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171</v>
      </c>
      <c r="F36" s="6">
        <v>315320</v>
      </c>
      <c r="G36" s="6">
        <v>15885</v>
      </c>
      <c r="H36" s="6">
        <v>37850</v>
      </c>
      <c r="I36" s="6">
        <v>23645</v>
      </c>
      <c r="J36" s="6">
        <v>23938</v>
      </c>
      <c r="K36" s="6">
        <v>26925</v>
      </c>
      <c r="L36" s="6">
        <v>30752</v>
      </c>
      <c r="M36" s="6">
        <v>35730</v>
      </c>
      <c r="N36" s="6">
        <v>30377</v>
      </c>
      <c r="O36" s="6">
        <v>24157</v>
      </c>
      <c r="P36" s="6">
        <v>18684</v>
      </c>
      <c r="Q36" s="6">
        <v>17105</v>
      </c>
      <c r="R36" s="6">
        <v>15740</v>
      </c>
      <c r="S36" s="6">
        <v>8798</v>
      </c>
      <c r="T36" s="6">
        <v>3980</v>
      </c>
      <c r="U36" s="6">
        <v>1338</v>
      </c>
      <c r="V36" s="6">
        <v>365</v>
      </c>
      <c r="W36" s="6">
        <v>51</v>
      </c>
      <c r="X36" s="6">
        <v>267943</v>
      </c>
      <c r="Y36" s="6">
        <v>47377</v>
      </c>
      <c r="Z36" s="6">
        <v>14532</v>
      </c>
      <c r="AA36" s="6">
        <v>1754</v>
      </c>
      <c r="AB36" s="6">
        <v>269163</v>
      </c>
      <c r="AC36" s="7">
        <v>44.965000000000003</v>
      </c>
    </row>
    <row r="37" spans="1:29">
      <c r="A37" s="9" t="s">
        <v>27</v>
      </c>
      <c r="B37" s="9" t="s">
        <v>28</v>
      </c>
      <c r="C37" s="9" t="s">
        <v>29</v>
      </c>
      <c r="D37" s="9" t="s">
        <v>54</v>
      </c>
      <c r="E37" s="9" t="s">
        <v>6</v>
      </c>
      <c r="F37" s="6">
        <v>23130959</v>
      </c>
      <c r="G37" s="6">
        <v>378365</v>
      </c>
      <c r="H37" s="6">
        <v>1683564</v>
      </c>
      <c r="I37" s="6">
        <v>1953129</v>
      </c>
      <c r="J37" s="6">
        <v>1932254</v>
      </c>
      <c r="K37" s="6">
        <v>2173767</v>
      </c>
      <c r="L37" s="6">
        <v>2598476</v>
      </c>
      <c r="M37" s="6">
        <v>3124820</v>
      </c>
      <c r="N37" s="6">
        <v>2744336</v>
      </c>
      <c r="O37" s="6">
        <v>2389937</v>
      </c>
      <c r="P37" s="6">
        <v>1819098</v>
      </c>
      <c r="Q37" s="6">
        <v>1222008</v>
      </c>
      <c r="R37" s="6">
        <v>764863</v>
      </c>
      <c r="S37" s="6">
        <v>247952</v>
      </c>
      <c r="T37" s="6">
        <v>70503</v>
      </c>
      <c r="U37" s="6">
        <v>21601</v>
      </c>
      <c r="V37" s="6">
        <v>5527</v>
      </c>
      <c r="W37" s="6">
        <v>759</v>
      </c>
      <c r="X37" s="6">
        <v>20797746</v>
      </c>
      <c r="Y37" s="6">
        <v>2333213</v>
      </c>
      <c r="Z37" s="6">
        <v>346342</v>
      </c>
      <c r="AA37" s="6">
        <v>27887</v>
      </c>
      <c r="AB37" s="6">
        <v>21641389</v>
      </c>
      <c r="AC37" s="7">
        <v>45.905119999999997</v>
      </c>
    </row>
    <row r="38" spans="1:29">
      <c r="A38" s="9" t="s">
        <v>27</v>
      </c>
      <c r="B38" s="9" t="s">
        <v>28</v>
      </c>
      <c r="C38" s="9" t="s">
        <v>29</v>
      </c>
      <c r="D38" s="9" t="s">
        <v>54</v>
      </c>
      <c r="E38" s="9" t="s">
        <v>160</v>
      </c>
      <c r="F38" s="6">
        <v>168081</v>
      </c>
      <c r="G38" s="6">
        <v>24</v>
      </c>
      <c r="H38" s="6">
        <v>338</v>
      </c>
      <c r="I38" s="6">
        <v>1152</v>
      </c>
      <c r="J38" s="6">
        <v>3045</v>
      </c>
      <c r="K38" s="6">
        <v>6145</v>
      </c>
      <c r="L38" s="6">
        <v>9999</v>
      </c>
      <c r="M38" s="6">
        <v>15808</v>
      </c>
      <c r="N38" s="6">
        <v>19393</v>
      </c>
      <c r="O38" s="6">
        <v>23329</v>
      </c>
      <c r="P38" s="6">
        <v>22634</v>
      </c>
      <c r="Q38" s="6">
        <v>20733</v>
      </c>
      <c r="R38" s="6">
        <v>21511</v>
      </c>
      <c r="S38" s="6">
        <v>12358</v>
      </c>
      <c r="T38" s="6">
        <v>6819</v>
      </c>
      <c r="U38" s="6">
        <v>3457</v>
      </c>
      <c r="V38" s="6">
        <v>1133</v>
      </c>
      <c r="W38" s="6">
        <v>203</v>
      </c>
      <c r="X38" s="6">
        <v>101867</v>
      </c>
      <c r="Y38" s="6">
        <v>66214</v>
      </c>
      <c r="Z38" s="6">
        <v>23970</v>
      </c>
      <c r="AA38" s="6">
        <v>4793</v>
      </c>
      <c r="AB38" s="6">
        <v>122576</v>
      </c>
      <c r="AC38" s="7">
        <v>60.817950000000003</v>
      </c>
    </row>
    <row r="39" spans="1:29">
      <c r="A39" s="9" t="s">
        <v>27</v>
      </c>
      <c r="B39" s="9" t="s">
        <v>28</v>
      </c>
      <c r="C39" s="9" t="s">
        <v>29</v>
      </c>
      <c r="D39" s="9" t="s">
        <v>54</v>
      </c>
      <c r="E39" s="9" t="s">
        <v>161</v>
      </c>
      <c r="F39" s="6">
        <v>4656724</v>
      </c>
      <c r="G39" s="6">
        <v>17763</v>
      </c>
      <c r="H39" s="6">
        <v>387012</v>
      </c>
      <c r="I39" s="6">
        <v>569519</v>
      </c>
      <c r="J39" s="6">
        <v>498585</v>
      </c>
      <c r="K39" s="6">
        <v>521673</v>
      </c>
      <c r="L39" s="6">
        <v>573334</v>
      </c>
      <c r="M39" s="6">
        <v>585069</v>
      </c>
      <c r="N39" s="6">
        <v>509536</v>
      </c>
      <c r="O39" s="6">
        <v>458067</v>
      </c>
      <c r="P39" s="6">
        <v>311459</v>
      </c>
      <c r="Q39" s="6">
        <v>142245</v>
      </c>
      <c r="R39" s="6">
        <v>60089</v>
      </c>
      <c r="S39" s="6">
        <v>15606</v>
      </c>
      <c r="T39" s="6">
        <v>4597</v>
      </c>
      <c r="U39" s="6">
        <v>1646</v>
      </c>
      <c r="V39" s="6">
        <v>465</v>
      </c>
      <c r="W39" s="6">
        <v>59</v>
      </c>
      <c r="X39" s="6">
        <v>4432017</v>
      </c>
      <c r="Y39" s="6">
        <v>224707</v>
      </c>
      <c r="Z39" s="6">
        <v>22373</v>
      </c>
      <c r="AA39" s="6">
        <v>2170</v>
      </c>
      <c r="AB39" s="6">
        <v>4556499</v>
      </c>
      <c r="AC39" s="7">
        <v>43.143160000000002</v>
      </c>
    </row>
    <row r="40" spans="1:29">
      <c r="A40" s="9" t="s">
        <v>27</v>
      </c>
      <c r="B40" s="9" t="s">
        <v>28</v>
      </c>
      <c r="C40" s="9" t="s">
        <v>29</v>
      </c>
      <c r="D40" s="9" t="s">
        <v>54</v>
      </c>
      <c r="E40" s="9" t="s">
        <v>162</v>
      </c>
      <c r="F40" s="6">
        <v>6785469</v>
      </c>
      <c r="G40" s="6">
        <v>34160</v>
      </c>
      <c r="H40" s="6">
        <v>334662</v>
      </c>
      <c r="I40" s="6">
        <v>584509</v>
      </c>
      <c r="J40" s="6">
        <v>627172</v>
      </c>
      <c r="K40" s="6">
        <v>709566</v>
      </c>
      <c r="L40" s="6">
        <v>883457</v>
      </c>
      <c r="M40" s="6">
        <v>1110248</v>
      </c>
      <c r="N40" s="6">
        <v>916150</v>
      </c>
      <c r="O40" s="6">
        <v>718226</v>
      </c>
      <c r="P40" s="6">
        <v>438104</v>
      </c>
      <c r="Q40" s="6">
        <v>214256</v>
      </c>
      <c r="R40" s="6">
        <v>136446</v>
      </c>
      <c r="S40" s="6">
        <v>52801</v>
      </c>
      <c r="T40" s="6">
        <v>18215</v>
      </c>
      <c r="U40" s="6">
        <v>6009</v>
      </c>
      <c r="V40" s="6">
        <v>1341</v>
      </c>
      <c r="W40" s="6">
        <v>147</v>
      </c>
      <c r="X40" s="6">
        <v>6356254</v>
      </c>
      <c r="Y40" s="6">
        <v>429215</v>
      </c>
      <c r="Z40" s="6">
        <v>78513</v>
      </c>
      <c r="AA40" s="6">
        <v>7497</v>
      </c>
      <c r="AB40" s="6">
        <v>6536350</v>
      </c>
      <c r="AC40" s="7">
        <v>45.511609999999997</v>
      </c>
    </row>
    <row r="41" spans="1:29">
      <c r="A41" s="9" t="s">
        <v>27</v>
      </c>
      <c r="B41" s="9" t="s">
        <v>28</v>
      </c>
      <c r="C41" s="9" t="s">
        <v>29</v>
      </c>
      <c r="D41" s="9" t="s">
        <v>54</v>
      </c>
      <c r="E41" s="9" t="s">
        <v>163</v>
      </c>
      <c r="F41" s="6">
        <v>2844595</v>
      </c>
      <c r="G41" s="6">
        <v>114472</v>
      </c>
      <c r="H41" s="6">
        <v>314041</v>
      </c>
      <c r="I41" s="6">
        <v>260255</v>
      </c>
      <c r="J41" s="6">
        <v>239509</v>
      </c>
      <c r="K41" s="6">
        <v>255165</v>
      </c>
      <c r="L41" s="6">
        <v>283192</v>
      </c>
      <c r="M41" s="6">
        <v>346475</v>
      </c>
      <c r="N41" s="6">
        <v>314978</v>
      </c>
      <c r="O41" s="6">
        <v>274731</v>
      </c>
      <c r="P41" s="6">
        <v>206068</v>
      </c>
      <c r="Q41" s="6">
        <v>130614</v>
      </c>
      <c r="R41" s="6">
        <v>70898</v>
      </c>
      <c r="S41" s="6">
        <v>22684</v>
      </c>
      <c r="T41" s="6">
        <v>7813</v>
      </c>
      <c r="U41" s="6">
        <v>2824</v>
      </c>
      <c r="V41" s="6">
        <v>767</v>
      </c>
      <c r="W41" s="6">
        <v>109</v>
      </c>
      <c r="X41" s="6">
        <v>2608886</v>
      </c>
      <c r="Y41" s="6">
        <v>235709</v>
      </c>
      <c r="Z41" s="6">
        <v>34197</v>
      </c>
      <c r="AA41" s="6">
        <v>3700</v>
      </c>
      <c r="AB41" s="6">
        <v>2625028</v>
      </c>
      <c r="AC41" s="7">
        <v>43.573140000000002</v>
      </c>
    </row>
    <row r="42" spans="1:29">
      <c r="A42" s="9" t="s">
        <v>27</v>
      </c>
      <c r="B42" s="9" t="s">
        <v>28</v>
      </c>
      <c r="C42" s="9" t="s">
        <v>29</v>
      </c>
      <c r="D42" s="9" t="s">
        <v>54</v>
      </c>
      <c r="E42" s="9" t="s">
        <v>164</v>
      </c>
      <c r="F42" s="6">
        <v>4123716</v>
      </c>
      <c r="G42" s="6">
        <v>136341</v>
      </c>
      <c r="H42" s="6">
        <v>368727</v>
      </c>
      <c r="I42" s="6">
        <v>269634</v>
      </c>
      <c r="J42" s="6">
        <v>279223</v>
      </c>
      <c r="K42" s="6">
        <v>337697</v>
      </c>
      <c r="L42" s="6">
        <v>405623</v>
      </c>
      <c r="M42" s="6">
        <v>482857</v>
      </c>
      <c r="N42" s="6">
        <v>448535</v>
      </c>
      <c r="O42" s="6">
        <v>426001</v>
      </c>
      <c r="P42" s="6">
        <v>385038</v>
      </c>
      <c r="Q42" s="6">
        <v>313622</v>
      </c>
      <c r="R42" s="6">
        <v>203703</v>
      </c>
      <c r="S42" s="6">
        <v>53877</v>
      </c>
      <c r="T42" s="6">
        <v>10167</v>
      </c>
      <c r="U42" s="6">
        <v>2108</v>
      </c>
      <c r="V42" s="6">
        <v>498</v>
      </c>
      <c r="W42" s="6">
        <v>65</v>
      </c>
      <c r="X42" s="6">
        <v>3539676</v>
      </c>
      <c r="Y42" s="6">
        <v>584040</v>
      </c>
      <c r="Z42" s="6">
        <v>66715</v>
      </c>
      <c r="AA42" s="6">
        <v>2671</v>
      </c>
      <c r="AB42" s="6">
        <v>3716957</v>
      </c>
      <c r="AC42" s="7">
        <v>46.859499999999997</v>
      </c>
    </row>
    <row r="43" spans="1:29">
      <c r="A43" s="9" t="s">
        <v>27</v>
      </c>
      <c r="B43" s="9" t="s">
        <v>28</v>
      </c>
      <c r="C43" s="9" t="s">
        <v>29</v>
      </c>
      <c r="D43" s="9" t="s">
        <v>54</v>
      </c>
      <c r="E43" s="9" t="s">
        <v>165</v>
      </c>
      <c r="F43" s="6">
        <v>85329</v>
      </c>
      <c r="G43" s="6">
        <v>3728</v>
      </c>
      <c r="H43" s="6">
        <v>14192</v>
      </c>
      <c r="I43" s="6">
        <v>11953</v>
      </c>
      <c r="J43" s="6">
        <v>9865</v>
      </c>
      <c r="K43" s="6">
        <v>8428</v>
      </c>
      <c r="L43" s="6">
        <v>7882</v>
      </c>
      <c r="M43" s="6">
        <v>9014</v>
      </c>
      <c r="N43" s="6">
        <v>6382</v>
      </c>
      <c r="O43" s="6">
        <v>5313</v>
      </c>
      <c r="P43" s="6">
        <v>3815</v>
      </c>
      <c r="Q43" s="6">
        <v>2669</v>
      </c>
      <c r="R43" s="6">
        <v>1563</v>
      </c>
      <c r="S43" s="6">
        <v>434</v>
      </c>
      <c r="T43" s="6">
        <v>76</v>
      </c>
      <c r="U43" s="6">
        <v>12</v>
      </c>
      <c r="V43" s="6">
        <v>3</v>
      </c>
      <c r="W43" s="10" t="s">
        <v>55</v>
      </c>
      <c r="X43" s="6">
        <v>80572</v>
      </c>
      <c r="Y43" s="6">
        <v>4757</v>
      </c>
      <c r="Z43" s="6">
        <v>525</v>
      </c>
      <c r="AA43" s="6">
        <v>15</v>
      </c>
      <c r="AB43" s="6">
        <v>79513</v>
      </c>
      <c r="AC43" s="7">
        <v>38.993470000000002</v>
      </c>
    </row>
    <row r="44" spans="1:29">
      <c r="A44" s="9" t="s">
        <v>27</v>
      </c>
      <c r="B44" s="9" t="s">
        <v>28</v>
      </c>
      <c r="C44" s="9" t="s">
        <v>29</v>
      </c>
      <c r="D44" s="9" t="s">
        <v>54</v>
      </c>
      <c r="E44" s="9" t="s">
        <v>166</v>
      </c>
      <c r="F44" s="6">
        <v>155866</v>
      </c>
      <c r="G44" s="6">
        <v>1355</v>
      </c>
      <c r="H44" s="6">
        <v>10966</v>
      </c>
      <c r="I44" s="6">
        <v>10447</v>
      </c>
      <c r="J44" s="6">
        <v>10956</v>
      </c>
      <c r="K44" s="6">
        <v>13064</v>
      </c>
      <c r="L44" s="6">
        <v>14411</v>
      </c>
      <c r="M44" s="6">
        <v>15594</v>
      </c>
      <c r="N44" s="6">
        <v>13179</v>
      </c>
      <c r="O44" s="6">
        <v>13590</v>
      </c>
      <c r="P44" s="6">
        <v>16093</v>
      </c>
      <c r="Q44" s="6">
        <v>16619</v>
      </c>
      <c r="R44" s="6">
        <v>12218</v>
      </c>
      <c r="S44" s="6">
        <v>4864</v>
      </c>
      <c r="T44" s="6">
        <v>1782</v>
      </c>
      <c r="U44" s="6">
        <v>577</v>
      </c>
      <c r="V44" s="6">
        <v>143</v>
      </c>
      <c r="W44" s="6">
        <v>8</v>
      </c>
      <c r="X44" s="6">
        <v>119655</v>
      </c>
      <c r="Y44" s="6">
        <v>36211</v>
      </c>
      <c r="Z44" s="6">
        <v>7374</v>
      </c>
      <c r="AA44" s="6">
        <v>728</v>
      </c>
      <c r="AB44" s="6">
        <v>134919</v>
      </c>
      <c r="AC44" s="7">
        <v>50.229500000000002</v>
      </c>
    </row>
    <row r="45" spans="1:29">
      <c r="A45" s="9" t="s">
        <v>27</v>
      </c>
      <c r="B45" s="9" t="s">
        <v>28</v>
      </c>
      <c r="C45" s="9" t="s">
        <v>29</v>
      </c>
      <c r="D45" s="9" t="s">
        <v>54</v>
      </c>
      <c r="E45" s="9" t="s">
        <v>167</v>
      </c>
      <c r="F45" s="6">
        <v>2068153</v>
      </c>
      <c r="G45" s="6">
        <v>31351</v>
      </c>
      <c r="H45" s="6">
        <v>153002</v>
      </c>
      <c r="I45" s="6">
        <v>153499</v>
      </c>
      <c r="J45" s="6">
        <v>158228</v>
      </c>
      <c r="K45" s="6">
        <v>181034</v>
      </c>
      <c r="L45" s="6">
        <v>225132</v>
      </c>
      <c r="M45" s="6">
        <v>283617</v>
      </c>
      <c r="N45" s="6">
        <v>253618</v>
      </c>
      <c r="O45" s="6">
        <v>221703</v>
      </c>
      <c r="P45" s="6">
        <v>185214</v>
      </c>
      <c r="Q45" s="6">
        <v>129879</v>
      </c>
      <c r="R45" s="6">
        <v>67219</v>
      </c>
      <c r="S45" s="6">
        <v>18206</v>
      </c>
      <c r="T45" s="6">
        <v>4868</v>
      </c>
      <c r="U45" s="6">
        <v>1292</v>
      </c>
      <c r="V45" s="6">
        <v>255</v>
      </c>
      <c r="W45" s="6">
        <v>36</v>
      </c>
      <c r="X45" s="6">
        <v>1846398</v>
      </c>
      <c r="Y45" s="6">
        <v>221755</v>
      </c>
      <c r="Z45" s="6">
        <v>24657</v>
      </c>
      <c r="AA45" s="6">
        <v>1583</v>
      </c>
      <c r="AB45" s="6">
        <v>1944926</v>
      </c>
      <c r="AC45" s="7">
        <v>46.606900000000003</v>
      </c>
    </row>
    <row r="46" spans="1:29">
      <c r="A46" s="9" t="s">
        <v>27</v>
      </c>
      <c r="B46" s="9" t="s">
        <v>28</v>
      </c>
      <c r="C46" s="9" t="s">
        <v>29</v>
      </c>
      <c r="D46" s="9" t="s">
        <v>54</v>
      </c>
      <c r="E46" s="9" t="s">
        <v>168</v>
      </c>
      <c r="F46" s="6">
        <v>72191</v>
      </c>
      <c r="G46" s="6">
        <v>563</v>
      </c>
      <c r="H46" s="6">
        <v>4012</v>
      </c>
      <c r="I46" s="6">
        <v>5614</v>
      </c>
      <c r="J46" s="6">
        <v>5283</v>
      </c>
      <c r="K46" s="6">
        <v>6150</v>
      </c>
      <c r="L46" s="6">
        <v>8458</v>
      </c>
      <c r="M46" s="6">
        <v>13885</v>
      </c>
      <c r="N46" s="6">
        <v>11193</v>
      </c>
      <c r="O46" s="6">
        <v>7169</v>
      </c>
      <c r="P46" s="6">
        <v>4550</v>
      </c>
      <c r="Q46" s="6">
        <v>3283</v>
      </c>
      <c r="R46" s="6">
        <v>1604</v>
      </c>
      <c r="S46" s="6">
        <v>342</v>
      </c>
      <c r="T46" s="6">
        <v>71</v>
      </c>
      <c r="U46" s="6">
        <v>12</v>
      </c>
      <c r="V46" s="6">
        <v>2</v>
      </c>
      <c r="W46" s="10" t="s">
        <v>55</v>
      </c>
      <c r="X46" s="6">
        <v>66877</v>
      </c>
      <c r="Y46" s="6">
        <v>5314</v>
      </c>
      <c r="Z46" s="6">
        <v>427</v>
      </c>
      <c r="AA46" s="6">
        <v>14</v>
      </c>
      <c r="AB46" s="6">
        <v>69597</v>
      </c>
      <c r="AC46" s="7">
        <v>46.149290000000001</v>
      </c>
    </row>
    <row r="47" spans="1:29">
      <c r="A47" s="9" t="s">
        <v>27</v>
      </c>
      <c r="B47" s="9" t="s">
        <v>28</v>
      </c>
      <c r="C47" s="9" t="s">
        <v>29</v>
      </c>
      <c r="D47" s="9" t="s">
        <v>54</v>
      </c>
      <c r="E47" s="9" t="s">
        <v>169</v>
      </c>
      <c r="F47" s="6">
        <v>47263</v>
      </c>
      <c r="G47" s="6">
        <v>982</v>
      </c>
      <c r="H47" s="6">
        <v>5201</v>
      </c>
      <c r="I47" s="6">
        <v>5253</v>
      </c>
      <c r="J47" s="6">
        <v>3964</v>
      </c>
      <c r="K47" s="6">
        <v>4382</v>
      </c>
      <c r="L47" s="6">
        <v>5198</v>
      </c>
      <c r="M47" s="6">
        <v>5953</v>
      </c>
      <c r="N47" s="6">
        <v>4484</v>
      </c>
      <c r="O47" s="6">
        <v>3394</v>
      </c>
      <c r="P47" s="6">
        <v>2767</v>
      </c>
      <c r="Q47" s="6">
        <v>2591</v>
      </c>
      <c r="R47" s="6">
        <v>1918</v>
      </c>
      <c r="S47" s="6">
        <v>789</v>
      </c>
      <c r="T47" s="6">
        <v>282</v>
      </c>
      <c r="U47" s="6">
        <v>77</v>
      </c>
      <c r="V47" s="6">
        <v>27</v>
      </c>
      <c r="W47" s="6">
        <v>1</v>
      </c>
      <c r="X47" s="6">
        <v>41578</v>
      </c>
      <c r="Y47" s="6">
        <v>5685</v>
      </c>
      <c r="Z47" s="6">
        <v>1176</v>
      </c>
      <c r="AA47" s="6">
        <v>105</v>
      </c>
      <c r="AB47" s="6">
        <v>43187</v>
      </c>
      <c r="AC47" s="7">
        <v>44.155230000000003</v>
      </c>
    </row>
    <row r="48" spans="1:29">
      <c r="A48" s="9" t="s">
        <v>27</v>
      </c>
      <c r="B48" s="9" t="s">
        <v>28</v>
      </c>
      <c r="C48" s="9" t="s">
        <v>29</v>
      </c>
      <c r="D48" s="9" t="s">
        <v>54</v>
      </c>
      <c r="E48" s="9" t="s">
        <v>170</v>
      </c>
      <c r="F48" s="6">
        <v>1812951</v>
      </c>
      <c r="G48" s="6">
        <v>19081</v>
      </c>
      <c r="H48" s="6">
        <v>55369</v>
      </c>
      <c r="I48" s="6">
        <v>59038</v>
      </c>
      <c r="J48" s="6">
        <v>74716</v>
      </c>
      <c r="K48" s="6">
        <v>105944</v>
      </c>
      <c r="L48" s="6">
        <v>152619</v>
      </c>
      <c r="M48" s="6">
        <v>220951</v>
      </c>
      <c r="N48" s="6">
        <v>217606</v>
      </c>
      <c r="O48" s="6">
        <v>215323</v>
      </c>
      <c r="P48" s="6">
        <v>224719</v>
      </c>
      <c r="Q48" s="6">
        <v>226859</v>
      </c>
      <c r="R48" s="6">
        <v>170028</v>
      </c>
      <c r="S48" s="6">
        <v>56717</v>
      </c>
      <c r="T48" s="6">
        <v>11576</v>
      </c>
      <c r="U48" s="6">
        <v>1972</v>
      </c>
      <c r="V48" s="6">
        <v>383</v>
      </c>
      <c r="W48" s="6">
        <v>50</v>
      </c>
      <c r="X48" s="6">
        <v>1345366</v>
      </c>
      <c r="Y48" s="6">
        <v>467585</v>
      </c>
      <c r="Z48" s="6">
        <v>70698</v>
      </c>
      <c r="AA48" s="6">
        <v>2405</v>
      </c>
      <c r="AB48" s="6">
        <v>1553144</v>
      </c>
      <c r="AC48" s="7">
        <v>53.843919999999997</v>
      </c>
    </row>
    <row r="49" spans="1:29">
      <c r="A49" s="9" t="s">
        <v>27</v>
      </c>
      <c r="B49" s="9" t="s">
        <v>28</v>
      </c>
      <c r="C49" s="9" t="s">
        <v>29</v>
      </c>
      <c r="D49" s="9" t="s">
        <v>54</v>
      </c>
      <c r="E49" s="9" t="s">
        <v>171</v>
      </c>
      <c r="F49" s="6">
        <v>310621</v>
      </c>
      <c r="G49" s="6">
        <v>18545</v>
      </c>
      <c r="H49" s="6">
        <v>36042</v>
      </c>
      <c r="I49" s="6">
        <v>22256</v>
      </c>
      <c r="J49" s="6">
        <v>21708</v>
      </c>
      <c r="K49" s="6">
        <v>24519</v>
      </c>
      <c r="L49" s="6">
        <v>29171</v>
      </c>
      <c r="M49" s="6">
        <v>35349</v>
      </c>
      <c r="N49" s="6">
        <v>29282</v>
      </c>
      <c r="O49" s="6">
        <v>23091</v>
      </c>
      <c r="P49" s="6">
        <v>18637</v>
      </c>
      <c r="Q49" s="6">
        <v>18638</v>
      </c>
      <c r="R49" s="6">
        <v>17666</v>
      </c>
      <c r="S49" s="6">
        <v>9274</v>
      </c>
      <c r="T49" s="6">
        <v>4237</v>
      </c>
      <c r="U49" s="6">
        <v>1615</v>
      </c>
      <c r="V49" s="6">
        <v>510</v>
      </c>
      <c r="W49" s="6">
        <v>81</v>
      </c>
      <c r="X49" s="6">
        <v>258600</v>
      </c>
      <c r="Y49" s="6">
        <v>52021</v>
      </c>
      <c r="Z49" s="6">
        <v>15717</v>
      </c>
      <c r="AA49" s="6">
        <v>2206</v>
      </c>
      <c r="AB49" s="6">
        <v>258693</v>
      </c>
      <c r="AC49" s="7">
        <v>45.45431</v>
      </c>
    </row>
    <row r="50" spans="1:29">
      <c r="A50" s="9" t="s">
        <v>27</v>
      </c>
      <c r="B50" s="9" t="s">
        <v>57</v>
      </c>
      <c r="C50" s="9" t="s">
        <v>58</v>
      </c>
      <c r="D50" s="9" t="s">
        <v>6</v>
      </c>
      <c r="E50" s="9" t="s">
        <v>6</v>
      </c>
      <c r="F50" s="6">
        <v>678284</v>
      </c>
      <c r="G50" s="6">
        <v>9839</v>
      </c>
      <c r="H50" s="6">
        <v>42896</v>
      </c>
      <c r="I50" s="6">
        <v>52668</v>
      </c>
      <c r="J50" s="6">
        <v>59907</v>
      </c>
      <c r="K50" s="6">
        <v>69668</v>
      </c>
      <c r="L50" s="6">
        <v>77120</v>
      </c>
      <c r="M50" s="6">
        <v>81772</v>
      </c>
      <c r="N50" s="6">
        <v>71984</v>
      </c>
      <c r="O50" s="6">
        <v>72261</v>
      </c>
      <c r="P50" s="6">
        <v>64040</v>
      </c>
      <c r="Q50" s="6">
        <v>43468</v>
      </c>
      <c r="R50" s="6">
        <v>23463</v>
      </c>
      <c r="S50" s="6">
        <v>6409</v>
      </c>
      <c r="T50" s="6">
        <v>1990</v>
      </c>
      <c r="U50" s="6">
        <v>621</v>
      </c>
      <c r="V50" s="6">
        <v>156</v>
      </c>
      <c r="W50" s="6">
        <v>22</v>
      </c>
      <c r="X50" s="6">
        <v>602155</v>
      </c>
      <c r="Y50" s="6">
        <v>76129</v>
      </c>
      <c r="Z50" s="6">
        <v>9198</v>
      </c>
      <c r="AA50" s="6">
        <v>799</v>
      </c>
      <c r="AB50" s="6">
        <v>635784</v>
      </c>
      <c r="AC50" s="7">
        <v>46.600969999999997</v>
      </c>
    </row>
    <row r="51" spans="1:29">
      <c r="A51" s="9" t="s">
        <v>27</v>
      </c>
      <c r="B51" s="9" t="s">
        <v>57</v>
      </c>
      <c r="C51" s="9" t="s">
        <v>58</v>
      </c>
      <c r="D51" s="9" t="s">
        <v>6</v>
      </c>
      <c r="E51" s="9" t="s">
        <v>160</v>
      </c>
      <c r="F51" s="6">
        <v>15129</v>
      </c>
      <c r="G51" s="6">
        <v>1</v>
      </c>
      <c r="H51" s="6">
        <v>11</v>
      </c>
      <c r="I51" s="6">
        <v>71</v>
      </c>
      <c r="J51" s="6">
        <v>268</v>
      </c>
      <c r="K51" s="6">
        <v>551</v>
      </c>
      <c r="L51" s="6">
        <v>1012</v>
      </c>
      <c r="M51" s="6">
        <v>1480</v>
      </c>
      <c r="N51" s="6">
        <v>1809</v>
      </c>
      <c r="O51" s="6">
        <v>2380</v>
      </c>
      <c r="P51" s="6">
        <v>2358</v>
      </c>
      <c r="Q51" s="6">
        <v>2082</v>
      </c>
      <c r="R51" s="6">
        <v>1733</v>
      </c>
      <c r="S51" s="6">
        <v>781</v>
      </c>
      <c r="T51" s="6">
        <v>390</v>
      </c>
      <c r="U51" s="6">
        <v>154</v>
      </c>
      <c r="V51" s="6">
        <v>38</v>
      </c>
      <c r="W51" s="6">
        <v>10</v>
      </c>
      <c r="X51" s="6">
        <v>9941</v>
      </c>
      <c r="Y51" s="6">
        <v>5188</v>
      </c>
      <c r="Z51" s="6">
        <v>1373</v>
      </c>
      <c r="AA51" s="6">
        <v>202</v>
      </c>
      <c r="AB51" s="6">
        <v>12022</v>
      </c>
      <c r="AC51" s="7">
        <v>59.545409999999997</v>
      </c>
    </row>
    <row r="52" spans="1:29">
      <c r="A52" s="9" t="s">
        <v>27</v>
      </c>
      <c r="B52" s="9" t="s">
        <v>57</v>
      </c>
      <c r="C52" s="9" t="s">
        <v>58</v>
      </c>
      <c r="D52" s="9" t="s">
        <v>6</v>
      </c>
      <c r="E52" s="9" t="s">
        <v>161</v>
      </c>
      <c r="F52" s="6">
        <v>129928</v>
      </c>
      <c r="G52" s="6">
        <v>483</v>
      </c>
      <c r="H52" s="6">
        <v>7854</v>
      </c>
      <c r="I52" s="6">
        <v>12812</v>
      </c>
      <c r="J52" s="6">
        <v>13617</v>
      </c>
      <c r="K52" s="6">
        <v>14993</v>
      </c>
      <c r="L52" s="6">
        <v>16315</v>
      </c>
      <c r="M52" s="6">
        <v>16468</v>
      </c>
      <c r="N52" s="6">
        <v>14575</v>
      </c>
      <c r="O52" s="6">
        <v>14162</v>
      </c>
      <c r="P52" s="6">
        <v>10308</v>
      </c>
      <c r="Q52" s="6">
        <v>5063</v>
      </c>
      <c r="R52" s="6">
        <v>2255</v>
      </c>
      <c r="S52" s="6">
        <v>635</v>
      </c>
      <c r="T52" s="6">
        <v>251</v>
      </c>
      <c r="U52" s="6">
        <v>106</v>
      </c>
      <c r="V52" s="6">
        <v>29</v>
      </c>
      <c r="W52" s="6">
        <v>2</v>
      </c>
      <c r="X52" s="6">
        <v>121587</v>
      </c>
      <c r="Y52" s="6">
        <v>8341</v>
      </c>
      <c r="Z52" s="6">
        <v>1023</v>
      </c>
      <c r="AA52" s="6">
        <v>137</v>
      </c>
      <c r="AB52" s="6">
        <v>126167</v>
      </c>
      <c r="AC52" s="7">
        <v>44.867100000000001</v>
      </c>
    </row>
    <row r="53" spans="1:29">
      <c r="A53" s="9" t="s">
        <v>27</v>
      </c>
      <c r="B53" s="9" t="s">
        <v>57</v>
      </c>
      <c r="C53" s="9" t="s">
        <v>58</v>
      </c>
      <c r="D53" s="9" t="s">
        <v>6</v>
      </c>
      <c r="E53" s="9" t="s">
        <v>162</v>
      </c>
      <c r="F53" s="6">
        <v>136061</v>
      </c>
      <c r="G53" s="6">
        <v>861</v>
      </c>
      <c r="H53" s="6">
        <v>6027</v>
      </c>
      <c r="I53" s="6">
        <v>9826</v>
      </c>
      <c r="J53" s="6">
        <v>11899</v>
      </c>
      <c r="K53" s="6">
        <v>14665</v>
      </c>
      <c r="L53" s="6">
        <v>17718</v>
      </c>
      <c r="M53" s="6">
        <v>20377</v>
      </c>
      <c r="N53" s="6">
        <v>17264</v>
      </c>
      <c r="O53" s="6">
        <v>15700</v>
      </c>
      <c r="P53" s="6">
        <v>11742</v>
      </c>
      <c r="Q53" s="6">
        <v>5757</v>
      </c>
      <c r="R53" s="6">
        <v>2919</v>
      </c>
      <c r="S53" s="6">
        <v>888</v>
      </c>
      <c r="T53" s="6">
        <v>294</v>
      </c>
      <c r="U53" s="6">
        <v>92</v>
      </c>
      <c r="V53" s="6">
        <v>29</v>
      </c>
      <c r="W53" s="6">
        <v>3</v>
      </c>
      <c r="X53" s="6">
        <v>126079</v>
      </c>
      <c r="Y53" s="6">
        <v>9982</v>
      </c>
      <c r="Z53" s="6">
        <v>1306</v>
      </c>
      <c r="AA53" s="6">
        <v>124</v>
      </c>
      <c r="AB53" s="6">
        <v>130975</v>
      </c>
      <c r="AC53" s="7">
        <v>46.494219999999999</v>
      </c>
    </row>
    <row r="54" spans="1:29">
      <c r="A54" s="9" t="s">
        <v>27</v>
      </c>
      <c r="B54" s="9" t="s">
        <v>57</v>
      </c>
      <c r="C54" s="9" t="s">
        <v>58</v>
      </c>
      <c r="D54" s="9" t="s">
        <v>6</v>
      </c>
      <c r="E54" s="9" t="s">
        <v>163</v>
      </c>
      <c r="F54" s="6">
        <v>79313</v>
      </c>
      <c r="G54" s="6">
        <v>2129</v>
      </c>
      <c r="H54" s="6">
        <v>6467</v>
      </c>
      <c r="I54" s="6">
        <v>6645</v>
      </c>
      <c r="J54" s="6">
        <v>7164</v>
      </c>
      <c r="K54" s="6">
        <v>8360</v>
      </c>
      <c r="L54" s="6">
        <v>8670</v>
      </c>
      <c r="M54" s="6">
        <v>9447</v>
      </c>
      <c r="N54" s="6">
        <v>8202</v>
      </c>
      <c r="O54" s="6">
        <v>7925</v>
      </c>
      <c r="P54" s="6">
        <v>7025</v>
      </c>
      <c r="Q54" s="6">
        <v>4176</v>
      </c>
      <c r="R54" s="6">
        <v>2153</v>
      </c>
      <c r="S54" s="6">
        <v>644</v>
      </c>
      <c r="T54" s="6">
        <v>216</v>
      </c>
      <c r="U54" s="6">
        <v>63</v>
      </c>
      <c r="V54" s="6">
        <v>25</v>
      </c>
      <c r="W54" s="6">
        <v>2</v>
      </c>
      <c r="X54" s="6">
        <v>72034</v>
      </c>
      <c r="Y54" s="6">
        <v>7279</v>
      </c>
      <c r="Z54" s="6">
        <v>950</v>
      </c>
      <c r="AA54" s="6">
        <v>90</v>
      </c>
      <c r="AB54" s="6">
        <v>74081</v>
      </c>
      <c r="AC54" s="7">
        <v>44.979520000000001</v>
      </c>
    </row>
    <row r="55" spans="1:29">
      <c r="A55" s="9" t="s">
        <v>27</v>
      </c>
      <c r="B55" s="9" t="s">
        <v>57</v>
      </c>
      <c r="C55" s="9" t="s">
        <v>58</v>
      </c>
      <c r="D55" s="9" t="s">
        <v>6</v>
      </c>
      <c r="E55" s="9" t="s">
        <v>164</v>
      </c>
      <c r="F55" s="6">
        <v>88994</v>
      </c>
      <c r="G55" s="6">
        <v>2862</v>
      </c>
      <c r="H55" s="6">
        <v>7564</v>
      </c>
      <c r="I55" s="6">
        <v>6290</v>
      </c>
      <c r="J55" s="6">
        <v>7215</v>
      </c>
      <c r="K55" s="6">
        <v>8631</v>
      </c>
      <c r="L55" s="6">
        <v>8959</v>
      </c>
      <c r="M55" s="6">
        <v>8904</v>
      </c>
      <c r="N55" s="6">
        <v>8036</v>
      </c>
      <c r="O55" s="6">
        <v>8736</v>
      </c>
      <c r="P55" s="6">
        <v>9162</v>
      </c>
      <c r="Q55" s="6">
        <v>7452</v>
      </c>
      <c r="R55" s="6">
        <v>4033</v>
      </c>
      <c r="S55" s="6">
        <v>909</v>
      </c>
      <c r="T55" s="6">
        <v>198</v>
      </c>
      <c r="U55" s="6">
        <v>33</v>
      </c>
      <c r="V55" s="6">
        <v>9</v>
      </c>
      <c r="W55" s="6">
        <v>1</v>
      </c>
      <c r="X55" s="6">
        <v>76359</v>
      </c>
      <c r="Y55" s="6">
        <v>12635</v>
      </c>
      <c r="Z55" s="6">
        <v>1150</v>
      </c>
      <c r="AA55" s="6">
        <v>43</v>
      </c>
      <c r="AB55" s="6">
        <v>80949</v>
      </c>
      <c r="AC55" s="7">
        <v>46.487720000000003</v>
      </c>
    </row>
    <row r="56" spans="1:29">
      <c r="A56" s="9" t="s">
        <v>27</v>
      </c>
      <c r="B56" s="9" t="s">
        <v>57</v>
      </c>
      <c r="C56" s="9" t="s">
        <v>58</v>
      </c>
      <c r="D56" s="9" t="s">
        <v>6</v>
      </c>
      <c r="E56" s="9" t="s">
        <v>165</v>
      </c>
      <c r="F56" s="6">
        <v>15794</v>
      </c>
      <c r="G56" s="6">
        <v>335</v>
      </c>
      <c r="H56" s="6">
        <v>1499</v>
      </c>
      <c r="I56" s="6">
        <v>1642</v>
      </c>
      <c r="J56" s="6">
        <v>1757</v>
      </c>
      <c r="K56" s="6">
        <v>1635</v>
      </c>
      <c r="L56" s="6">
        <v>1690</v>
      </c>
      <c r="M56" s="6">
        <v>1638</v>
      </c>
      <c r="N56" s="6">
        <v>1561</v>
      </c>
      <c r="O56" s="6">
        <v>1138</v>
      </c>
      <c r="P56" s="6">
        <v>1146</v>
      </c>
      <c r="Q56" s="6">
        <v>1015</v>
      </c>
      <c r="R56" s="6">
        <v>559</v>
      </c>
      <c r="S56" s="6">
        <v>155</v>
      </c>
      <c r="T56" s="6">
        <v>20</v>
      </c>
      <c r="U56" s="6">
        <v>4</v>
      </c>
      <c r="V56" s="10" t="s">
        <v>55</v>
      </c>
      <c r="W56" s="10" t="s">
        <v>55</v>
      </c>
      <c r="X56" s="6">
        <v>14041</v>
      </c>
      <c r="Y56" s="6">
        <v>1753</v>
      </c>
      <c r="Z56" s="6">
        <v>179</v>
      </c>
      <c r="AA56" s="6">
        <v>4</v>
      </c>
      <c r="AB56" s="6">
        <v>14721</v>
      </c>
      <c r="AC56" s="7">
        <v>43.994050000000001</v>
      </c>
    </row>
    <row r="57" spans="1:29">
      <c r="A57" s="9" t="s">
        <v>27</v>
      </c>
      <c r="B57" s="9" t="s">
        <v>57</v>
      </c>
      <c r="C57" s="9" t="s">
        <v>58</v>
      </c>
      <c r="D57" s="9" t="s">
        <v>6</v>
      </c>
      <c r="E57" s="9" t="s">
        <v>166</v>
      </c>
      <c r="F57" s="6">
        <v>14774</v>
      </c>
      <c r="G57" s="6">
        <v>176</v>
      </c>
      <c r="H57" s="6">
        <v>1580</v>
      </c>
      <c r="I57" s="6">
        <v>1592</v>
      </c>
      <c r="J57" s="6">
        <v>1489</v>
      </c>
      <c r="K57" s="6">
        <v>1380</v>
      </c>
      <c r="L57" s="6">
        <v>1341</v>
      </c>
      <c r="M57" s="6">
        <v>1135</v>
      </c>
      <c r="N57" s="6">
        <v>954</v>
      </c>
      <c r="O57" s="6">
        <v>1176</v>
      </c>
      <c r="P57" s="6">
        <v>1354</v>
      </c>
      <c r="Q57" s="6">
        <v>1227</v>
      </c>
      <c r="R57" s="6">
        <v>905</v>
      </c>
      <c r="S57" s="6">
        <v>306</v>
      </c>
      <c r="T57" s="6">
        <v>115</v>
      </c>
      <c r="U57" s="6">
        <v>37</v>
      </c>
      <c r="V57" s="6">
        <v>7</v>
      </c>
      <c r="W57" s="10" t="s">
        <v>55</v>
      </c>
      <c r="X57" s="6">
        <v>12177</v>
      </c>
      <c r="Y57" s="6">
        <v>2597</v>
      </c>
      <c r="Z57" s="6">
        <v>465</v>
      </c>
      <c r="AA57" s="6">
        <v>44</v>
      </c>
      <c r="AB57" s="6">
        <v>13228</v>
      </c>
      <c r="AC57" s="7">
        <v>46.086640000000003</v>
      </c>
    </row>
    <row r="58" spans="1:29">
      <c r="A58" s="9" t="s">
        <v>27</v>
      </c>
      <c r="B58" s="9" t="s">
        <v>57</v>
      </c>
      <c r="C58" s="9" t="s">
        <v>58</v>
      </c>
      <c r="D58" s="9" t="s">
        <v>6</v>
      </c>
      <c r="E58" s="9" t="s">
        <v>167</v>
      </c>
      <c r="F58" s="6">
        <v>89370</v>
      </c>
      <c r="G58" s="6">
        <v>1505</v>
      </c>
      <c r="H58" s="6">
        <v>6794</v>
      </c>
      <c r="I58" s="6">
        <v>7848</v>
      </c>
      <c r="J58" s="6">
        <v>9310</v>
      </c>
      <c r="K58" s="6">
        <v>10237</v>
      </c>
      <c r="L58" s="6">
        <v>10594</v>
      </c>
      <c r="M58" s="6">
        <v>10958</v>
      </c>
      <c r="N58" s="6">
        <v>8986</v>
      </c>
      <c r="O58" s="6">
        <v>8878</v>
      </c>
      <c r="P58" s="6">
        <v>7199</v>
      </c>
      <c r="Q58" s="6">
        <v>4391</v>
      </c>
      <c r="R58" s="6">
        <v>1994</v>
      </c>
      <c r="S58" s="6">
        <v>493</v>
      </c>
      <c r="T58" s="6">
        <v>146</v>
      </c>
      <c r="U58" s="6">
        <v>32</v>
      </c>
      <c r="V58" s="6">
        <v>5</v>
      </c>
      <c r="W58" s="10" t="s">
        <v>55</v>
      </c>
      <c r="X58" s="6">
        <v>82309</v>
      </c>
      <c r="Y58" s="6">
        <v>7061</v>
      </c>
      <c r="Z58" s="6">
        <v>676</v>
      </c>
      <c r="AA58" s="6">
        <v>37</v>
      </c>
      <c r="AB58" s="6">
        <v>85195</v>
      </c>
      <c r="AC58" s="7">
        <v>44.518279999999997</v>
      </c>
    </row>
    <row r="59" spans="1:29">
      <c r="A59" s="9" t="s">
        <v>27</v>
      </c>
      <c r="B59" s="9" t="s">
        <v>57</v>
      </c>
      <c r="C59" s="9" t="s">
        <v>58</v>
      </c>
      <c r="D59" s="9" t="s">
        <v>6</v>
      </c>
      <c r="E59" s="9" t="s">
        <v>168</v>
      </c>
      <c r="F59" s="6">
        <v>25652</v>
      </c>
      <c r="G59" s="6">
        <v>81</v>
      </c>
      <c r="H59" s="6">
        <v>512</v>
      </c>
      <c r="I59" s="6">
        <v>974</v>
      </c>
      <c r="J59" s="6">
        <v>1315</v>
      </c>
      <c r="K59" s="6">
        <v>1915</v>
      </c>
      <c r="L59" s="6">
        <v>2441</v>
      </c>
      <c r="M59" s="6">
        <v>2944</v>
      </c>
      <c r="N59" s="6">
        <v>3111</v>
      </c>
      <c r="O59" s="6">
        <v>3611</v>
      </c>
      <c r="P59" s="6">
        <v>3671</v>
      </c>
      <c r="Q59" s="6">
        <v>3050</v>
      </c>
      <c r="R59" s="6">
        <v>1679</v>
      </c>
      <c r="S59" s="6">
        <v>316</v>
      </c>
      <c r="T59" s="6">
        <v>28</v>
      </c>
      <c r="U59" s="6">
        <v>3</v>
      </c>
      <c r="V59" s="6">
        <v>1</v>
      </c>
      <c r="W59" s="10" t="s">
        <v>55</v>
      </c>
      <c r="X59" s="6">
        <v>20575</v>
      </c>
      <c r="Y59" s="6">
        <v>5077</v>
      </c>
      <c r="Z59" s="6">
        <v>348</v>
      </c>
      <c r="AA59" s="6">
        <v>4</v>
      </c>
      <c r="AB59" s="6">
        <v>23544</v>
      </c>
      <c r="AC59" s="7">
        <v>52.738230000000001</v>
      </c>
    </row>
    <row r="60" spans="1:29">
      <c r="A60" s="9" t="s">
        <v>27</v>
      </c>
      <c r="B60" s="9" t="s">
        <v>57</v>
      </c>
      <c r="C60" s="9" t="s">
        <v>58</v>
      </c>
      <c r="D60" s="9" t="s">
        <v>6</v>
      </c>
      <c r="E60" s="9" t="s">
        <v>169</v>
      </c>
      <c r="F60" s="6">
        <v>29822</v>
      </c>
      <c r="G60" s="6">
        <v>449</v>
      </c>
      <c r="H60" s="6">
        <v>1957</v>
      </c>
      <c r="I60" s="6">
        <v>2354</v>
      </c>
      <c r="J60" s="6">
        <v>2372</v>
      </c>
      <c r="K60" s="6">
        <v>3011</v>
      </c>
      <c r="L60" s="6">
        <v>3478</v>
      </c>
      <c r="M60" s="6">
        <v>3240</v>
      </c>
      <c r="N60" s="6">
        <v>2387</v>
      </c>
      <c r="O60" s="6">
        <v>2707</v>
      </c>
      <c r="P60" s="6">
        <v>3369</v>
      </c>
      <c r="Q60" s="6">
        <v>2812</v>
      </c>
      <c r="R60" s="6">
        <v>1380</v>
      </c>
      <c r="S60" s="6">
        <v>240</v>
      </c>
      <c r="T60" s="6">
        <v>54</v>
      </c>
      <c r="U60" s="6">
        <v>11</v>
      </c>
      <c r="V60" s="6">
        <v>1</v>
      </c>
      <c r="W60" s="10" t="s">
        <v>55</v>
      </c>
      <c r="X60" s="6">
        <v>25324</v>
      </c>
      <c r="Y60" s="6">
        <v>4498</v>
      </c>
      <c r="Z60" s="6">
        <v>306</v>
      </c>
      <c r="AA60" s="6">
        <v>12</v>
      </c>
      <c r="AB60" s="6">
        <v>27687</v>
      </c>
      <c r="AC60" s="7">
        <v>47.408790000000003</v>
      </c>
    </row>
    <row r="61" spans="1:29">
      <c r="A61" s="9" t="s">
        <v>27</v>
      </c>
      <c r="B61" s="9" t="s">
        <v>57</v>
      </c>
      <c r="C61" s="9" t="s">
        <v>58</v>
      </c>
      <c r="D61" s="9" t="s">
        <v>6</v>
      </c>
      <c r="E61" s="9" t="s">
        <v>170</v>
      </c>
      <c r="F61" s="6">
        <v>47662</v>
      </c>
      <c r="G61" s="6">
        <v>599</v>
      </c>
      <c r="H61" s="6">
        <v>1986</v>
      </c>
      <c r="I61" s="6">
        <v>2206</v>
      </c>
      <c r="J61" s="6">
        <v>3034</v>
      </c>
      <c r="K61" s="6">
        <v>3756</v>
      </c>
      <c r="L61" s="6">
        <v>4362</v>
      </c>
      <c r="M61" s="6">
        <v>4608</v>
      </c>
      <c r="N61" s="6">
        <v>4603</v>
      </c>
      <c r="O61" s="6">
        <v>5444</v>
      </c>
      <c r="P61" s="6">
        <v>6248</v>
      </c>
      <c r="Q61" s="6">
        <v>6099</v>
      </c>
      <c r="R61" s="6">
        <v>3551</v>
      </c>
      <c r="S61" s="6">
        <v>905</v>
      </c>
      <c r="T61" s="6">
        <v>208</v>
      </c>
      <c r="U61" s="6">
        <v>49</v>
      </c>
      <c r="V61" s="6">
        <v>3</v>
      </c>
      <c r="W61" s="6">
        <v>1</v>
      </c>
      <c r="X61" s="6">
        <v>36846</v>
      </c>
      <c r="Y61" s="6">
        <v>10816</v>
      </c>
      <c r="Z61" s="6">
        <v>1166</v>
      </c>
      <c r="AA61" s="6">
        <v>53</v>
      </c>
      <c r="AB61" s="6">
        <v>42346</v>
      </c>
      <c r="AC61" s="7">
        <v>51.730919999999998</v>
      </c>
    </row>
    <row r="62" spans="1:29">
      <c r="A62" s="9" t="s">
        <v>27</v>
      </c>
      <c r="B62" s="9" t="s">
        <v>57</v>
      </c>
      <c r="C62" s="9" t="s">
        <v>58</v>
      </c>
      <c r="D62" s="9" t="s">
        <v>6</v>
      </c>
      <c r="E62" s="9" t="s">
        <v>171</v>
      </c>
      <c r="F62" s="6">
        <v>5785</v>
      </c>
      <c r="G62" s="6">
        <v>358</v>
      </c>
      <c r="H62" s="6">
        <v>645</v>
      </c>
      <c r="I62" s="6">
        <v>408</v>
      </c>
      <c r="J62" s="6">
        <v>467</v>
      </c>
      <c r="K62" s="6">
        <v>534</v>
      </c>
      <c r="L62" s="6">
        <v>540</v>
      </c>
      <c r="M62" s="6">
        <v>573</v>
      </c>
      <c r="N62" s="6">
        <v>496</v>
      </c>
      <c r="O62" s="6">
        <v>404</v>
      </c>
      <c r="P62" s="6">
        <v>458</v>
      </c>
      <c r="Q62" s="6">
        <v>344</v>
      </c>
      <c r="R62" s="6">
        <v>302</v>
      </c>
      <c r="S62" s="6">
        <v>137</v>
      </c>
      <c r="T62" s="6">
        <v>70</v>
      </c>
      <c r="U62" s="6">
        <v>37</v>
      </c>
      <c r="V62" s="6">
        <v>9</v>
      </c>
      <c r="W62" s="6">
        <v>3</v>
      </c>
      <c r="X62" s="6">
        <v>4883</v>
      </c>
      <c r="Y62" s="6">
        <v>902</v>
      </c>
      <c r="Z62" s="6">
        <v>256</v>
      </c>
      <c r="AA62" s="6">
        <v>49</v>
      </c>
      <c r="AB62" s="6">
        <v>4869</v>
      </c>
      <c r="AC62" s="7">
        <v>45.13561</v>
      </c>
    </row>
    <row r="63" spans="1:29">
      <c r="A63" s="9" t="s">
        <v>27</v>
      </c>
      <c r="B63" s="9" t="s">
        <v>57</v>
      </c>
      <c r="C63" s="9" t="s">
        <v>58</v>
      </c>
      <c r="D63" s="9" t="s">
        <v>53</v>
      </c>
      <c r="E63" s="9" t="s">
        <v>6</v>
      </c>
      <c r="F63" s="6">
        <v>344558</v>
      </c>
      <c r="G63" s="6">
        <v>4885</v>
      </c>
      <c r="H63" s="6">
        <v>20927</v>
      </c>
      <c r="I63" s="6">
        <v>26208</v>
      </c>
      <c r="J63" s="6">
        <v>30827</v>
      </c>
      <c r="K63" s="6">
        <v>35654</v>
      </c>
      <c r="L63" s="6">
        <v>38933</v>
      </c>
      <c r="M63" s="6">
        <v>40899</v>
      </c>
      <c r="N63" s="6">
        <v>35065</v>
      </c>
      <c r="O63" s="6">
        <v>36297</v>
      </c>
      <c r="P63" s="6">
        <v>33586</v>
      </c>
      <c r="Q63" s="6">
        <v>23297</v>
      </c>
      <c r="R63" s="6">
        <v>12884</v>
      </c>
      <c r="S63" s="6">
        <v>3542</v>
      </c>
      <c r="T63" s="6">
        <v>1100</v>
      </c>
      <c r="U63" s="6">
        <v>359</v>
      </c>
      <c r="V63" s="6">
        <v>88</v>
      </c>
      <c r="W63" s="6">
        <v>7</v>
      </c>
      <c r="X63" s="6">
        <v>303281</v>
      </c>
      <c r="Y63" s="6">
        <v>41277</v>
      </c>
      <c r="Z63" s="6">
        <v>5096</v>
      </c>
      <c r="AA63" s="6">
        <v>454</v>
      </c>
      <c r="AB63" s="6">
        <v>321693</v>
      </c>
      <c r="AC63" s="7">
        <v>46.876910000000002</v>
      </c>
    </row>
    <row r="64" spans="1:29">
      <c r="A64" s="9" t="s">
        <v>27</v>
      </c>
      <c r="B64" s="9" t="s">
        <v>57</v>
      </c>
      <c r="C64" s="9" t="s">
        <v>58</v>
      </c>
      <c r="D64" s="9" t="s">
        <v>53</v>
      </c>
      <c r="E64" s="9" t="s">
        <v>160</v>
      </c>
      <c r="F64" s="6">
        <v>12536</v>
      </c>
      <c r="G64" s="6">
        <v>1</v>
      </c>
      <c r="H64" s="6">
        <v>8</v>
      </c>
      <c r="I64" s="6">
        <v>58</v>
      </c>
      <c r="J64" s="6">
        <v>225</v>
      </c>
      <c r="K64" s="6">
        <v>456</v>
      </c>
      <c r="L64" s="6">
        <v>868</v>
      </c>
      <c r="M64" s="6">
        <v>1249</v>
      </c>
      <c r="N64" s="6">
        <v>1529</v>
      </c>
      <c r="O64" s="6">
        <v>2009</v>
      </c>
      <c r="P64" s="6">
        <v>1978</v>
      </c>
      <c r="Q64" s="6">
        <v>1712</v>
      </c>
      <c r="R64" s="6">
        <v>1423</v>
      </c>
      <c r="S64" s="6">
        <v>602</v>
      </c>
      <c r="T64" s="6">
        <v>282</v>
      </c>
      <c r="U64" s="6">
        <v>108</v>
      </c>
      <c r="V64" s="6">
        <v>24</v>
      </c>
      <c r="W64" s="6">
        <v>4</v>
      </c>
      <c r="X64" s="6">
        <v>8381</v>
      </c>
      <c r="Y64" s="6">
        <v>4155</v>
      </c>
      <c r="Z64" s="6">
        <v>1020</v>
      </c>
      <c r="AA64" s="6">
        <v>136</v>
      </c>
      <c r="AB64" s="6">
        <v>10092</v>
      </c>
      <c r="AC64" s="7">
        <v>59.235239999999997</v>
      </c>
    </row>
    <row r="65" spans="1:29">
      <c r="A65" s="9" t="s">
        <v>27</v>
      </c>
      <c r="B65" s="9" t="s">
        <v>57</v>
      </c>
      <c r="C65" s="9" t="s">
        <v>58</v>
      </c>
      <c r="D65" s="9" t="s">
        <v>53</v>
      </c>
      <c r="E65" s="9" t="s">
        <v>161</v>
      </c>
      <c r="F65" s="6">
        <v>51973</v>
      </c>
      <c r="G65" s="6">
        <v>278</v>
      </c>
      <c r="H65" s="6">
        <v>2434</v>
      </c>
      <c r="I65" s="6">
        <v>4648</v>
      </c>
      <c r="J65" s="6">
        <v>5572</v>
      </c>
      <c r="K65" s="6">
        <v>5757</v>
      </c>
      <c r="L65" s="6">
        <v>6502</v>
      </c>
      <c r="M65" s="6">
        <v>6645</v>
      </c>
      <c r="N65" s="6">
        <v>5551</v>
      </c>
      <c r="O65" s="6">
        <v>5635</v>
      </c>
      <c r="P65" s="6">
        <v>4266</v>
      </c>
      <c r="Q65" s="6">
        <v>2559</v>
      </c>
      <c r="R65" s="6">
        <v>1383</v>
      </c>
      <c r="S65" s="6">
        <v>437</v>
      </c>
      <c r="T65" s="6">
        <v>200</v>
      </c>
      <c r="U65" s="6">
        <v>87</v>
      </c>
      <c r="V65" s="6">
        <v>18</v>
      </c>
      <c r="W65" s="6">
        <v>1</v>
      </c>
      <c r="X65" s="6">
        <v>47288</v>
      </c>
      <c r="Y65" s="6">
        <v>4685</v>
      </c>
      <c r="Z65" s="6">
        <v>743</v>
      </c>
      <c r="AA65" s="6">
        <v>106</v>
      </c>
      <c r="AB65" s="6">
        <v>49569</v>
      </c>
      <c r="AC65" s="7">
        <v>46.020620000000001</v>
      </c>
    </row>
    <row r="66" spans="1:29">
      <c r="A66" s="9" t="s">
        <v>27</v>
      </c>
      <c r="B66" s="9" t="s">
        <v>57</v>
      </c>
      <c r="C66" s="9" t="s">
        <v>58</v>
      </c>
      <c r="D66" s="9" t="s">
        <v>53</v>
      </c>
      <c r="E66" s="9" t="s">
        <v>162</v>
      </c>
      <c r="F66" s="6">
        <v>48801</v>
      </c>
      <c r="G66" s="6">
        <v>246</v>
      </c>
      <c r="H66" s="6">
        <v>1805</v>
      </c>
      <c r="I66" s="6">
        <v>3095</v>
      </c>
      <c r="J66" s="6">
        <v>3791</v>
      </c>
      <c r="K66" s="6">
        <v>4716</v>
      </c>
      <c r="L66" s="6">
        <v>5583</v>
      </c>
      <c r="M66" s="6">
        <v>7046</v>
      </c>
      <c r="N66" s="6">
        <v>6370</v>
      </c>
      <c r="O66" s="6">
        <v>6548</v>
      </c>
      <c r="P66" s="6">
        <v>5550</v>
      </c>
      <c r="Q66" s="6">
        <v>2493</v>
      </c>
      <c r="R66" s="6">
        <v>1111</v>
      </c>
      <c r="S66" s="6">
        <v>314</v>
      </c>
      <c r="T66" s="6">
        <v>90</v>
      </c>
      <c r="U66" s="6">
        <v>25</v>
      </c>
      <c r="V66" s="6">
        <v>17</v>
      </c>
      <c r="W66" s="6">
        <v>1</v>
      </c>
      <c r="X66" s="6">
        <v>44750</v>
      </c>
      <c r="Y66" s="6">
        <v>4051</v>
      </c>
      <c r="Z66" s="6">
        <v>447</v>
      </c>
      <c r="AA66" s="6">
        <v>43</v>
      </c>
      <c r="AB66" s="6">
        <v>46997</v>
      </c>
      <c r="AC66" s="7">
        <v>48.043210000000002</v>
      </c>
    </row>
    <row r="67" spans="1:29">
      <c r="A67" s="9" t="s">
        <v>27</v>
      </c>
      <c r="B67" s="9" t="s">
        <v>57</v>
      </c>
      <c r="C67" s="9" t="s">
        <v>58</v>
      </c>
      <c r="D67" s="9" t="s">
        <v>53</v>
      </c>
      <c r="E67" s="9" t="s">
        <v>163</v>
      </c>
      <c r="F67" s="6">
        <v>40408</v>
      </c>
      <c r="G67" s="6">
        <v>771</v>
      </c>
      <c r="H67" s="6">
        <v>2934</v>
      </c>
      <c r="I67" s="6">
        <v>3395</v>
      </c>
      <c r="J67" s="6">
        <v>3795</v>
      </c>
      <c r="K67" s="6">
        <v>4576</v>
      </c>
      <c r="L67" s="6">
        <v>4698</v>
      </c>
      <c r="M67" s="6">
        <v>5110</v>
      </c>
      <c r="N67" s="6">
        <v>4091</v>
      </c>
      <c r="O67" s="6">
        <v>3870</v>
      </c>
      <c r="P67" s="6">
        <v>3448</v>
      </c>
      <c r="Q67" s="6">
        <v>2040</v>
      </c>
      <c r="R67" s="6">
        <v>1153</v>
      </c>
      <c r="S67" s="6">
        <v>368</v>
      </c>
      <c r="T67" s="6">
        <v>114</v>
      </c>
      <c r="U67" s="6">
        <v>36</v>
      </c>
      <c r="V67" s="6">
        <v>9</v>
      </c>
      <c r="W67" s="10" t="s">
        <v>55</v>
      </c>
      <c r="X67" s="6">
        <v>36688</v>
      </c>
      <c r="Y67" s="6">
        <v>3720</v>
      </c>
      <c r="Z67" s="6">
        <v>527</v>
      </c>
      <c r="AA67" s="6">
        <v>45</v>
      </c>
      <c r="AB67" s="6">
        <v>37957</v>
      </c>
      <c r="AC67" s="7">
        <v>45.176130000000001</v>
      </c>
    </row>
    <row r="68" spans="1:29">
      <c r="A68" s="9" t="s">
        <v>27</v>
      </c>
      <c r="B68" s="9" t="s">
        <v>57</v>
      </c>
      <c r="C68" s="9" t="s">
        <v>58</v>
      </c>
      <c r="D68" s="9" t="s">
        <v>53</v>
      </c>
      <c r="E68" s="9" t="s">
        <v>164</v>
      </c>
      <c r="F68" s="6">
        <v>25046</v>
      </c>
      <c r="G68" s="6">
        <v>1145</v>
      </c>
      <c r="H68" s="6">
        <v>3067</v>
      </c>
      <c r="I68" s="6">
        <v>2247</v>
      </c>
      <c r="J68" s="6">
        <v>2442</v>
      </c>
      <c r="K68" s="6">
        <v>2911</v>
      </c>
      <c r="L68" s="6">
        <v>2739</v>
      </c>
      <c r="M68" s="6">
        <v>2400</v>
      </c>
      <c r="N68" s="6">
        <v>1718</v>
      </c>
      <c r="O68" s="6">
        <v>1638</v>
      </c>
      <c r="P68" s="6">
        <v>1860</v>
      </c>
      <c r="Q68" s="6">
        <v>1669</v>
      </c>
      <c r="R68" s="6">
        <v>914</v>
      </c>
      <c r="S68" s="6">
        <v>229</v>
      </c>
      <c r="T68" s="6">
        <v>55</v>
      </c>
      <c r="U68" s="6">
        <v>9</v>
      </c>
      <c r="V68" s="6">
        <v>3</v>
      </c>
      <c r="W68" s="10" t="s">
        <v>55</v>
      </c>
      <c r="X68" s="6">
        <v>22167</v>
      </c>
      <c r="Y68" s="6">
        <v>2879</v>
      </c>
      <c r="Z68" s="6">
        <v>296</v>
      </c>
      <c r="AA68" s="6">
        <v>12</v>
      </c>
      <c r="AB68" s="6">
        <v>22691</v>
      </c>
      <c r="AC68" s="7">
        <v>42.813020000000002</v>
      </c>
    </row>
    <row r="69" spans="1:29">
      <c r="A69" s="9" t="s">
        <v>27</v>
      </c>
      <c r="B69" s="9" t="s">
        <v>57</v>
      </c>
      <c r="C69" s="9" t="s">
        <v>58</v>
      </c>
      <c r="D69" s="9" t="s">
        <v>53</v>
      </c>
      <c r="E69" s="9" t="s">
        <v>165</v>
      </c>
      <c r="F69" s="6">
        <v>14478</v>
      </c>
      <c r="G69" s="6">
        <v>241</v>
      </c>
      <c r="H69" s="6">
        <v>1244</v>
      </c>
      <c r="I69" s="6">
        <v>1448</v>
      </c>
      <c r="J69" s="6">
        <v>1609</v>
      </c>
      <c r="K69" s="6">
        <v>1519</v>
      </c>
      <c r="L69" s="6">
        <v>1557</v>
      </c>
      <c r="M69" s="6">
        <v>1490</v>
      </c>
      <c r="N69" s="6">
        <v>1469</v>
      </c>
      <c r="O69" s="6">
        <v>1089</v>
      </c>
      <c r="P69" s="6">
        <v>1101</v>
      </c>
      <c r="Q69" s="6">
        <v>984</v>
      </c>
      <c r="R69" s="6">
        <v>549</v>
      </c>
      <c r="S69" s="6">
        <v>154</v>
      </c>
      <c r="T69" s="6">
        <v>20</v>
      </c>
      <c r="U69" s="6">
        <v>4</v>
      </c>
      <c r="V69" s="10" t="s">
        <v>55</v>
      </c>
      <c r="W69" s="10" t="s">
        <v>55</v>
      </c>
      <c r="X69" s="6">
        <v>12767</v>
      </c>
      <c r="Y69" s="6">
        <v>1711</v>
      </c>
      <c r="Z69" s="6">
        <v>178</v>
      </c>
      <c r="AA69" s="6">
        <v>4</v>
      </c>
      <c r="AB69" s="6">
        <v>13510</v>
      </c>
      <c r="AC69" s="7">
        <v>44.673499999999997</v>
      </c>
    </row>
    <row r="70" spans="1:29">
      <c r="A70" s="9" t="s">
        <v>27</v>
      </c>
      <c r="B70" s="9" t="s">
        <v>57</v>
      </c>
      <c r="C70" s="9" t="s">
        <v>58</v>
      </c>
      <c r="D70" s="9" t="s">
        <v>53</v>
      </c>
      <c r="E70" s="9" t="s">
        <v>166</v>
      </c>
      <c r="F70" s="6">
        <v>8762</v>
      </c>
      <c r="G70" s="6">
        <v>101</v>
      </c>
      <c r="H70" s="6">
        <v>810</v>
      </c>
      <c r="I70" s="6">
        <v>815</v>
      </c>
      <c r="J70" s="6">
        <v>823</v>
      </c>
      <c r="K70" s="6">
        <v>813</v>
      </c>
      <c r="L70" s="6">
        <v>819</v>
      </c>
      <c r="M70" s="6">
        <v>696</v>
      </c>
      <c r="N70" s="6">
        <v>609</v>
      </c>
      <c r="O70" s="6">
        <v>783</v>
      </c>
      <c r="P70" s="6">
        <v>892</v>
      </c>
      <c r="Q70" s="6">
        <v>800</v>
      </c>
      <c r="R70" s="6">
        <v>546</v>
      </c>
      <c r="S70" s="6">
        <v>173</v>
      </c>
      <c r="T70" s="6">
        <v>56</v>
      </c>
      <c r="U70" s="6">
        <v>20</v>
      </c>
      <c r="V70" s="6">
        <v>6</v>
      </c>
      <c r="W70" s="10" t="s">
        <v>55</v>
      </c>
      <c r="X70" s="6">
        <v>7161</v>
      </c>
      <c r="Y70" s="6">
        <v>1601</v>
      </c>
      <c r="Z70" s="6">
        <v>255</v>
      </c>
      <c r="AA70" s="6">
        <v>26</v>
      </c>
      <c r="AB70" s="6">
        <v>7860</v>
      </c>
      <c r="AC70" s="7">
        <v>47.254959999999997</v>
      </c>
    </row>
    <row r="71" spans="1:29">
      <c r="A71" s="9" t="s">
        <v>27</v>
      </c>
      <c r="B71" s="9" t="s">
        <v>57</v>
      </c>
      <c r="C71" s="9" t="s">
        <v>58</v>
      </c>
      <c r="D71" s="9" t="s">
        <v>53</v>
      </c>
      <c r="E71" s="9" t="s">
        <v>167</v>
      </c>
      <c r="F71" s="6">
        <v>60485</v>
      </c>
      <c r="G71" s="6">
        <v>1005</v>
      </c>
      <c r="H71" s="6">
        <v>4529</v>
      </c>
      <c r="I71" s="6">
        <v>5580</v>
      </c>
      <c r="J71" s="6">
        <v>6760</v>
      </c>
      <c r="K71" s="6">
        <v>7463</v>
      </c>
      <c r="L71" s="6">
        <v>7567</v>
      </c>
      <c r="M71" s="6">
        <v>7616</v>
      </c>
      <c r="N71" s="6">
        <v>5931</v>
      </c>
      <c r="O71" s="6">
        <v>5750</v>
      </c>
      <c r="P71" s="6">
        <v>4380</v>
      </c>
      <c r="Q71" s="6">
        <v>2399</v>
      </c>
      <c r="R71" s="6">
        <v>1093</v>
      </c>
      <c r="S71" s="6">
        <v>295</v>
      </c>
      <c r="T71" s="6">
        <v>91</v>
      </c>
      <c r="U71" s="6">
        <v>22</v>
      </c>
      <c r="V71" s="6">
        <v>4</v>
      </c>
      <c r="W71" s="10" t="s">
        <v>55</v>
      </c>
      <c r="X71" s="6">
        <v>56581</v>
      </c>
      <c r="Y71" s="6">
        <v>3904</v>
      </c>
      <c r="Z71" s="6">
        <v>412</v>
      </c>
      <c r="AA71" s="6">
        <v>26</v>
      </c>
      <c r="AB71" s="6">
        <v>57975</v>
      </c>
      <c r="AC71" s="7">
        <v>43.736409999999999</v>
      </c>
    </row>
    <row r="72" spans="1:29">
      <c r="A72" s="9" t="s">
        <v>27</v>
      </c>
      <c r="B72" s="9" t="s">
        <v>57</v>
      </c>
      <c r="C72" s="9" t="s">
        <v>58</v>
      </c>
      <c r="D72" s="9" t="s">
        <v>53</v>
      </c>
      <c r="E72" s="9" t="s">
        <v>168</v>
      </c>
      <c r="F72" s="6">
        <v>24892</v>
      </c>
      <c r="G72" s="6">
        <v>74</v>
      </c>
      <c r="H72" s="6">
        <v>487</v>
      </c>
      <c r="I72" s="6">
        <v>935</v>
      </c>
      <c r="J72" s="6">
        <v>1271</v>
      </c>
      <c r="K72" s="6">
        <v>1842</v>
      </c>
      <c r="L72" s="6">
        <v>2349</v>
      </c>
      <c r="M72" s="6">
        <v>2815</v>
      </c>
      <c r="N72" s="6">
        <v>3020</v>
      </c>
      <c r="O72" s="6">
        <v>3519</v>
      </c>
      <c r="P72" s="6">
        <v>3589</v>
      </c>
      <c r="Q72" s="6">
        <v>2996</v>
      </c>
      <c r="R72" s="6">
        <v>1659</v>
      </c>
      <c r="S72" s="6">
        <v>306</v>
      </c>
      <c r="T72" s="6">
        <v>26</v>
      </c>
      <c r="U72" s="6">
        <v>3</v>
      </c>
      <c r="V72" s="6">
        <v>1</v>
      </c>
      <c r="W72" s="10" t="s">
        <v>55</v>
      </c>
      <c r="X72" s="6">
        <v>19901</v>
      </c>
      <c r="Y72" s="6">
        <v>4991</v>
      </c>
      <c r="Z72" s="6">
        <v>336</v>
      </c>
      <c r="AA72" s="6">
        <v>4</v>
      </c>
      <c r="AB72" s="6">
        <v>22823</v>
      </c>
      <c r="AC72" s="7">
        <v>52.85284</v>
      </c>
    </row>
    <row r="73" spans="1:29">
      <c r="A73" s="9" t="s">
        <v>27</v>
      </c>
      <c r="B73" s="9" t="s">
        <v>57</v>
      </c>
      <c r="C73" s="9" t="s">
        <v>58</v>
      </c>
      <c r="D73" s="9" t="s">
        <v>53</v>
      </c>
      <c r="E73" s="9" t="s">
        <v>169</v>
      </c>
      <c r="F73" s="6">
        <v>28998</v>
      </c>
      <c r="G73" s="6">
        <v>431</v>
      </c>
      <c r="H73" s="6">
        <v>1863</v>
      </c>
      <c r="I73" s="6">
        <v>2270</v>
      </c>
      <c r="J73" s="6">
        <v>2297</v>
      </c>
      <c r="K73" s="6">
        <v>2923</v>
      </c>
      <c r="L73" s="6">
        <v>3396</v>
      </c>
      <c r="M73" s="6">
        <v>3158</v>
      </c>
      <c r="N73" s="6">
        <v>2320</v>
      </c>
      <c r="O73" s="6">
        <v>2646</v>
      </c>
      <c r="P73" s="6">
        <v>3317</v>
      </c>
      <c r="Q73" s="6">
        <v>2741</v>
      </c>
      <c r="R73" s="6">
        <v>1341</v>
      </c>
      <c r="S73" s="6">
        <v>230</v>
      </c>
      <c r="T73" s="6">
        <v>53</v>
      </c>
      <c r="U73" s="6">
        <v>11</v>
      </c>
      <c r="V73" s="6">
        <v>1</v>
      </c>
      <c r="W73" s="10" t="s">
        <v>55</v>
      </c>
      <c r="X73" s="6">
        <v>24621</v>
      </c>
      <c r="Y73" s="6">
        <v>4377</v>
      </c>
      <c r="Z73" s="6">
        <v>295</v>
      </c>
      <c r="AA73" s="6">
        <v>12</v>
      </c>
      <c r="AB73" s="6">
        <v>26931</v>
      </c>
      <c r="AC73" s="7">
        <v>47.494619999999998</v>
      </c>
    </row>
    <row r="74" spans="1:29">
      <c r="A74" s="9" t="s">
        <v>27</v>
      </c>
      <c r="B74" s="9" t="s">
        <v>57</v>
      </c>
      <c r="C74" s="9" t="s">
        <v>58</v>
      </c>
      <c r="D74" s="9" t="s">
        <v>53</v>
      </c>
      <c r="E74" s="9" t="s">
        <v>170</v>
      </c>
      <c r="F74" s="6">
        <v>25250</v>
      </c>
      <c r="G74" s="6">
        <v>402</v>
      </c>
      <c r="H74" s="6">
        <v>1402</v>
      </c>
      <c r="I74" s="6">
        <v>1510</v>
      </c>
      <c r="J74" s="6">
        <v>2022</v>
      </c>
      <c r="K74" s="6">
        <v>2400</v>
      </c>
      <c r="L74" s="6">
        <v>2580</v>
      </c>
      <c r="M74" s="6">
        <v>2385</v>
      </c>
      <c r="N74" s="6">
        <v>2199</v>
      </c>
      <c r="O74" s="6">
        <v>2596</v>
      </c>
      <c r="P74" s="6">
        <v>2975</v>
      </c>
      <c r="Q74" s="6">
        <v>2744</v>
      </c>
      <c r="R74" s="6">
        <v>1552</v>
      </c>
      <c r="S74" s="6">
        <v>371</v>
      </c>
      <c r="T74" s="6">
        <v>88</v>
      </c>
      <c r="U74" s="6">
        <v>23</v>
      </c>
      <c r="V74" s="10" t="s">
        <v>55</v>
      </c>
      <c r="W74" s="6">
        <v>1</v>
      </c>
      <c r="X74" s="6">
        <v>20471</v>
      </c>
      <c r="Y74" s="6">
        <v>4779</v>
      </c>
      <c r="Z74" s="6">
        <v>483</v>
      </c>
      <c r="AA74" s="6">
        <v>24</v>
      </c>
      <c r="AB74" s="6">
        <v>22813</v>
      </c>
      <c r="AC74" s="7">
        <v>49.319519999999997</v>
      </c>
    </row>
    <row r="75" spans="1:29">
      <c r="A75" s="9" t="s">
        <v>27</v>
      </c>
      <c r="B75" s="9" t="s">
        <v>57</v>
      </c>
      <c r="C75" s="9" t="s">
        <v>58</v>
      </c>
      <c r="D75" s="9" t="s">
        <v>53</v>
      </c>
      <c r="E75" s="9" t="s">
        <v>171</v>
      </c>
      <c r="F75" s="6">
        <v>2929</v>
      </c>
      <c r="G75" s="6">
        <v>190</v>
      </c>
      <c r="H75" s="6">
        <v>344</v>
      </c>
      <c r="I75" s="6">
        <v>207</v>
      </c>
      <c r="J75" s="6">
        <v>220</v>
      </c>
      <c r="K75" s="6">
        <v>278</v>
      </c>
      <c r="L75" s="6">
        <v>275</v>
      </c>
      <c r="M75" s="6">
        <v>289</v>
      </c>
      <c r="N75" s="6">
        <v>258</v>
      </c>
      <c r="O75" s="6">
        <v>214</v>
      </c>
      <c r="P75" s="6">
        <v>230</v>
      </c>
      <c r="Q75" s="6">
        <v>160</v>
      </c>
      <c r="R75" s="6">
        <v>160</v>
      </c>
      <c r="S75" s="6">
        <v>63</v>
      </c>
      <c r="T75" s="6">
        <v>25</v>
      </c>
      <c r="U75" s="6">
        <v>11</v>
      </c>
      <c r="V75" s="6">
        <v>5</v>
      </c>
      <c r="W75" s="10" t="s">
        <v>55</v>
      </c>
      <c r="X75" s="6">
        <v>2505</v>
      </c>
      <c r="Y75" s="6">
        <v>424</v>
      </c>
      <c r="Z75" s="6">
        <v>104</v>
      </c>
      <c r="AA75" s="6">
        <v>16</v>
      </c>
      <c r="AB75" s="6">
        <v>2475</v>
      </c>
      <c r="AC75" s="7">
        <v>44.61506</v>
      </c>
    </row>
    <row r="76" spans="1:29">
      <c r="A76" s="9" t="s">
        <v>27</v>
      </c>
      <c r="B76" s="9" t="s">
        <v>57</v>
      </c>
      <c r="C76" s="9" t="s">
        <v>58</v>
      </c>
      <c r="D76" s="9" t="s">
        <v>54</v>
      </c>
      <c r="E76" s="9" t="s">
        <v>6</v>
      </c>
      <c r="F76" s="6">
        <v>333726</v>
      </c>
      <c r="G76" s="6">
        <v>4954</v>
      </c>
      <c r="H76" s="6">
        <v>21969</v>
      </c>
      <c r="I76" s="6">
        <v>26460</v>
      </c>
      <c r="J76" s="6">
        <v>29080</v>
      </c>
      <c r="K76" s="6">
        <v>34014</v>
      </c>
      <c r="L76" s="6">
        <v>38187</v>
      </c>
      <c r="M76" s="6">
        <v>40873</v>
      </c>
      <c r="N76" s="6">
        <v>36919</v>
      </c>
      <c r="O76" s="6">
        <v>35964</v>
      </c>
      <c r="P76" s="6">
        <v>30454</v>
      </c>
      <c r="Q76" s="6">
        <v>20171</v>
      </c>
      <c r="R76" s="6">
        <v>10579</v>
      </c>
      <c r="S76" s="6">
        <v>2867</v>
      </c>
      <c r="T76" s="6">
        <v>890</v>
      </c>
      <c r="U76" s="6">
        <v>262</v>
      </c>
      <c r="V76" s="6">
        <v>68</v>
      </c>
      <c r="W76" s="6">
        <v>15</v>
      </c>
      <c r="X76" s="6">
        <v>298874</v>
      </c>
      <c r="Y76" s="6">
        <v>34852</v>
      </c>
      <c r="Z76" s="6">
        <v>4102</v>
      </c>
      <c r="AA76" s="6">
        <v>345</v>
      </c>
      <c r="AB76" s="6">
        <v>314091</v>
      </c>
      <c r="AC76" s="7">
        <v>46.316070000000003</v>
      </c>
    </row>
    <row r="77" spans="1:29">
      <c r="A77" s="9" t="s">
        <v>27</v>
      </c>
      <c r="B77" s="9" t="s">
        <v>57</v>
      </c>
      <c r="C77" s="9" t="s">
        <v>58</v>
      </c>
      <c r="D77" s="9" t="s">
        <v>54</v>
      </c>
      <c r="E77" s="9" t="s">
        <v>160</v>
      </c>
      <c r="F77" s="6">
        <v>2593</v>
      </c>
      <c r="G77" s="10" t="s">
        <v>55</v>
      </c>
      <c r="H77" s="6">
        <v>3</v>
      </c>
      <c r="I77" s="6">
        <v>13</v>
      </c>
      <c r="J77" s="6">
        <v>43</v>
      </c>
      <c r="K77" s="6">
        <v>95</v>
      </c>
      <c r="L77" s="6">
        <v>144</v>
      </c>
      <c r="M77" s="6">
        <v>231</v>
      </c>
      <c r="N77" s="6">
        <v>280</v>
      </c>
      <c r="O77" s="6">
        <v>371</v>
      </c>
      <c r="P77" s="6">
        <v>380</v>
      </c>
      <c r="Q77" s="6">
        <v>370</v>
      </c>
      <c r="R77" s="6">
        <v>310</v>
      </c>
      <c r="S77" s="6">
        <v>179</v>
      </c>
      <c r="T77" s="6">
        <v>108</v>
      </c>
      <c r="U77" s="6">
        <v>46</v>
      </c>
      <c r="V77" s="6">
        <v>14</v>
      </c>
      <c r="W77" s="6">
        <v>6</v>
      </c>
      <c r="X77" s="6">
        <v>1560</v>
      </c>
      <c r="Y77" s="6">
        <v>1033</v>
      </c>
      <c r="Z77" s="6">
        <v>353</v>
      </c>
      <c r="AA77" s="6">
        <v>66</v>
      </c>
      <c r="AB77" s="6">
        <v>1930</v>
      </c>
      <c r="AC77" s="7">
        <v>61.044930000000001</v>
      </c>
    </row>
    <row r="78" spans="1:29">
      <c r="A78" s="9" t="s">
        <v>27</v>
      </c>
      <c r="B78" s="9" t="s">
        <v>57</v>
      </c>
      <c r="C78" s="9" t="s">
        <v>58</v>
      </c>
      <c r="D78" s="9" t="s">
        <v>54</v>
      </c>
      <c r="E78" s="9" t="s">
        <v>161</v>
      </c>
      <c r="F78" s="6">
        <v>77955</v>
      </c>
      <c r="G78" s="6">
        <v>205</v>
      </c>
      <c r="H78" s="6">
        <v>5420</v>
      </c>
      <c r="I78" s="6">
        <v>8164</v>
      </c>
      <c r="J78" s="6">
        <v>8045</v>
      </c>
      <c r="K78" s="6">
        <v>9236</v>
      </c>
      <c r="L78" s="6">
        <v>9813</v>
      </c>
      <c r="M78" s="6">
        <v>9823</v>
      </c>
      <c r="N78" s="6">
        <v>9024</v>
      </c>
      <c r="O78" s="6">
        <v>8527</v>
      </c>
      <c r="P78" s="6">
        <v>6042</v>
      </c>
      <c r="Q78" s="6">
        <v>2504</v>
      </c>
      <c r="R78" s="6">
        <v>872</v>
      </c>
      <c r="S78" s="6">
        <v>198</v>
      </c>
      <c r="T78" s="6">
        <v>51</v>
      </c>
      <c r="U78" s="6">
        <v>19</v>
      </c>
      <c r="V78" s="6">
        <v>11</v>
      </c>
      <c r="W78" s="6">
        <v>1</v>
      </c>
      <c r="X78" s="6">
        <v>74299</v>
      </c>
      <c r="Y78" s="6">
        <v>3656</v>
      </c>
      <c r="Z78" s="6">
        <v>280</v>
      </c>
      <c r="AA78" s="6">
        <v>31</v>
      </c>
      <c r="AB78" s="6">
        <v>76598</v>
      </c>
      <c r="AC78" s="7">
        <v>44.098050000000001</v>
      </c>
    </row>
    <row r="79" spans="1:29">
      <c r="A79" s="9" t="s">
        <v>27</v>
      </c>
      <c r="B79" s="9" t="s">
        <v>57</v>
      </c>
      <c r="C79" s="9" t="s">
        <v>58</v>
      </c>
      <c r="D79" s="9" t="s">
        <v>54</v>
      </c>
      <c r="E79" s="9" t="s">
        <v>162</v>
      </c>
      <c r="F79" s="6">
        <v>87260</v>
      </c>
      <c r="G79" s="6">
        <v>615</v>
      </c>
      <c r="H79" s="6">
        <v>4222</v>
      </c>
      <c r="I79" s="6">
        <v>6731</v>
      </c>
      <c r="J79" s="6">
        <v>8108</v>
      </c>
      <c r="K79" s="6">
        <v>9949</v>
      </c>
      <c r="L79" s="6">
        <v>12135</v>
      </c>
      <c r="M79" s="6">
        <v>13331</v>
      </c>
      <c r="N79" s="6">
        <v>10894</v>
      </c>
      <c r="O79" s="6">
        <v>9152</v>
      </c>
      <c r="P79" s="6">
        <v>6192</v>
      </c>
      <c r="Q79" s="6">
        <v>3264</v>
      </c>
      <c r="R79" s="6">
        <v>1808</v>
      </c>
      <c r="S79" s="6">
        <v>574</v>
      </c>
      <c r="T79" s="6">
        <v>204</v>
      </c>
      <c r="U79" s="6">
        <v>67</v>
      </c>
      <c r="V79" s="6">
        <v>12</v>
      </c>
      <c r="W79" s="6">
        <v>2</v>
      </c>
      <c r="X79" s="6">
        <v>81329</v>
      </c>
      <c r="Y79" s="6">
        <v>5931</v>
      </c>
      <c r="Z79" s="6">
        <v>859</v>
      </c>
      <c r="AA79" s="6">
        <v>81</v>
      </c>
      <c r="AB79" s="6">
        <v>83978</v>
      </c>
      <c r="AC79" s="7">
        <v>45.627929999999999</v>
      </c>
    </row>
    <row r="80" spans="1:29">
      <c r="A80" s="9" t="s">
        <v>27</v>
      </c>
      <c r="B80" s="9" t="s">
        <v>57</v>
      </c>
      <c r="C80" s="9" t="s">
        <v>58</v>
      </c>
      <c r="D80" s="9" t="s">
        <v>54</v>
      </c>
      <c r="E80" s="9" t="s">
        <v>163</v>
      </c>
      <c r="F80" s="6">
        <v>38905</v>
      </c>
      <c r="G80" s="6">
        <v>1358</v>
      </c>
      <c r="H80" s="6">
        <v>3533</v>
      </c>
      <c r="I80" s="6">
        <v>3250</v>
      </c>
      <c r="J80" s="6">
        <v>3369</v>
      </c>
      <c r="K80" s="6">
        <v>3784</v>
      </c>
      <c r="L80" s="6">
        <v>3972</v>
      </c>
      <c r="M80" s="6">
        <v>4337</v>
      </c>
      <c r="N80" s="6">
        <v>4111</v>
      </c>
      <c r="O80" s="6">
        <v>4055</v>
      </c>
      <c r="P80" s="6">
        <v>3577</v>
      </c>
      <c r="Q80" s="6">
        <v>2136</v>
      </c>
      <c r="R80" s="6">
        <v>1000</v>
      </c>
      <c r="S80" s="6">
        <v>276</v>
      </c>
      <c r="T80" s="6">
        <v>102</v>
      </c>
      <c r="U80" s="6">
        <v>27</v>
      </c>
      <c r="V80" s="6">
        <v>16</v>
      </c>
      <c r="W80" s="6">
        <v>2</v>
      </c>
      <c r="X80" s="6">
        <v>35346</v>
      </c>
      <c r="Y80" s="6">
        <v>3559</v>
      </c>
      <c r="Z80" s="6">
        <v>423</v>
      </c>
      <c r="AA80" s="6">
        <v>45</v>
      </c>
      <c r="AB80" s="6">
        <v>36124</v>
      </c>
      <c r="AC80" s="7">
        <v>44.775309999999998</v>
      </c>
    </row>
    <row r="81" spans="1:29">
      <c r="A81" s="9" t="s">
        <v>27</v>
      </c>
      <c r="B81" s="9" t="s">
        <v>57</v>
      </c>
      <c r="C81" s="9" t="s">
        <v>58</v>
      </c>
      <c r="D81" s="9" t="s">
        <v>54</v>
      </c>
      <c r="E81" s="9" t="s">
        <v>164</v>
      </c>
      <c r="F81" s="6">
        <v>63948</v>
      </c>
      <c r="G81" s="6">
        <v>1717</v>
      </c>
      <c r="H81" s="6">
        <v>4497</v>
      </c>
      <c r="I81" s="6">
        <v>4043</v>
      </c>
      <c r="J81" s="6">
        <v>4773</v>
      </c>
      <c r="K81" s="6">
        <v>5720</v>
      </c>
      <c r="L81" s="6">
        <v>6220</v>
      </c>
      <c r="M81" s="6">
        <v>6504</v>
      </c>
      <c r="N81" s="6">
        <v>6318</v>
      </c>
      <c r="O81" s="6">
        <v>7098</v>
      </c>
      <c r="P81" s="6">
        <v>7302</v>
      </c>
      <c r="Q81" s="6">
        <v>5783</v>
      </c>
      <c r="R81" s="6">
        <v>3119</v>
      </c>
      <c r="S81" s="6">
        <v>680</v>
      </c>
      <c r="T81" s="6">
        <v>143</v>
      </c>
      <c r="U81" s="6">
        <v>24</v>
      </c>
      <c r="V81" s="6">
        <v>6</v>
      </c>
      <c r="W81" s="6">
        <v>1</v>
      </c>
      <c r="X81" s="6">
        <v>54192</v>
      </c>
      <c r="Y81" s="6">
        <v>9756</v>
      </c>
      <c r="Z81" s="6">
        <v>854</v>
      </c>
      <c r="AA81" s="6">
        <v>31</v>
      </c>
      <c r="AB81" s="6">
        <v>58258</v>
      </c>
      <c r="AC81" s="7">
        <v>47.926960000000001</v>
      </c>
    </row>
    <row r="82" spans="1:29">
      <c r="A82" s="9" t="s">
        <v>27</v>
      </c>
      <c r="B82" s="9" t="s">
        <v>57</v>
      </c>
      <c r="C82" s="9" t="s">
        <v>58</v>
      </c>
      <c r="D82" s="9" t="s">
        <v>54</v>
      </c>
      <c r="E82" s="9" t="s">
        <v>165</v>
      </c>
      <c r="F82" s="6">
        <v>1316</v>
      </c>
      <c r="G82" s="6">
        <v>94</v>
      </c>
      <c r="H82" s="6">
        <v>255</v>
      </c>
      <c r="I82" s="6">
        <v>194</v>
      </c>
      <c r="J82" s="6">
        <v>148</v>
      </c>
      <c r="K82" s="6">
        <v>116</v>
      </c>
      <c r="L82" s="6">
        <v>133</v>
      </c>
      <c r="M82" s="6">
        <v>148</v>
      </c>
      <c r="N82" s="6">
        <v>92</v>
      </c>
      <c r="O82" s="6">
        <v>49</v>
      </c>
      <c r="P82" s="6">
        <v>45</v>
      </c>
      <c r="Q82" s="6">
        <v>31</v>
      </c>
      <c r="R82" s="6">
        <v>10</v>
      </c>
      <c r="S82" s="6">
        <v>1</v>
      </c>
      <c r="T82" s="10" t="s">
        <v>55</v>
      </c>
      <c r="U82" s="10" t="s">
        <v>55</v>
      </c>
      <c r="V82" s="10" t="s">
        <v>55</v>
      </c>
      <c r="W82" s="10" t="s">
        <v>55</v>
      </c>
      <c r="X82" s="6">
        <v>1274</v>
      </c>
      <c r="Y82" s="6">
        <v>42</v>
      </c>
      <c r="Z82" s="6">
        <v>1</v>
      </c>
      <c r="AA82" s="10" t="s">
        <v>55</v>
      </c>
      <c r="AB82" s="6">
        <v>1211</v>
      </c>
      <c r="AC82" s="7">
        <v>36.518999999999998</v>
      </c>
    </row>
    <row r="83" spans="1:29">
      <c r="A83" s="9" t="s">
        <v>27</v>
      </c>
      <c r="B83" s="9" t="s">
        <v>57</v>
      </c>
      <c r="C83" s="9" t="s">
        <v>58</v>
      </c>
      <c r="D83" s="9" t="s">
        <v>54</v>
      </c>
      <c r="E83" s="9" t="s">
        <v>166</v>
      </c>
      <c r="F83" s="6">
        <v>6012</v>
      </c>
      <c r="G83" s="6">
        <v>75</v>
      </c>
      <c r="H83" s="6">
        <v>770</v>
      </c>
      <c r="I83" s="6">
        <v>777</v>
      </c>
      <c r="J83" s="6">
        <v>666</v>
      </c>
      <c r="K83" s="6">
        <v>567</v>
      </c>
      <c r="L83" s="6">
        <v>522</v>
      </c>
      <c r="M83" s="6">
        <v>439</v>
      </c>
      <c r="N83" s="6">
        <v>345</v>
      </c>
      <c r="O83" s="6">
        <v>393</v>
      </c>
      <c r="P83" s="6">
        <v>462</v>
      </c>
      <c r="Q83" s="6">
        <v>427</v>
      </c>
      <c r="R83" s="6">
        <v>359</v>
      </c>
      <c r="S83" s="6">
        <v>133</v>
      </c>
      <c r="T83" s="6">
        <v>59</v>
      </c>
      <c r="U83" s="6">
        <v>17</v>
      </c>
      <c r="V83" s="6">
        <v>1</v>
      </c>
      <c r="W83" s="10" t="s">
        <v>55</v>
      </c>
      <c r="X83" s="6">
        <v>5016</v>
      </c>
      <c r="Y83" s="6">
        <v>996</v>
      </c>
      <c r="Z83" s="6">
        <v>210</v>
      </c>
      <c r="AA83" s="6">
        <v>18</v>
      </c>
      <c r="AB83" s="6">
        <v>5368</v>
      </c>
      <c r="AC83" s="7">
        <v>44.383899999999997</v>
      </c>
    </row>
    <row r="84" spans="1:29">
      <c r="A84" s="9" t="s">
        <v>27</v>
      </c>
      <c r="B84" s="9" t="s">
        <v>57</v>
      </c>
      <c r="C84" s="9" t="s">
        <v>58</v>
      </c>
      <c r="D84" s="9" t="s">
        <v>54</v>
      </c>
      <c r="E84" s="9" t="s">
        <v>167</v>
      </c>
      <c r="F84" s="6">
        <v>28885</v>
      </c>
      <c r="G84" s="6">
        <v>500</v>
      </c>
      <c r="H84" s="6">
        <v>2265</v>
      </c>
      <c r="I84" s="6">
        <v>2268</v>
      </c>
      <c r="J84" s="6">
        <v>2550</v>
      </c>
      <c r="K84" s="6">
        <v>2774</v>
      </c>
      <c r="L84" s="6">
        <v>3027</v>
      </c>
      <c r="M84" s="6">
        <v>3342</v>
      </c>
      <c r="N84" s="6">
        <v>3055</v>
      </c>
      <c r="O84" s="6">
        <v>3128</v>
      </c>
      <c r="P84" s="6">
        <v>2819</v>
      </c>
      <c r="Q84" s="6">
        <v>1992</v>
      </c>
      <c r="R84" s="6">
        <v>901</v>
      </c>
      <c r="S84" s="6">
        <v>198</v>
      </c>
      <c r="T84" s="6">
        <v>55</v>
      </c>
      <c r="U84" s="6">
        <v>10</v>
      </c>
      <c r="V84" s="6">
        <v>1</v>
      </c>
      <c r="W84" s="10" t="s">
        <v>55</v>
      </c>
      <c r="X84" s="6">
        <v>25728</v>
      </c>
      <c r="Y84" s="6">
        <v>3157</v>
      </c>
      <c r="Z84" s="6">
        <v>264</v>
      </c>
      <c r="AA84" s="6">
        <v>11</v>
      </c>
      <c r="AB84" s="6">
        <v>27220</v>
      </c>
      <c r="AC84" s="7">
        <v>46.155529999999999</v>
      </c>
    </row>
    <row r="85" spans="1:29">
      <c r="A85" s="9" t="s">
        <v>27</v>
      </c>
      <c r="B85" s="9" t="s">
        <v>57</v>
      </c>
      <c r="C85" s="9" t="s">
        <v>58</v>
      </c>
      <c r="D85" s="9" t="s">
        <v>54</v>
      </c>
      <c r="E85" s="9" t="s">
        <v>168</v>
      </c>
      <c r="F85" s="6">
        <v>760</v>
      </c>
      <c r="G85" s="6">
        <v>7</v>
      </c>
      <c r="H85" s="6">
        <v>25</v>
      </c>
      <c r="I85" s="6">
        <v>39</v>
      </c>
      <c r="J85" s="6">
        <v>44</v>
      </c>
      <c r="K85" s="6">
        <v>73</v>
      </c>
      <c r="L85" s="6">
        <v>92</v>
      </c>
      <c r="M85" s="6">
        <v>129</v>
      </c>
      <c r="N85" s="6">
        <v>91</v>
      </c>
      <c r="O85" s="6">
        <v>92</v>
      </c>
      <c r="P85" s="6">
        <v>82</v>
      </c>
      <c r="Q85" s="6">
        <v>54</v>
      </c>
      <c r="R85" s="6">
        <v>20</v>
      </c>
      <c r="S85" s="6">
        <v>10</v>
      </c>
      <c r="T85" s="6">
        <v>2</v>
      </c>
      <c r="U85" s="10" t="s">
        <v>55</v>
      </c>
      <c r="V85" s="10" t="s">
        <v>55</v>
      </c>
      <c r="W85" s="10" t="s">
        <v>55</v>
      </c>
      <c r="X85" s="6">
        <v>674</v>
      </c>
      <c r="Y85" s="6">
        <v>86</v>
      </c>
      <c r="Z85" s="6">
        <v>12</v>
      </c>
      <c r="AA85" s="10" t="s">
        <v>55</v>
      </c>
      <c r="AB85" s="6">
        <v>721</v>
      </c>
      <c r="AC85" s="7">
        <v>48.984209999999997</v>
      </c>
    </row>
    <row r="86" spans="1:29">
      <c r="A86" s="9" t="s">
        <v>27</v>
      </c>
      <c r="B86" s="9" t="s">
        <v>57</v>
      </c>
      <c r="C86" s="9" t="s">
        <v>58</v>
      </c>
      <c r="D86" s="9" t="s">
        <v>54</v>
      </c>
      <c r="E86" s="9" t="s">
        <v>169</v>
      </c>
      <c r="F86" s="6">
        <v>824</v>
      </c>
      <c r="G86" s="6">
        <v>18</v>
      </c>
      <c r="H86" s="6">
        <v>94</v>
      </c>
      <c r="I86" s="6">
        <v>84</v>
      </c>
      <c r="J86" s="6">
        <v>75</v>
      </c>
      <c r="K86" s="6">
        <v>88</v>
      </c>
      <c r="L86" s="6">
        <v>82</v>
      </c>
      <c r="M86" s="6">
        <v>82</v>
      </c>
      <c r="N86" s="6">
        <v>67</v>
      </c>
      <c r="O86" s="6">
        <v>61</v>
      </c>
      <c r="P86" s="6">
        <v>52</v>
      </c>
      <c r="Q86" s="6">
        <v>71</v>
      </c>
      <c r="R86" s="6">
        <v>39</v>
      </c>
      <c r="S86" s="6">
        <v>10</v>
      </c>
      <c r="T86" s="6">
        <v>1</v>
      </c>
      <c r="U86" s="10" t="s">
        <v>55</v>
      </c>
      <c r="V86" s="10" t="s">
        <v>55</v>
      </c>
      <c r="W86" s="10" t="s">
        <v>55</v>
      </c>
      <c r="X86" s="6">
        <v>703</v>
      </c>
      <c r="Y86" s="6">
        <v>121</v>
      </c>
      <c r="Z86" s="6">
        <v>11</v>
      </c>
      <c r="AA86" s="10" t="s">
        <v>55</v>
      </c>
      <c r="AB86" s="6">
        <v>756</v>
      </c>
      <c r="AC86" s="7">
        <v>44.388350000000003</v>
      </c>
    </row>
    <row r="87" spans="1:29">
      <c r="A87" s="9" t="s">
        <v>27</v>
      </c>
      <c r="B87" s="9" t="s">
        <v>57</v>
      </c>
      <c r="C87" s="9" t="s">
        <v>58</v>
      </c>
      <c r="D87" s="9" t="s">
        <v>54</v>
      </c>
      <c r="E87" s="9" t="s">
        <v>170</v>
      </c>
      <c r="F87" s="6">
        <v>22412</v>
      </c>
      <c r="G87" s="6">
        <v>197</v>
      </c>
      <c r="H87" s="6">
        <v>584</v>
      </c>
      <c r="I87" s="6">
        <v>696</v>
      </c>
      <c r="J87" s="6">
        <v>1012</v>
      </c>
      <c r="K87" s="6">
        <v>1356</v>
      </c>
      <c r="L87" s="6">
        <v>1782</v>
      </c>
      <c r="M87" s="6">
        <v>2223</v>
      </c>
      <c r="N87" s="6">
        <v>2404</v>
      </c>
      <c r="O87" s="6">
        <v>2848</v>
      </c>
      <c r="P87" s="6">
        <v>3273</v>
      </c>
      <c r="Q87" s="6">
        <v>3355</v>
      </c>
      <c r="R87" s="6">
        <v>1999</v>
      </c>
      <c r="S87" s="6">
        <v>534</v>
      </c>
      <c r="T87" s="6">
        <v>120</v>
      </c>
      <c r="U87" s="6">
        <v>26</v>
      </c>
      <c r="V87" s="6">
        <v>3</v>
      </c>
      <c r="W87" s="10" t="s">
        <v>55</v>
      </c>
      <c r="X87" s="6">
        <v>16375</v>
      </c>
      <c r="Y87" s="6">
        <v>6037</v>
      </c>
      <c r="Z87" s="6">
        <v>683</v>
      </c>
      <c r="AA87" s="6">
        <v>29</v>
      </c>
      <c r="AB87" s="6">
        <v>19533</v>
      </c>
      <c r="AC87" s="7">
        <v>54.447659999999999</v>
      </c>
    </row>
    <row r="88" spans="1:29">
      <c r="A88" s="9" t="s">
        <v>27</v>
      </c>
      <c r="B88" s="9" t="s">
        <v>57</v>
      </c>
      <c r="C88" s="9" t="s">
        <v>58</v>
      </c>
      <c r="D88" s="9" t="s">
        <v>54</v>
      </c>
      <c r="E88" s="9" t="s">
        <v>171</v>
      </c>
      <c r="F88" s="6">
        <v>2856</v>
      </c>
      <c r="G88" s="6">
        <v>168</v>
      </c>
      <c r="H88" s="6">
        <v>301</v>
      </c>
      <c r="I88" s="6">
        <v>201</v>
      </c>
      <c r="J88" s="6">
        <v>247</v>
      </c>
      <c r="K88" s="6">
        <v>256</v>
      </c>
      <c r="L88" s="6">
        <v>265</v>
      </c>
      <c r="M88" s="6">
        <v>284</v>
      </c>
      <c r="N88" s="6">
        <v>238</v>
      </c>
      <c r="O88" s="6">
        <v>190</v>
      </c>
      <c r="P88" s="6">
        <v>228</v>
      </c>
      <c r="Q88" s="6">
        <v>184</v>
      </c>
      <c r="R88" s="6">
        <v>142</v>
      </c>
      <c r="S88" s="6">
        <v>74</v>
      </c>
      <c r="T88" s="6">
        <v>45</v>
      </c>
      <c r="U88" s="6">
        <v>26</v>
      </c>
      <c r="V88" s="6">
        <v>4</v>
      </c>
      <c r="W88" s="6">
        <v>3</v>
      </c>
      <c r="X88" s="6">
        <v>2378</v>
      </c>
      <c r="Y88" s="6">
        <v>478</v>
      </c>
      <c r="Z88" s="6">
        <v>152</v>
      </c>
      <c r="AA88" s="6">
        <v>33</v>
      </c>
      <c r="AB88" s="6">
        <v>2394</v>
      </c>
      <c r="AC88" s="7">
        <v>45.669469999999997</v>
      </c>
    </row>
    <row r="89" spans="1:29">
      <c r="A89" s="9" t="s">
        <v>56</v>
      </c>
      <c r="B89" s="9" t="s">
        <v>57</v>
      </c>
      <c r="C89" s="9" t="s">
        <v>59</v>
      </c>
      <c r="D89" s="9" t="s">
        <v>6</v>
      </c>
      <c r="E89" s="9" t="s">
        <v>6</v>
      </c>
      <c r="F89" s="6">
        <v>46011</v>
      </c>
      <c r="G89" s="6">
        <v>584</v>
      </c>
      <c r="H89" s="6">
        <v>2863</v>
      </c>
      <c r="I89" s="6">
        <v>3568</v>
      </c>
      <c r="J89" s="6">
        <v>3959</v>
      </c>
      <c r="K89" s="6">
        <v>4606</v>
      </c>
      <c r="L89" s="6">
        <v>5023</v>
      </c>
      <c r="M89" s="6">
        <v>5501</v>
      </c>
      <c r="N89" s="6">
        <v>5064</v>
      </c>
      <c r="O89" s="6">
        <v>5156</v>
      </c>
      <c r="P89" s="6">
        <v>4424</v>
      </c>
      <c r="Q89" s="6">
        <v>2954</v>
      </c>
      <c r="R89" s="6">
        <v>1666</v>
      </c>
      <c r="S89" s="6">
        <v>449</v>
      </c>
      <c r="T89" s="6">
        <v>145</v>
      </c>
      <c r="U89" s="6">
        <v>36</v>
      </c>
      <c r="V89" s="6">
        <v>12</v>
      </c>
      <c r="W89" s="6">
        <v>1</v>
      </c>
      <c r="X89" s="6">
        <v>40748</v>
      </c>
      <c r="Y89" s="6">
        <v>5263</v>
      </c>
      <c r="Z89" s="6">
        <v>643</v>
      </c>
      <c r="AA89" s="6">
        <v>49</v>
      </c>
      <c r="AB89" s="6">
        <v>43118</v>
      </c>
      <c r="AC89" s="7">
        <v>46.915419999999997</v>
      </c>
    </row>
    <row r="90" spans="1:29">
      <c r="A90" s="9" t="s">
        <v>56</v>
      </c>
      <c r="B90" s="9" t="s">
        <v>57</v>
      </c>
      <c r="C90" s="9" t="s">
        <v>59</v>
      </c>
      <c r="D90" s="9" t="s">
        <v>6</v>
      </c>
      <c r="E90" s="9" t="s">
        <v>160</v>
      </c>
      <c r="F90" s="6">
        <v>1021</v>
      </c>
      <c r="G90" s="10" t="s">
        <v>55</v>
      </c>
      <c r="H90" s="10" t="s">
        <v>55</v>
      </c>
      <c r="I90" s="6">
        <v>5</v>
      </c>
      <c r="J90" s="6">
        <v>15</v>
      </c>
      <c r="K90" s="6">
        <v>34</v>
      </c>
      <c r="L90" s="6">
        <v>52</v>
      </c>
      <c r="M90" s="6">
        <v>79</v>
      </c>
      <c r="N90" s="6">
        <v>116</v>
      </c>
      <c r="O90" s="6">
        <v>188</v>
      </c>
      <c r="P90" s="6">
        <v>154</v>
      </c>
      <c r="Q90" s="6">
        <v>144</v>
      </c>
      <c r="R90" s="6">
        <v>118</v>
      </c>
      <c r="S90" s="6">
        <v>65</v>
      </c>
      <c r="T90" s="6">
        <v>36</v>
      </c>
      <c r="U90" s="6">
        <v>9</v>
      </c>
      <c r="V90" s="6">
        <v>5</v>
      </c>
      <c r="W90" s="6">
        <v>1</v>
      </c>
      <c r="X90" s="6">
        <v>643</v>
      </c>
      <c r="Y90" s="6">
        <v>378</v>
      </c>
      <c r="Z90" s="6">
        <v>116</v>
      </c>
      <c r="AA90" s="6">
        <v>15</v>
      </c>
      <c r="AB90" s="6">
        <v>787</v>
      </c>
      <c r="AC90" s="7">
        <v>60.799709999999997</v>
      </c>
    </row>
    <row r="91" spans="1:29">
      <c r="A91" s="9" t="s">
        <v>56</v>
      </c>
      <c r="B91" s="9" t="s">
        <v>57</v>
      </c>
      <c r="C91" s="9" t="s">
        <v>59</v>
      </c>
      <c r="D91" s="9" t="s">
        <v>6</v>
      </c>
      <c r="E91" s="9" t="s">
        <v>161</v>
      </c>
      <c r="F91" s="6">
        <v>7830</v>
      </c>
      <c r="G91" s="6">
        <v>31</v>
      </c>
      <c r="H91" s="6">
        <v>455</v>
      </c>
      <c r="I91" s="6">
        <v>703</v>
      </c>
      <c r="J91" s="6">
        <v>791</v>
      </c>
      <c r="K91" s="6">
        <v>885</v>
      </c>
      <c r="L91" s="6">
        <v>984</v>
      </c>
      <c r="M91" s="6">
        <v>1005</v>
      </c>
      <c r="N91" s="6">
        <v>943</v>
      </c>
      <c r="O91" s="6">
        <v>923</v>
      </c>
      <c r="P91" s="6">
        <v>625</v>
      </c>
      <c r="Q91" s="6">
        <v>267</v>
      </c>
      <c r="R91" s="6">
        <v>153</v>
      </c>
      <c r="S91" s="6">
        <v>47</v>
      </c>
      <c r="T91" s="6">
        <v>13</v>
      </c>
      <c r="U91" s="6">
        <v>5</v>
      </c>
      <c r="V91" s="10" t="s">
        <v>55</v>
      </c>
      <c r="W91" s="10" t="s">
        <v>55</v>
      </c>
      <c r="X91" s="6">
        <v>7345</v>
      </c>
      <c r="Y91" s="6">
        <v>485</v>
      </c>
      <c r="Z91" s="6">
        <v>65</v>
      </c>
      <c r="AA91" s="6">
        <v>5</v>
      </c>
      <c r="AB91" s="6">
        <v>7581</v>
      </c>
      <c r="AC91" s="7">
        <v>45.259</v>
      </c>
    </row>
    <row r="92" spans="1:29">
      <c r="A92" s="9" t="s">
        <v>56</v>
      </c>
      <c r="B92" s="9" t="s">
        <v>57</v>
      </c>
      <c r="C92" s="9" t="s">
        <v>59</v>
      </c>
      <c r="D92" s="9" t="s">
        <v>6</v>
      </c>
      <c r="E92" s="9" t="s">
        <v>162</v>
      </c>
      <c r="F92" s="6">
        <v>8724</v>
      </c>
      <c r="G92" s="6">
        <v>68</v>
      </c>
      <c r="H92" s="6">
        <v>369</v>
      </c>
      <c r="I92" s="6">
        <v>592</v>
      </c>
      <c r="J92" s="6">
        <v>715</v>
      </c>
      <c r="K92" s="6">
        <v>959</v>
      </c>
      <c r="L92" s="6">
        <v>1074</v>
      </c>
      <c r="M92" s="6">
        <v>1326</v>
      </c>
      <c r="N92" s="6">
        <v>1171</v>
      </c>
      <c r="O92" s="6">
        <v>1018</v>
      </c>
      <c r="P92" s="6">
        <v>776</v>
      </c>
      <c r="Q92" s="6">
        <v>349</v>
      </c>
      <c r="R92" s="6">
        <v>220</v>
      </c>
      <c r="S92" s="6">
        <v>58</v>
      </c>
      <c r="T92" s="6">
        <v>24</v>
      </c>
      <c r="U92" s="6">
        <v>4</v>
      </c>
      <c r="V92" s="6">
        <v>1</v>
      </c>
      <c r="W92" s="10" t="s">
        <v>55</v>
      </c>
      <c r="X92" s="6">
        <v>8068</v>
      </c>
      <c r="Y92" s="6">
        <v>656</v>
      </c>
      <c r="Z92" s="6">
        <v>87</v>
      </c>
      <c r="AA92" s="6">
        <v>5</v>
      </c>
      <c r="AB92" s="6">
        <v>8349</v>
      </c>
      <c r="AC92" s="7">
        <v>46.852589999999999</v>
      </c>
    </row>
    <row r="93" spans="1:29">
      <c r="A93" s="9" t="s">
        <v>56</v>
      </c>
      <c r="B93" s="9" t="s">
        <v>57</v>
      </c>
      <c r="C93" s="9" t="s">
        <v>59</v>
      </c>
      <c r="D93" s="9" t="s">
        <v>6</v>
      </c>
      <c r="E93" s="9" t="s">
        <v>163</v>
      </c>
      <c r="F93" s="6">
        <v>4561</v>
      </c>
      <c r="G93" s="6">
        <v>120</v>
      </c>
      <c r="H93" s="6">
        <v>323</v>
      </c>
      <c r="I93" s="6">
        <v>325</v>
      </c>
      <c r="J93" s="6">
        <v>419</v>
      </c>
      <c r="K93" s="6">
        <v>475</v>
      </c>
      <c r="L93" s="6">
        <v>475</v>
      </c>
      <c r="M93" s="6">
        <v>542</v>
      </c>
      <c r="N93" s="6">
        <v>462</v>
      </c>
      <c r="O93" s="6">
        <v>487</v>
      </c>
      <c r="P93" s="6">
        <v>468</v>
      </c>
      <c r="Q93" s="6">
        <v>263</v>
      </c>
      <c r="R93" s="6">
        <v>138</v>
      </c>
      <c r="S93" s="6">
        <v>41</v>
      </c>
      <c r="T93" s="6">
        <v>19</v>
      </c>
      <c r="U93" s="6">
        <v>4</v>
      </c>
      <c r="V93" s="10" t="s">
        <v>55</v>
      </c>
      <c r="W93" s="10" t="s">
        <v>55</v>
      </c>
      <c r="X93" s="6">
        <v>4096</v>
      </c>
      <c r="Y93" s="6">
        <v>465</v>
      </c>
      <c r="Z93" s="6">
        <v>64</v>
      </c>
      <c r="AA93" s="6">
        <v>4</v>
      </c>
      <c r="AB93" s="6">
        <v>4239</v>
      </c>
      <c r="AC93" s="7">
        <v>46.041989999999998</v>
      </c>
    </row>
    <row r="94" spans="1:29">
      <c r="A94" s="9" t="s">
        <v>56</v>
      </c>
      <c r="B94" s="9" t="s">
        <v>57</v>
      </c>
      <c r="C94" s="9" t="s">
        <v>59</v>
      </c>
      <c r="D94" s="9" t="s">
        <v>6</v>
      </c>
      <c r="E94" s="9" t="s">
        <v>164</v>
      </c>
      <c r="F94" s="6">
        <v>5821</v>
      </c>
      <c r="G94" s="6">
        <v>117</v>
      </c>
      <c r="H94" s="6">
        <v>353</v>
      </c>
      <c r="I94" s="6">
        <v>396</v>
      </c>
      <c r="J94" s="6">
        <v>505</v>
      </c>
      <c r="K94" s="6">
        <v>602</v>
      </c>
      <c r="L94" s="6">
        <v>640</v>
      </c>
      <c r="M94" s="6">
        <v>618</v>
      </c>
      <c r="N94" s="6">
        <v>583</v>
      </c>
      <c r="O94" s="6">
        <v>620</v>
      </c>
      <c r="P94" s="6">
        <v>578</v>
      </c>
      <c r="Q94" s="6">
        <v>470</v>
      </c>
      <c r="R94" s="6">
        <v>267</v>
      </c>
      <c r="S94" s="6">
        <v>59</v>
      </c>
      <c r="T94" s="6">
        <v>7</v>
      </c>
      <c r="U94" s="6">
        <v>3</v>
      </c>
      <c r="V94" s="6">
        <v>3</v>
      </c>
      <c r="W94" s="10" t="s">
        <v>55</v>
      </c>
      <c r="X94" s="6">
        <v>5012</v>
      </c>
      <c r="Y94" s="6">
        <v>809</v>
      </c>
      <c r="Z94" s="6">
        <v>72</v>
      </c>
      <c r="AA94" s="6">
        <v>6</v>
      </c>
      <c r="AB94" s="6">
        <v>5365</v>
      </c>
      <c r="AC94" s="7">
        <v>47.334560000000003</v>
      </c>
    </row>
    <row r="95" spans="1:29">
      <c r="A95" s="9" t="s">
        <v>56</v>
      </c>
      <c r="B95" s="9" t="s">
        <v>57</v>
      </c>
      <c r="C95" s="9" t="s">
        <v>59</v>
      </c>
      <c r="D95" s="9" t="s">
        <v>6</v>
      </c>
      <c r="E95" s="9" t="s">
        <v>165</v>
      </c>
      <c r="F95" s="6">
        <v>722</v>
      </c>
      <c r="G95" s="6">
        <v>5</v>
      </c>
      <c r="H95" s="6">
        <v>55</v>
      </c>
      <c r="I95" s="6">
        <v>79</v>
      </c>
      <c r="J95" s="6">
        <v>72</v>
      </c>
      <c r="K95" s="6">
        <v>65</v>
      </c>
      <c r="L95" s="6">
        <v>71</v>
      </c>
      <c r="M95" s="6">
        <v>64</v>
      </c>
      <c r="N95" s="6">
        <v>41</v>
      </c>
      <c r="O95" s="6">
        <v>67</v>
      </c>
      <c r="P95" s="6">
        <v>90</v>
      </c>
      <c r="Q95" s="6">
        <v>66</v>
      </c>
      <c r="R95" s="6">
        <v>37</v>
      </c>
      <c r="S95" s="6">
        <v>9</v>
      </c>
      <c r="T95" s="6">
        <v>1</v>
      </c>
      <c r="U95" s="10" t="s">
        <v>55</v>
      </c>
      <c r="V95" s="10" t="s">
        <v>55</v>
      </c>
      <c r="W95" s="10" t="s">
        <v>55</v>
      </c>
      <c r="X95" s="6">
        <v>609</v>
      </c>
      <c r="Y95" s="6">
        <v>113</v>
      </c>
      <c r="Z95" s="6">
        <v>10</v>
      </c>
      <c r="AA95" s="10" t="s">
        <v>55</v>
      </c>
      <c r="AB95" s="6">
        <v>670</v>
      </c>
      <c r="AC95" s="7">
        <v>46.822710000000001</v>
      </c>
    </row>
    <row r="96" spans="1:29">
      <c r="A96" s="9" t="s">
        <v>56</v>
      </c>
      <c r="B96" s="9" t="s">
        <v>57</v>
      </c>
      <c r="C96" s="9" t="s">
        <v>59</v>
      </c>
      <c r="D96" s="9" t="s">
        <v>6</v>
      </c>
      <c r="E96" s="9" t="s">
        <v>166</v>
      </c>
      <c r="F96" s="6">
        <v>2066</v>
      </c>
      <c r="G96" s="6">
        <v>28</v>
      </c>
      <c r="H96" s="6">
        <v>429</v>
      </c>
      <c r="I96" s="6">
        <v>453</v>
      </c>
      <c r="J96" s="6">
        <v>292</v>
      </c>
      <c r="K96" s="6">
        <v>164</v>
      </c>
      <c r="L96" s="6">
        <v>132</v>
      </c>
      <c r="M96" s="6">
        <v>94</v>
      </c>
      <c r="N96" s="6">
        <v>65</v>
      </c>
      <c r="O96" s="6">
        <v>86</v>
      </c>
      <c r="P96" s="6">
        <v>106</v>
      </c>
      <c r="Q96" s="6">
        <v>112</v>
      </c>
      <c r="R96" s="6">
        <v>72</v>
      </c>
      <c r="S96" s="6">
        <v>21</v>
      </c>
      <c r="T96" s="6">
        <v>9</v>
      </c>
      <c r="U96" s="6">
        <v>3</v>
      </c>
      <c r="V96" s="10" t="s">
        <v>55</v>
      </c>
      <c r="W96" s="10" t="s">
        <v>55</v>
      </c>
      <c r="X96" s="6">
        <v>1849</v>
      </c>
      <c r="Y96" s="6">
        <v>217</v>
      </c>
      <c r="Z96" s="6">
        <v>33</v>
      </c>
      <c r="AA96" s="6">
        <v>3</v>
      </c>
      <c r="AB96" s="6">
        <v>1933</v>
      </c>
      <c r="AC96" s="7">
        <v>38.045499999999997</v>
      </c>
    </row>
    <row r="97" spans="1:29">
      <c r="A97" s="9" t="s">
        <v>56</v>
      </c>
      <c r="B97" s="9" t="s">
        <v>57</v>
      </c>
      <c r="C97" s="9" t="s">
        <v>59</v>
      </c>
      <c r="D97" s="9" t="s">
        <v>6</v>
      </c>
      <c r="E97" s="9" t="s">
        <v>167</v>
      </c>
      <c r="F97" s="6">
        <v>6805</v>
      </c>
      <c r="G97" s="6">
        <v>133</v>
      </c>
      <c r="H97" s="6">
        <v>563</v>
      </c>
      <c r="I97" s="6">
        <v>567</v>
      </c>
      <c r="J97" s="6">
        <v>578</v>
      </c>
      <c r="K97" s="6">
        <v>732</v>
      </c>
      <c r="L97" s="6">
        <v>753</v>
      </c>
      <c r="M97" s="6">
        <v>917</v>
      </c>
      <c r="N97" s="6">
        <v>724</v>
      </c>
      <c r="O97" s="6">
        <v>749</v>
      </c>
      <c r="P97" s="6">
        <v>526</v>
      </c>
      <c r="Q97" s="6">
        <v>350</v>
      </c>
      <c r="R97" s="6">
        <v>157</v>
      </c>
      <c r="S97" s="6">
        <v>40</v>
      </c>
      <c r="T97" s="6">
        <v>11</v>
      </c>
      <c r="U97" s="6">
        <v>3</v>
      </c>
      <c r="V97" s="6">
        <v>2</v>
      </c>
      <c r="W97" s="10" t="s">
        <v>55</v>
      </c>
      <c r="X97" s="6">
        <v>6242</v>
      </c>
      <c r="Y97" s="6">
        <v>563</v>
      </c>
      <c r="Z97" s="6">
        <v>56</v>
      </c>
      <c r="AA97" s="6">
        <v>5</v>
      </c>
      <c r="AB97" s="6">
        <v>6459</v>
      </c>
      <c r="AC97" s="7">
        <v>44.903379999999999</v>
      </c>
    </row>
    <row r="98" spans="1:29">
      <c r="A98" s="9" t="s">
        <v>56</v>
      </c>
      <c r="B98" s="9" t="s">
        <v>57</v>
      </c>
      <c r="C98" s="9" t="s">
        <v>59</v>
      </c>
      <c r="D98" s="9" t="s">
        <v>6</v>
      </c>
      <c r="E98" s="9" t="s">
        <v>168</v>
      </c>
      <c r="F98" s="6">
        <v>2138</v>
      </c>
      <c r="G98" s="6">
        <v>7</v>
      </c>
      <c r="H98" s="6">
        <v>43</v>
      </c>
      <c r="I98" s="6">
        <v>83</v>
      </c>
      <c r="J98" s="6">
        <v>101</v>
      </c>
      <c r="K98" s="6">
        <v>164</v>
      </c>
      <c r="L98" s="6">
        <v>207</v>
      </c>
      <c r="M98" s="6">
        <v>246</v>
      </c>
      <c r="N98" s="6">
        <v>314</v>
      </c>
      <c r="O98" s="6">
        <v>317</v>
      </c>
      <c r="P98" s="6">
        <v>302</v>
      </c>
      <c r="Q98" s="6">
        <v>216</v>
      </c>
      <c r="R98" s="6">
        <v>118</v>
      </c>
      <c r="S98" s="6">
        <v>18</v>
      </c>
      <c r="T98" s="6">
        <v>2</v>
      </c>
      <c r="U98" s="10" t="s">
        <v>55</v>
      </c>
      <c r="V98" s="10" t="s">
        <v>55</v>
      </c>
      <c r="W98" s="10" t="s">
        <v>55</v>
      </c>
      <c r="X98" s="6">
        <v>1784</v>
      </c>
      <c r="Y98" s="6">
        <v>354</v>
      </c>
      <c r="Z98" s="6">
        <v>20</v>
      </c>
      <c r="AA98" s="10" t="s">
        <v>55</v>
      </c>
      <c r="AB98" s="6">
        <v>1993</v>
      </c>
      <c r="AC98" s="7">
        <v>52.154820000000001</v>
      </c>
    </row>
    <row r="99" spans="1:29">
      <c r="A99" s="9" t="s">
        <v>56</v>
      </c>
      <c r="B99" s="9" t="s">
        <v>57</v>
      </c>
      <c r="C99" s="9" t="s">
        <v>59</v>
      </c>
      <c r="D99" s="9" t="s">
        <v>6</v>
      </c>
      <c r="E99" s="9" t="s">
        <v>169</v>
      </c>
      <c r="F99" s="6">
        <v>2136</v>
      </c>
      <c r="G99" s="6">
        <v>38</v>
      </c>
      <c r="H99" s="6">
        <v>119</v>
      </c>
      <c r="I99" s="6">
        <v>150</v>
      </c>
      <c r="J99" s="6">
        <v>186</v>
      </c>
      <c r="K99" s="6">
        <v>193</v>
      </c>
      <c r="L99" s="6">
        <v>229</v>
      </c>
      <c r="M99" s="6">
        <v>187</v>
      </c>
      <c r="N99" s="6">
        <v>211</v>
      </c>
      <c r="O99" s="6">
        <v>211</v>
      </c>
      <c r="P99" s="6">
        <v>253</v>
      </c>
      <c r="Q99" s="6">
        <v>224</v>
      </c>
      <c r="R99" s="6">
        <v>109</v>
      </c>
      <c r="S99" s="6">
        <v>20</v>
      </c>
      <c r="T99" s="6">
        <v>5</v>
      </c>
      <c r="U99" s="6">
        <v>1</v>
      </c>
      <c r="V99" s="10" t="s">
        <v>55</v>
      </c>
      <c r="W99" s="10" t="s">
        <v>55</v>
      </c>
      <c r="X99" s="6">
        <v>1777</v>
      </c>
      <c r="Y99" s="6">
        <v>359</v>
      </c>
      <c r="Z99" s="6">
        <v>26</v>
      </c>
      <c r="AA99" s="6">
        <v>1</v>
      </c>
      <c r="AB99" s="6">
        <v>1963</v>
      </c>
      <c r="AC99" s="7">
        <v>48.444760000000002</v>
      </c>
    </row>
    <row r="100" spans="1:29">
      <c r="A100" s="9" t="s">
        <v>56</v>
      </c>
      <c r="B100" s="9" t="s">
        <v>57</v>
      </c>
      <c r="C100" s="9" t="s">
        <v>59</v>
      </c>
      <c r="D100" s="9" t="s">
        <v>6</v>
      </c>
      <c r="E100" s="9" t="s">
        <v>170</v>
      </c>
      <c r="F100" s="6">
        <v>4053</v>
      </c>
      <c r="G100" s="6">
        <v>30</v>
      </c>
      <c r="H100" s="6">
        <v>144</v>
      </c>
      <c r="I100" s="6">
        <v>202</v>
      </c>
      <c r="J100" s="6">
        <v>273</v>
      </c>
      <c r="K100" s="6">
        <v>315</v>
      </c>
      <c r="L100" s="6">
        <v>400</v>
      </c>
      <c r="M100" s="6">
        <v>412</v>
      </c>
      <c r="N100" s="6">
        <v>426</v>
      </c>
      <c r="O100" s="6">
        <v>478</v>
      </c>
      <c r="P100" s="6">
        <v>530</v>
      </c>
      <c r="Q100" s="6">
        <v>481</v>
      </c>
      <c r="R100" s="6">
        <v>273</v>
      </c>
      <c r="S100" s="6">
        <v>68</v>
      </c>
      <c r="T100" s="6">
        <v>16</v>
      </c>
      <c r="U100" s="6">
        <v>4</v>
      </c>
      <c r="V100" s="6">
        <v>1</v>
      </c>
      <c r="W100" s="10" t="s">
        <v>55</v>
      </c>
      <c r="X100" s="6">
        <v>3210</v>
      </c>
      <c r="Y100" s="6">
        <v>843</v>
      </c>
      <c r="Z100" s="6">
        <v>89</v>
      </c>
      <c r="AA100" s="6">
        <v>5</v>
      </c>
      <c r="AB100" s="6">
        <v>3661</v>
      </c>
      <c r="AC100" s="7">
        <v>51.509129999999999</v>
      </c>
    </row>
    <row r="101" spans="1:29">
      <c r="A101" s="9" t="s">
        <v>56</v>
      </c>
      <c r="B101" s="9" t="s">
        <v>57</v>
      </c>
      <c r="C101" s="9" t="s">
        <v>59</v>
      </c>
      <c r="D101" s="9" t="s">
        <v>6</v>
      </c>
      <c r="E101" s="9" t="s">
        <v>171</v>
      </c>
      <c r="F101" s="6">
        <v>134</v>
      </c>
      <c r="G101" s="6">
        <v>7</v>
      </c>
      <c r="H101" s="6">
        <v>10</v>
      </c>
      <c r="I101" s="6">
        <v>13</v>
      </c>
      <c r="J101" s="6">
        <v>12</v>
      </c>
      <c r="K101" s="6">
        <v>18</v>
      </c>
      <c r="L101" s="6">
        <v>6</v>
      </c>
      <c r="M101" s="6">
        <v>11</v>
      </c>
      <c r="N101" s="6">
        <v>8</v>
      </c>
      <c r="O101" s="6">
        <v>12</v>
      </c>
      <c r="P101" s="6">
        <v>16</v>
      </c>
      <c r="Q101" s="6">
        <v>12</v>
      </c>
      <c r="R101" s="6">
        <v>4</v>
      </c>
      <c r="S101" s="6">
        <v>3</v>
      </c>
      <c r="T101" s="6">
        <v>2</v>
      </c>
      <c r="U101" s="10" t="s">
        <v>55</v>
      </c>
      <c r="V101" s="10" t="s">
        <v>55</v>
      </c>
      <c r="W101" s="10" t="s">
        <v>55</v>
      </c>
      <c r="X101" s="6">
        <v>113</v>
      </c>
      <c r="Y101" s="6">
        <v>21</v>
      </c>
      <c r="Z101" s="6">
        <v>5</v>
      </c>
      <c r="AA101" s="10" t="s">
        <v>55</v>
      </c>
      <c r="AB101" s="6">
        <v>118</v>
      </c>
      <c r="AC101" s="7">
        <v>46.044780000000003</v>
      </c>
    </row>
    <row r="102" spans="1:29">
      <c r="A102" s="9" t="s">
        <v>56</v>
      </c>
      <c r="B102" s="9" t="s">
        <v>57</v>
      </c>
      <c r="C102" s="9" t="s">
        <v>59</v>
      </c>
      <c r="D102" s="9" t="s">
        <v>53</v>
      </c>
      <c r="E102" s="9" t="s">
        <v>6</v>
      </c>
      <c r="F102" s="6">
        <v>22828</v>
      </c>
      <c r="G102" s="6">
        <v>316</v>
      </c>
      <c r="H102" s="6">
        <v>1277</v>
      </c>
      <c r="I102" s="6">
        <v>1665</v>
      </c>
      <c r="J102" s="6">
        <v>1945</v>
      </c>
      <c r="K102" s="6">
        <v>2243</v>
      </c>
      <c r="L102" s="6">
        <v>2482</v>
      </c>
      <c r="M102" s="6">
        <v>2714</v>
      </c>
      <c r="N102" s="6">
        <v>2478</v>
      </c>
      <c r="O102" s="6">
        <v>2610</v>
      </c>
      <c r="P102" s="6">
        <v>2345</v>
      </c>
      <c r="Q102" s="6">
        <v>1522</v>
      </c>
      <c r="R102" s="6">
        <v>886</v>
      </c>
      <c r="S102" s="6">
        <v>239</v>
      </c>
      <c r="T102" s="6">
        <v>82</v>
      </c>
      <c r="U102" s="6">
        <v>18</v>
      </c>
      <c r="V102" s="6">
        <v>6</v>
      </c>
      <c r="W102" s="10" t="s">
        <v>55</v>
      </c>
      <c r="X102" s="6">
        <v>20075</v>
      </c>
      <c r="Y102" s="6">
        <v>2753</v>
      </c>
      <c r="Z102" s="6">
        <v>345</v>
      </c>
      <c r="AA102" s="6">
        <v>24</v>
      </c>
      <c r="AB102" s="6">
        <v>21281</v>
      </c>
      <c r="AC102" s="7">
        <v>47.432450000000003</v>
      </c>
    </row>
    <row r="103" spans="1:29">
      <c r="A103" s="9" t="s">
        <v>56</v>
      </c>
      <c r="B103" s="9" t="s">
        <v>57</v>
      </c>
      <c r="C103" s="9" t="s">
        <v>59</v>
      </c>
      <c r="D103" s="9" t="s">
        <v>53</v>
      </c>
      <c r="E103" s="9" t="s">
        <v>160</v>
      </c>
      <c r="F103" s="6">
        <v>842</v>
      </c>
      <c r="G103" s="10" t="s">
        <v>55</v>
      </c>
      <c r="H103" s="10" t="s">
        <v>55</v>
      </c>
      <c r="I103" s="6">
        <v>4</v>
      </c>
      <c r="J103" s="6">
        <v>13</v>
      </c>
      <c r="K103" s="6">
        <v>30</v>
      </c>
      <c r="L103" s="6">
        <v>43</v>
      </c>
      <c r="M103" s="6">
        <v>67</v>
      </c>
      <c r="N103" s="6">
        <v>101</v>
      </c>
      <c r="O103" s="6">
        <v>157</v>
      </c>
      <c r="P103" s="6">
        <v>129</v>
      </c>
      <c r="Q103" s="6">
        <v>114</v>
      </c>
      <c r="R103" s="6">
        <v>98</v>
      </c>
      <c r="S103" s="6">
        <v>53</v>
      </c>
      <c r="T103" s="6">
        <v>24</v>
      </c>
      <c r="U103" s="6">
        <v>7</v>
      </c>
      <c r="V103" s="6">
        <v>2</v>
      </c>
      <c r="W103" s="10" t="s">
        <v>55</v>
      </c>
      <c r="X103" s="6">
        <v>544</v>
      </c>
      <c r="Y103" s="6">
        <v>298</v>
      </c>
      <c r="Z103" s="6">
        <v>86</v>
      </c>
      <c r="AA103" s="6">
        <v>9</v>
      </c>
      <c r="AB103" s="6">
        <v>658</v>
      </c>
      <c r="AC103" s="7">
        <v>60.34798</v>
      </c>
    </row>
    <row r="104" spans="1:29">
      <c r="A104" s="9" t="s">
        <v>56</v>
      </c>
      <c r="B104" s="9" t="s">
        <v>57</v>
      </c>
      <c r="C104" s="9" t="s">
        <v>59</v>
      </c>
      <c r="D104" s="9" t="s">
        <v>53</v>
      </c>
      <c r="E104" s="9" t="s">
        <v>161</v>
      </c>
      <c r="F104" s="6">
        <v>2868</v>
      </c>
      <c r="G104" s="6">
        <v>18</v>
      </c>
      <c r="H104" s="6">
        <v>128</v>
      </c>
      <c r="I104" s="6">
        <v>239</v>
      </c>
      <c r="J104" s="6">
        <v>303</v>
      </c>
      <c r="K104" s="6">
        <v>313</v>
      </c>
      <c r="L104" s="6">
        <v>371</v>
      </c>
      <c r="M104" s="6">
        <v>354</v>
      </c>
      <c r="N104" s="6">
        <v>311</v>
      </c>
      <c r="O104" s="6">
        <v>344</v>
      </c>
      <c r="P104" s="6">
        <v>243</v>
      </c>
      <c r="Q104" s="6">
        <v>119</v>
      </c>
      <c r="R104" s="6">
        <v>84</v>
      </c>
      <c r="S104" s="6">
        <v>26</v>
      </c>
      <c r="T104" s="6">
        <v>12</v>
      </c>
      <c r="U104" s="6">
        <v>3</v>
      </c>
      <c r="V104" s="10" t="s">
        <v>55</v>
      </c>
      <c r="W104" s="10" t="s">
        <v>55</v>
      </c>
      <c r="X104" s="6">
        <v>2624</v>
      </c>
      <c r="Y104" s="6">
        <v>244</v>
      </c>
      <c r="Z104" s="6">
        <v>41</v>
      </c>
      <c r="AA104" s="6">
        <v>3</v>
      </c>
      <c r="AB104" s="6">
        <v>2725</v>
      </c>
      <c r="AC104" s="7">
        <v>46.218269999999997</v>
      </c>
    </row>
    <row r="105" spans="1:29">
      <c r="A105" s="9" t="s">
        <v>56</v>
      </c>
      <c r="B105" s="9" t="s">
        <v>57</v>
      </c>
      <c r="C105" s="9" t="s">
        <v>59</v>
      </c>
      <c r="D105" s="9" t="s">
        <v>53</v>
      </c>
      <c r="E105" s="9" t="s">
        <v>162</v>
      </c>
      <c r="F105" s="6">
        <v>3067</v>
      </c>
      <c r="G105" s="6">
        <v>22</v>
      </c>
      <c r="H105" s="6">
        <v>109</v>
      </c>
      <c r="I105" s="6">
        <v>191</v>
      </c>
      <c r="J105" s="6">
        <v>226</v>
      </c>
      <c r="K105" s="6">
        <v>273</v>
      </c>
      <c r="L105" s="6">
        <v>322</v>
      </c>
      <c r="M105" s="6">
        <v>509</v>
      </c>
      <c r="N105" s="6">
        <v>422</v>
      </c>
      <c r="O105" s="6">
        <v>400</v>
      </c>
      <c r="P105" s="6">
        <v>345</v>
      </c>
      <c r="Q105" s="6">
        <v>136</v>
      </c>
      <c r="R105" s="6">
        <v>80</v>
      </c>
      <c r="S105" s="6">
        <v>24</v>
      </c>
      <c r="T105" s="6">
        <v>7</v>
      </c>
      <c r="U105" s="10" t="s">
        <v>55</v>
      </c>
      <c r="V105" s="6">
        <v>1</v>
      </c>
      <c r="W105" s="10" t="s">
        <v>55</v>
      </c>
      <c r="X105" s="6">
        <v>2819</v>
      </c>
      <c r="Y105" s="6">
        <v>248</v>
      </c>
      <c r="Z105" s="6">
        <v>32</v>
      </c>
      <c r="AA105" s="6">
        <v>1</v>
      </c>
      <c r="AB105" s="6">
        <v>2933</v>
      </c>
      <c r="AC105" s="7">
        <v>48.196770000000001</v>
      </c>
    </row>
    <row r="106" spans="1:29">
      <c r="A106" s="9" t="s">
        <v>56</v>
      </c>
      <c r="B106" s="9" t="s">
        <v>57</v>
      </c>
      <c r="C106" s="9" t="s">
        <v>59</v>
      </c>
      <c r="D106" s="9" t="s">
        <v>53</v>
      </c>
      <c r="E106" s="9" t="s">
        <v>163</v>
      </c>
      <c r="F106" s="6">
        <v>2021</v>
      </c>
      <c r="G106" s="6">
        <v>48</v>
      </c>
      <c r="H106" s="6">
        <v>130</v>
      </c>
      <c r="I106" s="6">
        <v>139</v>
      </c>
      <c r="J106" s="6">
        <v>208</v>
      </c>
      <c r="K106" s="6">
        <v>225</v>
      </c>
      <c r="L106" s="6">
        <v>218</v>
      </c>
      <c r="M106" s="6">
        <v>237</v>
      </c>
      <c r="N106" s="6">
        <v>195</v>
      </c>
      <c r="O106" s="6">
        <v>205</v>
      </c>
      <c r="P106" s="6">
        <v>213</v>
      </c>
      <c r="Q106" s="6">
        <v>106</v>
      </c>
      <c r="R106" s="6">
        <v>65</v>
      </c>
      <c r="S106" s="6">
        <v>20</v>
      </c>
      <c r="T106" s="6">
        <v>10</v>
      </c>
      <c r="U106" s="6">
        <v>2</v>
      </c>
      <c r="V106" s="10" t="s">
        <v>55</v>
      </c>
      <c r="W106" s="10" t="s">
        <v>55</v>
      </c>
      <c r="X106" s="6">
        <v>1818</v>
      </c>
      <c r="Y106" s="6">
        <v>203</v>
      </c>
      <c r="Z106" s="6">
        <v>32</v>
      </c>
      <c r="AA106" s="6">
        <v>2</v>
      </c>
      <c r="AB106" s="6">
        <v>1876</v>
      </c>
      <c r="AC106" s="7">
        <v>46.03389</v>
      </c>
    </row>
    <row r="107" spans="1:29">
      <c r="A107" s="9" t="s">
        <v>56</v>
      </c>
      <c r="B107" s="9" t="s">
        <v>57</v>
      </c>
      <c r="C107" s="9" t="s">
        <v>59</v>
      </c>
      <c r="D107" s="9" t="s">
        <v>53</v>
      </c>
      <c r="E107" s="9" t="s">
        <v>164</v>
      </c>
      <c r="F107" s="6">
        <v>1480</v>
      </c>
      <c r="G107" s="6">
        <v>48</v>
      </c>
      <c r="H107" s="6">
        <v>116</v>
      </c>
      <c r="I107" s="6">
        <v>149</v>
      </c>
      <c r="J107" s="6">
        <v>156</v>
      </c>
      <c r="K107" s="6">
        <v>196</v>
      </c>
      <c r="L107" s="6">
        <v>183</v>
      </c>
      <c r="M107" s="6">
        <v>136</v>
      </c>
      <c r="N107" s="6">
        <v>119</v>
      </c>
      <c r="O107" s="6">
        <v>109</v>
      </c>
      <c r="P107" s="6">
        <v>115</v>
      </c>
      <c r="Q107" s="6">
        <v>93</v>
      </c>
      <c r="R107" s="6">
        <v>48</v>
      </c>
      <c r="S107" s="6">
        <v>10</v>
      </c>
      <c r="T107" s="6">
        <v>1</v>
      </c>
      <c r="U107" s="10" t="s">
        <v>55</v>
      </c>
      <c r="V107" s="6">
        <v>1</v>
      </c>
      <c r="W107" s="10" t="s">
        <v>55</v>
      </c>
      <c r="X107" s="6">
        <v>1327</v>
      </c>
      <c r="Y107" s="6">
        <v>153</v>
      </c>
      <c r="Z107" s="6">
        <v>12</v>
      </c>
      <c r="AA107" s="6">
        <v>1</v>
      </c>
      <c r="AB107" s="6">
        <v>1372</v>
      </c>
      <c r="AC107" s="7">
        <v>43.647300000000001</v>
      </c>
    </row>
    <row r="108" spans="1:29">
      <c r="A108" s="9" t="s">
        <v>56</v>
      </c>
      <c r="B108" s="9" t="s">
        <v>57</v>
      </c>
      <c r="C108" s="9" t="s">
        <v>59</v>
      </c>
      <c r="D108" s="9" t="s">
        <v>53</v>
      </c>
      <c r="E108" s="9" t="s">
        <v>165</v>
      </c>
      <c r="F108" s="6">
        <v>683</v>
      </c>
      <c r="G108" s="6">
        <v>3</v>
      </c>
      <c r="H108" s="6">
        <v>50</v>
      </c>
      <c r="I108" s="6">
        <v>68</v>
      </c>
      <c r="J108" s="6">
        <v>68</v>
      </c>
      <c r="K108" s="6">
        <v>62</v>
      </c>
      <c r="L108" s="6">
        <v>69</v>
      </c>
      <c r="M108" s="6">
        <v>61</v>
      </c>
      <c r="N108" s="6">
        <v>40</v>
      </c>
      <c r="O108" s="6">
        <v>66</v>
      </c>
      <c r="P108" s="6">
        <v>87</v>
      </c>
      <c r="Q108" s="6">
        <v>65</v>
      </c>
      <c r="R108" s="6">
        <v>34</v>
      </c>
      <c r="S108" s="6">
        <v>9</v>
      </c>
      <c r="T108" s="6">
        <v>1</v>
      </c>
      <c r="U108" s="10" t="s">
        <v>55</v>
      </c>
      <c r="V108" s="10" t="s">
        <v>55</v>
      </c>
      <c r="W108" s="10" t="s">
        <v>55</v>
      </c>
      <c r="X108" s="6">
        <v>574</v>
      </c>
      <c r="Y108" s="6">
        <v>109</v>
      </c>
      <c r="Z108" s="6">
        <v>10</v>
      </c>
      <c r="AA108" s="10" t="s">
        <v>55</v>
      </c>
      <c r="AB108" s="6">
        <v>636</v>
      </c>
      <c r="AC108" s="7">
        <v>47.308199999999999</v>
      </c>
    </row>
    <row r="109" spans="1:29">
      <c r="A109" s="9" t="s">
        <v>56</v>
      </c>
      <c r="B109" s="9" t="s">
        <v>57</v>
      </c>
      <c r="C109" s="9" t="s">
        <v>59</v>
      </c>
      <c r="D109" s="9" t="s">
        <v>53</v>
      </c>
      <c r="E109" s="9" t="s">
        <v>166</v>
      </c>
      <c r="F109" s="6">
        <v>580</v>
      </c>
      <c r="G109" s="6">
        <v>9</v>
      </c>
      <c r="H109" s="6">
        <v>78</v>
      </c>
      <c r="I109" s="6">
        <v>76</v>
      </c>
      <c r="J109" s="6">
        <v>64</v>
      </c>
      <c r="K109" s="6">
        <v>39</v>
      </c>
      <c r="L109" s="6">
        <v>49</v>
      </c>
      <c r="M109" s="6">
        <v>29</v>
      </c>
      <c r="N109" s="6">
        <v>33</v>
      </c>
      <c r="O109" s="6">
        <v>44</v>
      </c>
      <c r="P109" s="6">
        <v>53</v>
      </c>
      <c r="Q109" s="6">
        <v>56</v>
      </c>
      <c r="R109" s="6">
        <v>35</v>
      </c>
      <c r="S109" s="6">
        <v>9</v>
      </c>
      <c r="T109" s="6">
        <v>5</v>
      </c>
      <c r="U109" s="6">
        <v>1</v>
      </c>
      <c r="V109" s="10" t="s">
        <v>55</v>
      </c>
      <c r="W109" s="10" t="s">
        <v>55</v>
      </c>
      <c r="X109" s="6">
        <v>474</v>
      </c>
      <c r="Y109" s="6">
        <v>106</v>
      </c>
      <c r="Z109" s="6">
        <v>15</v>
      </c>
      <c r="AA109" s="6">
        <v>1</v>
      </c>
      <c r="AB109" s="6">
        <v>521</v>
      </c>
      <c r="AC109" s="7">
        <v>45.032760000000003</v>
      </c>
    </row>
    <row r="110" spans="1:29">
      <c r="A110" s="9" t="s">
        <v>56</v>
      </c>
      <c r="B110" s="9" t="s">
        <v>57</v>
      </c>
      <c r="C110" s="9" t="s">
        <v>59</v>
      </c>
      <c r="D110" s="9" t="s">
        <v>53</v>
      </c>
      <c r="E110" s="9" t="s">
        <v>167</v>
      </c>
      <c r="F110" s="6">
        <v>4943</v>
      </c>
      <c r="G110" s="6">
        <v>100</v>
      </c>
      <c r="H110" s="6">
        <v>411</v>
      </c>
      <c r="I110" s="6">
        <v>439</v>
      </c>
      <c r="J110" s="6">
        <v>450</v>
      </c>
      <c r="K110" s="6">
        <v>553</v>
      </c>
      <c r="L110" s="6">
        <v>560</v>
      </c>
      <c r="M110" s="6">
        <v>689</v>
      </c>
      <c r="N110" s="6">
        <v>527</v>
      </c>
      <c r="O110" s="6">
        <v>546</v>
      </c>
      <c r="P110" s="6">
        <v>360</v>
      </c>
      <c r="Q110" s="6">
        <v>178</v>
      </c>
      <c r="R110" s="6">
        <v>98</v>
      </c>
      <c r="S110" s="6">
        <v>21</v>
      </c>
      <c r="T110" s="6">
        <v>7</v>
      </c>
      <c r="U110" s="6">
        <v>2</v>
      </c>
      <c r="V110" s="6">
        <v>2</v>
      </c>
      <c r="W110" s="10" t="s">
        <v>55</v>
      </c>
      <c r="X110" s="6">
        <v>4635</v>
      </c>
      <c r="Y110" s="6">
        <v>308</v>
      </c>
      <c r="Z110" s="6">
        <v>32</v>
      </c>
      <c r="AA110" s="6">
        <v>4</v>
      </c>
      <c r="AB110" s="6">
        <v>4713</v>
      </c>
      <c r="AC110" s="7">
        <v>44.135039999999996</v>
      </c>
    </row>
    <row r="111" spans="1:29">
      <c r="A111" s="9" t="s">
        <v>56</v>
      </c>
      <c r="B111" s="9" t="s">
        <v>57</v>
      </c>
      <c r="C111" s="9" t="s">
        <v>59</v>
      </c>
      <c r="D111" s="9" t="s">
        <v>53</v>
      </c>
      <c r="E111" s="9" t="s">
        <v>168</v>
      </c>
      <c r="F111" s="6">
        <v>2094</v>
      </c>
      <c r="G111" s="6">
        <v>6</v>
      </c>
      <c r="H111" s="6">
        <v>41</v>
      </c>
      <c r="I111" s="6">
        <v>82</v>
      </c>
      <c r="J111" s="6">
        <v>98</v>
      </c>
      <c r="K111" s="6">
        <v>160</v>
      </c>
      <c r="L111" s="6">
        <v>205</v>
      </c>
      <c r="M111" s="6">
        <v>235</v>
      </c>
      <c r="N111" s="6">
        <v>306</v>
      </c>
      <c r="O111" s="6">
        <v>310</v>
      </c>
      <c r="P111" s="6">
        <v>298</v>
      </c>
      <c r="Q111" s="6">
        <v>215</v>
      </c>
      <c r="R111" s="6">
        <v>118</v>
      </c>
      <c r="S111" s="6">
        <v>18</v>
      </c>
      <c r="T111" s="6">
        <v>2</v>
      </c>
      <c r="U111" s="10" t="s">
        <v>55</v>
      </c>
      <c r="V111" s="10" t="s">
        <v>55</v>
      </c>
      <c r="W111" s="10" t="s">
        <v>55</v>
      </c>
      <c r="X111" s="6">
        <v>1741</v>
      </c>
      <c r="Y111" s="6">
        <v>353</v>
      </c>
      <c r="Z111" s="6">
        <v>20</v>
      </c>
      <c r="AA111" s="10" t="s">
        <v>55</v>
      </c>
      <c r="AB111" s="6">
        <v>1950</v>
      </c>
      <c r="AC111" s="7">
        <v>52.260739999999998</v>
      </c>
    </row>
    <row r="112" spans="1:29">
      <c r="A112" s="9" t="s">
        <v>56</v>
      </c>
      <c r="B112" s="9" t="s">
        <v>57</v>
      </c>
      <c r="C112" s="9" t="s">
        <v>59</v>
      </c>
      <c r="D112" s="9" t="s">
        <v>53</v>
      </c>
      <c r="E112" s="9" t="s">
        <v>169</v>
      </c>
      <c r="F112" s="6">
        <v>2089</v>
      </c>
      <c r="G112" s="6">
        <v>38</v>
      </c>
      <c r="H112" s="6">
        <v>114</v>
      </c>
      <c r="I112" s="6">
        <v>145</v>
      </c>
      <c r="J112" s="6">
        <v>183</v>
      </c>
      <c r="K112" s="6">
        <v>188</v>
      </c>
      <c r="L112" s="6">
        <v>224</v>
      </c>
      <c r="M112" s="6">
        <v>183</v>
      </c>
      <c r="N112" s="6">
        <v>206</v>
      </c>
      <c r="O112" s="6">
        <v>206</v>
      </c>
      <c r="P112" s="6">
        <v>250</v>
      </c>
      <c r="Q112" s="6">
        <v>220</v>
      </c>
      <c r="R112" s="6">
        <v>107</v>
      </c>
      <c r="S112" s="6">
        <v>19</v>
      </c>
      <c r="T112" s="6">
        <v>5</v>
      </c>
      <c r="U112" s="6">
        <v>1</v>
      </c>
      <c r="V112" s="10" t="s">
        <v>55</v>
      </c>
      <c r="W112" s="10" t="s">
        <v>55</v>
      </c>
      <c r="X112" s="6">
        <v>1737</v>
      </c>
      <c r="Y112" s="6">
        <v>352</v>
      </c>
      <c r="Z112" s="6">
        <v>25</v>
      </c>
      <c r="AA112" s="6">
        <v>1</v>
      </c>
      <c r="AB112" s="6">
        <v>1919</v>
      </c>
      <c r="AC112" s="7">
        <v>48.508139999999997</v>
      </c>
    </row>
    <row r="113" spans="1:29">
      <c r="A113" s="9" t="s">
        <v>56</v>
      </c>
      <c r="B113" s="9" t="s">
        <v>57</v>
      </c>
      <c r="C113" s="9" t="s">
        <v>59</v>
      </c>
      <c r="D113" s="9" t="s">
        <v>53</v>
      </c>
      <c r="E113" s="9" t="s">
        <v>170</v>
      </c>
      <c r="F113" s="6">
        <v>2084</v>
      </c>
      <c r="G113" s="6">
        <v>21</v>
      </c>
      <c r="H113" s="6">
        <v>96</v>
      </c>
      <c r="I113" s="6">
        <v>125</v>
      </c>
      <c r="J113" s="6">
        <v>167</v>
      </c>
      <c r="K113" s="6">
        <v>194</v>
      </c>
      <c r="L113" s="6">
        <v>235</v>
      </c>
      <c r="M113" s="6">
        <v>211</v>
      </c>
      <c r="N113" s="6">
        <v>212</v>
      </c>
      <c r="O113" s="6">
        <v>215</v>
      </c>
      <c r="P113" s="6">
        <v>242</v>
      </c>
      <c r="Q113" s="6">
        <v>212</v>
      </c>
      <c r="R113" s="6">
        <v>116</v>
      </c>
      <c r="S113" s="6">
        <v>29</v>
      </c>
      <c r="T113" s="6">
        <v>7</v>
      </c>
      <c r="U113" s="6">
        <v>2</v>
      </c>
      <c r="V113" s="10" t="s">
        <v>55</v>
      </c>
      <c r="W113" s="10" t="s">
        <v>55</v>
      </c>
      <c r="X113" s="6">
        <v>1718</v>
      </c>
      <c r="Y113" s="6">
        <v>366</v>
      </c>
      <c r="Z113" s="6">
        <v>38</v>
      </c>
      <c r="AA113" s="6">
        <v>2</v>
      </c>
      <c r="AB113" s="6">
        <v>1909</v>
      </c>
      <c r="AC113" s="7">
        <v>49.421309999999998</v>
      </c>
    </row>
    <row r="114" spans="1:29">
      <c r="A114" s="9" t="s">
        <v>56</v>
      </c>
      <c r="B114" s="9" t="s">
        <v>57</v>
      </c>
      <c r="C114" s="9" t="s">
        <v>59</v>
      </c>
      <c r="D114" s="9" t="s">
        <v>53</v>
      </c>
      <c r="E114" s="9" t="s">
        <v>171</v>
      </c>
      <c r="F114" s="6">
        <v>77</v>
      </c>
      <c r="G114" s="6">
        <v>3</v>
      </c>
      <c r="H114" s="6">
        <v>4</v>
      </c>
      <c r="I114" s="6">
        <v>8</v>
      </c>
      <c r="J114" s="6">
        <v>9</v>
      </c>
      <c r="K114" s="6">
        <v>10</v>
      </c>
      <c r="L114" s="6">
        <v>3</v>
      </c>
      <c r="M114" s="6">
        <v>3</v>
      </c>
      <c r="N114" s="6">
        <v>6</v>
      </c>
      <c r="O114" s="6">
        <v>8</v>
      </c>
      <c r="P114" s="6">
        <v>10</v>
      </c>
      <c r="Q114" s="6">
        <v>8</v>
      </c>
      <c r="R114" s="6">
        <v>3</v>
      </c>
      <c r="S114" s="6">
        <v>1</v>
      </c>
      <c r="T114" s="6">
        <v>1</v>
      </c>
      <c r="U114" s="10" t="s">
        <v>55</v>
      </c>
      <c r="V114" s="10" t="s">
        <v>55</v>
      </c>
      <c r="W114" s="10" t="s">
        <v>55</v>
      </c>
      <c r="X114" s="6">
        <v>64</v>
      </c>
      <c r="Y114" s="6">
        <v>13</v>
      </c>
      <c r="Z114" s="6">
        <v>2</v>
      </c>
      <c r="AA114" s="10" t="s">
        <v>55</v>
      </c>
      <c r="AB114" s="6">
        <v>69</v>
      </c>
      <c r="AC114" s="7">
        <v>46.980519999999999</v>
      </c>
    </row>
    <row r="115" spans="1:29">
      <c r="A115" s="9" t="s">
        <v>56</v>
      </c>
      <c r="B115" s="9" t="s">
        <v>57</v>
      </c>
      <c r="C115" s="9" t="s">
        <v>59</v>
      </c>
      <c r="D115" s="9" t="s">
        <v>54</v>
      </c>
      <c r="E115" s="9" t="s">
        <v>6</v>
      </c>
      <c r="F115" s="6">
        <v>23183</v>
      </c>
      <c r="G115" s="6">
        <v>268</v>
      </c>
      <c r="H115" s="6">
        <v>1586</v>
      </c>
      <c r="I115" s="6">
        <v>1903</v>
      </c>
      <c r="J115" s="6">
        <v>2014</v>
      </c>
      <c r="K115" s="6">
        <v>2363</v>
      </c>
      <c r="L115" s="6">
        <v>2541</v>
      </c>
      <c r="M115" s="6">
        <v>2787</v>
      </c>
      <c r="N115" s="6">
        <v>2586</v>
      </c>
      <c r="O115" s="6">
        <v>2546</v>
      </c>
      <c r="P115" s="6">
        <v>2079</v>
      </c>
      <c r="Q115" s="6">
        <v>1432</v>
      </c>
      <c r="R115" s="6">
        <v>780</v>
      </c>
      <c r="S115" s="6">
        <v>210</v>
      </c>
      <c r="T115" s="6">
        <v>63</v>
      </c>
      <c r="U115" s="6">
        <v>18</v>
      </c>
      <c r="V115" s="6">
        <v>6</v>
      </c>
      <c r="W115" s="6">
        <v>1</v>
      </c>
      <c r="X115" s="6">
        <v>20673</v>
      </c>
      <c r="Y115" s="6">
        <v>2510</v>
      </c>
      <c r="Z115" s="6">
        <v>298</v>
      </c>
      <c r="AA115" s="6">
        <v>25</v>
      </c>
      <c r="AB115" s="6">
        <v>21837</v>
      </c>
      <c r="AC115" s="7">
        <v>46.406309999999998</v>
      </c>
    </row>
    <row r="116" spans="1:29">
      <c r="A116" s="9" t="s">
        <v>56</v>
      </c>
      <c r="B116" s="9" t="s">
        <v>57</v>
      </c>
      <c r="C116" s="9" t="s">
        <v>59</v>
      </c>
      <c r="D116" s="9" t="s">
        <v>54</v>
      </c>
      <c r="E116" s="9" t="s">
        <v>160</v>
      </c>
      <c r="F116" s="6">
        <v>179</v>
      </c>
      <c r="G116" s="10" t="s">
        <v>55</v>
      </c>
      <c r="H116" s="10" t="s">
        <v>55</v>
      </c>
      <c r="I116" s="6">
        <v>1</v>
      </c>
      <c r="J116" s="6">
        <v>2</v>
      </c>
      <c r="K116" s="6">
        <v>4</v>
      </c>
      <c r="L116" s="6">
        <v>9</v>
      </c>
      <c r="M116" s="6">
        <v>12</v>
      </c>
      <c r="N116" s="6">
        <v>15</v>
      </c>
      <c r="O116" s="6">
        <v>31</v>
      </c>
      <c r="P116" s="6">
        <v>25</v>
      </c>
      <c r="Q116" s="6">
        <v>30</v>
      </c>
      <c r="R116" s="6">
        <v>20</v>
      </c>
      <c r="S116" s="6">
        <v>12</v>
      </c>
      <c r="T116" s="6">
        <v>12</v>
      </c>
      <c r="U116" s="6">
        <v>2</v>
      </c>
      <c r="V116" s="6">
        <v>3</v>
      </c>
      <c r="W116" s="6">
        <v>1</v>
      </c>
      <c r="X116" s="6">
        <v>99</v>
      </c>
      <c r="Y116" s="6">
        <v>80</v>
      </c>
      <c r="Z116" s="6">
        <v>30</v>
      </c>
      <c r="AA116" s="6">
        <v>6</v>
      </c>
      <c r="AB116" s="6">
        <v>129</v>
      </c>
      <c r="AC116" s="7">
        <v>62.924579999999999</v>
      </c>
    </row>
    <row r="117" spans="1:29">
      <c r="A117" s="9" t="s">
        <v>56</v>
      </c>
      <c r="B117" s="9" t="s">
        <v>57</v>
      </c>
      <c r="C117" s="9" t="s">
        <v>59</v>
      </c>
      <c r="D117" s="9" t="s">
        <v>54</v>
      </c>
      <c r="E117" s="9" t="s">
        <v>161</v>
      </c>
      <c r="F117" s="6">
        <v>4962</v>
      </c>
      <c r="G117" s="6">
        <v>13</v>
      </c>
      <c r="H117" s="6">
        <v>327</v>
      </c>
      <c r="I117" s="6">
        <v>464</v>
      </c>
      <c r="J117" s="6">
        <v>488</v>
      </c>
      <c r="K117" s="6">
        <v>572</v>
      </c>
      <c r="L117" s="6">
        <v>613</v>
      </c>
      <c r="M117" s="6">
        <v>651</v>
      </c>
      <c r="N117" s="6">
        <v>632</v>
      </c>
      <c r="O117" s="6">
        <v>579</v>
      </c>
      <c r="P117" s="6">
        <v>382</v>
      </c>
      <c r="Q117" s="6">
        <v>148</v>
      </c>
      <c r="R117" s="6">
        <v>69</v>
      </c>
      <c r="S117" s="6">
        <v>21</v>
      </c>
      <c r="T117" s="6">
        <v>1</v>
      </c>
      <c r="U117" s="6">
        <v>2</v>
      </c>
      <c r="V117" s="10" t="s">
        <v>55</v>
      </c>
      <c r="W117" s="10" t="s">
        <v>55</v>
      </c>
      <c r="X117" s="6">
        <v>4721</v>
      </c>
      <c r="Y117" s="6">
        <v>241</v>
      </c>
      <c r="Z117" s="6">
        <v>24</v>
      </c>
      <c r="AA117" s="6">
        <v>2</v>
      </c>
      <c r="AB117" s="6">
        <v>4856</v>
      </c>
      <c r="AC117" s="7">
        <v>44.704549999999998</v>
      </c>
    </row>
    <row r="118" spans="1:29">
      <c r="A118" s="9" t="s">
        <v>56</v>
      </c>
      <c r="B118" s="9" t="s">
        <v>57</v>
      </c>
      <c r="C118" s="9" t="s">
        <v>59</v>
      </c>
      <c r="D118" s="9" t="s">
        <v>54</v>
      </c>
      <c r="E118" s="9" t="s">
        <v>162</v>
      </c>
      <c r="F118" s="6">
        <v>5657</v>
      </c>
      <c r="G118" s="6">
        <v>46</v>
      </c>
      <c r="H118" s="6">
        <v>260</v>
      </c>
      <c r="I118" s="6">
        <v>401</v>
      </c>
      <c r="J118" s="6">
        <v>489</v>
      </c>
      <c r="K118" s="6">
        <v>686</v>
      </c>
      <c r="L118" s="6">
        <v>752</v>
      </c>
      <c r="M118" s="6">
        <v>817</v>
      </c>
      <c r="N118" s="6">
        <v>749</v>
      </c>
      <c r="O118" s="6">
        <v>618</v>
      </c>
      <c r="P118" s="6">
        <v>431</v>
      </c>
      <c r="Q118" s="6">
        <v>213</v>
      </c>
      <c r="R118" s="6">
        <v>140</v>
      </c>
      <c r="S118" s="6">
        <v>34</v>
      </c>
      <c r="T118" s="6">
        <v>17</v>
      </c>
      <c r="U118" s="6">
        <v>4</v>
      </c>
      <c r="V118" s="10" t="s">
        <v>55</v>
      </c>
      <c r="W118" s="10" t="s">
        <v>55</v>
      </c>
      <c r="X118" s="6">
        <v>5249</v>
      </c>
      <c r="Y118" s="6">
        <v>408</v>
      </c>
      <c r="Z118" s="6">
        <v>55</v>
      </c>
      <c r="AA118" s="6">
        <v>4</v>
      </c>
      <c r="AB118" s="6">
        <v>5416</v>
      </c>
      <c r="AC118" s="7">
        <v>46.123829999999998</v>
      </c>
    </row>
    <row r="119" spans="1:29">
      <c r="A119" s="9" t="s">
        <v>56</v>
      </c>
      <c r="B119" s="9" t="s">
        <v>57</v>
      </c>
      <c r="C119" s="9" t="s">
        <v>59</v>
      </c>
      <c r="D119" s="9" t="s">
        <v>54</v>
      </c>
      <c r="E119" s="9" t="s">
        <v>163</v>
      </c>
      <c r="F119" s="6">
        <v>2540</v>
      </c>
      <c r="G119" s="6">
        <v>72</v>
      </c>
      <c r="H119" s="6">
        <v>193</v>
      </c>
      <c r="I119" s="6">
        <v>186</v>
      </c>
      <c r="J119" s="6">
        <v>211</v>
      </c>
      <c r="K119" s="6">
        <v>250</v>
      </c>
      <c r="L119" s="6">
        <v>257</v>
      </c>
      <c r="M119" s="6">
        <v>305</v>
      </c>
      <c r="N119" s="6">
        <v>267</v>
      </c>
      <c r="O119" s="6">
        <v>282</v>
      </c>
      <c r="P119" s="6">
        <v>255</v>
      </c>
      <c r="Q119" s="6">
        <v>157</v>
      </c>
      <c r="R119" s="6">
        <v>73</v>
      </c>
      <c r="S119" s="6">
        <v>21</v>
      </c>
      <c r="T119" s="6">
        <v>9</v>
      </c>
      <c r="U119" s="6">
        <v>2</v>
      </c>
      <c r="V119" s="10" t="s">
        <v>55</v>
      </c>
      <c r="W119" s="10" t="s">
        <v>55</v>
      </c>
      <c r="X119" s="6">
        <v>2278</v>
      </c>
      <c r="Y119" s="6">
        <v>262</v>
      </c>
      <c r="Z119" s="6">
        <v>32</v>
      </c>
      <c r="AA119" s="6">
        <v>2</v>
      </c>
      <c r="AB119" s="6">
        <v>2363</v>
      </c>
      <c r="AC119" s="7">
        <v>46.048430000000003</v>
      </c>
    </row>
    <row r="120" spans="1:29">
      <c r="A120" s="9" t="s">
        <v>56</v>
      </c>
      <c r="B120" s="9" t="s">
        <v>57</v>
      </c>
      <c r="C120" s="9" t="s">
        <v>59</v>
      </c>
      <c r="D120" s="9" t="s">
        <v>54</v>
      </c>
      <c r="E120" s="9" t="s">
        <v>164</v>
      </c>
      <c r="F120" s="6">
        <v>4341</v>
      </c>
      <c r="G120" s="6">
        <v>69</v>
      </c>
      <c r="H120" s="6">
        <v>237</v>
      </c>
      <c r="I120" s="6">
        <v>247</v>
      </c>
      <c r="J120" s="6">
        <v>349</v>
      </c>
      <c r="K120" s="6">
        <v>406</v>
      </c>
      <c r="L120" s="6">
        <v>457</v>
      </c>
      <c r="M120" s="6">
        <v>482</v>
      </c>
      <c r="N120" s="6">
        <v>464</v>
      </c>
      <c r="O120" s="6">
        <v>511</v>
      </c>
      <c r="P120" s="6">
        <v>463</v>
      </c>
      <c r="Q120" s="6">
        <v>377</v>
      </c>
      <c r="R120" s="6">
        <v>219</v>
      </c>
      <c r="S120" s="6">
        <v>49</v>
      </c>
      <c r="T120" s="6">
        <v>6</v>
      </c>
      <c r="U120" s="6">
        <v>3</v>
      </c>
      <c r="V120" s="6">
        <v>2</v>
      </c>
      <c r="W120" s="10" t="s">
        <v>55</v>
      </c>
      <c r="X120" s="6">
        <v>3685</v>
      </c>
      <c r="Y120" s="6">
        <v>656</v>
      </c>
      <c r="Z120" s="6">
        <v>60</v>
      </c>
      <c r="AA120" s="6">
        <v>5</v>
      </c>
      <c r="AB120" s="6">
        <v>3993</v>
      </c>
      <c r="AC120" s="7">
        <v>48.591679999999997</v>
      </c>
    </row>
    <row r="121" spans="1:29">
      <c r="A121" s="9" t="s">
        <v>56</v>
      </c>
      <c r="B121" s="9" t="s">
        <v>57</v>
      </c>
      <c r="C121" s="9" t="s">
        <v>59</v>
      </c>
      <c r="D121" s="9" t="s">
        <v>54</v>
      </c>
      <c r="E121" s="9" t="s">
        <v>165</v>
      </c>
      <c r="F121" s="6">
        <v>39</v>
      </c>
      <c r="G121" s="6">
        <v>2</v>
      </c>
      <c r="H121" s="6">
        <v>5</v>
      </c>
      <c r="I121" s="6">
        <v>11</v>
      </c>
      <c r="J121" s="6">
        <v>4</v>
      </c>
      <c r="K121" s="6">
        <v>3</v>
      </c>
      <c r="L121" s="6">
        <v>2</v>
      </c>
      <c r="M121" s="6">
        <v>3</v>
      </c>
      <c r="N121" s="6">
        <v>1</v>
      </c>
      <c r="O121" s="6">
        <v>1</v>
      </c>
      <c r="P121" s="6">
        <v>3</v>
      </c>
      <c r="Q121" s="6">
        <v>1</v>
      </c>
      <c r="R121" s="6">
        <v>3</v>
      </c>
      <c r="S121" s="10" t="s">
        <v>55</v>
      </c>
      <c r="T121" s="10" t="s">
        <v>55</v>
      </c>
      <c r="U121" s="10" t="s">
        <v>55</v>
      </c>
      <c r="V121" s="10" t="s">
        <v>55</v>
      </c>
      <c r="W121" s="10" t="s">
        <v>55</v>
      </c>
      <c r="X121" s="6">
        <v>35</v>
      </c>
      <c r="Y121" s="6">
        <v>4</v>
      </c>
      <c r="Z121" s="10" t="s">
        <v>55</v>
      </c>
      <c r="AA121" s="10" t="s">
        <v>55</v>
      </c>
      <c r="AB121" s="6">
        <v>34</v>
      </c>
      <c r="AC121" s="7">
        <v>38.320509999999999</v>
      </c>
    </row>
    <row r="122" spans="1:29">
      <c r="A122" s="9" t="s">
        <v>56</v>
      </c>
      <c r="B122" s="9" t="s">
        <v>57</v>
      </c>
      <c r="C122" s="9" t="s">
        <v>59</v>
      </c>
      <c r="D122" s="9" t="s">
        <v>54</v>
      </c>
      <c r="E122" s="9" t="s">
        <v>166</v>
      </c>
      <c r="F122" s="6">
        <v>1486</v>
      </c>
      <c r="G122" s="6">
        <v>19</v>
      </c>
      <c r="H122" s="6">
        <v>351</v>
      </c>
      <c r="I122" s="6">
        <v>377</v>
      </c>
      <c r="J122" s="6">
        <v>228</v>
      </c>
      <c r="K122" s="6">
        <v>125</v>
      </c>
      <c r="L122" s="6">
        <v>83</v>
      </c>
      <c r="M122" s="6">
        <v>65</v>
      </c>
      <c r="N122" s="6">
        <v>32</v>
      </c>
      <c r="O122" s="6">
        <v>42</v>
      </c>
      <c r="P122" s="6">
        <v>53</v>
      </c>
      <c r="Q122" s="6">
        <v>56</v>
      </c>
      <c r="R122" s="6">
        <v>37</v>
      </c>
      <c r="S122" s="6">
        <v>12</v>
      </c>
      <c r="T122" s="6">
        <v>4</v>
      </c>
      <c r="U122" s="6">
        <v>2</v>
      </c>
      <c r="V122" s="10" t="s">
        <v>55</v>
      </c>
      <c r="W122" s="10" t="s">
        <v>55</v>
      </c>
      <c r="X122" s="6">
        <v>1375</v>
      </c>
      <c r="Y122" s="6">
        <v>111</v>
      </c>
      <c r="Z122" s="6">
        <v>18</v>
      </c>
      <c r="AA122" s="6">
        <v>2</v>
      </c>
      <c r="AB122" s="6">
        <v>1412</v>
      </c>
      <c r="AC122" s="7">
        <v>35.318300000000001</v>
      </c>
    </row>
    <row r="123" spans="1:29">
      <c r="A123" s="9" t="s">
        <v>56</v>
      </c>
      <c r="B123" s="9" t="s">
        <v>57</v>
      </c>
      <c r="C123" s="9" t="s">
        <v>59</v>
      </c>
      <c r="D123" s="9" t="s">
        <v>54</v>
      </c>
      <c r="E123" s="9" t="s">
        <v>167</v>
      </c>
      <c r="F123" s="6">
        <v>1862</v>
      </c>
      <c r="G123" s="6">
        <v>33</v>
      </c>
      <c r="H123" s="6">
        <v>152</v>
      </c>
      <c r="I123" s="6">
        <v>128</v>
      </c>
      <c r="J123" s="6">
        <v>128</v>
      </c>
      <c r="K123" s="6">
        <v>179</v>
      </c>
      <c r="L123" s="6">
        <v>193</v>
      </c>
      <c r="M123" s="6">
        <v>228</v>
      </c>
      <c r="N123" s="6">
        <v>197</v>
      </c>
      <c r="O123" s="6">
        <v>203</v>
      </c>
      <c r="P123" s="6">
        <v>166</v>
      </c>
      <c r="Q123" s="6">
        <v>172</v>
      </c>
      <c r="R123" s="6">
        <v>59</v>
      </c>
      <c r="S123" s="6">
        <v>19</v>
      </c>
      <c r="T123" s="6">
        <v>4</v>
      </c>
      <c r="U123" s="6">
        <v>1</v>
      </c>
      <c r="V123" s="10" t="s">
        <v>55</v>
      </c>
      <c r="W123" s="10" t="s">
        <v>55</v>
      </c>
      <c r="X123" s="6">
        <v>1607</v>
      </c>
      <c r="Y123" s="6">
        <v>255</v>
      </c>
      <c r="Z123" s="6">
        <v>24</v>
      </c>
      <c r="AA123" s="6">
        <v>1</v>
      </c>
      <c r="AB123" s="6">
        <v>1746</v>
      </c>
      <c r="AC123" s="7">
        <v>46.943069999999999</v>
      </c>
    </row>
    <row r="124" spans="1:29">
      <c r="A124" s="9" t="s">
        <v>56</v>
      </c>
      <c r="B124" s="9" t="s">
        <v>57</v>
      </c>
      <c r="C124" s="9" t="s">
        <v>59</v>
      </c>
      <c r="D124" s="9" t="s">
        <v>54</v>
      </c>
      <c r="E124" s="9" t="s">
        <v>168</v>
      </c>
      <c r="F124" s="6">
        <v>44</v>
      </c>
      <c r="G124" s="6">
        <v>1</v>
      </c>
      <c r="H124" s="6">
        <v>2</v>
      </c>
      <c r="I124" s="6">
        <v>1</v>
      </c>
      <c r="J124" s="6">
        <v>3</v>
      </c>
      <c r="K124" s="6">
        <v>4</v>
      </c>
      <c r="L124" s="6">
        <v>2</v>
      </c>
      <c r="M124" s="6">
        <v>11</v>
      </c>
      <c r="N124" s="6">
        <v>8</v>
      </c>
      <c r="O124" s="6">
        <v>7</v>
      </c>
      <c r="P124" s="6">
        <v>4</v>
      </c>
      <c r="Q124" s="6">
        <v>1</v>
      </c>
      <c r="R124" s="10" t="s">
        <v>55</v>
      </c>
      <c r="S124" s="10" t="s">
        <v>55</v>
      </c>
      <c r="T124" s="10" t="s">
        <v>55</v>
      </c>
      <c r="U124" s="10" t="s">
        <v>55</v>
      </c>
      <c r="V124" s="10" t="s">
        <v>55</v>
      </c>
      <c r="W124" s="10" t="s">
        <v>55</v>
      </c>
      <c r="X124" s="6">
        <v>43</v>
      </c>
      <c r="Y124" s="6">
        <v>1</v>
      </c>
      <c r="Z124" s="10" t="s">
        <v>55</v>
      </c>
      <c r="AA124" s="10" t="s">
        <v>55</v>
      </c>
      <c r="AB124" s="6">
        <v>43</v>
      </c>
      <c r="AC124" s="7">
        <v>47.113639999999997</v>
      </c>
    </row>
    <row r="125" spans="1:29">
      <c r="A125" s="9" t="s">
        <v>56</v>
      </c>
      <c r="B125" s="9" t="s">
        <v>57</v>
      </c>
      <c r="C125" s="9" t="s">
        <v>59</v>
      </c>
      <c r="D125" s="9" t="s">
        <v>54</v>
      </c>
      <c r="E125" s="9" t="s">
        <v>169</v>
      </c>
      <c r="F125" s="6">
        <v>47</v>
      </c>
      <c r="G125" s="10" t="s">
        <v>55</v>
      </c>
      <c r="H125" s="6">
        <v>5</v>
      </c>
      <c r="I125" s="6">
        <v>5</v>
      </c>
      <c r="J125" s="6">
        <v>3</v>
      </c>
      <c r="K125" s="6">
        <v>5</v>
      </c>
      <c r="L125" s="6">
        <v>5</v>
      </c>
      <c r="M125" s="6">
        <v>4</v>
      </c>
      <c r="N125" s="6">
        <v>5</v>
      </c>
      <c r="O125" s="6">
        <v>5</v>
      </c>
      <c r="P125" s="6">
        <v>3</v>
      </c>
      <c r="Q125" s="6">
        <v>4</v>
      </c>
      <c r="R125" s="6">
        <v>2</v>
      </c>
      <c r="S125" s="6">
        <v>1</v>
      </c>
      <c r="T125" s="10" t="s">
        <v>55</v>
      </c>
      <c r="U125" s="10" t="s">
        <v>55</v>
      </c>
      <c r="V125" s="10" t="s">
        <v>55</v>
      </c>
      <c r="W125" s="10" t="s">
        <v>55</v>
      </c>
      <c r="X125" s="6">
        <v>40</v>
      </c>
      <c r="Y125" s="6">
        <v>7</v>
      </c>
      <c r="Z125" s="6">
        <v>1</v>
      </c>
      <c r="AA125" s="10" t="s">
        <v>55</v>
      </c>
      <c r="AB125" s="6">
        <v>44</v>
      </c>
      <c r="AC125" s="7">
        <v>45.627659999999999</v>
      </c>
    </row>
    <row r="126" spans="1:29">
      <c r="A126" s="9" t="s">
        <v>56</v>
      </c>
      <c r="B126" s="9" t="s">
        <v>57</v>
      </c>
      <c r="C126" s="9" t="s">
        <v>59</v>
      </c>
      <c r="D126" s="9" t="s">
        <v>54</v>
      </c>
      <c r="E126" s="9" t="s">
        <v>170</v>
      </c>
      <c r="F126" s="6">
        <v>1969</v>
      </c>
      <c r="G126" s="6">
        <v>9</v>
      </c>
      <c r="H126" s="6">
        <v>48</v>
      </c>
      <c r="I126" s="6">
        <v>77</v>
      </c>
      <c r="J126" s="6">
        <v>106</v>
      </c>
      <c r="K126" s="6">
        <v>121</v>
      </c>
      <c r="L126" s="6">
        <v>165</v>
      </c>
      <c r="M126" s="6">
        <v>201</v>
      </c>
      <c r="N126" s="6">
        <v>214</v>
      </c>
      <c r="O126" s="6">
        <v>263</v>
      </c>
      <c r="P126" s="6">
        <v>288</v>
      </c>
      <c r="Q126" s="6">
        <v>269</v>
      </c>
      <c r="R126" s="6">
        <v>157</v>
      </c>
      <c r="S126" s="6">
        <v>39</v>
      </c>
      <c r="T126" s="6">
        <v>9</v>
      </c>
      <c r="U126" s="6">
        <v>2</v>
      </c>
      <c r="V126" s="6">
        <v>1</v>
      </c>
      <c r="W126" s="10" t="s">
        <v>55</v>
      </c>
      <c r="X126" s="6">
        <v>1492</v>
      </c>
      <c r="Y126" s="6">
        <v>477</v>
      </c>
      <c r="Z126" s="6">
        <v>51</v>
      </c>
      <c r="AA126" s="6">
        <v>3</v>
      </c>
      <c r="AB126" s="6">
        <v>1752</v>
      </c>
      <c r="AC126" s="7">
        <v>53.718890000000002</v>
      </c>
    </row>
    <row r="127" spans="1:29">
      <c r="A127" s="9" t="s">
        <v>56</v>
      </c>
      <c r="B127" s="9" t="s">
        <v>57</v>
      </c>
      <c r="C127" s="9" t="s">
        <v>59</v>
      </c>
      <c r="D127" s="9" t="s">
        <v>54</v>
      </c>
      <c r="E127" s="9" t="s">
        <v>171</v>
      </c>
      <c r="F127" s="6">
        <v>57</v>
      </c>
      <c r="G127" s="6">
        <v>4</v>
      </c>
      <c r="H127" s="6">
        <v>6</v>
      </c>
      <c r="I127" s="6">
        <v>5</v>
      </c>
      <c r="J127" s="6">
        <v>3</v>
      </c>
      <c r="K127" s="6">
        <v>8</v>
      </c>
      <c r="L127" s="6">
        <v>3</v>
      </c>
      <c r="M127" s="6">
        <v>8</v>
      </c>
      <c r="N127" s="6">
        <v>2</v>
      </c>
      <c r="O127" s="6">
        <v>4</v>
      </c>
      <c r="P127" s="6">
        <v>6</v>
      </c>
      <c r="Q127" s="6">
        <v>4</v>
      </c>
      <c r="R127" s="6">
        <v>1</v>
      </c>
      <c r="S127" s="6">
        <v>2</v>
      </c>
      <c r="T127" s="6">
        <v>1</v>
      </c>
      <c r="U127" s="10" t="s">
        <v>55</v>
      </c>
      <c r="V127" s="10" t="s">
        <v>55</v>
      </c>
      <c r="W127" s="10" t="s">
        <v>55</v>
      </c>
      <c r="X127" s="6">
        <v>49</v>
      </c>
      <c r="Y127" s="6">
        <v>8</v>
      </c>
      <c r="Z127" s="6">
        <v>3</v>
      </c>
      <c r="AA127" s="10" t="s">
        <v>55</v>
      </c>
      <c r="AB127" s="6">
        <v>49</v>
      </c>
      <c r="AC127" s="7">
        <v>44.78070000000000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5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pageSetUpPr fitToPage="1"/>
  </sheetPr>
  <dimension ref="A1:S217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8" bestFit="1" customWidth="1"/>
    <col min="2" max="2" width="8.75" style="8" customWidth="1"/>
    <col min="3" max="3" width="11.25" style="8" customWidth="1"/>
    <col min="4" max="4" width="8.125" style="8" customWidth="1"/>
    <col min="5" max="5" width="20" style="8" customWidth="1"/>
    <col min="6" max="16384" width="12.625" style="8"/>
  </cols>
  <sheetData>
    <row r="1" spans="1:19" s="1" customFormat="1">
      <c r="A1" s="1" t="s">
        <v>0</v>
      </c>
    </row>
    <row r="2" spans="1:19" s="1" customFormat="1">
      <c r="A2" s="1" t="s">
        <v>1</v>
      </c>
    </row>
    <row r="3" spans="1:19" s="1" customFormat="1"/>
    <row r="4" spans="1:19" s="1" customFormat="1" outlineLevel="1">
      <c r="A4" s="1" t="s">
        <v>2</v>
      </c>
    </row>
    <row r="5" spans="1:19" s="1" customFormat="1"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4</v>
      </c>
    </row>
    <row r="6" spans="1:19" s="1" customFormat="1">
      <c r="F6" s="3" t="s">
        <v>5</v>
      </c>
      <c r="G6" s="3" t="s">
        <v>5</v>
      </c>
      <c r="H6" s="3" t="s">
        <v>5</v>
      </c>
      <c r="I6" s="3" t="s">
        <v>5</v>
      </c>
      <c r="J6" s="3" t="s">
        <v>5</v>
      </c>
      <c r="K6" s="3" t="s">
        <v>5</v>
      </c>
      <c r="L6" s="3" t="s">
        <v>5</v>
      </c>
      <c r="M6" s="3" t="s">
        <v>5</v>
      </c>
      <c r="N6" s="3" t="s">
        <v>5</v>
      </c>
      <c r="O6" s="3" t="s">
        <v>5</v>
      </c>
      <c r="P6" s="3" t="s">
        <v>5</v>
      </c>
      <c r="Q6" s="3" t="s">
        <v>5</v>
      </c>
      <c r="R6" s="3" t="s">
        <v>5</v>
      </c>
      <c r="S6" s="3"/>
    </row>
    <row r="7" spans="1:19" s="1" customFormat="1">
      <c r="F7" s="3">
        <v>1</v>
      </c>
      <c r="G7" s="3">
        <v>1</v>
      </c>
      <c r="H7" s="3">
        <v>2</v>
      </c>
      <c r="I7" s="3">
        <v>3</v>
      </c>
      <c r="J7" s="3">
        <v>3</v>
      </c>
      <c r="K7" s="3">
        <v>3</v>
      </c>
      <c r="L7" s="3">
        <v>3</v>
      </c>
      <c r="M7" s="3">
        <v>2</v>
      </c>
      <c r="N7" s="3">
        <v>1</v>
      </c>
      <c r="O7" s="3">
        <v>2</v>
      </c>
      <c r="P7" s="3">
        <v>2</v>
      </c>
      <c r="Q7" s="3">
        <v>2</v>
      </c>
      <c r="R7" s="3">
        <v>1</v>
      </c>
      <c r="S7" s="3"/>
    </row>
    <row r="8" spans="1:19" s="1" customFormat="1" ht="36">
      <c r="F8" s="3" t="s">
        <v>6</v>
      </c>
      <c r="G8" s="3" t="s">
        <v>7</v>
      </c>
      <c r="H8" s="3" t="s">
        <v>8</v>
      </c>
      <c r="I8" s="3" t="s">
        <v>9</v>
      </c>
      <c r="J8" s="3" t="s">
        <v>10</v>
      </c>
      <c r="K8" s="3" t="s">
        <v>11</v>
      </c>
      <c r="L8" s="3" t="s">
        <v>12</v>
      </c>
      <c r="M8" s="3" t="s">
        <v>13</v>
      </c>
      <c r="N8" s="3" t="s">
        <v>14</v>
      </c>
      <c r="O8" s="3" t="s">
        <v>15</v>
      </c>
      <c r="P8" s="3" t="s">
        <v>16</v>
      </c>
      <c r="Q8" s="3" t="s">
        <v>17</v>
      </c>
      <c r="R8" s="3" t="s">
        <v>18</v>
      </c>
      <c r="S8" s="3"/>
    </row>
    <row r="9" spans="1:19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20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5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30</v>
      </c>
      <c r="F11" s="6">
        <v>108258569</v>
      </c>
      <c r="G11" s="6">
        <v>59949767</v>
      </c>
      <c r="H11" s="6">
        <v>57643225</v>
      </c>
      <c r="I11" s="6">
        <v>47954511</v>
      </c>
      <c r="J11" s="6">
        <v>7107404</v>
      </c>
      <c r="K11" s="6">
        <v>1105592</v>
      </c>
      <c r="L11" s="6">
        <v>1475718</v>
      </c>
      <c r="M11" s="6">
        <v>2306542</v>
      </c>
      <c r="N11" s="6">
        <v>36603968</v>
      </c>
      <c r="O11" s="6">
        <v>13144416</v>
      </c>
      <c r="P11" s="6">
        <v>5276382</v>
      </c>
      <c r="Q11" s="6">
        <v>18183170</v>
      </c>
      <c r="R11" s="6">
        <v>11704834</v>
      </c>
      <c r="S11" s="7">
        <v>62.08954</v>
      </c>
    </row>
    <row r="12" spans="1:1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31</v>
      </c>
      <c r="F12" s="6">
        <v>5617440</v>
      </c>
      <c r="G12" s="6">
        <v>842919</v>
      </c>
      <c r="H12" s="6">
        <v>786795</v>
      </c>
      <c r="I12" s="6">
        <v>326838</v>
      </c>
      <c r="J12" s="6">
        <v>19144</v>
      </c>
      <c r="K12" s="6">
        <v>423084</v>
      </c>
      <c r="L12" s="6">
        <v>17729</v>
      </c>
      <c r="M12" s="6">
        <v>56124</v>
      </c>
      <c r="N12" s="6">
        <v>4183450</v>
      </c>
      <c r="O12" s="6">
        <v>29739</v>
      </c>
      <c r="P12" s="6">
        <v>4073860</v>
      </c>
      <c r="Q12" s="6">
        <v>79851</v>
      </c>
      <c r="R12" s="6">
        <v>591071</v>
      </c>
      <c r="S12" s="7">
        <v>16.769939999999998</v>
      </c>
    </row>
    <row r="13" spans="1:1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32</v>
      </c>
      <c r="F13" s="6">
        <v>5931306</v>
      </c>
      <c r="G13" s="6">
        <v>3708537</v>
      </c>
      <c r="H13" s="6">
        <v>3489163</v>
      </c>
      <c r="I13" s="6">
        <v>2718464</v>
      </c>
      <c r="J13" s="6">
        <v>79875</v>
      </c>
      <c r="K13" s="6">
        <v>616104</v>
      </c>
      <c r="L13" s="6">
        <v>74720</v>
      </c>
      <c r="M13" s="6">
        <v>219374</v>
      </c>
      <c r="N13" s="6">
        <v>1297464</v>
      </c>
      <c r="O13" s="6">
        <v>116432</v>
      </c>
      <c r="P13" s="6">
        <v>1073902</v>
      </c>
      <c r="Q13" s="6">
        <v>107130</v>
      </c>
      <c r="R13" s="6">
        <v>925305</v>
      </c>
      <c r="S13" s="7">
        <v>74.081829999999997</v>
      </c>
    </row>
    <row r="14" spans="1:1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33</v>
      </c>
      <c r="F14" s="6">
        <v>6031964</v>
      </c>
      <c r="G14" s="6">
        <v>4517617</v>
      </c>
      <c r="H14" s="6">
        <v>4287963</v>
      </c>
      <c r="I14" s="6">
        <v>3987375</v>
      </c>
      <c r="J14" s="6">
        <v>145035</v>
      </c>
      <c r="K14" s="6">
        <v>33208</v>
      </c>
      <c r="L14" s="6">
        <v>122345</v>
      </c>
      <c r="M14" s="6">
        <v>229654</v>
      </c>
      <c r="N14" s="6">
        <v>446700</v>
      </c>
      <c r="O14" s="6">
        <v>284851</v>
      </c>
      <c r="P14" s="6">
        <v>75541</v>
      </c>
      <c r="Q14" s="6">
        <v>86308</v>
      </c>
      <c r="R14" s="6">
        <v>1067647</v>
      </c>
      <c r="S14" s="7">
        <v>91.001779999999997</v>
      </c>
    </row>
    <row r="15" spans="1:1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34</v>
      </c>
      <c r="F15" s="6">
        <v>6484594</v>
      </c>
      <c r="G15" s="6">
        <v>4784174</v>
      </c>
      <c r="H15" s="6">
        <v>4577146</v>
      </c>
      <c r="I15" s="6">
        <v>4104409</v>
      </c>
      <c r="J15" s="6">
        <v>281485</v>
      </c>
      <c r="K15" s="6">
        <v>12296</v>
      </c>
      <c r="L15" s="6">
        <v>178956</v>
      </c>
      <c r="M15" s="6">
        <v>207028</v>
      </c>
      <c r="N15" s="6">
        <v>654031</v>
      </c>
      <c r="O15" s="6">
        <v>537926</v>
      </c>
      <c r="P15" s="6">
        <v>20328</v>
      </c>
      <c r="Q15" s="6">
        <v>95777</v>
      </c>
      <c r="R15" s="6">
        <v>1046389</v>
      </c>
      <c r="S15" s="7">
        <v>87.973399999999998</v>
      </c>
    </row>
    <row r="16" spans="1:1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35</v>
      </c>
      <c r="F16" s="6">
        <v>7311567</v>
      </c>
      <c r="G16" s="6">
        <v>5433673</v>
      </c>
      <c r="H16" s="6">
        <v>5228646</v>
      </c>
      <c r="I16" s="6">
        <v>4609720</v>
      </c>
      <c r="J16" s="6">
        <v>469903</v>
      </c>
      <c r="K16" s="6">
        <v>6228</v>
      </c>
      <c r="L16" s="6">
        <v>142795</v>
      </c>
      <c r="M16" s="6">
        <v>205027</v>
      </c>
      <c r="N16" s="6">
        <v>778299</v>
      </c>
      <c r="O16" s="6">
        <v>657456</v>
      </c>
      <c r="P16" s="6">
        <v>9656</v>
      </c>
      <c r="Q16" s="6">
        <v>111187</v>
      </c>
      <c r="R16" s="6">
        <v>1099595</v>
      </c>
      <c r="S16" s="7">
        <v>87.470979999999997</v>
      </c>
    </row>
    <row r="17" spans="1:1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36</v>
      </c>
      <c r="F17" s="6">
        <v>8291077</v>
      </c>
      <c r="G17" s="6">
        <v>6363568</v>
      </c>
      <c r="H17" s="6">
        <v>6146340</v>
      </c>
      <c r="I17" s="6">
        <v>5361920</v>
      </c>
      <c r="J17" s="6">
        <v>688429</v>
      </c>
      <c r="K17" s="6">
        <v>4237</v>
      </c>
      <c r="L17" s="6">
        <v>91754</v>
      </c>
      <c r="M17" s="6">
        <v>217228</v>
      </c>
      <c r="N17" s="6">
        <v>804226</v>
      </c>
      <c r="O17" s="6">
        <v>663325</v>
      </c>
      <c r="P17" s="6">
        <v>6272</v>
      </c>
      <c r="Q17" s="6">
        <v>134629</v>
      </c>
      <c r="R17" s="6">
        <v>1123283</v>
      </c>
      <c r="S17" s="7">
        <v>88.780010000000004</v>
      </c>
    </row>
    <row r="18" spans="1:1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37</v>
      </c>
      <c r="F18" s="6">
        <v>9650293</v>
      </c>
      <c r="G18" s="6">
        <v>7544543</v>
      </c>
      <c r="H18" s="6">
        <v>7287886</v>
      </c>
      <c r="I18" s="6">
        <v>6288014</v>
      </c>
      <c r="J18" s="6">
        <v>906672</v>
      </c>
      <c r="K18" s="6">
        <v>3331</v>
      </c>
      <c r="L18" s="6">
        <v>89869</v>
      </c>
      <c r="M18" s="6">
        <v>256657</v>
      </c>
      <c r="N18" s="6">
        <v>920847</v>
      </c>
      <c r="O18" s="6">
        <v>733265</v>
      </c>
      <c r="P18" s="6">
        <v>4561</v>
      </c>
      <c r="Q18" s="6">
        <v>183021</v>
      </c>
      <c r="R18" s="6">
        <v>1184903</v>
      </c>
      <c r="S18" s="7">
        <v>89.122209999999995</v>
      </c>
    </row>
    <row r="19" spans="1:1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38</v>
      </c>
      <c r="F19" s="6">
        <v>8539851</v>
      </c>
      <c r="G19" s="6">
        <v>6666782</v>
      </c>
      <c r="H19" s="6">
        <v>6434140</v>
      </c>
      <c r="I19" s="6">
        <v>5510501</v>
      </c>
      <c r="J19" s="6">
        <v>830211</v>
      </c>
      <c r="K19" s="6">
        <v>2081</v>
      </c>
      <c r="L19" s="6">
        <v>91347</v>
      </c>
      <c r="M19" s="6">
        <v>232642</v>
      </c>
      <c r="N19" s="6">
        <v>929364</v>
      </c>
      <c r="O19" s="6">
        <v>734279</v>
      </c>
      <c r="P19" s="6">
        <v>2724</v>
      </c>
      <c r="Q19" s="6">
        <v>192361</v>
      </c>
      <c r="R19" s="6">
        <v>943705</v>
      </c>
      <c r="S19" s="7">
        <v>87.765320000000003</v>
      </c>
    </row>
    <row r="20" spans="1:1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39</v>
      </c>
      <c r="F20" s="6">
        <v>7767482</v>
      </c>
      <c r="G20" s="6">
        <v>6019933</v>
      </c>
      <c r="H20" s="6">
        <v>5815244</v>
      </c>
      <c r="I20" s="6">
        <v>4954895</v>
      </c>
      <c r="J20" s="6">
        <v>763592</v>
      </c>
      <c r="K20" s="6">
        <v>1370</v>
      </c>
      <c r="L20" s="6">
        <v>95387</v>
      </c>
      <c r="M20" s="6">
        <v>204689</v>
      </c>
      <c r="N20" s="6">
        <v>1094571</v>
      </c>
      <c r="O20" s="6">
        <v>860308</v>
      </c>
      <c r="P20" s="6">
        <v>1910</v>
      </c>
      <c r="Q20" s="6">
        <v>232353</v>
      </c>
      <c r="R20" s="6">
        <v>652978</v>
      </c>
      <c r="S20" s="7">
        <v>84.614940000000004</v>
      </c>
    </row>
    <row r="21" spans="1:1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40</v>
      </c>
      <c r="F21" s="6">
        <v>7297190</v>
      </c>
      <c r="G21" s="6">
        <v>5070946</v>
      </c>
      <c r="H21" s="6">
        <v>4865428</v>
      </c>
      <c r="I21" s="6">
        <v>4009062</v>
      </c>
      <c r="J21" s="6">
        <v>753750</v>
      </c>
      <c r="K21" s="6">
        <v>1041</v>
      </c>
      <c r="L21" s="6">
        <v>101575</v>
      </c>
      <c r="M21" s="6">
        <v>205518</v>
      </c>
      <c r="N21" s="6">
        <v>1780924</v>
      </c>
      <c r="O21" s="6">
        <v>1210003</v>
      </c>
      <c r="P21" s="6">
        <v>1612</v>
      </c>
      <c r="Q21" s="6">
        <v>569309</v>
      </c>
      <c r="R21" s="6">
        <v>445320</v>
      </c>
      <c r="S21" s="7">
        <v>74.008210000000005</v>
      </c>
    </row>
    <row r="22" spans="1:1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41</v>
      </c>
      <c r="F22" s="6">
        <v>8075268</v>
      </c>
      <c r="G22" s="6">
        <v>3968068</v>
      </c>
      <c r="H22" s="6">
        <v>3814699</v>
      </c>
      <c r="I22" s="6">
        <v>2844056</v>
      </c>
      <c r="J22" s="6">
        <v>834508</v>
      </c>
      <c r="K22" s="6">
        <v>922</v>
      </c>
      <c r="L22" s="6">
        <v>135213</v>
      </c>
      <c r="M22" s="6">
        <v>153369</v>
      </c>
      <c r="N22" s="6">
        <v>3664263</v>
      </c>
      <c r="O22" s="6">
        <v>1778674</v>
      </c>
      <c r="P22" s="6">
        <v>1171</v>
      </c>
      <c r="Q22" s="6">
        <v>1884418</v>
      </c>
      <c r="R22" s="6">
        <v>442937</v>
      </c>
      <c r="S22" s="7">
        <v>51.990250000000003</v>
      </c>
    </row>
    <row r="23" spans="1:1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42</v>
      </c>
      <c r="F23" s="6">
        <v>9011795</v>
      </c>
      <c r="G23" s="6">
        <v>2961710</v>
      </c>
      <c r="H23" s="6">
        <v>2882904</v>
      </c>
      <c r="I23" s="6">
        <v>1995515</v>
      </c>
      <c r="J23" s="6">
        <v>734410</v>
      </c>
      <c r="K23" s="6">
        <v>702</v>
      </c>
      <c r="L23" s="6">
        <v>152277</v>
      </c>
      <c r="M23" s="6">
        <v>78806</v>
      </c>
      <c r="N23" s="6">
        <v>5450599</v>
      </c>
      <c r="O23" s="6">
        <v>2081245</v>
      </c>
      <c r="P23" s="6">
        <v>1274</v>
      </c>
      <c r="Q23" s="6">
        <v>3368080</v>
      </c>
      <c r="R23" s="6">
        <v>599486</v>
      </c>
      <c r="S23" s="7">
        <v>35.206859999999999</v>
      </c>
    </row>
    <row r="24" spans="1:19">
      <c r="A24" s="9" t="s">
        <v>27</v>
      </c>
      <c r="B24" s="9" t="s">
        <v>28</v>
      </c>
      <c r="C24" s="9" t="s">
        <v>29</v>
      </c>
      <c r="D24" s="9" t="s">
        <v>6</v>
      </c>
      <c r="E24" s="9" t="s">
        <v>43</v>
      </c>
      <c r="F24" s="6">
        <v>6930928</v>
      </c>
      <c r="G24" s="6">
        <v>1273749</v>
      </c>
      <c r="H24" s="6">
        <v>1246049</v>
      </c>
      <c r="I24" s="6">
        <v>795811</v>
      </c>
      <c r="J24" s="6">
        <v>355738</v>
      </c>
      <c r="K24" s="6">
        <v>463</v>
      </c>
      <c r="L24" s="6">
        <v>94037</v>
      </c>
      <c r="M24" s="6">
        <v>27700</v>
      </c>
      <c r="N24" s="6">
        <v>5047089</v>
      </c>
      <c r="O24" s="6">
        <v>1575057</v>
      </c>
      <c r="P24" s="6">
        <v>1338</v>
      </c>
      <c r="Q24" s="6">
        <v>3470694</v>
      </c>
      <c r="R24" s="6">
        <v>610090</v>
      </c>
      <c r="S24" s="7">
        <v>20.151579999999999</v>
      </c>
    </row>
    <row r="25" spans="1:19">
      <c r="A25" s="9" t="s">
        <v>27</v>
      </c>
      <c r="B25" s="9" t="s">
        <v>28</v>
      </c>
      <c r="C25" s="9" t="s">
        <v>29</v>
      </c>
      <c r="D25" s="9" t="s">
        <v>6</v>
      </c>
      <c r="E25" s="9" t="s">
        <v>44</v>
      </c>
      <c r="F25" s="6">
        <v>5296728</v>
      </c>
      <c r="G25" s="6">
        <v>539734</v>
      </c>
      <c r="H25" s="6">
        <v>530752</v>
      </c>
      <c r="I25" s="6">
        <v>314583</v>
      </c>
      <c r="J25" s="6">
        <v>161642</v>
      </c>
      <c r="K25" s="6">
        <v>321</v>
      </c>
      <c r="L25" s="6">
        <v>54206</v>
      </c>
      <c r="M25" s="6">
        <v>8982</v>
      </c>
      <c r="N25" s="6">
        <v>4236891</v>
      </c>
      <c r="O25" s="6">
        <v>1081693</v>
      </c>
      <c r="P25" s="6">
        <v>1088</v>
      </c>
      <c r="Q25" s="6">
        <v>3154110</v>
      </c>
      <c r="R25" s="6">
        <v>520103</v>
      </c>
      <c r="S25" s="7">
        <v>11.299480000000001</v>
      </c>
    </row>
    <row r="26" spans="1:19">
      <c r="A26" s="9" t="s">
        <v>27</v>
      </c>
      <c r="B26" s="9" t="s">
        <v>28</v>
      </c>
      <c r="C26" s="9" t="s">
        <v>29</v>
      </c>
      <c r="D26" s="9" t="s">
        <v>6</v>
      </c>
      <c r="E26" s="9" t="s">
        <v>45</v>
      </c>
      <c r="F26" s="6">
        <v>3669823</v>
      </c>
      <c r="G26" s="6">
        <v>198719</v>
      </c>
      <c r="H26" s="6">
        <v>195919</v>
      </c>
      <c r="I26" s="6">
        <v>106770</v>
      </c>
      <c r="J26" s="6">
        <v>64233</v>
      </c>
      <c r="K26" s="6">
        <v>147</v>
      </c>
      <c r="L26" s="6">
        <v>24769</v>
      </c>
      <c r="M26" s="6">
        <v>2800</v>
      </c>
      <c r="N26" s="6">
        <v>3154089</v>
      </c>
      <c r="O26" s="6">
        <v>595906</v>
      </c>
      <c r="P26" s="6">
        <v>660</v>
      </c>
      <c r="Q26" s="6">
        <v>2557523</v>
      </c>
      <c r="R26" s="6">
        <v>317015</v>
      </c>
      <c r="S26" s="7">
        <v>5.9269400000000001</v>
      </c>
    </row>
    <row r="27" spans="1:19">
      <c r="A27" s="9" t="s">
        <v>27</v>
      </c>
      <c r="B27" s="9" t="s">
        <v>28</v>
      </c>
      <c r="C27" s="9" t="s">
        <v>29</v>
      </c>
      <c r="D27" s="9" t="s">
        <v>6</v>
      </c>
      <c r="E27" s="9" t="s">
        <v>46</v>
      </c>
      <c r="F27" s="6">
        <v>1779016</v>
      </c>
      <c r="G27" s="6">
        <v>48901</v>
      </c>
      <c r="H27" s="6">
        <v>48074</v>
      </c>
      <c r="I27" s="6">
        <v>23705</v>
      </c>
      <c r="J27" s="6">
        <v>16737</v>
      </c>
      <c r="K27" s="6">
        <v>52</v>
      </c>
      <c r="L27" s="6">
        <v>7580</v>
      </c>
      <c r="M27" s="6">
        <v>827</v>
      </c>
      <c r="N27" s="6">
        <v>1618359</v>
      </c>
      <c r="O27" s="6">
        <v>177587</v>
      </c>
      <c r="P27" s="6">
        <v>402</v>
      </c>
      <c r="Q27" s="6">
        <v>1440370</v>
      </c>
      <c r="R27" s="6">
        <v>111756</v>
      </c>
      <c r="S27" s="7">
        <v>2.93302</v>
      </c>
    </row>
    <row r="28" spans="1:19">
      <c r="A28" s="9" t="s">
        <v>27</v>
      </c>
      <c r="B28" s="9" t="s">
        <v>28</v>
      </c>
      <c r="C28" s="9" t="s">
        <v>29</v>
      </c>
      <c r="D28" s="9" t="s">
        <v>6</v>
      </c>
      <c r="E28" s="9" t="s">
        <v>47</v>
      </c>
      <c r="F28" s="6">
        <v>572247</v>
      </c>
      <c r="G28" s="6">
        <v>6194</v>
      </c>
      <c r="H28" s="6">
        <v>6077</v>
      </c>
      <c r="I28" s="6">
        <v>2873</v>
      </c>
      <c r="J28" s="6">
        <v>2040</v>
      </c>
      <c r="K28" s="6">
        <v>5</v>
      </c>
      <c r="L28" s="6">
        <v>1159</v>
      </c>
      <c r="M28" s="6">
        <v>117</v>
      </c>
      <c r="N28" s="6">
        <v>542802</v>
      </c>
      <c r="O28" s="6">
        <v>26670</v>
      </c>
      <c r="P28" s="6">
        <v>83</v>
      </c>
      <c r="Q28" s="6">
        <v>516049</v>
      </c>
      <c r="R28" s="6">
        <v>23251</v>
      </c>
      <c r="S28" s="7">
        <v>1.1282399999999999</v>
      </c>
    </row>
    <row r="29" spans="1:19">
      <c r="A29" s="9" t="s">
        <v>27</v>
      </c>
      <c r="B29" s="9" t="s">
        <v>28</v>
      </c>
      <c r="C29" s="9" t="s">
        <v>29</v>
      </c>
      <c r="D29" s="9" t="s">
        <v>6</v>
      </c>
      <c r="E29" s="9" t="s">
        <v>48</v>
      </c>
      <c r="F29" s="6">
        <v>72922764</v>
      </c>
      <c r="G29" s="6">
        <v>50952692</v>
      </c>
      <c r="H29" s="6">
        <v>48918751</v>
      </c>
      <c r="I29" s="6">
        <v>41871198</v>
      </c>
      <c r="J29" s="6">
        <v>4938096</v>
      </c>
      <c r="K29" s="6">
        <v>1102980</v>
      </c>
      <c r="L29" s="6">
        <v>1006477</v>
      </c>
      <c r="M29" s="6">
        <v>2033941</v>
      </c>
      <c r="N29" s="6">
        <v>12889876</v>
      </c>
      <c r="O29" s="6">
        <v>5827584</v>
      </c>
      <c r="P29" s="6">
        <v>5270366</v>
      </c>
      <c r="Q29" s="6">
        <v>1791926</v>
      </c>
      <c r="R29" s="6">
        <v>9080196</v>
      </c>
      <c r="S29" s="7">
        <v>79.809899999999999</v>
      </c>
    </row>
    <row r="30" spans="1:19">
      <c r="A30" s="9" t="s">
        <v>27</v>
      </c>
      <c r="B30" s="9" t="s">
        <v>28</v>
      </c>
      <c r="C30" s="9" t="s">
        <v>29</v>
      </c>
      <c r="D30" s="9" t="s">
        <v>6</v>
      </c>
      <c r="E30" s="9" t="s">
        <v>49</v>
      </c>
      <c r="F30" s="6">
        <v>35335805</v>
      </c>
      <c r="G30" s="6">
        <v>8997075</v>
      </c>
      <c r="H30" s="6">
        <v>8724474</v>
      </c>
      <c r="I30" s="6">
        <v>6083313</v>
      </c>
      <c r="J30" s="6">
        <v>2169308</v>
      </c>
      <c r="K30" s="6">
        <v>2612</v>
      </c>
      <c r="L30" s="6">
        <v>469241</v>
      </c>
      <c r="M30" s="6">
        <v>272601</v>
      </c>
      <c r="N30" s="6">
        <v>23714092</v>
      </c>
      <c r="O30" s="6">
        <v>7316832</v>
      </c>
      <c r="P30" s="6">
        <v>6016</v>
      </c>
      <c r="Q30" s="6">
        <v>16391244</v>
      </c>
      <c r="R30" s="6">
        <v>2624638</v>
      </c>
      <c r="S30" s="7">
        <v>27.5046</v>
      </c>
    </row>
    <row r="31" spans="1:19">
      <c r="A31" s="9" t="s">
        <v>27</v>
      </c>
      <c r="B31" s="9" t="s">
        <v>28</v>
      </c>
      <c r="C31" s="9" t="s">
        <v>29</v>
      </c>
      <c r="D31" s="9" t="s">
        <v>6</v>
      </c>
      <c r="E31" s="9" t="s">
        <v>50</v>
      </c>
      <c r="F31" s="6">
        <v>18248742</v>
      </c>
      <c r="G31" s="6">
        <v>2067297</v>
      </c>
      <c r="H31" s="6">
        <v>2026871</v>
      </c>
      <c r="I31" s="6">
        <v>1243742</v>
      </c>
      <c r="J31" s="6">
        <v>600390</v>
      </c>
      <c r="K31" s="6">
        <v>988</v>
      </c>
      <c r="L31" s="6">
        <v>181751</v>
      </c>
      <c r="M31" s="6">
        <v>40426</v>
      </c>
      <c r="N31" s="6">
        <v>14599230</v>
      </c>
      <c r="O31" s="6">
        <v>3456913</v>
      </c>
      <c r="P31" s="6">
        <v>3571</v>
      </c>
      <c r="Q31" s="6">
        <v>11138746</v>
      </c>
      <c r="R31" s="6">
        <v>1582215</v>
      </c>
      <c r="S31" s="7">
        <v>12.403890000000001</v>
      </c>
    </row>
    <row r="32" spans="1:19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1</v>
      </c>
      <c r="F32" s="6">
        <v>6021086</v>
      </c>
      <c r="G32" s="6">
        <v>253814</v>
      </c>
      <c r="H32" s="6">
        <v>250070</v>
      </c>
      <c r="I32" s="6">
        <v>133348</v>
      </c>
      <c r="J32" s="6">
        <v>83010</v>
      </c>
      <c r="K32" s="6">
        <v>204</v>
      </c>
      <c r="L32" s="6">
        <v>33508</v>
      </c>
      <c r="M32" s="6">
        <v>3744</v>
      </c>
      <c r="N32" s="6">
        <v>5315250</v>
      </c>
      <c r="O32" s="6">
        <v>800163</v>
      </c>
      <c r="P32" s="6">
        <v>1145</v>
      </c>
      <c r="Q32" s="6">
        <v>4513942</v>
      </c>
      <c r="R32" s="6">
        <v>452022</v>
      </c>
      <c r="S32" s="7">
        <v>4.5575700000000001</v>
      </c>
    </row>
    <row r="33" spans="1:19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2</v>
      </c>
      <c r="F33" s="6">
        <v>75380592</v>
      </c>
      <c r="G33" s="6">
        <v>54077841</v>
      </c>
      <c r="H33" s="6">
        <v>51946655</v>
      </c>
      <c r="I33" s="6">
        <v>44388416</v>
      </c>
      <c r="J33" s="6">
        <v>5753460</v>
      </c>
      <c r="K33" s="6">
        <v>680818</v>
      </c>
      <c r="L33" s="6">
        <v>1123961</v>
      </c>
      <c r="M33" s="6">
        <v>2131186</v>
      </c>
      <c r="N33" s="6">
        <v>12370689</v>
      </c>
      <c r="O33" s="6">
        <v>7576519</v>
      </c>
      <c r="P33" s="6">
        <v>1197677</v>
      </c>
      <c r="Q33" s="6">
        <v>3596493</v>
      </c>
      <c r="R33" s="6">
        <v>8932062</v>
      </c>
      <c r="S33" s="7">
        <v>81.383049999999997</v>
      </c>
    </row>
    <row r="34" spans="1:19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30</v>
      </c>
      <c r="F34" s="6">
        <v>52098467</v>
      </c>
      <c r="G34" s="6">
        <v>32925925</v>
      </c>
      <c r="H34" s="6">
        <v>31501307</v>
      </c>
      <c r="I34" s="6">
        <v>29549932</v>
      </c>
      <c r="J34" s="6">
        <v>702158</v>
      </c>
      <c r="K34" s="6">
        <v>541889</v>
      </c>
      <c r="L34" s="6">
        <v>707328</v>
      </c>
      <c r="M34" s="6">
        <v>1424618</v>
      </c>
      <c r="N34" s="6">
        <v>13069689</v>
      </c>
      <c r="O34" s="6">
        <v>1449277</v>
      </c>
      <c r="P34" s="6">
        <v>2731071</v>
      </c>
      <c r="Q34" s="6">
        <v>8889341</v>
      </c>
      <c r="R34" s="6">
        <v>6102853</v>
      </c>
      <c r="S34" s="7">
        <v>71.584919999999997</v>
      </c>
    </row>
    <row r="35" spans="1:19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31</v>
      </c>
      <c r="F35" s="6">
        <v>2880029</v>
      </c>
      <c r="G35" s="6">
        <v>431777</v>
      </c>
      <c r="H35" s="6">
        <v>398900</v>
      </c>
      <c r="I35" s="6">
        <v>198772</v>
      </c>
      <c r="J35" s="6">
        <v>6959</v>
      </c>
      <c r="K35" s="6">
        <v>184453</v>
      </c>
      <c r="L35" s="6">
        <v>8716</v>
      </c>
      <c r="M35" s="6">
        <v>32877</v>
      </c>
      <c r="N35" s="6">
        <v>2146018</v>
      </c>
      <c r="O35" s="6">
        <v>9679</v>
      </c>
      <c r="P35" s="6">
        <v>2088365</v>
      </c>
      <c r="Q35" s="6">
        <v>47974</v>
      </c>
      <c r="R35" s="6">
        <v>302234</v>
      </c>
      <c r="S35" s="7">
        <v>16.749860000000002</v>
      </c>
    </row>
    <row r="36" spans="1:1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32</v>
      </c>
      <c r="F36" s="6">
        <v>3017869</v>
      </c>
      <c r="G36" s="6">
        <v>1871547</v>
      </c>
      <c r="H36" s="6">
        <v>1749180</v>
      </c>
      <c r="I36" s="6">
        <v>1373976</v>
      </c>
      <c r="J36" s="6">
        <v>21218</v>
      </c>
      <c r="K36" s="6">
        <v>322769</v>
      </c>
      <c r="L36" s="6">
        <v>31217</v>
      </c>
      <c r="M36" s="6">
        <v>122367</v>
      </c>
      <c r="N36" s="6">
        <v>658652</v>
      </c>
      <c r="O36" s="6">
        <v>18227</v>
      </c>
      <c r="P36" s="6">
        <v>574663</v>
      </c>
      <c r="Q36" s="6">
        <v>65762</v>
      </c>
      <c r="R36" s="6">
        <v>487670</v>
      </c>
      <c r="S36" s="7">
        <v>73.968369999999993</v>
      </c>
    </row>
    <row r="37" spans="1:19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33</v>
      </c>
      <c r="F37" s="6">
        <v>3074087</v>
      </c>
      <c r="G37" s="6">
        <v>2377902</v>
      </c>
      <c r="H37" s="6">
        <v>2249992</v>
      </c>
      <c r="I37" s="6">
        <v>2189492</v>
      </c>
      <c r="J37" s="6">
        <v>15687</v>
      </c>
      <c r="K37" s="6">
        <v>19400</v>
      </c>
      <c r="L37" s="6">
        <v>25413</v>
      </c>
      <c r="M37" s="6">
        <v>127910</v>
      </c>
      <c r="N37" s="6">
        <v>115045</v>
      </c>
      <c r="O37" s="6">
        <v>16086</v>
      </c>
      <c r="P37" s="6">
        <v>45675</v>
      </c>
      <c r="Q37" s="6">
        <v>53284</v>
      </c>
      <c r="R37" s="6">
        <v>581140</v>
      </c>
      <c r="S37" s="7">
        <v>95.385180000000005</v>
      </c>
    </row>
    <row r="38" spans="1:19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34</v>
      </c>
      <c r="F38" s="6">
        <v>3297031</v>
      </c>
      <c r="G38" s="6">
        <v>2642450</v>
      </c>
      <c r="H38" s="6">
        <v>2522293</v>
      </c>
      <c r="I38" s="6">
        <v>2470047</v>
      </c>
      <c r="J38" s="6">
        <v>16774</v>
      </c>
      <c r="K38" s="6">
        <v>6654</v>
      </c>
      <c r="L38" s="6">
        <v>28818</v>
      </c>
      <c r="M38" s="6">
        <v>120157</v>
      </c>
      <c r="N38" s="6">
        <v>88640</v>
      </c>
      <c r="O38" s="6">
        <v>20230</v>
      </c>
      <c r="P38" s="6">
        <v>10169</v>
      </c>
      <c r="Q38" s="6">
        <v>58241</v>
      </c>
      <c r="R38" s="6">
        <v>565941</v>
      </c>
      <c r="S38" s="7">
        <v>96.754409999999993</v>
      </c>
    </row>
    <row r="39" spans="1:19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35</v>
      </c>
      <c r="F39" s="6">
        <v>3696855</v>
      </c>
      <c r="G39" s="6">
        <v>3006326</v>
      </c>
      <c r="H39" s="6">
        <v>2883380</v>
      </c>
      <c r="I39" s="6">
        <v>2831967</v>
      </c>
      <c r="J39" s="6">
        <v>17821</v>
      </c>
      <c r="K39" s="6">
        <v>2891</v>
      </c>
      <c r="L39" s="6">
        <v>30701</v>
      </c>
      <c r="M39" s="6">
        <v>122946</v>
      </c>
      <c r="N39" s="6">
        <v>96703</v>
      </c>
      <c r="O39" s="6">
        <v>24179</v>
      </c>
      <c r="P39" s="6">
        <v>3836</v>
      </c>
      <c r="Q39" s="6">
        <v>68688</v>
      </c>
      <c r="R39" s="6">
        <v>593826</v>
      </c>
      <c r="S39" s="7">
        <v>96.883589999999998</v>
      </c>
    </row>
    <row r="40" spans="1:19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36</v>
      </c>
      <c r="F40" s="6">
        <v>4189446</v>
      </c>
      <c r="G40" s="6">
        <v>3465451</v>
      </c>
      <c r="H40" s="6">
        <v>3335879</v>
      </c>
      <c r="I40" s="6">
        <v>3278534</v>
      </c>
      <c r="J40" s="6">
        <v>20491</v>
      </c>
      <c r="K40" s="6">
        <v>1536</v>
      </c>
      <c r="L40" s="6">
        <v>35318</v>
      </c>
      <c r="M40" s="6">
        <v>129572</v>
      </c>
      <c r="N40" s="6">
        <v>116210</v>
      </c>
      <c r="O40" s="6">
        <v>29253</v>
      </c>
      <c r="P40" s="6">
        <v>2086</v>
      </c>
      <c r="Q40" s="6">
        <v>84871</v>
      </c>
      <c r="R40" s="6">
        <v>607785</v>
      </c>
      <c r="S40" s="7">
        <v>96.755420000000001</v>
      </c>
    </row>
    <row r="41" spans="1:19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37</v>
      </c>
      <c r="F41" s="6">
        <v>4862990</v>
      </c>
      <c r="G41" s="6">
        <v>4060364</v>
      </c>
      <c r="H41" s="6">
        <v>3910236</v>
      </c>
      <c r="I41" s="6">
        <v>3838843</v>
      </c>
      <c r="J41" s="6">
        <v>23953</v>
      </c>
      <c r="K41" s="6">
        <v>1105</v>
      </c>
      <c r="L41" s="6">
        <v>46335</v>
      </c>
      <c r="M41" s="6">
        <v>150128</v>
      </c>
      <c r="N41" s="6">
        <v>155712</v>
      </c>
      <c r="O41" s="6">
        <v>39925</v>
      </c>
      <c r="P41" s="6">
        <v>1594</v>
      </c>
      <c r="Q41" s="6">
        <v>114193</v>
      </c>
      <c r="R41" s="6">
        <v>646914</v>
      </c>
      <c r="S41" s="7">
        <v>96.306709999999995</v>
      </c>
    </row>
    <row r="42" spans="1:19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38</v>
      </c>
      <c r="F42" s="6">
        <v>4277003</v>
      </c>
      <c r="G42" s="6">
        <v>3580174</v>
      </c>
      <c r="H42" s="6">
        <v>3442070</v>
      </c>
      <c r="I42" s="6">
        <v>3367577</v>
      </c>
      <c r="J42" s="6">
        <v>24489</v>
      </c>
      <c r="K42" s="6">
        <v>730</v>
      </c>
      <c r="L42" s="6">
        <v>49274</v>
      </c>
      <c r="M42" s="6">
        <v>138104</v>
      </c>
      <c r="N42" s="6">
        <v>165479</v>
      </c>
      <c r="O42" s="6">
        <v>45252</v>
      </c>
      <c r="P42" s="6">
        <v>958</v>
      </c>
      <c r="Q42" s="6">
        <v>119269</v>
      </c>
      <c r="R42" s="6">
        <v>531350</v>
      </c>
      <c r="S42" s="7">
        <v>95.58211</v>
      </c>
    </row>
    <row r="43" spans="1:19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39</v>
      </c>
      <c r="F43" s="6">
        <v>3865303</v>
      </c>
      <c r="G43" s="6">
        <v>3288630</v>
      </c>
      <c r="H43" s="6">
        <v>3161054</v>
      </c>
      <c r="I43" s="6">
        <v>3077787</v>
      </c>
      <c r="J43" s="6">
        <v>28170</v>
      </c>
      <c r="K43" s="6">
        <v>555</v>
      </c>
      <c r="L43" s="6">
        <v>54542</v>
      </c>
      <c r="M43" s="6">
        <v>127576</v>
      </c>
      <c r="N43" s="6">
        <v>199220</v>
      </c>
      <c r="O43" s="6">
        <v>56104</v>
      </c>
      <c r="P43" s="6">
        <v>832</v>
      </c>
      <c r="Q43" s="6">
        <v>142284</v>
      </c>
      <c r="R43" s="6">
        <v>377453</v>
      </c>
      <c r="S43" s="7">
        <v>94.288169999999994</v>
      </c>
    </row>
    <row r="44" spans="1:19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40</v>
      </c>
      <c r="F44" s="6">
        <v>3592903</v>
      </c>
      <c r="G44" s="6">
        <v>2884846</v>
      </c>
      <c r="H44" s="6">
        <v>2743770</v>
      </c>
      <c r="I44" s="6">
        <v>2623320</v>
      </c>
      <c r="J44" s="6">
        <v>56857</v>
      </c>
      <c r="K44" s="6">
        <v>496</v>
      </c>
      <c r="L44" s="6">
        <v>63097</v>
      </c>
      <c r="M44" s="6">
        <v>141076</v>
      </c>
      <c r="N44" s="6">
        <v>451587</v>
      </c>
      <c r="O44" s="6">
        <v>111712</v>
      </c>
      <c r="P44" s="6">
        <v>893</v>
      </c>
      <c r="Q44" s="6">
        <v>338982</v>
      </c>
      <c r="R44" s="6">
        <v>256470</v>
      </c>
      <c r="S44" s="7">
        <v>86.464979999999997</v>
      </c>
    </row>
    <row r="45" spans="1:19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41</v>
      </c>
      <c r="F45" s="6">
        <v>3910060</v>
      </c>
      <c r="G45" s="6">
        <v>2331591</v>
      </c>
      <c r="H45" s="6">
        <v>2212215</v>
      </c>
      <c r="I45" s="6">
        <v>1975063</v>
      </c>
      <c r="J45" s="6">
        <v>141393</v>
      </c>
      <c r="K45" s="6">
        <v>496</v>
      </c>
      <c r="L45" s="6">
        <v>95263</v>
      </c>
      <c r="M45" s="6">
        <v>119376</v>
      </c>
      <c r="N45" s="6">
        <v>1341251</v>
      </c>
      <c r="O45" s="6">
        <v>229650</v>
      </c>
      <c r="P45" s="6">
        <v>552</v>
      </c>
      <c r="Q45" s="6">
        <v>1111049</v>
      </c>
      <c r="R45" s="6">
        <v>237218</v>
      </c>
      <c r="S45" s="7">
        <v>63.481929999999998</v>
      </c>
    </row>
    <row r="46" spans="1:19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42</v>
      </c>
      <c r="F46" s="6">
        <v>4249286</v>
      </c>
      <c r="G46" s="6">
        <v>1765059</v>
      </c>
      <c r="H46" s="6">
        <v>1703070</v>
      </c>
      <c r="I46" s="6">
        <v>1426725</v>
      </c>
      <c r="J46" s="6">
        <v>164975</v>
      </c>
      <c r="K46" s="6">
        <v>342</v>
      </c>
      <c r="L46" s="6">
        <v>111028</v>
      </c>
      <c r="M46" s="6">
        <v>61989</v>
      </c>
      <c r="N46" s="6">
        <v>2201635</v>
      </c>
      <c r="O46" s="6">
        <v>295798</v>
      </c>
      <c r="P46" s="6">
        <v>437</v>
      </c>
      <c r="Q46" s="6">
        <v>1905400</v>
      </c>
      <c r="R46" s="6">
        <v>282592</v>
      </c>
      <c r="S46" s="7">
        <v>44.496980000000001</v>
      </c>
    </row>
    <row r="47" spans="1:19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43</v>
      </c>
      <c r="F47" s="6">
        <v>3092860</v>
      </c>
      <c r="G47" s="6">
        <v>755917</v>
      </c>
      <c r="H47" s="6">
        <v>734225</v>
      </c>
      <c r="I47" s="6">
        <v>573200</v>
      </c>
      <c r="J47" s="6">
        <v>93564</v>
      </c>
      <c r="K47" s="6">
        <v>233</v>
      </c>
      <c r="L47" s="6">
        <v>67228</v>
      </c>
      <c r="M47" s="6">
        <v>21692</v>
      </c>
      <c r="N47" s="6">
        <v>2078892</v>
      </c>
      <c r="O47" s="6">
        <v>253839</v>
      </c>
      <c r="P47" s="6">
        <v>444</v>
      </c>
      <c r="Q47" s="6">
        <v>1824609</v>
      </c>
      <c r="R47" s="6">
        <v>258051</v>
      </c>
      <c r="S47" s="7">
        <v>26.66554</v>
      </c>
    </row>
    <row r="48" spans="1:19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44</v>
      </c>
      <c r="F48" s="6">
        <v>2196093</v>
      </c>
      <c r="G48" s="6">
        <v>320527</v>
      </c>
      <c r="H48" s="6">
        <v>313955</v>
      </c>
      <c r="I48" s="6">
        <v>229478</v>
      </c>
      <c r="J48" s="6">
        <v>46103</v>
      </c>
      <c r="K48" s="6">
        <v>145</v>
      </c>
      <c r="L48" s="6">
        <v>38229</v>
      </c>
      <c r="M48" s="6">
        <v>6572</v>
      </c>
      <c r="N48" s="6">
        <v>1662964</v>
      </c>
      <c r="O48" s="6">
        <v>179364</v>
      </c>
      <c r="P48" s="6">
        <v>346</v>
      </c>
      <c r="Q48" s="6">
        <v>1483254</v>
      </c>
      <c r="R48" s="6">
        <v>212602</v>
      </c>
      <c r="S48" s="7">
        <v>16.159739999999999</v>
      </c>
    </row>
    <row r="49" spans="1:19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45</v>
      </c>
      <c r="F49" s="6">
        <v>1303473</v>
      </c>
      <c r="G49" s="6">
        <v>114996</v>
      </c>
      <c r="H49" s="6">
        <v>113199</v>
      </c>
      <c r="I49" s="6">
        <v>77456</v>
      </c>
      <c r="J49" s="6">
        <v>18582</v>
      </c>
      <c r="K49" s="6">
        <v>62</v>
      </c>
      <c r="L49" s="6">
        <v>17099</v>
      </c>
      <c r="M49" s="6">
        <v>1797</v>
      </c>
      <c r="N49" s="6">
        <v>1068232</v>
      </c>
      <c r="O49" s="6">
        <v>91371</v>
      </c>
      <c r="P49" s="6">
        <v>150</v>
      </c>
      <c r="Q49" s="6">
        <v>976711</v>
      </c>
      <c r="R49" s="6">
        <v>120245</v>
      </c>
      <c r="S49" s="7">
        <v>9.7188400000000001</v>
      </c>
    </row>
    <row r="50" spans="1:19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46</v>
      </c>
      <c r="F50" s="6">
        <v>491303</v>
      </c>
      <c r="G50" s="6">
        <v>25596</v>
      </c>
      <c r="H50" s="6">
        <v>25168</v>
      </c>
      <c r="I50" s="6">
        <v>16013</v>
      </c>
      <c r="J50" s="6">
        <v>4625</v>
      </c>
      <c r="K50" s="6">
        <v>20</v>
      </c>
      <c r="L50" s="6">
        <v>4510</v>
      </c>
      <c r="M50" s="6">
        <v>428</v>
      </c>
      <c r="N50" s="6">
        <v>429760</v>
      </c>
      <c r="O50" s="6">
        <v>25387</v>
      </c>
      <c r="P50" s="6">
        <v>62</v>
      </c>
      <c r="Q50" s="6">
        <v>404311</v>
      </c>
      <c r="R50" s="6">
        <v>35947</v>
      </c>
      <c r="S50" s="7">
        <v>5.6211000000000002</v>
      </c>
    </row>
    <row r="51" spans="1:19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47</v>
      </c>
      <c r="F51" s="6">
        <v>101876</v>
      </c>
      <c r="G51" s="6">
        <v>2772</v>
      </c>
      <c r="H51" s="6">
        <v>2721</v>
      </c>
      <c r="I51" s="6">
        <v>1682</v>
      </c>
      <c r="J51" s="6">
        <v>497</v>
      </c>
      <c r="K51" s="6">
        <v>2</v>
      </c>
      <c r="L51" s="6">
        <v>540</v>
      </c>
      <c r="M51" s="6">
        <v>51</v>
      </c>
      <c r="N51" s="6">
        <v>93689</v>
      </c>
      <c r="O51" s="6">
        <v>3221</v>
      </c>
      <c r="P51" s="6">
        <v>9</v>
      </c>
      <c r="Q51" s="6">
        <v>90459</v>
      </c>
      <c r="R51" s="6">
        <v>5415</v>
      </c>
      <c r="S51" s="7">
        <v>2.8736999999999999</v>
      </c>
    </row>
    <row r="52" spans="1:19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48</v>
      </c>
      <c r="F52" s="6">
        <v>36753516</v>
      </c>
      <c r="G52" s="6">
        <v>27609467</v>
      </c>
      <c r="H52" s="6">
        <v>26396754</v>
      </c>
      <c r="I52" s="6">
        <v>25250315</v>
      </c>
      <c r="J52" s="6">
        <v>232419</v>
      </c>
      <c r="K52" s="6">
        <v>540589</v>
      </c>
      <c r="L52" s="6">
        <v>373431</v>
      </c>
      <c r="M52" s="6">
        <v>1212713</v>
      </c>
      <c r="N52" s="6">
        <v>4193266</v>
      </c>
      <c r="O52" s="6">
        <v>370647</v>
      </c>
      <c r="P52" s="6">
        <v>2729071</v>
      </c>
      <c r="Q52" s="6">
        <v>1093548</v>
      </c>
      <c r="R52" s="6">
        <v>4950783</v>
      </c>
      <c r="S52" s="7">
        <v>86.814760000000007</v>
      </c>
    </row>
    <row r="53" spans="1:19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49</v>
      </c>
      <c r="F53" s="6">
        <v>15344951</v>
      </c>
      <c r="G53" s="6">
        <v>5316458</v>
      </c>
      <c r="H53" s="6">
        <v>5104553</v>
      </c>
      <c r="I53" s="6">
        <v>4299617</v>
      </c>
      <c r="J53" s="6">
        <v>469739</v>
      </c>
      <c r="K53" s="6">
        <v>1300</v>
      </c>
      <c r="L53" s="6">
        <v>333897</v>
      </c>
      <c r="M53" s="6">
        <v>211905</v>
      </c>
      <c r="N53" s="6">
        <v>8876423</v>
      </c>
      <c r="O53" s="6">
        <v>1078630</v>
      </c>
      <c r="P53" s="6">
        <v>2000</v>
      </c>
      <c r="Q53" s="6">
        <v>7795793</v>
      </c>
      <c r="R53" s="6">
        <v>1152070</v>
      </c>
      <c r="S53" s="7">
        <v>37.458620000000003</v>
      </c>
    </row>
    <row r="54" spans="1:19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50</v>
      </c>
      <c r="F54" s="6">
        <v>7185605</v>
      </c>
      <c r="G54" s="6">
        <v>1219808</v>
      </c>
      <c r="H54" s="6">
        <v>1189268</v>
      </c>
      <c r="I54" s="6">
        <v>897829</v>
      </c>
      <c r="J54" s="6">
        <v>163371</v>
      </c>
      <c r="K54" s="6">
        <v>462</v>
      </c>
      <c r="L54" s="6">
        <v>127606</v>
      </c>
      <c r="M54" s="6">
        <v>30540</v>
      </c>
      <c r="N54" s="6">
        <v>5333537</v>
      </c>
      <c r="O54" s="6">
        <v>553182</v>
      </c>
      <c r="P54" s="6">
        <v>1011</v>
      </c>
      <c r="Q54" s="6">
        <v>4779344</v>
      </c>
      <c r="R54" s="6">
        <v>632260</v>
      </c>
      <c r="S54" s="7">
        <v>18.613520000000001</v>
      </c>
    </row>
    <row r="55" spans="1:19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51</v>
      </c>
      <c r="F55" s="6">
        <v>1896652</v>
      </c>
      <c r="G55" s="6">
        <v>143364</v>
      </c>
      <c r="H55" s="6">
        <v>141088</v>
      </c>
      <c r="I55" s="6">
        <v>95151</v>
      </c>
      <c r="J55" s="6">
        <v>23704</v>
      </c>
      <c r="K55" s="6">
        <v>84</v>
      </c>
      <c r="L55" s="6">
        <v>22149</v>
      </c>
      <c r="M55" s="6">
        <v>2276</v>
      </c>
      <c r="N55" s="6">
        <v>1591681</v>
      </c>
      <c r="O55" s="6">
        <v>119979</v>
      </c>
      <c r="P55" s="6">
        <v>221</v>
      </c>
      <c r="Q55" s="6">
        <v>1471481</v>
      </c>
      <c r="R55" s="6">
        <v>161607</v>
      </c>
      <c r="S55" s="7">
        <v>8.2628400000000006</v>
      </c>
    </row>
    <row r="56" spans="1:19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52</v>
      </c>
      <c r="F56" s="6">
        <v>37783547</v>
      </c>
      <c r="G56" s="6">
        <v>29509281</v>
      </c>
      <c r="H56" s="6">
        <v>28210069</v>
      </c>
      <c r="I56" s="6">
        <v>27026606</v>
      </c>
      <c r="J56" s="6">
        <v>366853</v>
      </c>
      <c r="K56" s="6">
        <v>356632</v>
      </c>
      <c r="L56" s="6">
        <v>459978</v>
      </c>
      <c r="M56" s="6">
        <v>1299212</v>
      </c>
      <c r="N56" s="6">
        <v>3388499</v>
      </c>
      <c r="O56" s="6">
        <v>590618</v>
      </c>
      <c r="P56" s="6">
        <v>641258</v>
      </c>
      <c r="Q56" s="6">
        <v>2156623</v>
      </c>
      <c r="R56" s="6">
        <v>4885767</v>
      </c>
      <c r="S56" s="7">
        <v>89.699920000000006</v>
      </c>
    </row>
    <row r="57" spans="1:19">
      <c r="A57" s="9" t="s">
        <v>27</v>
      </c>
      <c r="B57" s="9" t="s">
        <v>28</v>
      </c>
      <c r="C57" s="9" t="s">
        <v>29</v>
      </c>
      <c r="D57" s="9" t="s">
        <v>54</v>
      </c>
      <c r="E57" s="9" t="s">
        <v>30</v>
      </c>
      <c r="F57" s="6">
        <v>56160102</v>
      </c>
      <c r="G57" s="6">
        <v>27023842</v>
      </c>
      <c r="H57" s="6">
        <v>26141918</v>
      </c>
      <c r="I57" s="6">
        <v>18404579</v>
      </c>
      <c r="J57" s="6">
        <v>6405246</v>
      </c>
      <c r="K57" s="6">
        <v>563703</v>
      </c>
      <c r="L57" s="6">
        <v>768390</v>
      </c>
      <c r="M57" s="6">
        <v>881924</v>
      </c>
      <c r="N57" s="6">
        <v>23534279</v>
      </c>
      <c r="O57" s="6">
        <v>11695139</v>
      </c>
      <c r="P57" s="6">
        <v>2545311</v>
      </c>
      <c r="Q57" s="6">
        <v>9293829</v>
      </c>
      <c r="R57" s="6">
        <v>5601981</v>
      </c>
      <c r="S57" s="7">
        <v>53.451039999999999</v>
      </c>
    </row>
    <row r="58" spans="1:19">
      <c r="A58" s="9" t="s">
        <v>27</v>
      </c>
      <c r="B58" s="9" t="s">
        <v>28</v>
      </c>
      <c r="C58" s="9" t="s">
        <v>29</v>
      </c>
      <c r="D58" s="9" t="s">
        <v>54</v>
      </c>
      <c r="E58" s="9" t="s">
        <v>31</v>
      </c>
      <c r="F58" s="6">
        <v>2737411</v>
      </c>
      <c r="G58" s="6">
        <v>411142</v>
      </c>
      <c r="H58" s="6">
        <v>387895</v>
      </c>
      <c r="I58" s="6">
        <v>128066</v>
      </c>
      <c r="J58" s="6">
        <v>12185</v>
      </c>
      <c r="K58" s="6">
        <v>238631</v>
      </c>
      <c r="L58" s="6">
        <v>9013</v>
      </c>
      <c r="M58" s="6">
        <v>23247</v>
      </c>
      <c r="N58" s="6">
        <v>2037432</v>
      </c>
      <c r="O58" s="6">
        <v>20060</v>
      </c>
      <c r="P58" s="6">
        <v>1985495</v>
      </c>
      <c r="Q58" s="6">
        <v>31877</v>
      </c>
      <c r="R58" s="6">
        <v>288837</v>
      </c>
      <c r="S58" s="7">
        <v>16.791080000000001</v>
      </c>
    </row>
    <row r="59" spans="1:19">
      <c r="A59" s="9" t="s">
        <v>27</v>
      </c>
      <c r="B59" s="9" t="s">
        <v>28</v>
      </c>
      <c r="C59" s="9" t="s">
        <v>29</v>
      </c>
      <c r="D59" s="9" t="s">
        <v>54</v>
      </c>
      <c r="E59" s="9" t="s">
        <v>32</v>
      </c>
      <c r="F59" s="6">
        <v>2913437</v>
      </c>
      <c r="G59" s="6">
        <v>1836990</v>
      </c>
      <c r="H59" s="6">
        <v>1739983</v>
      </c>
      <c r="I59" s="6">
        <v>1344488</v>
      </c>
      <c r="J59" s="6">
        <v>58657</v>
      </c>
      <c r="K59" s="6">
        <v>293335</v>
      </c>
      <c r="L59" s="6">
        <v>43503</v>
      </c>
      <c r="M59" s="6">
        <v>97007</v>
      </c>
      <c r="N59" s="6">
        <v>638812</v>
      </c>
      <c r="O59" s="6">
        <v>98205</v>
      </c>
      <c r="P59" s="6">
        <v>499239</v>
      </c>
      <c r="Q59" s="6">
        <v>41368</v>
      </c>
      <c r="R59" s="6">
        <v>437635</v>
      </c>
      <c r="S59" s="7">
        <v>74.197779999999995</v>
      </c>
    </row>
    <row r="60" spans="1:19">
      <c r="A60" s="9" t="s">
        <v>27</v>
      </c>
      <c r="B60" s="9" t="s">
        <v>28</v>
      </c>
      <c r="C60" s="9" t="s">
        <v>29</v>
      </c>
      <c r="D60" s="9" t="s">
        <v>54</v>
      </c>
      <c r="E60" s="9" t="s">
        <v>33</v>
      </c>
      <c r="F60" s="6">
        <v>2957877</v>
      </c>
      <c r="G60" s="6">
        <v>2139715</v>
      </c>
      <c r="H60" s="6">
        <v>2037971</v>
      </c>
      <c r="I60" s="6">
        <v>1797883</v>
      </c>
      <c r="J60" s="6">
        <v>129348</v>
      </c>
      <c r="K60" s="6">
        <v>13808</v>
      </c>
      <c r="L60" s="6">
        <v>96932</v>
      </c>
      <c r="M60" s="6">
        <v>101744</v>
      </c>
      <c r="N60" s="6">
        <v>331655</v>
      </c>
      <c r="O60" s="6">
        <v>268765</v>
      </c>
      <c r="P60" s="6">
        <v>29866</v>
      </c>
      <c r="Q60" s="6">
        <v>33024</v>
      </c>
      <c r="R60" s="6">
        <v>486507</v>
      </c>
      <c r="S60" s="7">
        <v>86.580119999999994</v>
      </c>
    </row>
    <row r="61" spans="1:19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34</v>
      </c>
      <c r="F61" s="6">
        <v>3187563</v>
      </c>
      <c r="G61" s="6">
        <v>2141724</v>
      </c>
      <c r="H61" s="6">
        <v>2054853</v>
      </c>
      <c r="I61" s="6">
        <v>1634362</v>
      </c>
      <c r="J61" s="6">
        <v>264711</v>
      </c>
      <c r="K61" s="6">
        <v>5642</v>
      </c>
      <c r="L61" s="6">
        <v>150138</v>
      </c>
      <c r="M61" s="6">
        <v>86871</v>
      </c>
      <c r="N61" s="6">
        <v>565391</v>
      </c>
      <c r="O61" s="6">
        <v>517696</v>
      </c>
      <c r="P61" s="6">
        <v>10159</v>
      </c>
      <c r="Q61" s="6">
        <v>37536</v>
      </c>
      <c r="R61" s="6">
        <v>480448</v>
      </c>
      <c r="S61" s="7">
        <v>79.114630000000005</v>
      </c>
    </row>
    <row r="62" spans="1:19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35</v>
      </c>
      <c r="F62" s="6">
        <v>3614712</v>
      </c>
      <c r="G62" s="6">
        <v>2427347</v>
      </c>
      <c r="H62" s="6">
        <v>2345266</v>
      </c>
      <c r="I62" s="6">
        <v>1777753</v>
      </c>
      <c r="J62" s="6">
        <v>452082</v>
      </c>
      <c r="K62" s="6">
        <v>3337</v>
      </c>
      <c r="L62" s="6">
        <v>112094</v>
      </c>
      <c r="M62" s="6">
        <v>82081</v>
      </c>
      <c r="N62" s="6">
        <v>681596</v>
      </c>
      <c r="O62" s="6">
        <v>633277</v>
      </c>
      <c r="P62" s="6">
        <v>5820</v>
      </c>
      <c r="Q62" s="6">
        <v>42499</v>
      </c>
      <c r="R62" s="6">
        <v>505769</v>
      </c>
      <c r="S62" s="7">
        <v>78.076279999999997</v>
      </c>
    </row>
    <row r="63" spans="1:19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36</v>
      </c>
      <c r="F63" s="6">
        <v>4101631</v>
      </c>
      <c r="G63" s="6">
        <v>2898117</v>
      </c>
      <c r="H63" s="6">
        <v>2810461</v>
      </c>
      <c r="I63" s="6">
        <v>2083386</v>
      </c>
      <c r="J63" s="6">
        <v>667938</v>
      </c>
      <c r="K63" s="6">
        <v>2701</v>
      </c>
      <c r="L63" s="6">
        <v>56436</v>
      </c>
      <c r="M63" s="6">
        <v>87656</v>
      </c>
      <c r="N63" s="6">
        <v>688016</v>
      </c>
      <c r="O63" s="6">
        <v>634072</v>
      </c>
      <c r="P63" s="6">
        <v>4186</v>
      </c>
      <c r="Q63" s="6">
        <v>49758</v>
      </c>
      <c r="R63" s="6">
        <v>515498</v>
      </c>
      <c r="S63" s="7">
        <v>80.814539999999994</v>
      </c>
    </row>
    <row r="64" spans="1:19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37</v>
      </c>
      <c r="F64" s="6">
        <v>4787303</v>
      </c>
      <c r="G64" s="6">
        <v>3484179</v>
      </c>
      <c r="H64" s="6">
        <v>3377650</v>
      </c>
      <c r="I64" s="6">
        <v>2449171</v>
      </c>
      <c r="J64" s="6">
        <v>882719</v>
      </c>
      <c r="K64" s="6">
        <v>2226</v>
      </c>
      <c r="L64" s="6">
        <v>43534</v>
      </c>
      <c r="M64" s="6">
        <v>106529</v>
      </c>
      <c r="N64" s="6">
        <v>765135</v>
      </c>
      <c r="O64" s="6">
        <v>693340</v>
      </c>
      <c r="P64" s="6">
        <v>2967</v>
      </c>
      <c r="Q64" s="6">
        <v>68828</v>
      </c>
      <c r="R64" s="6">
        <v>537989</v>
      </c>
      <c r="S64" s="7">
        <v>81.993920000000003</v>
      </c>
    </row>
    <row r="65" spans="1:19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38</v>
      </c>
      <c r="F65" s="6">
        <v>4262848</v>
      </c>
      <c r="G65" s="6">
        <v>3086608</v>
      </c>
      <c r="H65" s="6">
        <v>2992070</v>
      </c>
      <c r="I65" s="6">
        <v>2142924</v>
      </c>
      <c r="J65" s="6">
        <v>805722</v>
      </c>
      <c r="K65" s="6">
        <v>1351</v>
      </c>
      <c r="L65" s="6">
        <v>42073</v>
      </c>
      <c r="M65" s="6">
        <v>94538</v>
      </c>
      <c r="N65" s="6">
        <v>763885</v>
      </c>
      <c r="O65" s="6">
        <v>689027</v>
      </c>
      <c r="P65" s="6">
        <v>1766</v>
      </c>
      <c r="Q65" s="6">
        <v>73092</v>
      </c>
      <c r="R65" s="6">
        <v>412355</v>
      </c>
      <c r="S65" s="7">
        <v>80.161370000000005</v>
      </c>
    </row>
    <row r="66" spans="1:19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39</v>
      </c>
      <c r="F66" s="6">
        <v>3902179</v>
      </c>
      <c r="G66" s="6">
        <v>2731303</v>
      </c>
      <c r="H66" s="6">
        <v>2654190</v>
      </c>
      <c r="I66" s="6">
        <v>1877108</v>
      </c>
      <c r="J66" s="6">
        <v>735422</v>
      </c>
      <c r="K66" s="6">
        <v>815</v>
      </c>
      <c r="L66" s="6">
        <v>40845</v>
      </c>
      <c r="M66" s="6">
        <v>77113</v>
      </c>
      <c r="N66" s="6">
        <v>895351</v>
      </c>
      <c r="O66" s="6">
        <v>804204</v>
      </c>
      <c r="P66" s="6">
        <v>1078</v>
      </c>
      <c r="Q66" s="6">
        <v>90069</v>
      </c>
      <c r="R66" s="6">
        <v>275525</v>
      </c>
      <c r="S66" s="7">
        <v>75.311930000000004</v>
      </c>
    </row>
    <row r="67" spans="1:19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40</v>
      </c>
      <c r="F67" s="6">
        <v>3704287</v>
      </c>
      <c r="G67" s="6">
        <v>2186100</v>
      </c>
      <c r="H67" s="6">
        <v>2121658</v>
      </c>
      <c r="I67" s="6">
        <v>1385742</v>
      </c>
      <c r="J67" s="6">
        <v>696893</v>
      </c>
      <c r="K67" s="6">
        <v>545</v>
      </c>
      <c r="L67" s="6">
        <v>38478</v>
      </c>
      <c r="M67" s="6">
        <v>64442</v>
      </c>
      <c r="N67" s="6">
        <v>1329337</v>
      </c>
      <c r="O67" s="6">
        <v>1098291</v>
      </c>
      <c r="P67" s="6">
        <v>719</v>
      </c>
      <c r="Q67" s="6">
        <v>230327</v>
      </c>
      <c r="R67" s="6">
        <v>188850</v>
      </c>
      <c r="S67" s="7">
        <v>62.18573</v>
      </c>
    </row>
    <row r="68" spans="1:19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41</v>
      </c>
      <c r="F68" s="6">
        <v>4165208</v>
      </c>
      <c r="G68" s="6">
        <v>1636477</v>
      </c>
      <c r="H68" s="6">
        <v>1602484</v>
      </c>
      <c r="I68" s="6">
        <v>868993</v>
      </c>
      <c r="J68" s="6">
        <v>693115</v>
      </c>
      <c r="K68" s="6">
        <v>426</v>
      </c>
      <c r="L68" s="6">
        <v>39950</v>
      </c>
      <c r="M68" s="6">
        <v>33993</v>
      </c>
      <c r="N68" s="6">
        <v>2323012</v>
      </c>
      <c r="O68" s="6">
        <v>1549024</v>
      </c>
      <c r="P68" s="6">
        <v>619</v>
      </c>
      <c r="Q68" s="6">
        <v>773369</v>
      </c>
      <c r="R68" s="6">
        <v>205719</v>
      </c>
      <c r="S68" s="7">
        <v>41.330509999999997</v>
      </c>
    </row>
    <row r="69" spans="1:19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42</v>
      </c>
      <c r="F69" s="6">
        <v>4762509</v>
      </c>
      <c r="G69" s="6">
        <v>1196651</v>
      </c>
      <c r="H69" s="6">
        <v>1179834</v>
      </c>
      <c r="I69" s="6">
        <v>568790</v>
      </c>
      <c r="J69" s="6">
        <v>569435</v>
      </c>
      <c r="K69" s="6">
        <v>360</v>
      </c>
      <c r="L69" s="6">
        <v>41249</v>
      </c>
      <c r="M69" s="6">
        <v>16817</v>
      </c>
      <c r="N69" s="6">
        <v>3248964</v>
      </c>
      <c r="O69" s="6">
        <v>1785447</v>
      </c>
      <c r="P69" s="6">
        <v>837</v>
      </c>
      <c r="Q69" s="6">
        <v>1462680</v>
      </c>
      <c r="R69" s="6">
        <v>316894</v>
      </c>
      <c r="S69" s="7">
        <v>26.917560000000002</v>
      </c>
    </row>
    <row r="70" spans="1:19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43</v>
      </c>
      <c r="F70" s="6">
        <v>3838068</v>
      </c>
      <c r="G70" s="6">
        <v>517832</v>
      </c>
      <c r="H70" s="6">
        <v>511824</v>
      </c>
      <c r="I70" s="6">
        <v>222611</v>
      </c>
      <c r="J70" s="6">
        <v>262174</v>
      </c>
      <c r="K70" s="6">
        <v>230</v>
      </c>
      <c r="L70" s="6">
        <v>26809</v>
      </c>
      <c r="M70" s="6">
        <v>6008</v>
      </c>
      <c r="N70" s="6">
        <v>2968197</v>
      </c>
      <c r="O70" s="6">
        <v>1321218</v>
      </c>
      <c r="P70" s="6">
        <v>894</v>
      </c>
      <c r="Q70" s="6">
        <v>1646085</v>
      </c>
      <c r="R70" s="6">
        <v>352039</v>
      </c>
      <c r="S70" s="7">
        <v>14.85449</v>
      </c>
    </row>
    <row r="71" spans="1:19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44</v>
      </c>
      <c r="F71" s="6">
        <v>3100635</v>
      </c>
      <c r="G71" s="6">
        <v>219207</v>
      </c>
      <c r="H71" s="6">
        <v>216797</v>
      </c>
      <c r="I71" s="6">
        <v>85105</v>
      </c>
      <c r="J71" s="6">
        <v>115539</v>
      </c>
      <c r="K71" s="6">
        <v>176</v>
      </c>
      <c r="L71" s="6">
        <v>15977</v>
      </c>
      <c r="M71" s="6">
        <v>2410</v>
      </c>
      <c r="N71" s="6">
        <v>2573927</v>
      </c>
      <c r="O71" s="6">
        <v>902329</v>
      </c>
      <c r="P71" s="6">
        <v>742</v>
      </c>
      <c r="Q71" s="6">
        <v>1670856</v>
      </c>
      <c r="R71" s="6">
        <v>307501</v>
      </c>
      <c r="S71" s="7">
        <v>7.8480699999999999</v>
      </c>
    </row>
    <row r="72" spans="1:19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45</v>
      </c>
      <c r="F72" s="6">
        <v>2366350</v>
      </c>
      <c r="G72" s="6">
        <v>83723</v>
      </c>
      <c r="H72" s="6">
        <v>82720</v>
      </c>
      <c r="I72" s="6">
        <v>29314</v>
      </c>
      <c r="J72" s="6">
        <v>45651</v>
      </c>
      <c r="K72" s="6">
        <v>85</v>
      </c>
      <c r="L72" s="6">
        <v>7670</v>
      </c>
      <c r="M72" s="6">
        <v>1003</v>
      </c>
      <c r="N72" s="6">
        <v>2085857</v>
      </c>
      <c r="O72" s="6">
        <v>504535</v>
      </c>
      <c r="P72" s="6">
        <v>510</v>
      </c>
      <c r="Q72" s="6">
        <v>1580812</v>
      </c>
      <c r="R72" s="6">
        <v>196770</v>
      </c>
      <c r="S72" s="7">
        <v>3.8589500000000001</v>
      </c>
    </row>
    <row r="73" spans="1:19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46</v>
      </c>
      <c r="F73" s="6">
        <v>1287713</v>
      </c>
      <c r="G73" s="6">
        <v>23305</v>
      </c>
      <c r="H73" s="6">
        <v>22906</v>
      </c>
      <c r="I73" s="6">
        <v>7692</v>
      </c>
      <c r="J73" s="6">
        <v>12112</v>
      </c>
      <c r="K73" s="6">
        <v>32</v>
      </c>
      <c r="L73" s="6">
        <v>3070</v>
      </c>
      <c r="M73" s="6">
        <v>399</v>
      </c>
      <c r="N73" s="6">
        <v>1188599</v>
      </c>
      <c r="O73" s="6">
        <v>152200</v>
      </c>
      <c r="P73" s="6">
        <v>340</v>
      </c>
      <c r="Q73" s="6">
        <v>1036059</v>
      </c>
      <c r="R73" s="6">
        <v>75809</v>
      </c>
      <c r="S73" s="7">
        <v>1.9230100000000001</v>
      </c>
    </row>
    <row r="74" spans="1:19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47</v>
      </c>
      <c r="F74" s="6">
        <v>470371</v>
      </c>
      <c r="G74" s="6">
        <v>3422</v>
      </c>
      <c r="H74" s="6">
        <v>3356</v>
      </c>
      <c r="I74" s="6">
        <v>1191</v>
      </c>
      <c r="J74" s="6">
        <v>1543</v>
      </c>
      <c r="K74" s="6">
        <v>3</v>
      </c>
      <c r="L74" s="6">
        <v>619</v>
      </c>
      <c r="M74" s="6">
        <v>66</v>
      </c>
      <c r="N74" s="6">
        <v>449113</v>
      </c>
      <c r="O74" s="6">
        <v>23449</v>
      </c>
      <c r="P74" s="6">
        <v>74</v>
      </c>
      <c r="Q74" s="6">
        <v>425590</v>
      </c>
      <c r="R74" s="6">
        <v>17836</v>
      </c>
      <c r="S74" s="7">
        <v>0.75617999999999996</v>
      </c>
    </row>
    <row r="75" spans="1:19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48</v>
      </c>
      <c r="F75" s="6">
        <v>36169248</v>
      </c>
      <c r="G75" s="6">
        <v>23343225</v>
      </c>
      <c r="H75" s="6">
        <v>22521997</v>
      </c>
      <c r="I75" s="6">
        <v>16620883</v>
      </c>
      <c r="J75" s="6">
        <v>4705677</v>
      </c>
      <c r="K75" s="6">
        <v>562391</v>
      </c>
      <c r="L75" s="6">
        <v>633046</v>
      </c>
      <c r="M75" s="6">
        <v>821228</v>
      </c>
      <c r="N75" s="6">
        <v>8696610</v>
      </c>
      <c r="O75" s="6">
        <v>5456937</v>
      </c>
      <c r="P75" s="6">
        <v>2541295</v>
      </c>
      <c r="Q75" s="6">
        <v>698378</v>
      </c>
      <c r="R75" s="6">
        <v>4129413</v>
      </c>
      <c r="S75" s="7">
        <v>72.856880000000004</v>
      </c>
    </row>
    <row r="76" spans="1:19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49</v>
      </c>
      <c r="F76" s="6">
        <v>19990854</v>
      </c>
      <c r="G76" s="6">
        <v>3680617</v>
      </c>
      <c r="H76" s="6">
        <v>3619921</v>
      </c>
      <c r="I76" s="6">
        <v>1783696</v>
      </c>
      <c r="J76" s="6">
        <v>1699569</v>
      </c>
      <c r="K76" s="6">
        <v>1312</v>
      </c>
      <c r="L76" s="6">
        <v>135344</v>
      </c>
      <c r="M76" s="6">
        <v>60696</v>
      </c>
      <c r="N76" s="6">
        <v>14837669</v>
      </c>
      <c r="O76" s="6">
        <v>6238202</v>
      </c>
      <c r="P76" s="6">
        <v>4016</v>
      </c>
      <c r="Q76" s="6">
        <v>8595451</v>
      </c>
      <c r="R76" s="6">
        <v>1472568</v>
      </c>
      <c r="S76" s="7">
        <v>19.875579999999999</v>
      </c>
    </row>
    <row r="77" spans="1:19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50</v>
      </c>
      <c r="F77" s="6">
        <v>11063137</v>
      </c>
      <c r="G77" s="6">
        <v>847489</v>
      </c>
      <c r="H77" s="6">
        <v>837603</v>
      </c>
      <c r="I77" s="6">
        <v>345913</v>
      </c>
      <c r="J77" s="6">
        <v>437019</v>
      </c>
      <c r="K77" s="6">
        <v>526</v>
      </c>
      <c r="L77" s="6">
        <v>54145</v>
      </c>
      <c r="M77" s="6">
        <v>9886</v>
      </c>
      <c r="N77" s="6">
        <v>9265693</v>
      </c>
      <c r="O77" s="6">
        <v>2903731</v>
      </c>
      <c r="P77" s="6">
        <v>2560</v>
      </c>
      <c r="Q77" s="6">
        <v>6359402</v>
      </c>
      <c r="R77" s="6">
        <v>949955</v>
      </c>
      <c r="S77" s="7">
        <v>8.3800399999999993</v>
      </c>
    </row>
    <row r="78" spans="1:19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51</v>
      </c>
      <c r="F78" s="6">
        <v>4124434</v>
      </c>
      <c r="G78" s="6">
        <v>110450</v>
      </c>
      <c r="H78" s="6">
        <v>108982</v>
      </c>
      <c r="I78" s="6">
        <v>38197</v>
      </c>
      <c r="J78" s="6">
        <v>59306</v>
      </c>
      <c r="K78" s="6">
        <v>120</v>
      </c>
      <c r="L78" s="6">
        <v>11359</v>
      </c>
      <c r="M78" s="6">
        <v>1468</v>
      </c>
      <c r="N78" s="6">
        <v>3723569</v>
      </c>
      <c r="O78" s="6">
        <v>680184</v>
      </c>
      <c r="P78" s="6">
        <v>924</v>
      </c>
      <c r="Q78" s="6">
        <v>3042461</v>
      </c>
      <c r="R78" s="6">
        <v>290415</v>
      </c>
      <c r="S78" s="7">
        <v>2.8807900000000002</v>
      </c>
    </row>
    <row r="79" spans="1:19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52</v>
      </c>
      <c r="F79" s="6">
        <v>37597045</v>
      </c>
      <c r="G79" s="6">
        <v>24568560</v>
      </c>
      <c r="H79" s="6">
        <v>23736586</v>
      </c>
      <c r="I79" s="6">
        <v>17361810</v>
      </c>
      <c r="J79" s="6">
        <v>5386607</v>
      </c>
      <c r="K79" s="6">
        <v>324186</v>
      </c>
      <c r="L79" s="6">
        <v>663983</v>
      </c>
      <c r="M79" s="6">
        <v>831974</v>
      </c>
      <c r="N79" s="6">
        <v>8982190</v>
      </c>
      <c r="O79" s="6">
        <v>6985901</v>
      </c>
      <c r="P79" s="6">
        <v>556419</v>
      </c>
      <c r="Q79" s="6">
        <v>1439870</v>
      </c>
      <c r="R79" s="6">
        <v>4046295</v>
      </c>
      <c r="S79" s="7">
        <v>73.228049999999996</v>
      </c>
    </row>
    <row r="80" spans="1:19">
      <c r="A80" s="9" t="s">
        <v>27</v>
      </c>
      <c r="B80" s="9" t="s">
        <v>57</v>
      </c>
      <c r="C80" s="9" t="s">
        <v>58</v>
      </c>
      <c r="D80" s="9" t="s">
        <v>6</v>
      </c>
      <c r="E80" s="9" t="s">
        <v>30</v>
      </c>
      <c r="F80" s="6">
        <v>1484736</v>
      </c>
      <c r="G80" s="6">
        <v>852575</v>
      </c>
      <c r="H80" s="6">
        <v>819259</v>
      </c>
      <c r="I80" s="6">
        <v>703349</v>
      </c>
      <c r="J80" s="6">
        <v>83509</v>
      </c>
      <c r="K80" s="6">
        <v>11667</v>
      </c>
      <c r="L80" s="6">
        <v>20734</v>
      </c>
      <c r="M80" s="6">
        <v>33316</v>
      </c>
      <c r="N80" s="6">
        <v>545320</v>
      </c>
      <c r="O80" s="6">
        <v>167546</v>
      </c>
      <c r="P80" s="6">
        <v>76165</v>
      </c>
      <c r="Q80" s="6">
        <v>301609</v>
      </c>
      <c r="R80" s="6">
        <v>86841</v>
      </c>
      <c r="S80" s="7">
        <v>60.989919999999998</v>
      </c>
    </row>
    <row r="81" spans="1:19">
      <c r="A81" s="9" t="s">
        <v>27</v>
      </c>
      <c r="B81" s="9" t="s">
        <v>57</v>
      </c>
      <c r="C81" s="9" t="s">
        <v>58</v>
      </c>
      <c r="D81" s="9" t="s">
        <v>6</v>
      </c>
      <c r="E81" s="9" t="s">
        <v>31</v>
      </c>
      <c r="F81" s="6">
        <v>79371</v>
      </c>
      <c r="G81" s="6">
        <v>11012</v>
      </c>
      <c r="H81" s="6">
        <v>10157</v>
      </c>
      <c r="I81" s="6">
        <v>5257</v>
      </c>
      <c r="J81" s="6">
        <v>220</v>
      </c>
      <c r="K81" s="6">
        <v>4453</v>
      </c>
      <c r="L81" s="6">
        <v>227</v>
      </c>
      <c r="M81" s="6">
        <v>855</v>
      </c>
      <c r="N81" s="6">
        <v>63494</v>
      </c>
      <c r="O81" s="6">
        <v>387</v>
      </c>
      <c r="P81" s="6">
        <v>62102</v>
      </c>
      <c r="Q81" s="6">
        <v>1005</v>
      </c>
      <c r="R81" s="6">
        <v>4865</v>
      </c>
      <c r="S81" s="7">
        <v>14.78002</v>
      </c>
    </row>
    <row r="82" spans="1:19">
      <c r="A82" s="9" t="s">
        <v>27</v>
      </c>
      <c r="B82" s="9" t="s">
        <v>57</v>
      </c>
      <c r="C82" s="9" t="s">
        <v>58</v>
      </c>
      <c r="D82" s="9" t="s">
        <v>6</v>
      </c>
      <c r="E82" s="9" t="s">
        <v>32</v>
      </c>
      <c r="F82" s="6">
        <v>69827</v>
      </c>
      <c r="G82" s="6">
        <v>47835</v>
      </c>
      <c r="H82" s="6">
        <v>44791</v>
      </c>
      <c r="I82" s="6">
        <v>36485</v>
      </c>
      <c r="J82" s="6">
        <v>910</v>
      </c>
      <c r="K82" s="6">
        <v>6396</v>
      </c>
      <c r="L82" s="6">
        <v>1000</v>
      </c>
      <c r="M82" s="6">
        <v>3044</v>
      </c>
      <c r="N82" s="6">
        <v>15444</v>
      </c>
      <c r="O82" s="6">
        <v>1595</v>
      </c>
      <c r="P82" s="6">
        <v>12586</v>
      </c>
      <c r="Q82" s="6">
        <v>1263</v>
      </c>
      <c r="R82" s="6">
        <v>6548</v>
      </c>
      <c r="S82" s="7">
        <v>75.593800000000002</v>
      </c>
    </row>
    <row r="83" spans="1:19">
      <c r="A83" s="9" t="s">
        <v>27</v>
      </c>
      <c r="B83" s="9" t="s">
        <v>57</v>
      </c>
      <c r="C83" s="9" t="s">
        <v>58</v>
      </c>
      <c r="D83" s="9" t="s">
        <v>6</v>
      </c>
      <c r="E83" s="9" t="s">
        <v>33</v>
      </c>
      <c r="F83" s="6">
        <v>71763</v>
      </c>
      <c r="G83" s="6">
        <v>58972</v>
      </c>
      <c r="H83" s="6">
        <v>55866</v>
      </c>
      <c r="I83" s="6">
        <v>51651</v>
      </c>
      <c r="J83" s="6">
        <v>1958</v>
      </c>
      <c r="K83" s="6">
        <v>352</v>
      </c>
      <c r="L83" s="6">
        <v>1905</v>
      </c>
      <c r="M83" s="6">
        <v>3106</v>
      </c>
      <c r="N83" s="6">
        <v>5450</v>
      </c>
      <c r="O83" s="6">
        <v>3513</v>
      </c>
      <c r="P83" s="6">
        <v>776</v>
      </c>
      <c r="Q83" s="6">
        <v>1161</v>
      </c>
      <c r="R83" s="6">
        <v>7341</v>
      </c>
      <c r="S83" s="7">
        <v>91.54016</v>
      </c>
    </row>
    <row r="84" spans="1:19">
      <c r="A84" s="9" t="s">
        <v>27</v>
      </c>
      <c r="B84" s="9" t="s">
        <v>57</v>
      </c>
      <c r="C84" s="9" t="s">
        <v>58</v>
      </c>
      <c r="D84" s="9" t="s">
        <v>6</v>
      </c>
      <c r="E84" s="9" t="s">
        <v>34</v>
      </c>
      <c r="F84" s="6">
        <v>83016</v>
      </c>
      <c r="G84" s="6">
        <v>67883</v>
      </c>
      <c r="H84" s="6">
        <v>64940</v>
      </c>
      <c r="I84" s="6">
        <v>58472</v>
      </c>
      <c r="J84" s="6">
        <v>3736</v>
      </c>
      <c r="K84" s="6">
        <v>165</v>
      </c>
      <c r="L84" s="6">
        <v>2567</v>
      </c>
      <c r="M84" s="6">
        <v>2943</v>
      </c>
      <c r="N84" s="6">
        <v>7503</v>
      </c>
      <c r="O84" s="6">
        <v>5935</v>
      </c>
      <c r="P84" s="6">
        <v>264</v>
      </c>
      <c r="Q84" s="6">
        <v>1304</v>
      </c>
      <c r="R84" s="6">
        <v>7630</v>
      </c>
      <c r="S84" s="7">
        <v>90.047219999999996</v>
      </c>
    </row>
    <row r="85" spans="1:19">
      <c r="A85" s="9" t="s">
        <v>27</v>
      </c>
      <c r="B85" s="9" t="s">
        <v>57</v>
      </c>
      <c r="C85" s="9" t="s">
        <v>58</v>
      </c>
      <c r="D85" s="9" t="s">
        <v>6</v>
      </c>
      <c r="E85" s="9" t="s">
        <v>35</v>
      </c>
      <c r="F85" s="6">
        <v>97054</v>
      </c>
      <c r="G85" s="6">
        <v>80455</v>
      </c>
      <c r="H85" s="6">
        <v>77411</v>
      </c>
      <c r="I85" s="6">
        <v>69597</v>
      </c>
      <c r="J85" s="6">
        <v>5702</v>
      </c>
      <c r="K85" s="6">
        <v>111</v>
      </c>
      <c r="L85" s="6">
        <v>2001</v>
      </c>
      <c r="M85" s="6">
        <v>3044</v>
      </c>
      <c r="N85" s="6">
        <v>8755</v>
      </c>
      <c r="O85" s="6">
        <v>6952</v>
      </c>
      <c r="P85" s="6">
        <v>156</v>
      </c>
      <c r="Q85" s="6">
        <v>1647</v>
      </c>
      <c r="R85" s="6">
        <v>7844</v>
      </c>
      <c r="S85" s="7">
        <v>90.186080000000004</v>
      </c>
    </row>
    <row r="86" spans="1:19">
      <c r="A86" s="9" t="s">
        <v>27</v>
      </c>
      <c r="B86" s="9" t="s">
        <v>57</v>
      </c>
      <c r="C86" s="9" t="s">
        <v>58</v>
      </c>
      <c r="D86" s="9" t="s">
        <v>6</v>
      </c>
      <c r="E86" s="9" t="s">
        <v>36</v>
      </c>
      <c r="F86" s="6">
        <v>106373</v>
      </c>
      <c r="G86" s="6">
        <v>89911</v>
      </c>
      <c r="H86" s="6">
        <v>86839</v>
      </c>
      <c r="I86" s="6">
        <v>78342</v>
      </c>
      <c r="J86" s="6">
        <v>7245</v>
      </c>
      <c r="K86" s="6">
        <v>65</v>
      </c>
      <c r="L86" s="6">
        <v>1187</v>
      </c>
      <c r="M86" s="6">
        <v>3072</v>
      </c>
      <c r="N86" s="6">
        <v>8601</v>
      </c>
      <c r="O86" s="6">
        <v>6650</v>
      </c>
      <c r="P86" s="6">
        <v>77</v>
      </c>
      <c r="Q86" s="6">
        <v>1874</v>
      </c>
      <c r="R86" s="6">
        <v>7861</v>
      </c>
      <c r="S86" s="7">
        <v>91.269080000000002</v>
      </c>
    </row>
    <row r="87" spans="1:19">
      <c r="A87" s="9" t="s">
        <v>27</v>
      </c>
      <c r="B87" s="9" t="s">
        <v>57</v>
      </c>
      <c r="C87" s="9" t="s">
        <v>58</v>
      </c>
      <c r="D87" s="9" t="s">
        <v>6</v>
      </c>
      <c r="E87" s="9" t="s">
        <v>37</v>
      </c>
      <c r="F87" s="6">
        <v>112345</v>
      </c>
      <c r="G87" s="6">
        <v>95483</v>
      </c>
      <c r="H87" s="6">
        <v>92113</v>
      </c>
      <c r="I87" s="6">
        <v>82793</v>
      </c>
      <c r="J87" s="6">
        <v>8133</v>
      </c>
      <c r="K87" s="6">
        <v>38</v>
      </c>
      <c r="L87" s="6">
        <v>1149</v>
      </c>
      <c r="M87" s="6">
        <v>3370</v>
      </c>
      <c r="N87" s="6">
        <v>9541</v>
      </c>
      <c r="O87" s="6">
        <v>7049</v>
      </c>
      <c r="P87" s="6">
        <v>69</v>
      </c>
      <c r="Q87" s="6">
        <v>2423</v>
      </c>
      <c r="R87" s="6">
        <v>7321</v>
      </c>
      <c r="S87" s="7">
        <v>90.915409999999994</v>
      </c>
    </row>
    <row r="88" spans="1:19">
      <c r="A88" s="9" t="s">
        <v>27</v>
      </c>
      <c r="B88" s="9" t="s">
        <v>57</v>
      </c>
      <c r="C88" s="9" t="s">
        <v>58</v>
      </c>
      <c r="D88" s="9" t="s">
        <v>6</v>
      </c>
      <c r="E88" s="9" t="s">
        <v>38</v>
      </c>
      <c r="F88" s="6">
        <v>101844</v>
      </c>
      <c r="G88" s="6">
        <v>85731</v>
      </c>
      <c r="H88" s="6">
        <v>82601</v>
      </c>
      <c r="I88" s="6">
        <v>73812</v>
      </c>
      <c r="J88" s="6">
        <v>7619</v>
      </c>
      <c r="K88" s="6">
        <v>25</v>
      </c>
      <c r="L88" s="6">
        <v>1145</v>
      </c>
      <c r="M88" s="6">
        <v>3130</v>
      </c>
      <c r="N88" s="6">
        <v>10483</v>
      </c>
      <c r="O88" s="6">
        <v>7766</v>
      </c>
      <c r="P88" s="6">
        <v>24</v>
      </c>
      <c r="Q88" s="6">
        <v>2693</v>
      </c>
      <c r="R88" s="6">
        <v>5630</v>
      </c>
      <c r="S88" s="7">
        <v>89.104500000000002</v>
      </c>
    </row>
    <row r="89" spans="1:19">
      <c r="A89" s="9" t="s">
        <v>27</v>
      </c>
      <c r="B89" s="9" t="s">
        <v>57</v>
      </c>
      <c r="C89" s="9" t="s">
        <v>58</v>
      </c>
      <c r="D89" s="9" t="s">
        <v>6</v>
      </c>
      <c r="E89" s="9" t="s">
        <v>39</v>
      </c>
      <c r="F89" s="6">
        <v>106541</v>
      </c>
      <c r="G89" s="6">
        <v>87829</v>
      </c>
      <c r="H89" s="6">
        <v>84716</v>
      </c>
      <c r="I89" s="6">
        <v>74942</v>
      </c>
      <c r="J89" s="6">
        <v>8401</v>
      </c>
      <c r="K89" s="6">
        <v>15</v>
      </c>
      <c r="L89" s="6">
        <v>1358</v>
      </c>
      <c r="M89" s="6">
        <v>3113</v>
      </c>
      <c r="N89" s="6">
        <v>14367</v>
      </c>
      <c r="O89" s="6">
        <v>10608</v>
      </c>
      <c r="P89" s="6">
        <v>18</v>
      </c>
      <c r="Q89" s="6">
        <v>3741</v>
      </c>
      <c r="R89" s="6">
        <v>4345</v>
      </c>
      <c r="S89" s="7">
        <v>85.941720000000004</v>
      </c>
    </row>
    <row r="90" spans="1:19">
      <c r="A90" s="9" t="s">
        <v>27</v>
      </c>
      <c r="B90" s="9" t="s">
        <v>57</v>
      </c>
      <c r="C90" s="9" t="s">
        <v>58</v>
      </c>
      <c r="D90" s="9" t="s">
        <v>6</v>
      </c>
      <c r="E90" s="9" t="s">
        <v>40</v>
      </c>
      <c r="F90" s="6">
        <v>116064</v>
      </c>
      <c r="G90" s="6">
        <v>84217</v>
      </c>
      <c r="H90" s="6">
        <v>80459</v>
      </c>
      <c r="I90" s="6">
        <v>68630</v>
      </c>
      <c r="J90" s="6">
        <v>10093</v>
      </c>
      <c r="K90" s="6">
        <v>17</v>
      </c>
      <c r="L90" s="6">
        <v>1719</v>
      </c>
      <c r="M90" s="6">
        <v>3758</v>
      </c>
      <c r="N90" s="6">
        <v>28266</v>
      </c>
      <c r="O90" s="6">
        <v>17929</v>
      </c>
      <c r="P90" s="6">
        <v>15</v>
      </c>
      <c r="Q90" s="6">
        <v>10322</v>
      </c>
      <c r="R90" s="6">
        <v>3581</v>
      </c>
      <c r="S90" s="7">
        <v>74.870869999999996</v>
      </c>
    </row>
    <row r="91" spans="1:19">
      <c r="A91" s="9" t="s">
        <v>27</v>
      </c>
      <c r="B91" s="9" t="s">
        <v>57</v>
      </c>
      <c r="C91" s="9" t="s">
        <v>58</v>
      </c>
      <c r="D91" s="9" t="s">
        <v>6</v>
      </c>
      <c r="E91" s="9" t="s">
        <v>41</v>
      </c>
      <c r="F91" s="6">
        <v>129764</v>
      </c>
      <c r="G91" s="6">
        <v>67183</v>
      </c>
      <c r="H91" s="6">
        <v>64742</v>
      </c>
      <c r="I91" s="6">
        <v>50651</v>
      </c>
      <c r="J91" s="6">
        <v>11692</v>
      </c>
      <c r="K91" s="6">
        <v>15</v>
      </c>
      <c r="L91" s="6">
        <v>2384</v>
      </c>
      <c r="M91" s="6">
        <v>2441</v>
      </c>
      <c r="N91" s="6">
        <v>58581</v>
      </c>
      <c r="O91" s="6">
        <v>26499</v>
      </c>
      <c r="P91" s="6">
        <v>18</v>
      </c>
      <c r="Q91" s="6">
        <v>32064</v>
      </c>
      <c r="R91" s="6">
        <v>4000</v>
      </c>
      <c r="S91" s="7">
        <v>53.419899999999998</v>
      </c>
    </row>
    <row r="92" spans="1:19">
      <c r="A92" s="9" t="s">
        <v>27</v>
      </c>
      <c r="B92" s="9" t="s">
        <v>57</v>
      </c>
      <c r="C92" s="9" t="s">
        <v>58</v>
      </c>
      <c r="D92" s="9" t="s">
        <v>6</v>
      </c>
      <c r="E92" s="9" t="s">
        <v>42</v>
      </c>
      <c r="F92" s="6">
        <v>128314</v>
      </c>
      <c r="G92" s="6">
        <v>44830</v>
      </c>
      <c r="H92" s="6">
        <v>43822</v>
      </c>
      <c r="I92" s="6">
        <v>32264</v>
      </c>
      <c r="J92" s="6">
        <v>9486</v>
      </c>
      <c r="K92" s="6">
        <v>7</v>
      </c>
      <c r="L92" s="6">
        <v>2065</v>
      </c>
      <c r="M92" s="6">
        <v>1008</v>
      </c>
      <c r="N92" s="6">
        <v>77992</v>
      </c>
      <c r="O92" s="6">
        <v>27405</v>
      </c>
      <c r="P92" s="6">
        <v>14</v>
      </c>
      <c r="Q92" s="6">
        <v>50573</v>
      </c>
      <c r="R92" s="6">
        <v>5492</v>
      </c>
      <c r="S92" s="7">
        <v>36.499980000000001</v>
      </c>
    </row>
    <row r="93" spans="1:19">
      <c r="A93" s="9" t="s">
        <v>27</v>
      </c>
      <c r="B93" s="9" t="s">
        <v>57</v>
      </c>
      <c r="C93" s="9" t="s">
        <v>58</v>
      </c>
      <c r="D93" s="9" t="s">
        <v>6</v>
      </c>
      <c r="E93" s="9" t="s">
        <v>43</v>
      </c>
      <c r="F93" s="6">
        <v>92608</v>
      </c>
      <c r="G93" s="6">
        <v>18092</v>
      </c>
      <c r="H93" s="6">
        <v>17825</v>
      </c>
      <c r="I93" s="6">
        <v>12258</v>
      </c>
      <c r="J93" s="6">
        <v>4595</v>
      </c>
      <c r="K93" s="6">
        <v>4</v>
      </c>
      <c r="L93" s="6">
        <v>968</v>
      </c>
      <c r="M93" s="6">
        <v>267</v>
      </c>
      <c r="N93" s="6">
        <v>69243</v>
      </c>
      <c r="O93" s="6">
        <v>19027</v>
      </c>
      <c r="P93" s="6">
        <v>14</v>
      </c>
      <c r="Q93" s="6">
        <v>50202</v>
      </c>
      <c r="R93" s="6">
        <v>5273</v>
      </c>
      <c r="S93" s="7">
        <v>20.71564</v>
      </c>
    </row>
    <row r="94" spans="1:19">
      <c r="A94" s="9" t="s">
        <v>27</v>
      </c>
      <c r="B94" s="9" t="s">
        <v>57</v>
      </c>
      <c r="C94" s="9" t="s">
        <v>58</v>
      </c>
      <c r="D94" s="9" t="s">
        <v>6</v>
      </c>
      <c r="E94" s="9" t="s">
        <v>44</v>
      </c>
      <c r="F94" s="6">
        <v>80999</v>
      </c>
      <c r="G94" s="6">
        <v>8997</v>
      </c>
      <c r="H94" s="6">
        <v>8888</v>
      </c>
      <c r="I94" s="6">
        <v>5812</v>
      </c>
      <c r="J94" s="6">
        <v>2442</v>
      </c>
      <c r="K94" s="6">
        <v>1</v>
      </c>
      <c r="L94" s="6">
        <v>633</v>
      </c>
      <c r="M94" s="6">
        <v>109</v>
      </c>
      <c r="N94" s="6">
        <v>67300</v>
      </c>
      <c r="O94" s="6">
        <v>14617</v>
      </c>
      <c r="P94" s="6">
        <v>14</v>
      </c>
      <c r="Q94" s="6">
        <v>52669</v>
      </c>
      <c r="R94" s="6">
        <v>4702</v>
      </c>
      <c r="S94" s="7">
        <v>11.79208</v>
      </c>
    </row>
    <row r="95" spans="1:19">
      <c r="A95" s="9" t="s">
        <v>27</v>
      </c>
      <c r="B95" s="9" t="s">
        <v>57</v>
      </c>
      <c r="C95" s="9" t="s">
        <v>58</v>
      </c>
      <c r="D95" s="9" t="s">
        <v>6</v>
      </c>
      <c r="E95" s="9" t="s">
        <v>45</v>
      </c>
      <c r="F95" s="6">
        <v>63319</v>
      </c>
      <c r="G95" s="6">
        <v>3337</v>
      </c>
      <c r="H95" s="6">
        <v>3289</v>
      </c>
      <c r="I95" s="6">
        <v>1946</v>
      </c>
      <c r="J95" s="6">
        <v>1028</v>
      </c>
      <c r="K95" s="6">
        <v>3</v>
      </c>
      <c r="L95" s="6">
        <v>312</v>
      </c>
      <c r="M95" s="6">
        <v>48</v>
      </c>
      <c r="N95" s="6">
        <v>56971</v>
      </c>
      <c r="O95" s="6">
        <v>8588</v>
      </c>
      <c r="P95" s="6">
        <v>17</v>
      </c>
      <c r="Q95" s="6">
        <v>48366</v>
      </c>
      <c r="R95" s="6">
        <v>3011</v>
      </c>
      <c r="S95" s="7">
        <v>5.5332600000000003</v>
      </c>
    </row>
    <row r="96" spans="1:19">
      <c r="A96" s="9" t="s">
        <v>27</v>
      </c>
      <c r="B96" s="9" t="s">
        <v>57</v>
      </c>
      <c r="C96" s="9" t="s">
        <v>58</v>
      </c>
      <c r="D96" s="9" t="s">
        <v>6</v>
      </c>
      <c r="E96" s="9" t="s">
        <v>46</v>
      </c>
      <c r="F96" s="6">
        <v>33610</v>
      </c>
      <c r="G96" s="6">
        <v>721</v>
      </c>
      <c r="H96" s="6">
        <v>715</v>
      </c>
      <c r="I96" s="6">
        <v>400</v>
      </c>
      <c r="J96" s="6">
        <v>222</v>
      </c>
      <c r="K96" s="10" t="s">
        <v>55</v>
      </c>
      <c r="L96" s="6">
        <v>93</v>
      </c>
      <c r="M96" s="6">
        <v>6</v>
      </c>
      <c r="N96" s="6">
        <v>31723</v>
      </c>
      <c r="O96" s="6">
        <v>2628</v>
      </c>
      <c r="P96" s="6">
        <v>1</v>
      </c>
      <c r="Q96" s="6">
        <v>29094</v>
      </c>
      <c r="R96" s="6">
        <v>1166</v>
      </c>
      <c r="S96" s="7">
        <v>2.2222900000000001</v>
      </c>
    </row>
    <row r="97" spans="1:19">
      <c r="A97" s="9" t="s">
        <v>27</v>
      </c>
      <c r="B97" s="9" t="s">
        <v>57</v>
      </c>
      <c r="C97" s="9" t="s">
        <v>58</v>
      </c>
      <c r="D97" s="9" t="s">
        <v>6</v>
      </c>
      <c r="E97" s="9" t="s">
        <v>47</v>
      </c>
      <c r="F97" s="6">
        <v>11924</v>
      </c>
      <c r="G97" s="6">
        <v>87</v>
      </c>
      <c r="H97" s="6">
        <v>85</v>
      </c>
      <c r="I97" s="6">
        <v>37</v>
      </c>
      <c r="J97" s="6">
        <v>27</v>
      </c>
      <c r="K97" s="10" t="s">
        <v>55</v>
      </c>
      <c r="L97" s="6">
        <v>21</v>
      </c>
      <c r="M97" s="6">
        <v>2</v>
      </c>
      <c r="N97" s="6">
        <v>11606</v>
      </c>
      <c r="O97" s="6">
        <v>398</v>
      </c>
      <c r="P97" s="10" t="s">
        <v>55</v>
      </c>
      <c r="Q97" s="6">
        <v>11208</v>
      </c>
      <c r="R97" s="6">
        <v>231</v>
      </c>
      <c r="S97" s="7">
        <v>0.74402999999999997</v>
      </c>
    </row>
    <row r="98" spans="1:19">
      <c r="A98" s="9" t="s">
        <v>27</v>
      </c>
      <c r="B98" s="9" t="s">
        <v>57</v>
      </c>
      <c r="C98" s="9" t="s">
        <v>58</v>
      </c>
      <c r="D98" s="9" t="s">
        <v>6</v>
      </c>
      <c r="E98" s="9" t="s">
        <v>48</v>
      </c>
      <c r="F98" s="6">
        <v>944198</v>
      </c>
      <c r="G98" s="6">
        <v>709328</v>
      </c>
      <c r="H98" s="6">
        <v>679893</v>
      </c>
      <c r="I98" s="6">
        <v>599981</v>
      </c>
      <c r="J98" s="6">
        <v>54017</v>
      </c>
      <c r="K98" s="6">
        <v>11637</v>
      </c>
      <c r="L98" s="6">
        <v>14258</v>
      </c>
      <c r="M98" s="6">
        <v>29435</v>
      </c>
      <c r="N98" s="6">
        <v>171904</v>
      </c>
      <c r="O98" s="6">
        <v>68384</v>
      </c>
      <c r="P98" s="6">
        <v>76087</v>
      </c>
      <c r="Q98" s="6">
        <v>27433</v>
      </c>
      <c r="R98" s="6">
        <v>62966</v>
      </c>
      <c r="S98" s="7">
        <v>80.492760000000004</v>
      </c>
    </row>
    <row r="99" spans="1:19">
      <c r="A99" s="9" t="s">
        <v>27</v>
      </c>
      <c r="B99" s="9" t="s">
        <v>57</v>
      </c>
      <c r="C99" s="9" t="s">
        <v>58</v>
      </c>
      <c r="D99" s="9" t="s">
        <v>6</v>
      </c>
      <c r="E99" s="9" t="s">
        <v>49</v>
      </c>
      <c r="F99" s="6">
        <v>540538</v>
      </c>
      <c r="G99" s="6">
        <v>143247</v>
      </c>
      <c r="H99" s="6">
        <v>139366</v>
      </c>
      <c r="I99" s="6">
        <v>103368</v>
      </c>
      <c r="J99" s="6">
        <v>29492</v>
      </c>
      <c r="K99" s="6">
        <v>30</v>
      </c>
      <c r="L99" s="6">
        <v>6476</v>
      </c>
      <c r="M99" s="6">
        <v>3881</v>
      </c>
      <c r="N99" s="6">
        <v>373416</v>
      </c>
      <c r="O99" s="6">
        <v>99162</v>
      </c>
      <c r="P99" s="6">
        <v>78</v>
      </c>
      <c r="Q99" s="6">
        <v>274176</v>
      </c>
      <c r="R99" s="6">
        <v>23875</v>
      </c>
      <c r="S99" s="7">
        <v>27.72542</v>
      </c>
    </row>
    <row r="100" spans="1:19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50</v>
      </c>
      <c r="F100" s="6">
        <v>282460</v>
      </c>
      <c r="G100" s="6">
        <v>31234</v>
      </c>
      <c r="H100" s="6">
        <v>30802</v>
      </c>
      <c r="I100" s="6">
        <v>20453</v>
      </c>
      <c r="J100" s="6">
        <v>8314</v>
      </c>
      <c r="K100" s="6">
        <v>8</v>
      </c>
      <c r="L100" s="6">
        <v>2027</v>
      </c>
      <c r="M100" s="6">
        <v>432</v>
      </c>
      <c r="N100" s="6">
        <v>236843</v>
      </c>
      <c r="O100" s="6">
        <v>45258</v>
      </c>
      <c r="P100" s="6">
        <v>46</v>
      </c>
      <c r="Q100" s="6">
        <v>191539</v>
      </c>
      <c r="R100" s="6">
        <v>14383</v>
      </c>
      <c r="S100" s="7">
        <v>11.65113</v>
      </c>
    </row>
    <row r="101" spans="1:19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51</v>
      </c>
      <c r="F101" s="6">
        <v>108853</v>
      </c>
      <c r="G101" s="6">
        <v>4145</v>
      </c>
      <c r="H101" s="6">
        <v>4089</v>
      </c>
      <c r="I101" s="6">
        <v>2383</v>
      </c>
      <c r="J101" s="6">
        <v>1277</v>
      </c>
      <c r="K101" s="6">
        <v>3</v>
      </c>
      <c r="L101" s="6">
        <v>426</v>
      </c>
      <c r="M101" s="6">
        <v>56</v>
      </c>
      <c r="N101" s="6">
        <v>100300</v>
      </c>
      <c r="O101" s="6">
        <v>11614</v>
      </c>
      <c r="P101" s="6">
        <v>18</v>
      </c>
      <c r="Q101" s="6">
        <v>88668</v>
      </c>
      <c r="R101" s="6">
        <v>4408</v>
      </c>
      <c r="S101" s="7">
        <v>3.9685999999999999</v>
      </c>
    </row>
    <row r="102" spans="1:19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52</v>
      </c>
      <c r="F102" s="6">
        <v>994591</v>
      </c>
      <c r="G102" s="6">
        <v>765499</v>
      </c>
      <c r="H102" s="6">
        <v>734478</v>
      </c>
      <c r="I102" s="6">
        <v>645375</v>
      </c>
      <c r="J102" s="6">
        <v>65489</v>
      </c>
      <c r="K102" s="6">
        <v>7199</v>
      </c>
      <c r="L102" s="6">
        <v>16415</v>
      </c>
      <c r="M102" s="6">
        <v>31021</v>
      </c>
      <c r="N102" s="6">
        <v>166991</v>
      </c>
      <c r="O102" s="6">
        <v>94496</v>
      </c>
      <c r="P102" s="6">
        <v>14003</v>
      </c>
      <c r="Q102" s="6">
        <v>58492</v>
      </c>
      <c r="R102" s="6">
        <v>62101</v>
      </c>
      <c r="S102" s="7">
        <v>82.091930000000005</v>
      </c>
    </row>
    <row r="103" spans="1:19">
      <c r="A103" s="9" t="s">
        <v>27</v>
      </c>
      <c r="B103" s="9" t="s">
        <v>57</v>
      </c>
      <c r="C103" s="9" t="s">
        <v>58</v>
      </c>
      <c r="D103" s="9" t="s">
        <v>53</v>
      </c>
      <c r="E103" s="9" t="s">
        <v>30</v>
      </c>
      <c r="F103" s="6">
        <v>691836</v>
      </c>
      <c r="G103" s="6">
        <v>449787</v>
      </c>
      <c r="H103" s="6">
        <v>429368</v>
      </c>
      <c r="I103" s="6">
        <v>405315</v>
      </c>
      <c r="J103" s="6">
        <v>8961</v>
      </c>
      <c r="K103" s="6">
        <v>5705</v>
      </c>
      <c r="L103" s="6">
        <v>9387</v>
      </c>
      <c r="M103" s="6">
        <v>20419</v>
      </c>
      <c r="N103" s="6">
        <v>198030</v>
      </c>
      <c r="O103" s="6">
        <v>19533</v>
      </c>
      <c r="P103" s="6">
        <v>39136</v>
      </c>
      <c r="Q103" s="6">
        <v>139361</v>
      </c>
      <c r="R103" s="6">
        <v>44019</v>
      </c>
      <c r="S103" s="7">
        <v>69.431179999999998</v>
      </c>
    </row>
    <row r="104" spans="1:19">
      <c r="A104" s="9" t="s">
        <v>27</v>
      </c>
      <c r="B104" s="9" t="s">
        <v>57</v>
      </c>
      <c r="C104" s="9" t="s">
        <v>58</v>
      </c>
      <c r="D104" s="9" t="s">
        <v>53</v>
      </c>
      <c r="E104" s="9" t="s">
        <v>31</v>
      </c>
      <c r="F104" s="6">
        <v>40826</v>
      </c>
      <c r="G104" s="6">
        <v>5605</v>
      </c>
      <c r="H104" s="6">
        <v>5087</v>
      </c>
      <c r="I104" s="6">
        <v>2993</v>
      </c>
      <c r="J104" s="6">
        <v>84</v>
      </c>
      <c r="K104" s="6">
        <v>1907</v>
      </c>
      <c r="L104" s="6">
        <v>103</v>
      </c>
      <c r="M104" s="6">
        <v>518</v>
      </c>
      <c r="N104" s="6">
        <v>32730</v>
      </c>
      <c r="O104" s="6">
        <v>104</v>
      </c>
      <c r="P104" s="6">
        <v>32009</v>
      </c>
      <c r="Q104" s="6">
        <v>617</v>
      </c>
      <c r="R104" s="6">
        <v>2491</v>
      </c>
      <c r="S104" s="7">
        <v>14.6211</v>
      </c>
    </row>
    <row r="105" spans="1:19">
      <c r="A105" s="9" t="s">
        <v>27</v>
      </c>
      <c r="B105" s="9" t="s">
        <v>57</v>
      </c>
      <c r="C105" s="9" t="s">
        <v>58</v>
      </c>
      <c r="D105" s="9" t="s">
        <v>53</v>
      </c>
      <c r="E105" s="9" t="s">
        <v>32</v>
      </c>
      <c r="F105" s="6">
        <v>34749</v>
      </c>
      <c r="G105" s="6">
        <v>23954</v>
      </c>
      <c r="H105" s="6">
        <v>22154</v>
      </c>
      <c r="I105" s="6">
        <v>18213</v>
      </c>
      <c r="J105" s="6">
        <v>214</v>
      </c>
      <c r="K105" s="6">
        <v>3388</v>
      </c>
      <c r="L105" s="6">
        <v>339</v>
      </c>
      <c r="M105" s="6">
        <v>1800</v>
      </c>
      <c r="N105" s="6">
        <v>7280</v>
      </c>
      <c r="O105" s="6">
        <v>200</v>
      </c>
      <c r="P105" s="6">
        <v>6362</v>
      </c>
      <c r="Q105" s="6">
        <v>718</v>
      </c>
      <c r="R105" s="6">
        <v>3515</v>
      </c>
      <c r="S105" s="7">
        <v>76.692070000000001</v>
      </c>
    </row>
    <row r="106" spans="1:19">
      <c r="A106" s="9" t="s">
        <v>27</v>
      </c>
      <c r="B106" s="9" t="s">
        <v>57</v>
      </c>
      <c r="C106" s="9" t="s">
        <v>58</v>
      </c>
      <c r="D106" s="9" t="s">
        <v>53</v>
      </c>
      <c r="E106" s="9" t="s">
        <v>33</v>
      </c>
      <c r="F106" s="6">
        <v>35403</v>
      </c>
      <c r="G106" s="6">
        <v>30060</v>
      </c>
      <c r="H106" s="6">
        <v>28296</v>
      </c>
      <c r="I106" s="6">
        <v>27598</v>
      </c>
      <c r="J106" s="6">
        <v>181</v>
      </c>
      <c r="K106" s="6">
        <v>217</v>
      </c>
      <c r="L106" s="6">
        <v>300</v>
      </c>
      <c r="M106" s="6">
        <v>1764</v>
      </c>
      <c r="N106" s="6">
        <v>1352</v>
      </c>
      <c r="O106" s="6">
        <v>196</v>
      </c>
      <c r="P106" s="6">
        <v>480</v>
      </c>
      <c r="Q106" s="6">
        <v>676</v>
      </c>
      <c r="R106" s="6">
        <v>3991</v>
      </c>
      <c r="S106" s="7">
        <v>95.695909999999998</v>
      </c>
    </row>
    <row r="107" spans="1:19">
      <c r="A107" s="9" t="s">
        <v>27</v>
      </c>
      <c r="B107" s="9" t="s">
        <v>57</v>
      </c>
      <c r="C107" s="9" t="s">
        <v>58</v>
      </c>
      <c r="D107" s="9" t="s">
        <v>53</v>
      </c>
      <c r="E107" s="9" t="s">
        <v>34</v>
      </c>
      <c r="F107" s="6">
        <v>40814</v>
      </c>
      <c r="G107" s="6">
        <v>35640</v>
      </c>
      <c r="H107" s="6">
        <v>33937</v>
      </c>
      <c r="I107" s="6">
        <v>33318</v>
      </c>
      <c r="J107" s="6">
        <v>185</v>
      </c>
      <c r="K107" s="6">
        <v>83</v>
      </c>
      <c r="L107" s="6">
        <v>351</v>
      </c>
      <c r="M107" s="6">
        <v>1703</v>
      </c>
      <c r="N107" s="6">
        <v>1143</v>
      </c>
      <c r="O107" s="6">
        <v>261</v>
      </c>
      <c r="P107" s="6">
        <v>116</v>
      </c>
      <c r="Q107" s="6">
        <v>766</v>
      </c>
      <c r="R107" s="6">
        <v>4031</v>
      </c>
      <c r="S107" s="7">
        <v>96.892589999999998</v>
      </c>
    </row>
    <row r="108" spans="1:19">
      <c r="A108" s="9" t="s">
        <v>27</v>
      </c>
      <c r="B108" s="9" t="s">
        <v>57</v>
      </c>
      <c r="C108" s="9" t="s">
        <v>58</v>
      </c>
      <c r="D108" s="9" t="s">
        <v>53</v>
      </c>
      <c r="E108" s="9" t="s">
        <v>35</v>
      </c>
      <c r="F108" s="6">
        <v>47873</v>
      </c>
      <c r="G108" s="6">
        <v>42293</v>
      </c>
      <c r="H108" s="6">
        <v>40450</v>
      </c>
      <c r="I108" s="6">
        <v>39795</v>
      </c>
      <c r="J108" s="6">
        <v>219</v>
      </c>
      <c r="K108" s="6">
        <v>44</v>
      </c>
      <c r="L108" s="6">
        <v>392</v>
      </c>
      <c r="M108" s="6">
        <v>1843</v>
      </c>
      <c r="N108" s="6">
        <v>1375</v>
      </c>
      <c r="O108" s="6">
        <v>325</v>
      </c>
      <c r="P108" s="6">
        <v>70</v>
      </c>
      <c r="Q108" s="6">
        <v>980</v>
      </c>
      <c r="R108" s="6">
        <v>4205</v>
      </c>
      <c r="S108" s="7">
        <v>96.851240000000004</v>
      </c>
    </row>
    <row r="109" spans="1:19">
      <c r="A109" s="9" t="s">
        <v>27</v>
      </c>
      <c r="B109" s="9" t="s">
        <v>57</v>
      </c>
      <c r="C109" s="9" t="s">
        <v>58</v>
      </c>
      <c r="D109" s="9" t="s">
        <v>53</v>
      </c>
      <c r="E109" s="9" t="s">
        <v>36</v>
      </c>
      <c r="F109" s="6">
        <v>52642</v>
      </c>
      <c r="G109" s="6">
        <v>46909</v>
      </c>
      <c r="H109" s="6">
        <v>45072</v>
      </c>
      <c r="I109" s="6">
        <v>44397</v>
      </c>
      <c r="J109" s="6">
        <v>259</v>
      </c>
      <c r="K109" s="6">
        <v>21</v>
      </c>
      <c r="L109" s="6">
        <v>395</v>
      </c>
      <c r="M109" s="6">
        <v>1837</v>
      </c>
      <c r="N109" s="6">
        <v>1559</v>
      </c>
      <c r="O109" s="6">
        <v>375</v>
      </c>
      <c r="P109" s="6">
        <v>28</v>
      </c>
      <c r="Q109" s="6">
        <v>1156</v>
      </c>
      <c r="R109" s="6">
        <v>4174</v>
      </c>
      <c r="S109" s="7">
        <v>96.783439999999999</v>
      </c>
    </row>
    <row r="110" spans="1:19">
      <c r="A110" s="9" t="s">
        <v>27</v>
      </c>
      <c r="B110" s="9" t="s">
        <v>57</v>
      </c>
      <c r="C110" s="9" t="s">
        <v>58</v>
      </c>
      <c r="D110" s="9" t="s">
        <v>53</v>
      </c>
      <c r="E110" s="9" t="s">
        <v>37</v>
      </c>
      <c r="F110" s="6">
        <v>55101</v>
      </c>
      <c r="G110" s="6">
        <v>49156</v>
      </c>
      <c r="H110" s="6">
        <v>47257</v>
      </c>
      <c r="I110" s="6">
        <v>46382</v>
      </c>
      <c r="J110" s="6">
        <v>278</v>
      </c>
      <c r="K110" s="6">
        <v>8</v>
      </c>
      <c r="L110" s="6">
        <v>589</v>
      </c>
      <c r="M110" s="6">
        <v>1899</v>
      </c>
      <c r="N110" s="6">
        <v>2009</v>
      </c>
      <c r="O110" s="6">
        <v>477</v>
      </c>
      <c r="P110" s="6">
        <v>28</v>
      </c>
      <c r="Q110" s="6">
        <v>1504</v>
      </c>
      <c r="R110" s="6">
        <v>3936</v>
      </c>
      <c r="S110" s="7">
        <v>96.073490000000007</v>
      </c>
    </row>
    <row r="111" spans="1:19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38</v>
      </c>
      <c r="F111" s="6">
        <v>48527</v>
      </c>
      <c r="G111" s="6">
        <v>43142</v>
      </c>
      <c r="H111" s="6">
        <v>41369</v>
      </c>
      <c r="I111" s="6">
        <v>40441</v>
      </c>
      <c r="J111" s="6">
        <v>293</v>
      </c>
      <c r="K111" s="6">
        <v>9</v>
      </c>
      <c r="L111" s="6">
        <v>626</v>
      </c>
      <c r="M111" s="6">
        <v>1773</v>
      </c>
      <c r="N111" s="6">
        <v>2207</v>
      </c>
      <c r="O111" s="6">
        <v>526</v>
      </c>
      <c r="P111" s="6">
        <v>9</v>
      </c>
      <c r="Q111" s="6">
        <v>1672</v>
      </c>
      <c r="R111" s="6">
        <v>3178</v>
      </c>
      <c r="S111" s="7">
        <v>95.133300000000006</v>
      </c>
    </row>
    <row r="112" spans="1:19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39</v>
      </c>
      <c r="F112" s="6">
        <v>50787</v>
      </c>
      <c r="G112" s="6">
        <v>45335</v>
      </c>
      <c r="H112" s="6">
        <v>43471</v>
      </c>
      <c r="I112" s="6">
        <v>42301</v>
      </c>
      <c r="J112" s="6">
        <v>409</v>
      </c>
      <c r="K112" s="6">
        <v>6</v>
      </c>
      <c r="L112" s="6">
        <v>755</v>
      </c>
      <c r="M112" s="6">
        <v>1864</v>
      </c>
      <c r="N112" s="6">
        <v>3047</v>
      </c>
      <c r="O112" s="6">
        <v>750</v>
      </c>
      <c r="P112" s="6">
        <v>9</v>
      </c>
      <c r="Q112" s="6">
        <v>2288</v>
      </c>
      <c r="R112" s="6">
        <v>2405</v>
      </c>
      <c r="S112" s="7">
        <v>93.702200000000005</v>
      </c>
    </row>
    <row r="113" spans="1:19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40</v>
      </c>
      <c r="F113" s="6">
        <v>55927</v>
      </c>
      <c r="G113" s="6">
        <v>45844</v>
      </c>
      <c r="H113" s="6">
        <v>43358</v>
      </c>
      <c r="I113" s="6">
        <v>41385</v>
      </c>
      <c r="J113" s="6">
        <v>894</v>
      </c>
      <c r="K113" s="6">
        <v>10</v>
      </c>
      <c r="L113" s="6">
        <v>1069</v>
      </c>
      <c r="M113" s="6">
        <v>2486</v>
      </c>
      <c r="N113" s="6">
        <v>8025</v>
      </c>
      <c r="O113" s="6">
        <v>1834</v>
      </c>
      <c r="P113" s="6">
        <v>4</v>
      </c>
      <c r="Q113" s="6">
        <v>6187</v>
      </c>
      <c r="R113" s="6">
        <v>2058</v>
      </c>
      <c r="S113" s="7">
        <v>85.10275</v>
      </c>
    </row>
    <row r="114" spans="1:19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41</v>
      </c>
      <c r="F114" s="6">
        <v>62734</v>
      </c>
      <c r="G114" s="6">
        <v>38002</v>
      </c>
      <c r="H114" s="6">
        <v>36158</v>
      </c>
      <c r="I114" s="6">
        <v>32542</v>
      </c>
      <c r="J114" s="6">
        <v>1967</v>
      </c>
      <c r="K114" s="6">
        <v>5</v>
      </c>
      <c r="L114" s="6">
        <v>1644</v>
      </c>
      <c r="M114" s="6">
        <v>1844</v>
      </c>
      <c r="N114" s="6">
        <v>22701</v>
      </c>
      <c r="O114" s="6">
        <v>3724</v>
      </c>
      <c r="P114" s="6">
        <v>5</v>
      </c>
      <c r="Q114" s="6">
        <v>18972</v>
      </c>
      <c r="R114" s="6">
        <v>2031</v>
      </c>
      <c r="S114" s="7">
        <v>62.603169999999999</v>
      </c>
    </row>
    <row r="115" spans="1:19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42</v>
      </c>
      <c r="F115" s="6">
        <v>60885</v>
      </c>
      <c r="G115" s="6">
        <v>25955</v>
      </c>
      <c r="H115" s="6">
        <v>25179</v>
      </c>
      <c r="I115" s="6">
        <v>21754</v>
      </c>
      <c r="J115" s="6">
        <v>1957</v>
      </c>
      <c r="K115" s="6">
        <v>4</v>
      </c>
      <c r="L115" s="6">
        <v>1464</v>
      </c>
      <c r="M115" s="6">
        <v>776</v>
      </c>
      <c r="N115" s="6">
        <v>32486</v>
      </c>
      <c r="O115" s="6">
        <v>3988</v>
      </c>
      <c r="P115" s="6">
        <v>4</v>
      </c>
      <c r="Q115" s="6">
        <v>28494</v>
      </c>
      <c r="R115" s="6">
        <v>2444</v>
      </c>
      <c r="S115" s="7">
        <v>44.412309999999998</v>
      </c>
    </row>
    <row r="116" spans="1:19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43</v>
      </c>
      <c r="F116" s="6">
        <v>40059</v>
      </c>
      <c r="G116" s="6">
        <v>10250</v>
      </c>
      <c r="H116" s="6">
        <v>10053</v>
      </c>
      <c r="I116" s="6">
        <v>8353</v>
      </c>
      <c r="J116" s="6">
        <v>1035</v>
      </c>
      <c r="K116" s="6">
        <v>1</v>
      </c>
      <c r="L116" s="6">
        <v>664</v>
      </c>
      <c r="M116" s="6">
        <v>197</v>
      </c>
      <c r="N116" s="6">
        <v>27708</v>
      </c>
      <c r="O116" s="6">
        <v>2901</v>
      </c>
      <c r="P116" s="6">
        <v>3</v>
      </c>
      <c r="Q116" s="6">
        <v>24804</v>
      </c>
      <c r="R116" s="6">
        <v>2101</v>
      </c>
      <c r="S116" s="7">
        <v>27.003530000000001</v>
      </c>
    </row>
    <row r="117" spans="1:19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44</v>
      </c>
      <c r="F117" s="6">
        <v>32217</v>
      </c>
      <c r="G117" s="6">
        <v>5232</v>
      </c>
      <c r="H117" s="6">
        <v>5156</v>
      </c>
      <c r="I117" s="6">
        <v>4098</v>
      </c>
      <c r="J117" s="6">
        <v>630</v>
      </c>
      <c r="K117" s="10" t="s">
        <v>55</v>
      </c>
      <c r="L117" s="6">
        <v>428</v>
      </c>
      <c r="M117" s="6">
        <v>76</v>
      </c>
      <c r="N117" s="6">
        <v>25108</v>
      </c>
      <c r="O117" s="6">
        <v>2217</v>
      </c>
      <c r="P117" s="6">
        <v>4</v>
      </c>
      <c r="Q117" s="6">
        <v>22887</v>
      </c>
      <c r="R117" s="6">
        <v>1877</v>
      </c>
      <c r="S117" s="7">
        <v>17.24456</v>
      </c>
    </row>
    <row r="118" spans="1:19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45</v>
      </c>
      <c r="F118" s="6">
        <v>22066</v>
      </c>
      <c r="G118" s="6">
        <v>1964</v>
      </c>
      <c r="H118" s="6">
        <v>1928</v>
      </c>
      <c r="I118" s="6">
        <v>1439</v>
      </c>
      <c r="J118" s="6">
        <v>281</v>
      </c>
      <c r="K118" s="6">
        <v>2</v>
      </c>
      <c r="L118" s="6">
        <v>206</v>
      </c>
      <c r="M118" s="6">
        <v>36</v>
      </c>
      <c r="N118" s="6">
        <v>18965</v>
      </c>
      <c r="O118" s="6">
        <v>1225</v>
      </c>
      <c r="P118" s="6">
        <v>5</v>
      </c>
      <c r="Q118" s="6">
        <v>17735</v>
      </c>
      <c r="R118" s="6">
        <v>1137</v>
      </c>
      <c r="S118" s="7">
        <v>9.3841099999999997</v>
      </c>
    </row>
    <row r="119" spans="1:19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46</v>
      </c>
      <c r="F119" s="6">
        <v>9200</v>
      </c>
      <c r="G119" s="6">
        <v>412</v>
      </c>
      <c r="H119" s="6">
        <v>410</v>
      </c>
      <c r="I119" s="6">
        <v>287</v>
      </c>
      <c r="J119" s="6">
        <v>70</v>
      </c>
      <c r="K119" s="10" t="s">
        <v>55</v>
      </c>
      <c r="L119" s="6">
        <v>53</v>
      </c>
      <c r="M119" s="6">
        <v>2</v>
      </c>
      <c r="N119" s="6">
        <v>8398</v>
      </c>
      <c r="O119" s="6">
        <v>395</v>
      </c>
      <c r="P119" s="10" t="s">
        <v>55</v>
      </c>
      <c r="Q119" s="6">
        <v>8003</v>
      </c>
      <c r="R119" s="6">
        <v>390</v>
      </c>
      <c r="S119" s="7">
        <v>4.6764999999999999</v>
      </c>
    </row>
    <row r="120" spans="1:19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47</v>
      </c>
      <c r="F120" s="6">
        <v>2026</v>
      </c>
      <c r="G120" s="6">
        <v>34</v>
      </c>
      <c r="H120" s="6">
        <v>33</v>
      </c>
      <c r="I120" s="6">
        <v>19</v>
      </c>
      <c r="J120" s="6">
        <v>5</v>
      </c>
      <c r="K120" s="10" t="s">
        <v>55</v>
      </c>
      <c r="L120" s="6">
        <v>9</v>
      </c>
      <c r="M120" s="6">
        <v>1</v>
      </c>
      <c r="N120" s="6">
        <v>1937</v>
      </c>
      <c r="O120" s="6">
        <v>35</v>
      </c>
      <c r="P120" s="10" t="s">
        <v>55</v>
      </c>
      <c r="Q120" s="6">
        <v>1902</v>
      </c>
      <c r="R120" s="6">
        <v>55</v>
      </c>
      <c r="S120" s="7">
        <v>1.7250099999999999</v>
      </c>
    </row>
    <row r="121" spans="1:19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48</v>
      </c>
      <c r="F121" s="6">
        <v>462649</v>
      </c>
      <c r="G121" s="6">
        <v>367938</v>
      </c>
      <c r="H121" s="6">
        <v>350451</v>
      </c>
      <c r="I121" s="6">
        <v>336823</v>
      </c>
      <c r="J121" s="6">
        <v>3016</v>
      </c>
      <c r="K121" s="6">
        <v>5693</v>
      </c>
      <c r="L121" s="6">
        <v>4919</v>
      </c>
      <c r="M121" s="6">
        <v>17487</v>
      </c>
      <c r="N121" s="6">
        <v>60727</v>
      </c>
      <c r="O121" s="6">
        <v>5048</v>
      </c>
      <c r="P121" s="6">
        <v>39115</v>
      </c>
      <c r="Q121" s="6">
        <v>16564</v>
      </c>
      <c r="R121" s="6">
        <v>33984</v>
      </c>
      <c r="S121" s="7">
        <v>85.833460000000002</v>
      </c>
    </row>
    <row r="122" spans="1:19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49</v>
      </c>
      <c r="F122" s="6">
        <v>229187</v>
      </c>
      <c r="G122" s="6">
        <v>81849</v>
      </c>
      <c r="H122" s="6">
        <v>78917</v>
      </c>
      <c r="I122" s="6">
        <v>68492</v>
      </c>
      <c r="J122" s="6">
        <v>5945</v>
      </c>
      <c r="K122" s="6">
        <v>12</v>
      </c>
      <c r="L122" s="6">
        <v>4468</v>
      </c>
      <c r="M122" s="6">
        <v>2932</v>
      </c>
      <c r="N122" s="6">
        <v>137303</v>
      </c>
      <c r="O122" s="6">
        <v>14485</v>
      </c>
      <c r="P122" s="6">
        <v>21</v>
      </c>
      <c r="Q122" s="6">
        <v>122797</v>
      </c>
      <c r="R122" s="6">
        <v>10035</v>
      </c>
      <c r="S122" s="7">
        <v>37.348050000000001</v>
      </c>
    </row>
    <row r="123" spans="1:19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50</v>
      </c>
      <c r="F123" s="6">
        <v>105568</v>
      </c>
      <c r="G123" s="6">
        <v>17892</v>
      </c>
      <c r="H123" s="6">
        <v>17580</v>
      </c>
      <c r="I123" s="6">
        <v>14196</v>
      </c>
      <c r="J123" s="6">
        <v>2021</v>
      </c>
      <c r="K123" s="6">
        <v>3</v>
      </c>
      <c r="L123" s="6">
        <v>1360</v>
      </c>
      <c r="M123" s="6">
        <v>312</v>
      </c>
      <c r="N123" s="6">
        <v>82116</v>
      </c>
      <c r="O123" s="6">
        <v>6773</v>
      </c>
      <c r="P123" s="6">
        <v>12</v>
      </c>
      <c r="Q123" s="6">
        <v>75331</v>
      </c>
      <c r="R123" s="6">
        <v>5560</v>
      </c>
      <c r="S123" s="7">
        <v>17.89057</v>
      </c>
    </row>
    <row r="124" spans="1:19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51</v>
      </c>
      <c r="F124" s="6">
        <v>33292</v>
      </c>
      <c r="G124" s="6">
        <v>2410</v>
      </c>
      <c r="H124" s="6">
        <v>2371</v>
      </c>
      <c r="I124" s="6">
        <v>1745</v>
      </c>
      <c r="J124" s="6">
        <v>356</v>
      </c>
      <c r="K124" s="6">
        <v>2</v>
      </c>
      <c r="L124" s="6">
        <v>268</v>
      </c>
      <c r="M124" s="6">
        <v>39</v>
      </c>
      <c r="N124" s="6">
        <v>29300</v>
      </c>
      <c r="O124" s="6">
        <v>1655</v>
      </c>
      <c r="P124" s="6">
        <v>5</v>
      </c>
      <c r="Q124" s="6">
        <v>27640</v>
      </c>
      <c r="R124" s="6">
        <v>1582</v>
      </c>
      <c r="S124" s="7">
        <v>7.6001300000000001</v>
      </c>
    </row>
    <row r="125" spans="1:19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52</v>
      </c>
      <c r="F125" s="6">
        <v>484557</v>
      </c>
      <c r="G125" s="6">
        <v>400335</v>
      </c>
      <c r="H125" s="6">
        <v>381522</v>
      </c>
      <c r="I125" s="6">
        <v>366372</v>
      </c>
      <c r="J125" s="6">
        <v>4899</v>
      </c>
      <c r="K125" s="6">
        <v>3791</v>
      </c>
      <c r="L125" s="6">
        <v>6460</v>
      </c>
      <c r="M125" s="6">
        <v>18813</v>
      </c>
      <c r="N125" s="6">
        <v>50698</v>
      </c>
      <c r="O125" s="6">
        <v>8668</v>
      </c>
      <c r="P125" s="6">
        <v>7111</v>
      </c>
      <c r="Q125" s="6">
        <v>34919</v>
      </c>
      <c r="R125" s="6">
        <v>33524</v>
      </c>
      <c r="S125" s="7">
        <v>88.75958</v>
      </c>
    </row>
    <row r="126" spans="1:19">
      <c r="A126" s="9" t="s">
        <v>27</v>
      </c>
      <c r="B126" s="9" t="s">
        <v>57</v>
      </c>
      <c r="C126" s="9" t="s">
        <v>58</v>
      </c>
      <c r="D126" s="9" t="s">
        <v>54</v>
      </c>
      <c r="E126" s="9" t="s">
        <v>30</v>
      </c>
      <c r="F126" s="6">
        <v>792900</v>
      </c>
      <c r="G126" s="6">
        <v>402788</v>
      </c>
      <c r="H126" s="6">
        <v>389891</v>
      </c>
      <c r="I126" s="6">
        <v>298034</v>
      </c>
      <c r="J126" s="6">
        <v>74548</v>
      </c>
      <c r="K126" s="6">
        <v>5962</v>
      </c>
      <c r="L126" s="6">
        <v>11347</v>
      </c>
      <c r="M126" s="6">
        <v>12897</v>
      </c>
      <c r="N126" s="6">
        <v>347290</v>
      </c>
      <c r="O126" s="6">
        <v>148013</v>
      </c>
      <c r="P126" s="6">
        <v>37029</v>
      </c>
      <c r="Q126" s="6">
        <v>162248</v>
      </c>
      <c r="R126" s="6">
        <v>42822</v>
      </c>
      <c r="S126" s="7">
        <v>53.699480000000001</v>
      </c>
    </row>
    <row r="127" spans="1:19">
      <c r="A127" s="9" t="s">
        <v>27</v>
      </c>
      <c r="B127" s="9" t="s">
        <v>57</v>
      </c>
      <c r="C127" s="9" t="s">
        <v>58</v>
      </c>
      <c r="D127" s="9" t="s">
        <v>54</v>
      </c>
      <c r="E127" s="9" t="s">
        <v>31</v>
      </c>
      <c r="F127" s="6">
        <v>38545</v>
      </c>
      <c r="G127" s="6">
        <v>5407</v>
      </c>
      <c r="H127" s="6">
        <v>5070</v>
      </c>
      <c r="I127" s="6">
        <v>2264</v>
      </c>
      <c r="J127" s="6">
        <v>136</v>
      </c>
      <c r="K127" s="6">
        <v>2546</v>
      </c>
      <c r="L127" s="6">
        <v>124</v>
      </c>
      <c r="M127" s="6">
        <v>337</v>
      </c>
      <c r="N127" s="6">
        <v>30764</v>
      </c>
      <c r="O127" s="6">
        <v>283</v>
      </c>
      <c r="P127" s="6">
        <v>30093</v>
      </c>
      <c r="Q127" s="6">
        <v>388</v>
      </c>
      <c r="R127" s="6">
        <v>2374</v>
      </c>
      <c r="S127" s="7">
        <v>14.94844</v>
      </c>
    </row>
    <row r="128" spans="1:19">
      <c r="A128" s="9" t="s">
        <v>27</v>
      </c>
      <c r="B128" s="9" t="s">
        <v>57</v>
      </c>
      <c r="C128" s="9" t="s">
        <v>58</v>
      </c>
      <c r="D128" s="9" t="s">
        <v>54</v>
      </c>
      <c r="E128" s="9" t="s">
        <v>32</v>
      </c>
      <c r="F128" s="6">
        <v>35078</v>
      </c>
      <c r="G128" s="6">
        <v>23881</v>
      </c>
      <c r="H128" s="6">
        <v>22637</v>
      </c>
      <c r="I128" s="6">
        <v>18272</v>
      </c>
      <c r="J128" s="6">
        <v>696</v>
      </c>
      <c r="K128" s="6">
        <v>3008</v>
      </c>
      <c r="L128" s="6">
        <v>661</v>
      </c>
      <c r="M128" s="6">
        <v>1244</v>
      </c>
      <c r="N128" s="6">
        <v>8164</v>
      </c>
      <c r="O128" s="6">
        <v>1395</v>
      </c>
      <c r="P128" s="6">
        <v>6224</v>
      </c>
      <c r="Q128" s="6">
        <v>545</v>
      </c>
      <c r="R128" s="6">
        <v>3033</v>
      </c>
      <c r="S128" s="7">
        <v>74.523330000000001</v>
      </c>
    </row>
    <row r="129" spans="1:19">
      <c r="A129" s="9" t="s">
        <v>27</v>
      </c>
      <c r="B129" s="9" t="s">
        <v>57</v>
      </c>
      <c r="C129" s="9" t="s">
        <v>58</v>
      </c>
      <c r="D129" s="9" t="s">
        <v>54</v>
      </c>
      <c r="E129" s="9" t="s">
        <v>33</v>
      </c>
      <c r="F129" s="6">
        <v>36360</v>
      </c>
      <c r="G129" s="6">
        <v>28912</v>
      </c>
      <c r="H129" s="6">
        <v>27570</v>
      </c>
      <c r="I129" s="6">
        <v>24053</v>
      </c>
      <c r="J129" s="6">
        <v>1777</v>
      </c>
      <c r="K129" s="6">
        <v>135</v>
      </c>
      <c r="L129" s="6">
        <v>1605</v>
      </c>
      <c r="M129" s="6">
        <v>1342</v>
      </c>
      <c r="N129" s="6">
        <v>4098</v>
      </c>
      <c r="O129" s="6">
        <v>3317</v>
      </c>
      <c r="P129" s="6">
        <v>296</v>
      </c>
      <c r="Q129" s="6">
        <v>485</v>
      </c>
      <c r="R129" s="6">
        <v>3350</v>
      </c>
      <c r="S129" s="7">
        <v>87.585579999999993</v>
      </c>
    </row>
    <row r="130" spans="1:19">
      <c r="A130" s="9" t="s">
        <v>27</v>
      </c>
      <c r="B130" s="9" t="s">
        <v>57</v>
      </c>
      <c r="C130" s="9" t="s">
        <v>58</v>
      </c>
      <c r="D130" s="9" t="s">
        <v>54</v>
      </c>
      <c r="E130" s="9" t="s">
        <v>34</v>
      </c>
      <c r="F130" s="6">
        <v>42202</v>
      </c>
      <c r="G130" s="6">
        <v>32243</v>
      </c>
      <c r="H130" s="6">
        <v>31003</v>
      </c>
      <c r="I130" s="6">
        <v>25154</v>
      </c>
      <c r="J130" s="6">
        <v>3551</v>
      </c>
      <c r="K130" s="6">
        <v>82</v>
      </c>
      <c r="L130" s="6">
        <v>2216</v>
      </c>
      <c r="M130" s="6">
        <v>1240</v>
      </c>
      <c r="N130" s="6">
        <v>6360</v>
      </c>
      <c r="O130" s="6">
        <v>5674</v>
      </c>
      <c r="P130" s="6">
        <v>148</v>
      </c>
      <c r="Q130" s="6">
        <v>538</v>
      </c>
      <c r="R130" s="6">
        <v>3599</v>
      </c>
      <c r="S130" s="7">
        <v>83.524600000000007</v>
      </c>
    </row>
    <row r="131" spans="1:19">
      <c r="A131" s="9" t="s">
        <v>27</v>
      </c>
      <c r="B131" s="9" t="s">
        <v>57</v>
      </c>
      <c r="C131" s="9" t="s">
        <v>58</v>
      </c>
      <c r="D131" s="9" t="s">
        <v>54</v>
      </c>
      <c r="E131" s="9" t="s">
        <v>35</v>
      </c>
      <c r="F131" s="6">
        <v>49181</v>
      </c>
      <c r="G131" s="6">
        <v>38162</v>
      </c>
      <c r="H131" s="6">
        <v>36961</v>
      </c>
      <c r="I131" s="6">
        <v>29802</v>
      </c>
      <c r="J131" s="6">
        <v>5483</v>
      </c>
      <c r="K131" s="6">
        <v>67</v>
      </c>
      <c r="L131" s="6">
        <v>1609</v>
      </c>
      <c r="M131" s="6">
        <v>1201</v>
      </c>
      <c r="N131" s="6">
        <v>7380</v>
      </c>
      <c r="O131" s="6">
        <v>6627</v>
      </c>
      <c r="P131" s="6">
        <v>86</v>
      </c>
      <c r="Q131" s="6">
        <v>667</v>
      </c>
      <c r="R131" s="6">
        <v>3639</v>
      </c>
      <c r="S131" s="7">
        <v>83.795180000000002</v>
      </c>
    </row>
    <row r="132" spans="1:19">
      <c r="A132" s="9" t="s">
        <v>27</v>
      </c>
      <c r="B132" s="9" t="s">
        <v>57</v>
      </c>
      <c r="C132" s="9" t="s">
        <v>58</v>
      </c>
      <c r="D132" s="9" t="s">
        <v>54</v>
      </c>
      <c r="E132" s="9" t="s">
        <v>36</v>
      </c>
      <c r="F132" s="6">
        <v>53731</v>
      </c>
      <c r="G132" s="6">
        <v>43002</v>
      </c>
      <c r="H132" s="6">
        <v>41767</v>
      </c>
      <c r="I132" s="6">
        <v>33945</v>
      </c>
      <c r="J132" s="6">
        <v>6986</v>
      </c>
      <c r="K132" s="6">
        <v>44</v>
      </c>
      <c r="L132" s="6">
        <v>792</v>
      </c>
      <c r="M132" s="6">
        <v>1235</v>
      </c>
      <c r="N132" s="6">
        <v>7042</v>
      </c>
      <c r="O132" s="6">
        <v>6275</v>
      </c>
      <c r="P132" s="6">
        <v>49</v>
      </c>
      <c r="Q132" s="6">
        <v>718</v>
      </c>
      <c r="R132" s="6">
        <v>3687</v>
      </c>
      <c r="S132" s="7">
        <v>85.928380000000004</v>
      </c>
    </row>
    <row r="133" spans="1:19">
      <c r="A133" s="9" t="s">
        <v>27</v>
      </c>
      <c r="B133" s="9" t="s">
        <v>57</v>
      </c>
      <c r="C133" s="9" t="s">
        <v>58</v>
      </c>
      <c r="D133" s="9" t="s">
        <v>54</v>
      </c>
      <c r="E133" s="9" t="s">
        <v>37</v>
      </c>
      <c r="F133" s="6">
        <v>57244</v>
      </c>
      <c r="G133" s="6">
        <v>46327</v>
      </c>
      <c r="H133" s="6">
        <v>44856</v>
      </c>
      <c r="I133" s="6">
        <v>36411</v>
      </c>
      <c r="J133" s="6">
        <v>7855</v>
      </c>
      <c r="K133" s="6">
        <v>30</v>
      </c>
      <c r="L133" s="6">
        <v>560</v>
      </c>
      <c r="M133" s="6">
        <v>1471</v>
      </c>
      <c r="N133" s="6">
        <v>7532</v>
      </c>
      <c r="O133" s="6">
        <v>6572</v>
      </c>
      <c r="P133" s="6">
        <v>41</v>
      </c>
      <c r="Q133" s="6">
        <v>919</v>
      </c>
      <c r="R133" s="6">
        <v>3385</v>
      </c>
      <c r="S133" s="7">
        <v>86.015339999999995</v>
      </c>
    </row>
    <row r="134" spans="1:19">
      <c r="A134" s="9" t="s">
        <v>27</v>
      </c>
      <c r="B134" s="9" t="s">
        <v>57</v>
      </c>
      <c r="C134" s="9" t="s">
        <v>58</v>
      </c>
      <c r="D134" s="9" t="s">
        <v>54</v>
      </c>
      <c r="E134" s="9" t="s">
        <v>38</v>
      </c>
      <c r="F134" s="6">
        <v>53317</v>
      </c>
      <c r="G134" s="6">
        <v>42589</v>
      </c>
      <c r="H134" s="6">
        <v>41232</v>
      </c>
      <c r="I134" s="6">
        <v>33371</v>
      </c>
      <c r="J134" s="6">
        <v>7326</v>
      </c>
      <c r="K134" s="6">
        <v>16</v>
      </c>
      <c r="L134" s="6">
        <v>519</v>
      </c>
      <c r="M134" s="6">
        <v>1357</v>
      </c>
      <c r="N134" s="6">
        <v>8276</v>
      </c>
      <c r="O134" s="6">
        <v>7240</v>
      </c>
      <c r="P134" s="6">
        <v>15</v>
      </c>
      <c r="Q134" s="6">
        <v>1021</v>
      </c>
      <c r="R134" s="6">
        <v>2452</v>
      </c>
      <c r="S134" s="7">
        <v>83.729479999999995</v>
      </c>
    </row>
    <row r="135" spans="1:19">
      <c r="A135" s="9" t="s">
        <v>27</v>
      </c>
      <c r="B135" s="9" t="s">
        <v>57</v>
      </c>
      <c r="C135" s="9" t="s">
        <v>58</v>
      </c>
      <c r="D135" s="9" t="s">
        <v>54</v>
      </c>
      <c r="E135" s="9" t="s">
        <v>39</v>
      </c>
      <c r="F135" s="6">
        <v>55754</v>
      </c>
      <c r="G135" s="6">
        <v>42494</v>
      </c>
      <c r="H135" s="6">
        <v>41245</v>
      </c>
      <c r="I135" s="6">
        <v>32641</v>
      </c>
      <c r="J135" s="6">
        <v>7992</v>
      </c>
      <c r="K135" s="6">
        <v>9</v>
      </c>
      <c r="L135" s="6">
        <v>603</v>
      </c>
      <c r="M135" s="6">
        <v>1249</v>
      </c>
      <c r="N135" s="6">
        <v>11320</v>
      </c>
      <c r="O135" s="6">
        <v>9858</v>
      </c>
      <c r="P135" s="6">
        <v>9</v>
      </c>
      <c r="Q135" s="6">
        <v>1453</v>
      </c>
      <c r="R135" s="6">
        <v>1940</v>
      </c>
      <c r="S135" s="7">
        <v>78.964579999999998</v>
      </c>
    </row>
    <row r="136" spans="1:19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40</v>
      </c>
      <c r="F136" s="6">
        <v>60137</v>
      </c>
      <c r="G136" s="6">
        <v>38373</v>
      </c>
      <c r="H136" s="6">
        <v>37101</v>
      </c>
      <c r="I136" s="6">
        <v>27245</v>
      </c>
      <c r="J136" s="6">
        <v>9199</v>
      </c>
      <c r="K136" s="6">
        <v>7</v>
      </c>
      <c r="L136" s="6">
        <v>650</v>
      </c>
      <c r="M136" s="6">
        <v>1272</v>
      </c>
      <c r="N136" s="6">
        <v>20241</v>
      </c>
      <c r="O136" s="6">
        <v>16095</v>
      </c>
      <c r="P136" s="6">
        <v>11</v>
      </c>
      <c r="Q136" s="6">
        <v>4135</v>
      </c>
      <c r="R136" s="6">
        <v>1523</v>
      </c>
      <c r="S136" s="7">
        <v>65.467290000000006</v>
      </c>
    </row>
    <row r="137" spans="1:19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41</v>
      </c>
      <c r="F137" s="6">
        <v>67030</v>
      </c>
      <c r="G137" s="6">
        <v>29181</v>
      </c>
      <c r="H137" s="6">
        <v>28584</v>
      </c>
      <c r="I137" s="6">
        <v>18109</v>
      </c>
      <c r="J137" s="6">
        <v>9725</v>
      </c>
      <c r="K137" s="6">
        <v>10</v>
      </c>
      <c r="L137" s="6">
        <v>740</v>
      </c>
      <c r="M137" s="6">
        <v>597</v>
      </c>
      <c r="N137" s="6">
        <v>35880</v>
      </c>
      <c r="O137" s="6">
        <v>22775</v>
      </c>
      <c r="P137" s="6">
        <v>13</v>
      </c>
      <c r="Q137" s="6">
        <v>13092</v>
      </c>
      <c r="R137" s="6">
        <v>1969</v>
      </c>
      <c r="S137" s="7">
        <v>44.851750000000003</v>
      </c>
    </row>
    <row r="138" spans="1:19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42</v>
      </c>
      <c r="F138" s="6">
        <v>67429</v>
      </c>
      <c r="G138" s="6">
        <v>18875</v>
      </c>
      <c r="H138" s="6">
        <v>18643</v>
      </c>
      <c r="I138" s="6">
        <v>10510</v>
      </c>
      <c r="J138" s="6">
        <v>7529</v>
      </c>
      <c r="K138" s="6">
        <v>3</v>
      </c>
      <c r="L138" s="6">
        <v>601</v>
      </c>
      <c r="M138" s="6">
        <v>232</v>
      </c>
      <c r="N138" s="6">
        <v>45506</v>
      </c>
      <c r="O138" s="6">
        <v>23417</v>
      </c>
      <c r="P138" s="6">
        <v>10</v>
      </c>
      <c r="Q138" s="6">
        <v>22079</v>
      </c>
      <c r="R138" s="6">
        <v>3048</v>
      </c>
      <c r="S138" s="7">
        <v>29.31766</v>
      </c>
    </row>
    <row r="139" spans="1:19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43</v>
      </c>
      <c r="F139" s="6">
        <v>52549</v>
      </c>
      <c r="G139" s="6">
        <v>7842</v>
      </c>
      <c r="H139" s="6">
        <v>7772</v>
      </c>
      <c r="I139" s="6">
        <v>3905</v>
      </c>
      <c r="J139" s="6">
        <v>3560</v>
      </c>
      <c r="K139" s="6">
        <v>3</v>
      </c>
      <c r="L139" s="6">
        <v>304</v>
      </c>
      <c r="M139" s="6">
        <v>70</v>
      </c>
      <c r="N139" s="6">
        <v>41535</v>
      </c>
      <c r="O139" s="6">
        <v>16126</v>
      </c>
      <c r="P139" s="6">
        <v>11</v>
      </c>
      <c r="Q139" s="6">
        <v>25398</v>
      </c>
      <c r="R139" s="6">
        <v>3172</v>
      </c>
      <c r="S139" s="7">
        <v>15.88189</v>
      </c>
    </row>
    <row r="140" spans="1:19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44</v>
      </c>
      <c r="F140" s="6">
        <v>48782</v>
      </c>
      <c r="G140" s="6">
        <v>3765</v>
      </c>
      <c r="H140" s="6">
        <v>3732</v>
      </c>
      <c r="I140" s="6">
        <v>1714</v>
      </c>
      <c r="J140" s="6">
        <v>1812</v>
      </c>
      <c r="K140" s="6">
        <v>1</v>
      </c>
      <c r="L140" s="6">
        <v>205</v>
      </c>
      <c r="M140" s="6">
        <v>33</v>
      </c>
      <c r="N140" s="6">
        <v>42192</v>
      </c>
      <c r="O140" s="6">
        <v>12400</v>
      </c>
      <c r="P140" s="6">
        <v>10</v>
      </c>
      <c r="Q140" s="6">
        <v>29782</v>
      </c>
      <c r="R140" s="6">
        <v>2825</v>
      </c>
      <c r="S140" s="7">
        <v>8.1924399999999995</v>
      </c>
    </row>
    <row r="141" spans="1:19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45</v>
      </c>
      <c r="F141" s="6">
        <v>41253</v>
      </c>
      <c r="G141" s="6">
        <v>1373</v>
      </c>
      <c r="H141" s="6">
        <v>1361</v>
      </c>
      <c r="I141" s="6">
        <v>507</v>
      </c>
      <c r="J141" s="6">
        <v>747</v>
      </c>
      <c r="K141" s="6">
        <v>1</v>
      </c>
      <c r="L141" s="6">
        <v>106</v>
      </c>
      <c r="M141" s="6">
        <v>12</v>
      </c>
      <c r="N141" s="6">
        <v>38006</v>
      </c>
      <c r="O141" s="6">
        <v>7363</v>
      </c>
      <c r="P141" s="6">
        <v>12</v>
      </c>
      <c r="Q141" s="6">
        <v>30631</v>
      </c>
      <c r="R141" s="6">
        <v>1874</v>
      </c>
      <c r="S141" s="7">
        <v>3.4866299999999999</v>
      </c>
    </row>
    <row r="142" spans="1:19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46</v>
      </c>
      <c r="F142" s="6">
        <v>24410</v>
      </c>
      <c r="G142" s="6">
        <v>309</v>
      </c>
      <c r="H142" s="6">
        <v>305</v>
      </c>
      <c r="I142" s="6">
        <v>113</v>
      </c>
      <c r="J142" s="6">
        <v>152</v>
      </c>
      <c r="K142" s="10" t="s">
        <v>55</v>
      </c>
      <c r="L142" s="6">
        <v>40</v>
      </c>
      <c r="M142" s="6">
        <v>4</v>
      </c>
      <c r="N142" s="6">
        <v>23325</v>
      </c>
      <c r="O142" s="6">
        <v>2233</v>
      </c>
      <c r="P142" s="6">
        <v>1</v>
      </c>
      <c r="Q142" s="6">
        <v>21091</v>
      </c>
      <c r="R142" s="6">
        <v>776</v>
      </c>
      <c r="S142" s="7">
        <v>1.3074399999999999</v>
      </c>
    </row>
    <row r="143" spans="1:19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47</v>
      </c>
      <c r="F143" s="6">
        <v>9898</v>
      </c>
      <c r="G143" s="6">
        <v>53</v>
      </c>
      <c r="H143" s="6">
        <v>52</v>
      </c>
      <c r="I143" s="6">
        <v>18</v>
      </c>
      <c r="J143" s="6">
        <v>22</v>
      </c>
      <c r="K143" s="10" t="s">
        <v>55</v>
      </c>
      <c r="L143" s="6">
        <v>12</v>
      </c>
      <c r="M143" s="6">
        <v>1</v>
      </c>
      <c r="N143" s="6">
        <v>9669</v>
      </c>
      <c r="O143" s="6">
        <v>363</v>
      </c>
      <c r="P143" s="10" t="s">
        <v>55</v>
      </c>
      <c r="Q143" s="6">
        <v>9306</v>
      </c>
      <c r="R143" s="6">
        <v>176</v>
      </c>
      <c r="S143" s="7">
        <v>0.54515999999999998</v>
      </c>
    </row>
    <row r="144" spans="1:19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48</v>
      </c>
      <c r="F144" s="6">
        <v>481549</v>
      </c>
      <c r="G144" s="6">
        <v>341390</v>
      </c>
      <c r="H144" s="6">
        <v>329442</v>
      </c>
      <c r="I144" s="6">
        <v>263158</v>
      </c>
      <c r="J144" s="6">
        <v>51001</v>
      </c>
      <c r="K144" s="6">
        <v>5944</v>
      </c>
      <c r="L144" s="6">
        <v>9339</v>
      </c>
      <c r="M144" s="6">
        <v>11948</v>
      </c>
      <c r="N144" s="6">
        <v>111177</v>
      </c>
      <c r="O144" s="6">
        <v>63336</v>
      </c>
      <c r="P144" s="6">
        <v>36972</v>
      </c>
      <c r="Q144" s="6">
        <v>10869</v>
      </c>
      <c r="R144" s="6">
        <v>28982</v>
      </c>
      <c r="S144" s="7">
        <v>75.434129999999996</v>
      </c>
    </row>
    <row r="145" spans="1:19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49</v>
      </c>
      <c r="F145" s="6">
        <v>311351</v>
      </c>
      <c r="G145" s="6">
        <v>61398</v>
      </c>
      <c r="H145" s="6">
        <v>60449</v>
      </c>
      <c r="I145" s="6">
        <v>34876</v>
      </c>
      <c r="J145" s="6">
        <v>23547</v>
      </c>
      <c r="K145" s="6">
        <v>18</v>
      </c>
      <c r="L145" s="6">
        <v>2008</v>
      </c>
      <c r="M145" s="6">
        <v>949</v>
      </c>
      <c r="N145" s="6">
        <v>236113</v>
      </c>
      <c r="O145" s="6">
        <v>84677</v>
      </c>
      <c r="P145" s="6">
        <v>57</v>
      </c>
      <c r="Q145" s="6">
        <v>151379</v>
      </c>
      <c r="R145" s="6">
        <v>13840</v>
      </c>
      <c r="S145" s="7">
        <v>20.637219999999999</v>
      </c>
    </row>
    <row r="146" spans="1:19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50</v>
      </c>
      <c r="F146" s="6">
        <v>176892</v>
      </c>
      <c r="G146" s="6">
        <v>13342</v>
      </c>
      <c r="H146" s="6">
        <v>13222</v>
      </c>
      <c r="I146" s="6">
        <v>6257</v>
      </c>
      <c r="J146" s="6">
        <v>6293</v>
      </c>
      <c r="K146" s="6">
        <v>5</v>
      </c>
      <c r="L146" s="6">
        <v>667</v>
      </c>
      <c r="M146" s="6">
        <v>120</v>
      </c>
      <c r="N146" s="6">
        <v>154727</v>
      </c>
      <c r="O146" s="6">
        <v>38485</v>
      </c>
      <c r="P146" s="6">
        <v>34</v>
      </c>
      <c r="Q146" s="6">
        <v>116208</v>
      </c>
      <c r="R146" s="6">
        <v>8823</v>
      </c>
      <c r="S146" s="7">
        <v>7.9384100000000002</v>
      </c>
    </row>
    <row r="147" spans="1:19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51</v>
      </c>
      <c r="F147" s="6">
        <v>75561</v>
      </c>
      <c r="G147" s="6">
        <v>1735</v>
      </c>
      <c r="H147" s="6">
        <v>1718</v>
      </c>
      <c r="I147" s="6">
        <v>638</v>
      </c>
      <c r="J147" s="6">
        <v>921</v>
      </c>
      <c r="K147" s="6">
        <v>1</v>
      </c>
      <c r="L147" s="6">
        <v>158</v>
      </c>
      <c r="M147" s="6">
        <v>17</v>
      </c>
      <c r="N147" s="6">
        <v>71000</v>
      </c>
      <c r="O147" s="6">
        <v>9959</v>
      </c>
      <c r="P147" s="6">
        <v>13</v>
      </c>
      <c r="Q147" s="6">
        <v>61028</v>
      </c>
      <c r="R147" s="6">
        <v>2826</v>
      </c>
      <c r="S147" s="7">
        <v>2.38537</v>
      </c>
    </row>
    <row r="148" spans="1:19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52</v>
      </c>
      <c r="F148" s="6">
        <v>510034</v>
      </c>
      <c r="G148" s="6">
        <v>365164</v>
      </c>
      <c r="H148" s="6">
        <v>352956</v>
      </c>
      <c r="I148" s="6">
        <v>279003</v>
      </c>
      <c r="J148" s="6">
        <v>60590</v>
      </c>
      <c r="K148" s="6">
        <v>3408</v>
      </c>
      <c r="L148" s="6">
        <v>9955</v>
      </c>
      <c r="M148" s="6">
        <v>12208</v>
      </c>
      <c r="N148" s="6">
        <v>116293</v>
      </c>
      <c r="O148" s="6">
        <v>85828</v>
      </c>
      <c r="P148" s="6">
        <v>6892</v>
      </c>
      <c r="Q148" s="6">
        <v>23573</v>
      </c>
      <c r="R148" s="6">
        <v>28577</v>
      </c>
      <c r="S148" s="7">
        <v>75.845609999999994</v>
      </c>
    </row>
    <row r="149" spans="1:19">
      <c r="A149" s="9" t="s">
        <v>56</v>
      </c>
      <c r="B149" s="9" t="s">
        <v>57</v>
      </c>
      <c r="C149" s="9" t="s">
        <v>59</v>
      </c>
      <c r="D149" s="9" t="s">
        <v>6</v>
      </c>
      <c r="E149" s="9" t="s">
        <v>30</v>
      </c>
      <c r="F149" s="6">
        <v>107177</v>
      </c>
      <c r="G149" s="6">
        <v>59443</v>
      </c>
      <c r="H149" s="6">
        <v>56898</v>
      </c>
      <c r="I149" s="6">
        <v>49834</v>
      </c>
      <c r="J149" s="6">
        <v>5384</v>
      </c>
      <c r="K149" s="6">
        <v>374</v>
      </c>
      <c r="L149" s="6">
        <v>1306</v>
      </c>
      <c r="M149" s="6">
        <v>2545</v>
      </c>
      <c r="N149" s="6">
        <v>42767</v>
      </c>
      <c r="O149" s="6">
        <v>11915</v>
      </c>
      <c r="P149" s="6">
        <v>5335</v>
      </c>
      <c r="Q149" s="6">
        <v>25517</v>
      </c>
      <c r="R149" s="6">
        <v>4967</v>
      </c>
      <c r="S149" s="7">
        <v>58.157710000000002</v>
      </c>
    </row>
    <row r="150" spans="1:19">
      <c r="A150" s="9" t="s">
        <v>56</v>
      </c>
      <c r="B150" s="9" t="s">
        <v>57</v>
      </c>
      <c r="C150" s="9" t="s">
        <v>59</v>
      </c>
      <c r="D150" s="9" t="s">
        <v>6</v>
      </c>
      <c r="E150" s="9" t="s">
        <v>31</v>
      </c>
      <c r="F150" s="6">
        <v>5769</v>
      </c>
      <c r="G150" s="6">
        <v>658</v>
      </c>
      <c r="H150" s="6">
        <v>603</v>
      </c>
      <c r="I150" s="6">
        <v>406</v>
      </c>
      <c r="J150" s="6">
        <v>11</v>
      </c>
      <c r="K150" s="6">
        <v>176</v>
      </c>
      <c r="L150" s="6">
        <v>10</v>
      </c>
      <c r="M150" s="6">
        <v>55</v>
      </c>
      <c r="N150" s="6">
        <v>4763</v>
      </c>
      <c r="O150" s="6">
        <v>27</v>
      </c>
      <c r="P150" s="6">
        <v>4685</v>
      </c>
      <c r="Q150" s="6">
        <v>51</v>
      </c>
      <c r="R150" s="6">
        <v>348</v>
      </c>
      <c r="S150" s="7">
        <v>12.137980000000001</v>
      </c>
    </row>
    <row r="151" spans="1:19">
      <c r="A151" s="9" t="s">
        <v>56</v>
      </c>
      <c r="B151" s="9" t="s">
        <v>57</v>
      </c>
      <c r="C151" s="9" t="s">
        <v>59</v>
      </c>
      <c r="D151" s="9" t="s">
        <v>6</v>
      </c>
      <c r="E151" s="9" t="s">
        <v>32</v>
      </c>
      <c r="F151" s="6">
        <v>4392</v>
      </c>
      <c r="G151" s="6">
        <v>3233</v>
      </c>
      <c r="H151" s="6">
        <v>3023</v>
      </c>
      <c r="I151" s="6">
        <v>2759</v>
      </c>
      <c r="J151" s="6">
        <v>60</v>
      </c>
      <c r="K151" s="6">
        <v>149</v>
      </c>
      <c r="L151" s="6">
        <v>55</v>
      </c>
      <c r="M151" s="6">
        <v>210</v>
      </c>
      <c r="N151" s="6">
        <v>775</v>
      </c>
      <c r="O151" s="6">
        <v>98</v>
      </c>
      <c r="P151" s="6">
        <v>598</v>
      </c>
      <c r="Q151" s="6">
        <v>79</v>
      </c>
      <c r="R151" s="6">
        <v>384</v>
      </c>
      <c r="S151" s="7">
        <v>80.663669999999996</v>
      </c>
    </row>
    <row r="152" spans="1:19">
      <c r="A152" s="9" t="s">
        <v>56</v>
      </c>
      <c r="B152" s="9" t="s">
        <v>57</v>
      </c>
      <c r="C152" s="9" t="s">
        <v>59</v>
      </c>
      <c r="D152" s="9" t="s">
        <v>6</v>
      </c>
      <c r="E152" s="9" t="s">
        <v>33</v>
      </c>
      <c r="F152" s="6">
        <v>4790</v>
      </c>
      <c r="G152" s="6">
        <v>4039</v>
      </c>
      <c r="H152" s="6">
        <v>3827</v>
      </c>
      <c r="I152" s="6">
        <v>3564</v>
      </c>
      <c r="J152" s="6">
        <v>136</v>
      </c>
      <c r="K152" s="6">
        <v>16</v>
      </c>
      <c r="L152" s="6">
        <v>111</v>
      </c>
      <c r="M152" s="6">
        <v>212</v>
      </c>
      <c r="N152" s="6">
        <v>299</v>
      </c>
      <c r="O152" s="6">
        <v>204</v>
      </c>
      <c r="P152" s="6">
        <v>19</v>
      </c>
      <c r="Q152" s="6">
        <v>76</v>
      </c>
      <c r="R152" s="6">
        <v>452</v>
      </c>
      <c r="S152" s="7">
        <v>93.107420000000005</v>
      </c>
    </row>
    <row r="153" spans="1:19">
      <c r="A153" s="9" t="s">
        <v>56</v>
      </c>
      <c r="B153" s="9" t="s">
        <v>57</v>
      </c>
      <c r="C153" s="9" t="s">
        <v>59</v>
      </c>
      <c r="D153" s="9" t="s">
        <v>6</v>
      </c>
      <c r="E153" s="9" t="s">
        <v>34</v>
      </c>
      <c r="F153" s="6">
        <v>5519</v>
      </c>
      <c r="G153" s="6">
        <v>4579</v>
      </c>
      <c r="H153" s="6">
        <v>4356</v>
      </c>
      <c r="I153" s="6">
        <v>3961</v>
      </c>
      <c r="J153" s="6">
        <v>244</v>
      </c>
      <c r="K153" s="6">
        <v>12</v>
      </c>
      <c r="L153" s="6">
        <v>139</v>
      </c>
      <c r="M153" s="6">
        <v>223</v>
      </c>
      <c r="N153" s="6">
        <v>437</v>
      </c>
      <c r="O153" s="6">
        <v>339</v>
      </c>
      <c r="P153" s="6">
        <v>8</v>
      </c>
      <c r="Q153" s="6">
        <v>90</v>
      </c>
      <c r="R153" s="6">
        <v>503</v>
      </c>
      <c r="S153" s="7">
        <v>91.287880000000001</v>
      </c>
    </row>
    <row r="154" spans="1:19">
      <c r="A154" s="9" t="s">
        <v>56</v>
      </c>
      <c r="B154" s="9" t="s">
        <v>57</v>
      </c>
      <c r="C154" s="9" t="s">
        <v>59</v>
      </c>
      <c r="D154" s="9" t="s">
        <v>6</v>
      </c>
      <c r="E154" s="9" t="s">
        <v>35</v>
      </c>
      <c r="F154" s="6">
        <v>6360</v>
      </c>
      <c r="G154" s="6">
        <v>5422</v>
      </c>
      <c r="H154" s="6">
        <v>5187</v>
      </c>
      <c r="I154" s="6">
        <v>4687</v>
      </c>
      <c r="J154" s="6">
        <v>359</v>
      </c>
      <c r="K154" s="6">
        <v>9</v>
      </c>
      <c r="L154" s="6">
        <v>132</v>
      </c>
      <c r="M154" s="6">
        <v>235</v>
      </c>
      <c r="N154" s="6">
        <v>467</v>
      </c>
      <c r="O154" s="6">
        <v>367</v>
      </c>
      <c r="P154" s="6">
        <v>7</v>
      </c>
      <c r="Q154" s="6">
        <v>93</v>
      </c>
      <c r="R154" s="6">
        <v>471</v>
      </c>
      <c r="S154" s="7">
        <v>92.069959999999995</v>
      </c>
    </row>
    <row r="155" spans="1:19">
      <c r="A155" s="9" t="s">
        <v>56</v>
      </c>
      <c r="B155" s="9" t="s">
        <v>57</v>
      </c>
      <c r="C155" s="9" t="s">
        <v>59</v>
      </c>
      <c r="D155" s="9" t="s">
        <v>6</v>
      </c>
      <c r="E155" s="9" t="s">
        <v>36</v>
      </c>
      <c r="F155" s="6">
        <v>6914</v>
      </c>
      <c r="G155" s="6">
        <v>5912</v>
      </c>
      <c r="H155" s="6">
        <v>5690</v>
      </c>
      <c r="I155" s="6">
        <v>5228</v>
      </c>
      <c r="J155" s="6">
        <v>394</v>
      </c>
      <c r="K155" s="6">
        <v>5</v>
      </c>
      <c r="L155" s="6">
        <v>63</v>
      </c>
      <c r="M155" s="6">
        <v>222</v>
      </c>
      <c r="N155" s="6">
        <v>468</v>
      </c>
      <c r="O155" s="6">
        <v>354</v>
      </c>
      <c r="P155" s="6">
        <v>2</v>
      </c>
      <c r="Q155" s="6">
        <v>112</v>
      </c>
      <c r="R155" s="6">
        <v>534</v>
      </c>
      <c r="S155" s="7">
        <v>92.664580000000001</v>
      </c>
    </row>
    <row r="156" spans="1:19">
      <c r="A156" s="9" t="s">
        <v>56</v>
      </c>
      <c r="B156" s="9" t="s">
        <v>57</v>
      </c>
      <c r="C156" s="9" t="s">
        <v>59</v>
      </c>
      <c r="D156" s="9" t="s">
        <v>6</v>
      </c>
      <c r="E156" s="9" t="s">
        <v>37</v>
      </c>
      <c r="F156" s="6">
        <v>7620</v>
      </c>
      <c r="G156" s="6">
        <v>6535</v>
      </c>
      <c r="H156" s="6">
        <v>6262</v>
      </c>
      <c r="I156" s="6">
        <v>5747</v>
      </c>
      <c r="J156" s="6">
        <v>453</v>
      </c>
      <c r="K156" s="6">
        <v>3</v>
      </c>
      <c r="L156" s="6">
        <v>59</v>
      </c>
      <c r="M156" s="6">
        <v>273</v>
      </c>
      <c r="N156" s="6">
        <v>617</v>
      </c>
      <c r="O156" s="6">
        <v>442</v>
      </c>
      <c r="P156" s="6">
        <v>4</v>
      </c>
      <c r="Q156" s="6">
        <v>171</v>
      </c>
      <c r="R156" s="6">
        <v>468</v>
      </c>
      <c r="S156" s="7">
        <v>91.373040000000003</v>
      </c>
    </row>
    <row r="157" spans="1:19">
      <c r="A157" s="9" t="s">
        <v>56</v>
      </c>
      <c r="B157" s="9" t="s">
        <v>57</v>
      </c>
      <c r="C157" s="9" t="s">
        <v>59</v>
      </c>
      <c r="D157" s="9" t="s">
        <v>6</v>
      </c>
      <c r="E157" s="9" t="s">
        <v>38</v>
      </c>
      <c r="F157" s="6">
        <v>7331</v>
      </c>
      <c r="G157" s="6">
        <v>6205</v>
      </c>
      <c r="H157" s="6">
        <v>5948</v>
      </c>
      <c r="I157" s="6">
        <v>5398</v>
      </c>
      <c r="J157" s="6">
        <v>479</v>
      </c>
      <c r="K157" s="6">
        <v>1</v>
      </c>
      <c r="L157" s="6">
        <v>70</v>
      </c>
      <c r="M157" s="6">
        <v>257</v>
      </c>
      <c r="N157" s="6">
        <v>757</v>
      </c>
      <c r="O157" s="6">
        <v>539</v>
      </c>
      <c r="P157" s="6">
        <v>1</v>
      </c>
      <c r="Q157" s="6">
        <v>217</v>
      </c>
      <c r="R157" s="6">
        <v>369</v>
      </c>
      <c r="S157" s="7">
        <v>89.126689999999996</v>
      </c>
    </row>
    <row r="158" spans="1:19">
      <c r="A158" s="9" t="s">
        <v>56</v>
      </c>
      <c r="B158" s="9" t="s">
        <v>57</v>
      </c>
      <c r="C158" s="9" t="s">
        <v>59</v>
      </c>
      <c r="D158" s="9" t="s">
        <v>6</v>
      </c>
      <c r="E158" s="9" t="s">
        <v>39</v>
      </c>
      <c r="F158" s="6">
        <v>7793</v>
      </c>
      <c r="G158" s="6">
        <v>6452</v>
      </c>
      <c r="H158" s="6">
        <v>6207</v>
      </c>
      <c r="I158" s="6">
        <v>5558</v>
      </c>
      <c r="J158" s="6">
        <v>546</v>
      </c>
      <c r="K158" s="6">
        <v>1</v>
      </c>
      <c r="L158" s="6">
        <v>102</v>
      </c>
      <c r="M158" s="6">
        <v>245</v>
      </c>
      <c r="N158" s="6">
        <v>1042</v>
      </c>
      <c r="O158" s="6">
        <v>743</v>
      </c>
      <c r="P158" s="6">
        <v>2</v>
      </c>
      <c r="Q158" s="6">
        <v>297</v>
      </c>
      <c r="R158" s="6">
        <v>299</v>
      </c>
      <c r="S158" s="7">
        <v>86.09554</v>
      </c>
    </row>
    <row r="159" spans="1:19">
      <c r="A159" s="9" t="s">
        <v>56</v>
      </c>
      <c r="B159" s="9" t="s">
        <v>57</v>
      </c>
      <c r="C159" s="9" t="s">
        <v>59</v>
      </c>
      <c r="D159" s="9" t="s">
        <v>6</v>
      </c>
      <c r="E159" s="9" t="s">
        <v>40</v>
      </c>
      <c r="F159" s="6">
        <v>8558</v>
      </c>
      <c r="G159" s="6">
        <v>6116</v>
      </c>
      <c r="H159" s="6">
        <v>5816</v>
      </c>
      <c r="I159" s="6">
        <v>5000</v>
      </c>
      <c r="J159" s="6">
        <v>682</v>
      </c>
      <c r="K159" s="10" t="s">
        <v>55</v>
      </c>
      <c r="L159" s="6">
        <v>134</v>
      </c>
      <c r="M159" s="6">
        <v>300</v>
      </c>
      <c r="N159" s="6">
        <v>2181</v>
      </c>
      <c r="O159" s="6">
        <v>1272</v>
      </c>
      <c r="P159" s="10" t="s">
        <v>55</v>
      </c>
      <c r="Q159" s="6">
        <v>909</v>
      </c>
      <c r="R159" s="6">
        <v>261</v>
      </c>
      <c r="S159" s="7">
        <v>73.713390000000004</v>
      </c>
    </row>
    <row r="160" spans="1:19">
      <c r="A160" s="9" t="s">
        <v>56</v>
      </c>
      <c r="B160" s="9" t="s">
        <v>57</v>
      </c>
      <c r="C160" s="9" t="s">
        <v>59</v>
      </c>
      <c r="D160" s="9" t="s">
        <v>6</v>
      </c>
      <c r="E160" s="9" t="s">
        <v>41</v>
      </c>
      <c r="F160" s="6">
        <v>9712</v>
      </c>
      <c r="G160" s="6">
        <v>4894</v>
      </c>
      <c r="H160" s="6">
        <v>4706</v>
      </c>
      <c r="I160" s="6">
        <v>3722</v>
      </c>
      <c r="J160" s="6">
        <v>804</v>
      </c>
      <c r="K160" s="6">
        <v>1</v>
      </c>
      <c r="L160" s="6">
        <v>179</v>
      </c>
      <c r="M160" s="6">
        <v>188</v>
      </c>
      <c r="N160" s="6">
        <v>4587</v>
      </c>
      <c r="O160" s="6">
        <v>1948</v>
      </c>
      <c r="P160" s="6">
        <v>1</v>
      </c>
      <c r="Q160" s="6">
        <v>2638</v>
      </c>
      <c r="R160" s="6">
        <v>231</v>
      </c>
      <c r="S160" s="7">
        <v>51.619030000000002</v>
      </c>
    </row>
    <row r="161" spans="1:19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42</v>
      </c>
      <c r="F161" s="6">
        <v>9800</v>
      </c>
      <c r="G161" s="6">
        <v>3285</v>
      </c>
      <c r="H161" s="6">
        <v>3195</v>
      </c>
      <c r="I161" s="6">
        <v>2393</v>
      </c>
      <c r="J161" s="6">
        <v>648</v>
      </c>
      <c r="K161" s="10" t="s">
        <v>55</v>
      </c>
      <c r="L161" s="6">
        <v>154</v>
      </c>
      <c r="M161" s="6">
        <v>90</v>
      </c>
      <c r="N161" s="6">
        <v>6315</v>
      </c>
      <c r="O161" s="6">
        <v>2092</v>
      </c>
      <c r="P161" s="6">
        <v>1</v>
      </c>
      <c r="Q161" s="6">
        <v>4222</v>
      </c>
      <c r="R161" s="6">
        <v>200</v>
      </c>
      <c r="S161" s="7">
        <v>34.21875</v>
      </c>
    </row>
    <row r="162" spans="1:19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43</v>
      </c>
      <c r="F162" s="6">
        <v>7564</v>
      </c>
      <c r="G162" s="6">
        <v>1268</v>
      </c>
      <c r="H162" s="6">
        <v>1241</v>
      </c>
      <c r="I162" s="6">
        <v>859</v>
      </c>
      <c r="J162" s="6">
        <v>330</v>
      </c>
      <c r="K162" s="6">
        <v>1</v>
      </c>
      <c r="L162" s="6">
        <v>51</v>
      </c>
      <c r="M162" s="6">
        <v>27</v>
      </c>
      <c r="N162" s="6">
        <v>6147</v>
      </c>
      <c r="O162" s="6">
        <v>1531</v>
      </c>
      <c r="P162" s="6">
        <v>2</v>
      </c>
      <c r="Q162" s="6">
        <v>4614</v>
      </c>
      <c r="R162" s="6">
        <v>149</v>
      </c>
      <c r="S162" s="7">
        <v>17.100470000000001</v>
      </c>
    </row>
    <row r="163" spans="1:19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44</v>
      </c>
      <c r="F163" s="6">
        <v>6531</v>
      </c>
      <c r="G163" s="6">
        <v>608</v>
      </c>
      <c r="H163" s="6">
        <v>602</v>
      </c>
      <c r="I163" s="6">
        <v>406</v>
      </c>
      <c r="J163" s="6">
        <v>167</v>
      </c>
      <c r="K163" s="10" t="s">
        <v>55</v>
      </c>
      <c r="L163" s="6">
        <v>29</v>
      </c>
      <c r="M163" s="6">
        <v>6</v>
      </c>
      <c r="N163" s="6">
        <v>5786</v>
      </c>
      <c r="O163" s="6">
        <v>1131</v>
      </c>
      <c r="P163" s="10" t="s">
        <v>55</v>
      </c>
      <c r="Q163" s="6">
        <v>4655</v>
      </c>
      <c r="R163" s="6">
        <v>137</v>
      </c>
      <c r="S163" s="7">
        <v>9.5089100000000002</v>
      </c>
    </row>
    <row r="164" spans="1:19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45</v>
      </c>
      <c r="F164" s="6">
        <v>5155</v>
      </c>
      <c r="G164" s="6">
        <v>192</v>
      </c>
      <c r="H164" s="6">
        <v>190</v>
      </c>
      <c r="I164" s="6">
        <v>116</v>
      </c>
      <c r="J164" s="6">
        <v>59</v>
      </c>
      <c r="K164" s="10" t="s">
        <v>55</v>
      </c>
      <c r="L164" s="6">
        <v>15</v>
      </c>
      <c r="M164" s="6">
        <v>2</v>
      </c>
      <c r="N164" s="6">
        <v>4850</v>
      </c>
      <c r="O164" s="6">
        <v>635</v>
      </c>
      <c r="P164" s="6">
        <v>4</v>
      </c>
      <c r="Q164" s="6">
        <v>4211</v>
      </c>
      <c r="R164" s="6">
        <v>113</v>
      </c>
      <c r="S164" s="7">
        <v>3.8080099999999999</v>
      </c>
    </row>
    <row r="165" spans="1:19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46</v>
      </c>
      <c r="F165" s="6">
        <v>2579</v>
      </c>
      <c r="G165" s="6">
        <v>44</v>
      </c>
      <c r="H165" s="6">
        <v>44</v>
      </c>
      <c r="I165" s="6">
        <v>29</v>
      </c>
      <c r="J165" s="6">
        <v>12</v>
      </c>
      <c r="K165" s="10" t="s">
        <v>55</v>
      </c>
      <c r="L165" s="6">
        <v>3</v>
      </c>
      <c r="M165" s="10" t="s">
        <v>55</v>
      </c>
      <c r="N165" s="6">
        <v>2491</v>
      </c>
      <c r="O165" s="6">
        <v>169</v>
      </c>
      <c r="P165" s="6">
        <v>1</v>
      </c>
      <c r="Q165" s="6">
        <v>2321</v>
      </c>
      <c r="R165" s="6">
        <v>44</v>
      </c>
      <c r="S165" s="7">
        <v>1.7357</v>
      </c>
    </row>
    <row r="166" spans="1:19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47</v>
      </c>
      <c r="F166" s="6">
        <v>790</v>
      </c>
      <c r="G166" s="6">
        <v>1</v>
      </c>
      <c r="H166" s="6">
        <v>1</v>
      </c>
      <c r="I166" s="6">
        <v>1</v>
      </c>
      <c r="J166" s="10" t="s">
        <v>55</v>
      </c>
      <c r="K166" s="10" t="s">
        <v>55</v>
      </c>
      <c r="L166" s="10" t="s">
        <v>55</v>
      </c>
      <c r="M166" s="10" t="s">
        <v>55</v>
      </c>
      <c r="N166" s="6">
        <v>785</v>
      </c>
      <c r="O166" s="6">
        <v>24</v>
      </c>
      <c r="P166" s="10" t="s">
        <v>55</v>
      </c>
      <c r="Q166" s="6">
        <v>761</v>
      </c>
      <c r="R166" s="6">
        <v>4</v>
      </c>
      <c r="S166" s="7">
        <v>0.12723000000000001</v>
      </c>
    </row>
    <row r="167" spans="1:19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48</v>
      </c>
      <c r="F167" s="6">
        <v>65046</v>
      </c>
      <c r="G167" s="6">
        <v>49151</v>
      </c>
      <c r="H167" s="6">
        <v>46919</v>
      </c>
      <c r="I167" s="6">
        <v>42308</v>
      </c>
      <c r="J167" s="6">
        <v>3364</v>
      </c>
      <c r="K167" s="6">
        <v>372</v>
      </c>
      <c r="L167" s="6">
        <v>875</v>
      </c>
      <c r="M167" s="6">
        <v>2232</v>
      </c>
      <c r="N167" s="6">
        <v>11806</v>
      </c>
      <c r="O167" s="6">
        <v>4385</v>
      </c>
      <c r="P167" s="6">
        <v>5326</v>
      </c>
      <c r="Q167" s="6">
        <v>2095</v>
      </c>
      <c r="R167" s="6">
        <v>4089</v>
      </c>
      <c r="S167" s="7">
        <v>80.632249999999999</v>
      </c>
    </row>
    <row r="168" spans="1:19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49</v>
      </c>
      <c r="F168" s="6">
        <v>42131</v>
      </c>
      <c r="G168" s="6">
        <v>10292</v>
      </c>
      <c r="H168" s="6">
        <v>9979</v>
      </c>
      <c r="I168" s="6">
        <v>7526</v>
      </c>
      <c r="J168" s="6">
        <v>2020</v>
      </c>
      <c r="K168" s="6">
        <v>2</v>
      </c>
      <c r="L168" s="6">
        <v>431</v>
      </c>
      <c r="M168" s="6">
        <v>313</v>
      </c>
      <c r="N168" s="6">
        <v>30961</v>
      </c>
      <c r="O168" s="6">
        <v>7530</v>
      </c>
      <c r="P168" s="6">
        <v>9</v>
      </c>
      <c r="Q168" s="6">
        <v>23422</v>
      </c>
      <c r="R168" s="6">
        <v>878</v>
      </c>
      <c r="S168" s="7">
        <v>24.94849</v>
      </c>
    </row>
    <row r="169" spans="1:19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50</v>
      </c>
      <c r="F169" s="6">
        <v>22619</v>
      </c>
      <c r="G169" s="6">
        <v>2113</v>
      </c>
      <c r="H169" s="6">
        <v>2078</v>
      </c>
      <c r="I169" s="6">
        <v>1411</v>
      </c>
      <c r="J169" s="6">
        <v>568</v>
      </c>
      <c r="K169" s="6">
        <v>1</v>
      </c>
      <c r="L169" s="6">
        <v>98</v>
      </c>
      <c r="M169" s="6">
        <v>35</v>
      </c>
      <c r="N169" s="6">
        <v>20059</v>
      </c>
      <c r="O169" s="6">
        <v>3490</v>
      </c>
      <c r="P169" s="6">
        <v>7</v>
      </c>
      <c r="Q169" s="6">
        <v>16562</v>
      </c>
      <c r="R169" s="6">
        <v>447</v>
      </c>
      <c r="S169" s="7">
        <v>9.5300399999999996</v>
      </c>
    </row>
    <row r="170" spans="1:19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51</v>
      </c>
      <c r="F170" s="6">
        <v>8524</v>
      </c>
      <c r="G170" s="6">
        <v>237</v>
      </c>
      <c r="H170" s="6">
        <v>235</v>
      </c>
      <c r="I170" s="6">
        <v>146</v>
      </c>
      <c r="J170" s="6">
        <v>71</v>
      </c>
      <c r="K170" s="10" t="s">
        <v>55</v>
      </c>
      <c r="L170" s="6">
        <v>18</v>
      </c>
      <c r="M170" s="6">
        <v>2</v>
      </c>
      <c r="N170" s="6">
        <v>8126</v>
      </c>
      <c r="O170" s="6">
        <v>828</v>
      </c>
      <c r="P170" s="6">
        <v>5</v>
      </c>
      <c r="Q170" s="6">
        <v>7293</v>
      </c>
      <c r="R170" s="6">
        <v>161</v>
      </c>
      <c r="S170" s="7">
        <v>2.8339099999999999</v>
      </c>
    </row>
    <row r="171" spans="1:19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52</v>
      </c>
      <c r="F171" s="6">
        <v>68989</v>
      </c>
      <c r="G171" s="6">
        <v>53387</v>
      </c>
      <c r="H171" s="6">
        <v>51022</v>
      </c>
      <c r="I171" s="6">
        <v>45624</v>
      </c>
      <c r="J171" s="6">
        <v>4157</v>
      </c>
      <c r="K171" s="6">
        <v>197</v>
      </c>
      <c r="L171" s="6">
        <v>1044</v>
      </c>
      <c r="M171" s="6">
        <v>2365</v>
      </c>
      <c r="N171" s="6">
        <v>11630</v>
      </c>
      <c r="O171" s="6">
        <v>6306</v>
      </c>
      <c r="P171" s="6">
        <v>642</v>
      </c>
      <c r="Q171" s="6">
        <v>4682</v>
      </c>
      <c r="R171" s="6">
        <v>3972</v>
      </c>
      <c r="S171" s="7">
        <v>82.112369999999999</v>
      </c>
    </row>
    <row r="172" spans="1:19">
      <c r="A172" s="9" t="s">
        <v>56</v>
      </c>
      <c r="B172" s="9" t="s">
        <v>57</v>
      </c>
      <c r="C172" s="9" t="s">
        <v>59</v>
      </c>
      <c r="D172" s="9" t="s">
        <v>53</v>
      </c>
      <c r="E172" s="9" t="s">
        <v>30</v>
      </c>
      <c r="F172" s="6">
        <v>49213</v>
      </c>
      <c r="G172" s="6">
        <v>30776</v>
      </c>
      <c r="H172" s="6">
        <v>29154</v>
      </c>
      <c r="I172" s="6">
        <v>27858</v>
      </c>
      <c r="J172" s="6">
        <v>559</v>
      </c>
      <c r="K172" s="6">
        <v>149</v>
      </c>
      <c r="L172" s="6">
        <v>588</v>
      </c>
      <c r="M172" s="6">
        <v>1622</v>
      </c>
      <c r="N172" s="6">
        <v>15911</v>
      </c>
      <c r="O172" s="6">
        <v>1508</v>
      </c>
      <c r="P172" s="6">
        <v>2687</v>
      </c>
      <c r="Q172" s="6">
        <v>11716</v>
      </c>
      <c r="R172" s="6">
        <v>2526</v>
      </c>
      <c r="S172" s="7">
        <v>65.919849999999997</v>
      </c>
    </row>
    <row r="173" spans="1:19">
      <c r="A173" s="9" t="s">
        <v>56</v>
      </c>
      <c r="B173" s="9" t="s">
        <v>57</v>
      </c>
      <c r="C173" s="9" t="s">
        <v>59</v>
      </c>
      <c r="D173" s="9" t="s">
        <v>53</v>
      </c>
      <c r="E173" s="9" t="s">
        <v>31</v>
      </c>
      <c r="F173" s="6">
        <v>2978</v>
      </c>
      <c r="G173" s="6">
        <v>363</v>
      </c>
      <c r="H173" s="6">
        <v>331</v>
      </c>
      <c r="I173" s="6">
        <v>259</v>
      </c>
      <c r="J173" s="6">
        <v>3</v>
      </c>
      <c r="K173" s="6">
        <v>67</v>
      </c>
      <c r="L173" s="6">
        <v>2</v>
      </c>
      <c r="M173" s="6">
        <v>32</v>
      </c>
      <c r="N173" s="6">
        <v>2441</v>
      </c>
      <c r="O173" s="6">
        <v>6</v>
      </c>
      <c r="P173" s="6">
        <v>2407</v>
      </c>
      <c r="Q173" s="6">
        <v>28</v>
      </c>
      <c r="R173" s="6">
        <v>174</v>
      </c>
      <c r="S173" s="7">
        <v>12.945790000000001</v>
      </c>
    </row>
    <row r="174" spans="1:19">
      <c r="A174" s="9" t="s">
        <v>56</v>
      </c>
      <c r="B174" s="9" t="s">
        <v>57</v>
      </c>
      <c r="C174" s="9" t="s">
        <v>59</v>
      </c>
      <c r="D174" s="9" t="s">
        <v>53</v>
      </c>
      <c r="E174" s="9" t="s">
        <v>32</v>
      </c>
      <c r="F174" s="6">
        <v>2025</v>
      </c>
      <c r="G174" s="6">
        <v>1502</v>
      </c>
      <c r="H174" s="6">
        <v>1391</v>
      </c>
      <c r="I174" s="6">
        <v>1300</v>
      </c>
      <c r="J174" s="6">
        <v>9</v>
      </c>
      <c r="K174" s="6">
        <v>65</v>
      </c>
      <c r="L174" s="6">
        <v>17</v>
      </c>
      <c r="M174" s="6">
        <v>111</v>
      </c>
      <c r="N174" s="6">
        <v>321</v>
      </c>
      <c r="O174" s="6">
        <v>13</v>
      </c>
      <c r="P174" s="6">
        <v>264</v>
      </c>
      <c r="Q174" s="6">
        <v>44</v>
      </c>
      <c r="R174" s="6">
        <v>202</v>
      </c>
      <c r="S174" s="7">
        <v>82.391660000000002</v>
      </c>
    </row>
    <row r="175" spans="1:19">
      <c r="A175" s="9" t="s">
        <v>56</v>
      </c>
      <c r="B175" s="9" t="s">
        <v>57</v>
      </c>
      <c r="C175" s="9" t="s">
        <v>59</v>
      </c>
      <c r="D175" s="9" t="s">
        <v>53</v>
      </c>
      <c r="E175" s="9" t="s">
        <v>33</v>
      </c>
      <c r="F175" s="6">
        <v>2260</v>
      </c>
      <c r="G175" s="6">
        <v>1967</v>
      </c>
      <c r="H175" s="6">
        <v>1834</v>
      </c>
      <c r="I175" s="6">
        <v>1794</v>
      </c>
      <c r="J175" s="6">
        <v>18</v>
      </c>
      <c r="K175" s="6">
        <v>5</v>
      </c>
      <c r="L175" s="6">
        <v>17</v>
      </c>
      <c r="M175" s="6">
        <v>133</v>
      </c>
      <c r="N175" s="6">
        <v>63</v>
      </c>
      <c r="O175" s="6">
        <v>11</v>
      </c>
      <c r="P175" s="6">
        <v>8</v>
      </c>
      <c r="Q175" s="6">
        <v>44</v>
      </c>
      <c r="R175" s="6">
        <v>230</v>
      </c>
      <c r="S175" s="7">
        <v>96.896550000000005</v>
      </c>
    </row>
    <row r="176" spans="1:19">
      <c r="A176" s="9" t="s">
        <v>56</v>
      </c>
      <c r="B176" s="9" t="s">
        <v>57</v>
      </c>
      <c r="C176" s="9" t="s">
        <v>59</v>
      </c>
      <c r="D176" s="9" t="s">
        <v>53</v>
      </c>
      <c r="E176" s="9" t="s">
        <v>34</v>
      </c>
      <c r="F176" s="6">
        <v>2608</v>
      </c>
      <c r="G176" s="6">
        <v>2283</v>
      </c>
      <c r="H176" s="6">
        <v>2166</v>
      </c>
      <c r="I176" s="6">
        <v>2128</v>
      </c>
      <c r="J176" s="6">
        <v>12</v>
      </c>
      <c r="K176" s="6">
        <v>4</v>
      </c>
      <c r="L176" s="6">
        <v>22</v>
      </c>
      <c r="M176" s="6">
        <v>117</v>
      </c>
      <c r="N176" s="6">
        <v>84</v>
      </c>
      <c r="O176" s="6">
        <v>22</v>
      </c>
      <c r="P176" s="6">
        <v>5</v>
      </c>
      <c r="Q176" s="6">
        <v>57</v>
      </c>
      <c r="R176" s="6">
        <v>241</v>
      </c>
      <c r="S176" s="7">
        <v>96.4512</v>
      </c>
    </row>
    <row r="177" spans="1:19">
      <c r="A177" s="9" t="s">
        <v>56</v>
      </c>
      <c r="B177" s="9" t="s">
        <v>57</v>
      </c>
      <c r="C177" s="9" t="s">
        <v>59</v>
      </c>
      <c r="D177" s="9" t="s">
        <v>53</v>
      </c>
      <c r="E177" s="9" t="s">
        <v>35</v>
      </c>
      <c r="F177" s="6">
        <v>3096</v>
      </c>
      <c r="G177" s="6">
        <v>2759</v>
      </c>
      <c r="H177" s="6">
        <v>2600</v>
      </c>
      <c r="I177" s="6">
        <v>2554</v>
      </c>
      <c r="J177" s="6">
        <v>11</v>
      </c>
      <c r="K177" s="6">
        <v>3</v>
      </c>
      <c r="L177" s="6">
        <v>32</v>
      </c>
      <c r="M177" s="6">
        <v>159</v>
      </c>
      <c r="N177" s="6">
        <v>82</v>
      </c>
      <c r="O177" s="6">
        <v>28</v>
      </c>
      <c r="P177" s="6">
        <v>1</v>
      </c>
      <c r="Q177" s="6">
        <v>53</v>
      </c>
      <c r="R177" s="6">
        <v>255</v>
      </c>
      <c r="S177" s="7">
        <v>97.113690000000005</v>
      </c>
    </row>
    <row r="178" spans="1:19">
      <c r="A178" s="9" t="s">
        <v>56</v>
      </c>
      <c r="B178" s="9" t="s">
        <v>57</v>
      </c>
      <c r="C178" s="9" t="s">
        <v>59</v>
      </c>
      <c r="D178" s="9" t="s">
        <v>53</v>
      </c>
      <c r="E178" s="9" t="s">
        <v>36</v>
      </c>
      <c r="F178" s="6">
        <v>3404</v>
      </c>
      <c r="G178" s="6">
        <v>3043</v>
      </c>
      <c r="H178" s="6">
        <v>2896</v>
      </c>
      <c r="I178" s="6">
        <v>2860</v>
      </c>
      <c r="J178" s="6">
        <v>15</v>
      </c>
      <c r="K178" s="6">
        <v>1</v>
      </c>
      <c r="L178" s="6">
        <v>20</v>
      </c>
      <c r="M178" s="6">
        <v>147</v>
      </c>
      <c r="N178" s="6">
        <v>88</v>
      </c>
      <c r="O178" s="6">
        <v>17</v>
      </c>
      <c r="P178" s="6">
        <v>1</v>
      </c>
      <c r="Q178" s="6">
        <v>70</v>
      </c>
      <c r="R178" s="6">
        <v>273</v>
      </c>
      <c r="S178" s="7">
        <v>97.189400000000006</v>
      </c>
    </row>
    <row r="179" spans="1:19">
      <c r="A179" s="9" t="s">
        <v>56</v>
      </c>
      <c r="B179" s="9" t="s">
        <v>57</v>
      </c>
      <c r="C179" s="9" t="s">
        <v>59</v>
      </c>
      <c r="D179" s="9" t="s">
        <v>53</v>
      </c>
      <c r="E179" s="9" t="s">
        <v>37</v>
      </c>
      <c r="F179" s="6">
        <v>3711</v>
      </c>
      <c r="G179" s="6">
        <v>3335</v>
      </c>
      <c r="H179" s="6">
        <v>3181</v>
      </c>
      <c r="I179" s="6">
        <v>3140</v>
      </c>
      <c r="J179" s="6">
        <v>15</v>
      </c>
      <c r="K179" s="6">
        <v>1</v>
      </c>
      <c r="L179" s="6">
        <v>25</v>
      </c>
      <c r="M179" s="6">
        <v>154</v>
      </c>
      <c r="N179" s="6">
        <v>141</v>
      </c>
      <c r="O179" s="6">
        <v>35</v>
      </c>
      <c r="P179" s="10" t="s">
        <v>55</v>
      </c>
      <c r="Q179" s="6">
        <v>106</v>
      </c>
      <c r="R179" s="6">
        <v>235</v>
      </c>
      <c r="S179" s="7">
        <v>95.943610000000007</v>
      </c>
    </row>
    <row r="180" spans="1:19">
      <c r="A180" s="9" t="s">
        <v>56</v>
      </c>
      <c r="B180" s="9" t="s">
        <v>57</v>
      </c>
      <c r="C180" s="9" t="s">
        <v>59</v>
      </c>
      <c r="D180" s="9" t="s">
        <v>53</v>
      </c>
      <c r="E180" s="9" t="s">
        <v>38</v>
      </c>
      <c r="F180" s="6">
        <v>3557</v>
      </c>
      <c r="G180" s="6">
        <v>3163</v>
      </c>
      <c r="H180" s="6">
        <v>2994</v>
      </c>
      <c r="I180" s="6">
        <v>2927</v>
      </c>
      <c r="J180" s="6">
        <v>28</v>
      </c>
      <c r="K180" s="6">
        <v>1</v>
      </c>
      <c r="L180" s="6">
        <v>38</v>
      </c>
      <c r="M180" s="6">
        <v>169</v>
      </c>
      <c r="N180" s="6">
        <v>180</v>
      </c>
      <c r="O180" s="6">
        <v>45</v>
      </c>
      <c r="P180" s="10" t="s">
        <v>55</v>
      </c>
      <c r="Q180" s="6">
        <v>135</v>
      </c>
      <c r="R180" s="6">
        <v>214</v>
      </c>
      <c r="S180" s="7">
        <v>94.615610000000004</v>
      </c>
    </row>
    <row r="181" spans="1:19">
      <c r="A181" s="9" t="s">
        <v>56</v>
      </c>
      <c r="B181" s="9" t="s">
        <v>57</v>
      </c>
      <c r="C181" s="9" t="s">
        <v>59</v>
      </c>
      <c r="D181" s="9" t="s">
        <v>53</v>
      </c>
      <c r="E181" s="9" t="s">
        <v>39</v>
      </c>
      <c r="F181" s="6">
        <v>3769</v>
      </c>
      <c r="G181" s="6">
        <v>3348</v>
      </c>
      <c r="H181" s="6">
        <v>3185</v>
      </c>
      <c r="I181" s="6">
        <v>3097</v>
      </c>
      <c r="J181" s="6">
        <v>30</v>
      </c>
      <c r="K181" s="6">
        <v>1</v>
      </c>
      <c r="L181" s="6">
        <v>57</v>
      </c>
      <c r="M181" s="6">
        <v>163</v>
      </c>
      <c r="N181" s="6">
        <v>261</v>
      </c>
      <c r="O181" s="6">
        <v>70</v>
      </c>
      <c r="P181" s="6">
        <v>1</v>
      </c>
      <c r="Q181" s="6">
        <v>190</v>
      </c>
      <c r="R181" s="6">
        <v>160</v>
      </c>
      <c r="S181" s="7">
        <v>92.768079999999998</v>
      </c>
    </row>
    <row r="182" spans="1:19">
      <c r="A182" s="9" t="s">
        <v>56</v>
      </c>
      <c r="B182" s="9" t="s">
        <v>57</v>
      </c>
      <c r="C182" s="9" t="s">
        <v>59</v>
      </c>
      <c r="D182" s="9" t="s">
        <v>53</v>
      </c>
      <c r="E182" s="9" t="s">
        <v>40</v>
      </c>
      <c r="F182" s="6">
        <v>4158</v>
      </c>
      <c r="G182" s="6">
        <v>3304</v>
      </c>
      <c r="H182" s="6">
        <v>3107</v>
      </c>
      <c r="I182" s="6">
        <v>2989</v>
      </c>
      <c r="J182" s="6">
        <v>48</v>
      </c>
      <c r="K182" s="10" t="s">
        <v>55</v>
      </c>
      <c r="L182" s="6">
        <v>70</v>
      </c>
      <c r="M182" s="6">
        <v>197</v>
      </c>
      <c r="N182" s="6">
        <v>711</v>
      </c>
      <c r="O182" s="6">
        <v>140</v>
      </c>
      <c r="P182" s="10" t="s">
        <v>55</v>
      </c>
      <c r="Q182" s="6">
        <v>571</v>
      </c>
      <c r="R182" s="6">
        <v>143</v>
      </c>
      <c r="S182" s="7">
        <v>82.291409999999999</v>
      </c>
    </row>
    <row r="183" spans="1:19">
      <c r="A183" s="9" t="s">
        <v>56</v>
      </c>
      <c r="B183" s="9" t="s">
        <v>57</v>
      </c>
      <c r="C183" s="9" t="s">
        <v>59</v>
      </c>
      <c r="D183" s="9" t="s">
        <v>53</v>
      </c>
      <c r="E183" s="9" t="s">
        <v>41</v>
      </c>
      <c r="F183" s="6">
        <v>4667</v>
      </c>
      <c r="G183" s="6">
        <v>2668</v>
      </c>
      <c r="H183" s="6">
        <v>2521</v>
      </c>
      <c r="I183" s="6">
        <v>2286</v>
      </c>
      <c r="J183" s="6">
        <v>121</v>
      </c>
      <c r="K183" s="10" t="s">
        <v>55</v>
      </c>
      <c r="L183" s="6">
        <v>114</v>
      </c>
      <c r="M183" s="6">
        <v>147</v>
      </c>
      <c r="N183" s="6">
        <v>1875</v>
      </c>
      <c r="O183" s="6">
        <v>317</v>
      </c>
      <c r="P183" s="10" t="s">
        <v>55</v>
      </c>
      <c r="Q183" s="6">
        <v>1558</v>
      </c>
      <c r="R183" s="6">
        <v>124</v>
      </c>
      <c r="S183" s="7">
        <v>58.727710000000002</v>
      </c>
    </row>
    <row r="184" spans="1:19">
      <c r="A184" s="9" t="s">
        <v>56</v>
      </c>
      <c r="B184" s="9" t="s">
        <v>57</v>
      </c>
      <c r="C184" s="9" t="s">
        <v>59</v>
      </c>
      <c r="D184" s="9" t="s">
        <v>53</v>
      </c>
      <c r="E184" s="9" t="s">
        <v>42</v>
      </c>
      <c r="F184" s="6">
        <v>4635</v>
      </c>
      <c r="G184" s="6">
        <v>1854</v>
      </c>
      <c r="H184" s="6">
        <v>1789</v>
      </c>
      <c r="I184" s="6">
        <v>1575</v>
      </c>
      <c r="J184" s="6">
        <v>114</v>
      </c>
      <c r="K184" s="10" t="s">
        <v>55</v>
      </c>
      <c r="L184" s="6">
        <v>100</v>
      </c>
      <c r="M184" s="6">
        <v>65</v>
      </c>
      <c r="N184" s="6">
        <v>2677</v>
      </c>
      <c r="O184" s="6">
        <v>283</v>
      </c>
      <c r="P184" s="10" t="s">
        <v>55</v>
      </c>
      <c r="Q184" s="6">
        <v>2394</v>
      </c>
      <c r="R184" s="6">
        <v>104</v>
      </c>
      <c r="S184" s="7">
        <v>40.918120000000002</v>
      </c>
    </row>
    <row r="185" spans="1:19">
      <c r="A185" s="9" t="s">
        <v>56</v>
      </c>
      <c r="B185" s="9" t="s">
        <v>57</v>
      </c>
      <c r="C185" s="9" t="s">
        <v>59</v>
      </c>
      <c r="D185" s="9" t="s">
        <v>53</v>
      </c>
      <c r="E185" s="9" t="s">
        <v>43</v>
      </c>
      <c r="F185" s="6">
        <v>3209</v>
      </c>
      <c r="G185" s="6">
        <v>709</v>
      </c>
      <c r="H185" s="6">
        <v>689</v>
      </c>
      <c r="I185" s="6">
        <v>580</v>
      </c>
      <c r="J185" s="6">
        <v>72</v>
      </c>
      <c r="K185" s="6">
        <v>1</v>
      </c>
      <c r="L185" s="6">
        <v>36</v>
      </c>
      <c r="M185" s="6">
        <v>20</v>
      </c>
      <c r="N185" s="6">
        <v>2431</v>
      </c>
      <c r="O185" s="6">
        <v>229</v>
      </c>
      <c r="P185" s="10" t="s">
        <v>55</v>
      </c>
      <c r="Q185" s="6">
        <v>2202</v>
      </c>
      <c r="R185" s="6">
        <v>69</v>
      </c>
      <c r="S185" s="7">
        <v>22.579619999999998</v>
      </c>
    </row>
    <row r="186" spans="1:19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44</v>
      </c>
      <c r="F186" s="6">
        <v>2532</v>
      </c>
      <c r="G186" s="6">
        <v>353</v>
      </c>
      <c r="H186" s="6">
        <v>347</v>
      </c>
      <c r="I186" s="6">
        <v>277</v>
      </c>
      <c r="J186" s="6">
        <v>47</v>
      </c>
      <c r="K186" s="10" t="s">
        <v>55</v>
      </c>
      <c r="L186" s="6">
        <v>23</v>
      </c>
      <c r="M186" s="6">
        <v>6</v>
      </c>
      <c r="N186" s="6">
        <v>2127</v>
      </c>
      <c r="O186" s="6">
        <v>178</v>
      </c>
      <c r="P186" s="10" t="s">
        <v>55</v>
      </c>
      <c r="Q186" s="6">
        <v>1949</v>
      </c>
      <c r="R186" s="6">
        <v>52</v>
      </c>
      <c r="S186" s="7">
        <v>14.23387</v>
      </c>
    </row>
    <row r="187" spans="1:19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45</v>
      </c>
      <c r="F187" s="6">
        <v>1771</v>
      </c>
      <c r="G187" s="6">
        <v>102</v>
      </c>
      <c r="H187" s="6">
        <v>100</v>
      </c>
      <c r="I187" s="6">
        <v>74</v>
      </c>
      <c r="J187" s="6">
        <v>14</v>
      </c>
      <c r="K187" s="10" t="s">
        <v>55</v>
      </c>
      <c r="L187" s="6">
        <v>12</v>
      </c>
      <c r="M187" s="6">
        <v>2</v>
      </c>
      <c r="N187" s="6">
        <v>1632</v>
      </c>
      <c r="O187" s="6">
        <v>90</v>
      </c>
      <c r="P187" s="10" t="s">
        <v>55</v>
      </c>
      <c r="Q187" s="6">
        <v>1542</v>
      </c>
      <c r="R187" s="6">
        <v>37</v>
      </c>
      <c r="S187" s="7">
        <v>5.8823499999999997</v>
      </c>
    </row>
    <row r="188" spans="1:19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46</v>
      </c>
      <c r="F188" s="6">
        <v>708</v>
      </c>
      <c r="G188" s="6">
        <v>23</v>
      </c>
      <c r="H188" s="6">
        <v>23</v>
      </c>
      <c r="I188" s="6">
        <v>18</v>
      </c>
      <c r="J188" s="6">
        <v>2</v>
      </c>
      <c r="K188" s="10" t="s">
        <v>55</v>
      </c>
      <c r="L188" s="6">
        <v>3</v>
      </c>
      <c r="M188" s="10" t="s">
        <v>55</v>
      </c>
      <c r="N188" s="6">
        <v>672</v>
      </c>
      <c r="O188" s="6">
        <v>21</v>
      </c>
      <c r="P188" s="10" t="s">
        <v>55</v>
      </c>
      <c r="Q188" s="6">
        <v>651</v>
      </c>
      <c r="R188" s="6">
        <v>13</v>
      </c>
      <c r="S188" s="7">
        <v>3.3093499999999998</v>
      </c>
    </row>
    <row r="189" spans="1:19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47</v>
      </c>
      <c r="F189" s="6">
        <v>125</v>
      </c>
      <c r="G189" s="10" t="s">
        <v>55</v>
      </c>
      <c r="H189" s="10" t="s">
        <v>55</v>
      </c>
      <c r="I189" s="10" t="s">
        <v>55</v>
      </c>
      <c r="J189" s="10" t="s">
        <v>55</v>
      </c>
      <c r="K189" s="10" t="s">
        <v>55</v>
      </c>
      <c r="L189" s="10" t="s">
        <v>55</v>
      </c>
      <c r="M189" s="10" t="s">
        <v>55</v>
      </c>
      <c r="N189" s="6">
        <v>125</v>
      </c>
      <c r="O189" s="6">
        <v>3</v>
      </c>
      <c r="P189" s="10" t="s">
        <v>55</v>
      </c>
      <c r="Q189" s="6">
        <v>122</v>
      </c>
      <c r="R189" s="10" t="s">
        <v>55</v>
      </c>
      <c r="S189" s="7">
        <v>0</v>
      </c>
    </row>
    <row r="190" spans="1:19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48</v>
      </c>
      <c r="F190" s="6">
        <v>31566</v>
      </c>
      <c r="G190" s="6">
        <v>25067</v>
      </c>
      <c r="H190" s="6">
        <v>23685</v>
      </c>
      <c r="I190" s="6">
        <v>23048</v>
      </c>
      <c r="J190" s="6">
        <v>189</v>
      </c>
      <c r="K190" s="6">
        <v>148</v>
      </c>
      <c r="L190" s="6">
        <v>300</v>
      </c>
      <c r="M190" s="6">
        <v>1382</v>
      </c>
      <c r="N190" s="6">
        <v>4372</v>
      </c>
      <c r="O190" s="6">
        <v>387</v>
      </c>
      <c r="P190" s="6">
        <v>2687</v>
      </c>
      <c r="Q190" s="6">
        <v>1298</v>
      </c>
      <c r="R190" s="6">
        <v>2127</v>
      </c>
      <c r="S190" s="7">
        <v>85.148949999999999</v>
      </c>
    </row>
    <row r="191" spans="1:19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49</v>
      </c>
      <c r="F191" s="6">
        <v>17647</v>
      </c>
      <c r="G191" s="6">
        <v>5709</v>
      </c>
      <c r="H191" s="6">
        <v>5469</v>
      </c>
      <c r="I191" s="6">
        <v>4810</v>
      </c>
      <c r="J191" s="6">
        <v>370</v>
      </c>
      <c r="K191" s="6">
        <v>1</v>
      </c>
      <c r="L191" s="6">
        <v>288</v>
      </c>
      <c r="M191" s="6">
        <v>240</v>
      </c>
      <c r="N191" s="6">
        <v>11539</v>
      </c>
      <c r="O191" s="6">
        <v>1121</v>
      </c>
      <c r="P191" s="10" t="s">
        <v>55</v>
      </c>
      <c r="Q191" s="6">
        <v>10418</v>
      </c>
      <c r="R191" s="6">
        <v>399</v>
      </c>
      <c r="S191" s="7">
        <v>33.099490000000003</v>
      </c>
    </row>
    <row r="192" spans="1:19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50</v>
      </c>
      <c r="F192" s="6">
        <v>8345</v>
      </c>
      <c r="G192" s="6">
        <v>1187</v>
      </c>
      <c r="H192" s="6">
        <v>1159</v>
      </c>
      <c r="I192" s="6">
        <v>949</v>
      </c>
      <c r="J192" s="6">
        <v>135</v>
      </c>
      <c r="K192" s="6">
        <v>1</v>
      </c>
      <c r="L192" s="6">
        <v>74</v>
      </c>
      <c r="M192" s="6">
        <v>28</v>
      </c>
      <c r="N192" s="6">
        <v>6987</v>
      </c>
      <c r="O192" s="6">
        <v>521</v>
      </c>
      <c r="P192" s="10" t="s">
        <v>55</v>
      </c>
      <c r="Q192" s="6">
        <v>6466</v>
      </c>
      <c r="R192" s="6">
        <v>171</v>
      </c>
      <c r="S192" s="7">
        <v>14.521649999999999</v>
      </c>
    </row>
    <row r="193" spans="1:19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51</v>
      </c>
      <c r="F193" s="6">
        <v>2604</v>
      </c>
      <c r="G193" s="6">
        <v>125</v>
      </c>
      <c r="H193" s="6">
        <v>123</v>
      </c>
      <c r="I193" s="6">
        <v>92</v>
      </c>
      <c r="J193" s="6">
        <v>16</v>
      </c>
      <c r="K193" s="10" t="s">
        <v>55</v>
      </c>
      <c r="L193" s="6">
        <v>15</v>
      </c>
      <c r="M193" s="6">
        <v>2</v>
      </c>
      <c r="N193" s="6">
        <v>2429</v>
      </c>
      <c r="O193" s="6">
        <v>114</v>
      </c>
      <c r="P193" s="10" t="s">
        <v>55</v>
      </c>
      <c r="Q193" s="6">
        <v>2315</v>
      </c>
      <c r="R193" s="6">
        <v>50</v>
      </c>
      <c r="S193" s="7">
        <v>4.8942800000000002</v>
      </c>
    </row>
    <row r="194" spans="1:19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52</v>
      </c>
      <c r="F194" s="6">
        <v>33255</v>
      </c>
      <c r="G194" s="6">
        <v>27372</v>
      </c>
      <c r="H194" s="6">
        <v>25875</v>
      </c>
      <c r="I194" s="6">
        <v>25075</v>
      </c>
      <c r="J194" s="6">
        <v>307</v>
      </c>
      <c r="K194" s="6">
        <v>81</v>
      </c>
      <c r="L194" s="6">
        <v>412</v>
      </c>
      <c r="M194" s="6">
        <v>1497</v>
      </c>
      <c r="N194" s="6">
        <v>3806</v>
      </c>
      <c r="O194" s="6">
        <v>698</v>
      </c>
      <c r="P194" s="6">
        <v>280</v>
      </c>
      <c r="Q194" s="6">
        <v>2828</v>
      </c>
      <c r="R194" s="6">
        <v>2077</v>
      </c>
      <c r="S194" s="7">
        <v>87.792670000000001</v>
      </c>
    </row>
    <row r="195" spans="1:19">
      <c r="A195" s="9" t="s">
        <v>56</v>
      </c>
      <c r="B195" s="9" t="s">
        <v>57</v>
      </c>
      <c r="C195" s="9" t="s">
        <v>59</v>
      </c>
      <c r="D195" s="9" t="s">
        <v>54</v>
      </c>
      <c r="E195" s="9" t="s">
        <v>30</v>
      </c>
      <c r="F195" s="6">
        <v>57964</v>
      </c>
      <c r="G195" s="6">
        <v>28667</v>
      </c>
      <c r="H195" s="6">
        <v>27744</v>
      </c>
      <c r="I195" s="6">
        <v>21976</v>
      </c>
      <c r="J195" s="6">
        <v>4825</v>
      </c>
      <c r="K195" s="6">
        <v>225</v>
      </c>
      <c r="L195" s="6">
        <v>718</v>
      </c>
      <c r="M195" s="6">
        <v>923</v>
      </c>
      <c r="N195" s="6">
        <v>26856</v>
      </c>
      <c r="O195" s="6">
        <v>10407</v>
      </c>
      <c r="P195" s="6">
        <v>2648</v>
      </c>
      <c r="Q195" s="6">
        <v>13801</v>
      </c>
      <c r="R195" s="6">
        <v>2441</v>
      </c>
      <c r="S195" s="7">
        <v>51.630859999999998</v>
      </c>
    </row>
    <row r="196" spans="1:19">
      <c r="A196" s="9" t="s">
        <v>56</v>
      </c>
      <c r="B196" s="9" t="s">
        <v>57</v>
      </c>
      <c r="C196" s="9" t="s">
        <v>59</v>
      </c>
      <c r="D196" s="9" t="s">
        <v>54</v>
      </c>
      <c r="E196" s="9" t="s">
        <v>31</v>
      </c>
      <c r="F196" s="6">
        <v>2791</v>
      </c>
      <c r="G196" s="6">
        <v>295</v>
      </c>
      <c r="H196" s="6">
        <v>272</v>
      </c>
      <c r="I196" s="6">
        <v>147</v>
      </c>
      <c r="J196" s="6">
        <v>8</v>
      </c>
      <c r="K196" s="6">
        <v>109</v>
      </c>
      <c r="L196" s="6">
        <v>8</v>
      </c>
      <c r="M196" s="6">
        <v>23</v>
      </c>
      <c r="N196" s="6">
        <v>2322</v>
      </c>
      <c r="O196" s="6">
        <v>21</v>
      </c>
      <c r="P196" s="6">
        <v>2278</v>
      </c>
      <c r="Q196" s="6">
        <v>23</v>
      </c>
      <c r="R196" s="6">
        <v>174</v>
      </c>
      <c r="S196" s="7">
        <v>11.272449999999999</v>
      </c>
    </row>
    <row r="197" spans="1:19">
      <c r="A197" s="9" t="s">
        <v>56</v>
      </c>
      <c r="B197" s="9" t="s">
        <v>57</v>
      </c>
      <c r="C197" s="9" t="s">
        <v>59</v>
      </c>
      <c r="D197" s="9" t="s">
        <v>54</v>
      </c>
      <c r="E197" s="9" t="s">
        <v>32</v>
      </c>
      <c r="F197" s="6">
        <v>2367</v>
      </c>
      <c r="G197" s="6">
        <v>1731</v>
      </c>
      <c r="H197" s="6">
        <v>1632</v>
      </c>
      <c r="I197" s="6">
        <v>1459</v>
      </c>
      <c r="J197" s="6">
        <v>51</v>
      </c>
      <c r="K197" s="6">
        <v>84</v>
      </c>
      <c r="L197" s="6">
        <v>38</v>
      </c>
      <c r="M197" s="6">
        <v>99</v>
      </c>
      <c r="N197" s="6">
        <v>454</v>
      </c>
      <c r="O197" s="6">
        <v>85</v>
      </c>
      <c r="P197" s="6">
        <v>334</v>
      </c>
      <c r="Q197" s="6">
        <v>35</v>
      </c>
      <c r="R197" s="6">
        <v>182</v>
      </c>
      <c r="S197" s="7">
        <v>79.221969999999999</v>
      </c>
    </row>
    <row r="198" spans="1:19">
      <c r="A198" s="9" t="s">
        <v>56</v>
      </c>
      <c r="B198" s="9" t="s">
        <v>57</v>
      </c>
      <c r="C198" s="9" t="s">
        <v>59</v>
      </c>
      <c r="D198" s="9" t="s">
        <v>54</v>
      </c>
      <c r="E198" s="9" t="s">
        <v>33</v>
      </c>
      <c r="F198" s="6">
        <v>2530</v>
      </c>
      <c r="G198" s="6">
        <v>2072</v>
      </c>
      <c r="H198" s="6">
        <v>1993</v>
      </c>
      <c r="I198" s="6">
        <v>1770</v>
      </c>
      <c r="J198" s="6">
        <v>118</v>
      </c>
      <c r="K198" s="6">
        <v>11</v>
      </c>
      <c r="L198" s="6">
        <v>94</v>
      </c>
      <c r="M198" s="6">
        <v>79</v>
      </c>
      <c r="N198" s="6">
        <v>236</v>
      </c>
      <c r="O198" s="6">
        <v>193</v>
      </c>
      <c r="P198" s="6">
        <v>11</v>
      </c>
      <c r="Q198" s="6">
        <v>32</v>
      </c>
      <c r="R198" s="6">
        <v>222</v>
      </c>
      <c r="S198" s="7">
        <v>89.774699999999996</v>
      </c>
    </row>
    <row r="199" spans="1:19">
      <c r="A199" s="9" t="s">
        <v>56</v>
      </c>
      <c r="B199" s="9" t="s">
        <v>57</v>
      </c>
      <c r="C199" s="9" t="s">
        <v>59</v>
      </c>
      <c r="D199" s="9" t="s">
        <v>54</v>
      </c>
      <c r="E199" s="9" t="s">
        <v>34</v>
      </c>
      <c r="F199" s="6">
        <v>2911</v>
      </c>
      <c r="G199" s="6">
        <v>2296</v>
      </c>
      <c r="H199" s="6">
        <v>2190</v>
      </c>
      <c r="I199" s="6">
        <v>1833</v>
      </c>
      <c r="J199" s="6">
        <v>232</v>
      </c>
      <c r="K199" s="6">
        <v>8</v>
      </c>
      <c r="L199" s="6">
        <v>117</v>
      </c>
      <c r="M199" s="6">
        <v>106</v>
      </c>
      <c r="N199" s="6">
        <v>353</v>
      </c>
      <c r="O199" s="6">
        <v>317</v>
      </c>
      <c r="P199" s="6">
        <v>3</v>
      </c>
      <c r="Q199" s="6">
        <v>33</v>
      </c>
      <c r="R199" s="6">
        <v>262</v>
      </c>
      <c r="S199" s="7">
        <v>86.674220000000005</v>
      </c>
    </row>
    <row r="200" spans="1:19">
      <c r="A200" s="9" t="s">
        <v>56</v>
      </c>
      <c r="B200" s="9" t="s">
        <v>57</v>
      </c>
      <c r="C200" s="9" t="s">
        <v>59</v>
      </c>
      <c r="D200" s="9" t="s">
        <v>54</v>
      </c>
      <c r="E200" s="9" t="s">
        <v>35</v>
      </c>
      <c r="F200" s="6">
        <v>3264</v>
      </c>
      <c r="G200" s="6">
        <v>2663</v>
      </c>
      <c r="H200" s="6">
        <v>2587</v>
      </c>
      <c r="I200" s="6">
        <v>2133</v>
      </c>
      <c r="J200" s="6">
        <v>348</v>
      </c>
      <c r="K200" s="6">
        <v>6</v>
      </c>
      <c r="L200" s="6">
        <v>100</v>
      </c>
      <c r="M200" s="6">
        <v>76</v>
      </c>
      <c r="N200" s="6">
        <v>385</v>
      </c>
      <c r="O200" s="6">
        <v>339</v>
      </c>
      <c r="P200" s="6">
        <v>6</v>
      </c>
      <c r="Q200" s="6">
        <v>40</v>
      </c>
      <c r="R200" s="6">
        <v>216</v>
      </c>
      <c r="S200" s="7">
        <v>87.368769999999998</v>
      </c>
    </row>
    <row r="201" spans="1:19">
      <c r="A201" s="9" t="s">
        <v>56</v>
      </c>
      <c r="B201" s="9" t="s">
        <v>57</v>
      </c>
      <c r="C201" s="9" t="s">
        <v>59</v>
      </c>
      <c r="D201" s="9" t="s">
        <v>54</v>
      </c>
      <c r="E201" s="9" t="s">
        <v>36</v>
      </c>
      <c r="F201" s="6">
        <v>3510</v>
      </c>
      <c r="G201" s="6">
        <v>2869</v>
      </c>
      <c r="H201" s="6">
        <v>2794</v>
      </c>
      <c r="I201" s="6">
        <v>2368</v>
      </c>
      <c r="J201" s="6">
        <v>379</v>
      </c>
      <c r="K201" s="6">
        <v>4</v>
      </c>
      <c r="L201" s="6">
        <v>43</v>
      </c>
      <c r="M201" s="6">
        <v>75</v>
      </c>
      <c r="N201" s="6">
        <v>380</v>
      </c>
      <c r="O201" s="6">
        <v>337</v>
      </c>
      <c r="P201" s="6">
        <v>1</v>
      </c>
      <c r="Q201" s="6">
        <v>42</v>
      </c>
      <c r="R201" s="6">
        <v>261</v>
      </c>
      <c r="S201" s="7">
        <v>88.304090000000002</v>
      </c>
    </row>
    <row r="202" spans="1:19">
      <c r="A202" s="9" t="s">
        <v>56</v>
      </c>
      <c r="B202" s="9" t="s">
        <v>57</v>
      </c>
      <c r="C202" s="9" t="s">
        <v>59</v>
      </c>
      <c r="D202" s="9" t="s">
        <v>54</v>
      </c>
      <c r="E202" s="9" t="s">
        <v>37</v>
      </c>
      <c r="F202" s="6">
        <v>3909</v>
      </c>
      <c r="G202" s="6">
        <v>3200</v>
      </c>
      <c r="H202" s="6">
        <v>3081</v>
      </c>
      <c r="I202" s="6">
        <v>2607</v>
      </c>
      <c r="J202" s="6">
        <v>438</v>
      </c>
      <c r="K202" s="6">
        <v>2</v>
      </c>
      <c r="L202" s="6">
        <v>34</v>
      </c>
      <c r="M202" s="6">
        <v>119</v>
      </c>
      <c r="N202" s="6">
        <v>476</v>
      </c>
      <c r="O202" s="6">
        <v>407</v>
      </c>
      <c r="P202" s="6">
        <v>4</v>
      </c>
      <c r="Q202" s="6">
        <v>65</v>
      </c>
      <c r="R202" s="6">
        <v>233</v>
      </c>
      <c r="S202" s="7">
        <v>87.051140000000004</v>
      </c>
    </row>
    <row r="203" spans="1:19">
      <c r="A203" s="9" t="s">
        <v>56</v>
      </c>
      <c r="B203" s="9" t="s">
        <v>57</v>
      </c>
      <c r="C203" s="9" t="s">
        <v>59</v>
      </c>
      <c r="D203" s="9" t="s">
        <v>54</v>
      </c>
      <c r="E203" s="9" t="s">
        <v>38</v>
      </c>
      <c r="F203" s="6">
        <v>3774</v>
      </c>
      <c r="G203" s="6">
        <v>3042</v>
      </c>
      <c r="H203" s="6">
        <v>2954</v>
      </c>
      <c r="I203" s="6">
        <v>2471</v>
      </c>
      <c r="J203" s="6">
        <v>451</v>
      </c>
      <c r="K203" s="10" t="s">
        <v>55</v>
      </c>
      <c r="L203" s="6">
        <v>32</v>
      </c>
      <c r="M203" s="6">
        <v>88</v>
      </c>
      <c r="N203" s="6">
        <v>577</v>
      </c>
      <c r="O203" s="6">
        <v>494</v>
      </c>
      <c r="P203" s="6">
        <v>1</v>
      </c>
      <c r="Q203" s="6">
        <v>82</v>
      </c>
      <c r="R203" s="6">
        <v>155</v>
      </c>
      <c r="S203" s="7">
        <v>84.056370000000001</v>
      </c>
    </row>
    <row r="204" spans="1:19">
      <c r="A204" s="9" t="s">
        <v>56</v>
      </c>
      <c r="B204" s="9" t="s">
        <v>57</v>
      </c>
      <c r="C204" s="9" t="s">
        <v>59</v>
      </c>
      <c r="D204" s="9" t="s">
        <v>54</v>
      </c>
      <c r="E204" s="9" t="s">
        <v>39</v>
      </c>
      <c r="F204" s="6">
        <v>4024</v>
      </c>
      <c r="G204" s="6">
        <v>3104</v>
      </c>
      <c r="H204" s="6">
        <v>3022</v>
      </c>
      <c r="I204" s="6">
        <v>2461</v>
      </c>
      <c r="J204" s="6">
        <v>516</v>
      </c>
      <c r="K204" s="10" t="s">
        <v>55</v>
      </c>
      <c r="L204" s="6">
        <v>45</v>
      </c>
      <c r="M204" s="6">
        <v>82</v>
      </c>
      <c r="N204" s="6">
        <v>781</v>
      </c>
      <c r="O204" s="6">
        <v>673</v>
      </c>
      <c r="P204" s="6">
        <v>1</v>
      </c>
      <c r="Q204" s="6">
        <v>107</v>
      </c>
      <c r="R204" s="6">
        <v>139</v>
      </c>
      <c r="S204" s="7">
        <v>79.897040000000004</v>
      </c>
    </row>
    <row r="205" spans="1:19">
      <c r="A205" s="9" t="s">
        <v>56</v>
      </c>
      <c r="B205" s="9" t="s">
        <v>57</v>
      </c>
      <c r="C205" s="9" t="s">
        <v>59</v>
      </c>
      <c r="D205" s="9" t="s">
        <v>54</v>
      </c>
      <c r="E205" s="9" t="s">
        <v>40</v>
      </c>
      <c r="F205" s="6">
        <v>4400</v>
      </c>
      <c r="G205" s="6">
        <v>2812</v>
      </c>
      <c r="H205" s="6">
        <v>2709</v>
      </c>
      <c r="I205" s="6">
        <v>2011</v>
      </c>
      <c r="J205" s="6">
        <v>634</v>
      </c>
      <c r="K205" s="10" t="s">
        <v>55</v>
      </c>
      <c r="L205" s="6">
        <v>64</v>
      </c>
      <c r="M205" s="6">
        <v>103</v>
      </c>
      <c r="N205" s="6">
        <v>1470</v>
      </c>
      <c r="O205" s="6">
        <v>1132</v>
      </c>
      <c r="P205" s="10" t="s">
        <v>55</v>
      </c>
      <c r="Q205" s="6">
        <v>338</v>
      </c>
      <c r="R205" s="6">
        <v>118</v>
      </c>
      <c r="S205" s="7">
        <v>65.670249999999996</v>
      </c>
    </row>
    <row r="206" spans="1:19">
      <c r="A206" s="9" t="s">
        <v>56</v>
      </c>
      <c r="B206" s="9" t="s">
        <v>57</v>
      </c>
      <c r="C206" s="9" t="s">
        <v>59</v>
      </c>
      <c r="D206" s="9" t="s">
        <v>54</v>
      </c>
      <c r="E206" s="9" t="s">
        <v>41</v>
      </c>
      <c r="F206" s="6">
        <v>5045</v>
      </c>
      <c r="G206" s="6">
        <v>2226</v>
      </c>
      <c r="H206" s="6">
        <v>2185</v>
      </c>
      <c r="I206" s="6">
        <v>1436</v>
      </c>
      <c r="J206" s="6">
        <v>683</v>
      </c>
      <c r="K206" s="6">
        <v>1</v>
      </c>
      <c r="L206" s="6">
        <v>65</v>
      </c>
      <c r="M206" s="6">
        <v>41</v>
      </c>
      <c r="N206" s="6">
        <v>2712</v>
      </c>
      <c r="O206" s="6">
        <v>1631</v>
      </c>
      <c r="P206" s="6">
        <v>1</v>
      </c>
      <c r="Q206" s="6">
        <v>1080</v>
      </c>
      <c r="R206" s="6">
        <v>107</v>
      </c>
      <c r="S206" s="7">
        <v>45.078980000000001</v>
      </c>
    </row>
    <row r="207" spans="1:19">
      <c r="A207" s="9" t="s">
        <v>56</v>
      </c>
      <c r="B207" s="9" t="s">
        <v>57</v>
      </c>
      <c r="C207" s="9" t="s">
        <v>59</v>
      </c>
      <c r="D207" s="9" t="s">
        <v>54</v>
      </c>
      <c r="E207" s="9" t="s">
        <v>42</v>
      </c>
      <c r="F207" s="6">
        <v>5165</v>
      </c>
      <c r="G207" s="6">
        <v>1431</v>
      </c>
      <c r="H207" s="6">
        <v>1406</v>
      </c>
      <c r="I207" s="6">
        <v>818</v>
      </c>
      <c r="J207" s="6">
        <v>534</v>
      </c>
      <c r="K207" s="10" t="s">
        <v>55</v>
      </c>
      <c r="L207" s="6">
        <v>54</v>
      </c>
      <c r="M207" s="6">
        <v>25</v>
      </c>
      <c r="N207" s="6">
        <v>3638</v>
      </c>
      <c r="O207" s="6">
        <v>1809</v>
      </c>
      <c r="P207" s="6">
        <v>1</v>
      </c>
      <c r="Q207" s="6">
        <v>1828</v>
      </c>
      <c r="R207" s="6">
        <v>96</v>
      </c>
      <c r="S207" s="7">
        <v>28.230419999999999</v>
      </c>
    </row>
    <row r="208" spans="1:19">
      <c r="A208" s="9" t="s">
        <v>56</v>
      </c>
      <c r="B208" s="9" t="s">
        <v>57</v>
      </c>
      <c r="C208" s="9" t="s">
        <v>59</v>
      </c>
      <c r="D208" s="9" t="s">
        <v>54</v>
      </c>
      <c r="E208" s="9" t="s">
        <v>43</v>
      </c>
      <c r="F208" s="6">
        <v>4355</v>
      </c>
      <c r="G208" s="6">
        <v>559</v>
      </c>
      <c r="H208" s="6">
        <v>552</v>
      </c>
      <c r="I208" s="6">
        <v>279</v>
      </c>
      <c r="J208" s="6">
        <v>258</v>
      </c>
      <c r="K208" s="10" t="s">
        <v>55</v>
      </c>
      <c r="L208" s="6">
        <v>15</v>
      </c>
      <c r="M208" s="6">
        <v>7</v>
      </c>
      <c r="N208" s="6">
        <v>3716</v>
      </c>
      <c r="O208" s="6">
        <v>1302</v>
      </c>
      <c r="P208" s="6">
        <v>2</v>
      </c>
      <c r="Q208" s="6">
        <v>2412</v>
      </c>
      <c r="R208" s="6">
        <v>80</v>
      </c>
      <c r="S208" s="7">
        <v>13.07602</v>
      </c>
    </row>
    <row r="209" spans="1:19">
      <c r="A209" s="9" t="s">
        <v>56</v>
      </c>
      <c r="B209" s="9" t="s">
        <v>57</v>
      </c>
      <c r="C209" s="9" t="s">
        <v>59</v>
      </c>
      <c r="D209" s="9" t="s">
        <v>54</v>
      </c>
      <c r="E209" s="9" t="s">
        <v>44</v>
      </c>
      <c r="F209" s="6">
        <v>3999</v>
      </c>
      <c r="G209" s="6">
        <v>255</v>
      </c>
      <c r="H209" s="6">
        <v>255</v>
      </c>
      <c r="I209" s="6">
        <v>129</v>
      </c>
      <c r="J209" s="6">
        <v>120</v>
      </c>
      <c r="K209" s="10" t="s">
        <v>55</v>
      </c>
      <c r="L209" s="6">
        <v>6</v>
      </c>
      <c r="M209" s="10" t="s">
        <v>55</v>
      </c>
      <c r="N209" s="6">
        <v>3659</v>
      </c>
      <c r="O209" s="6">
        <v>953</v>
      </c>
      <c r="P209" s="10" t="s">
        <v>55</v>
      </c>
      <c r="Q209" s="6">
        <v>2706</v>
      </c>
      <c r="R209" s="6">
        <v>85</v>
      </c>
      <c r="S209" s="7">
        <v>6.5150699999999997</v>
      </c>
    </row>
    <row r="210" spans="1:19">
      <c r="A210" s="9" t="s">
        <v>56</v>
      </c>
      <c r="B210" s="9" t="s">
        <v>57</v>
      </c>
      <c r="C210" s="9" t="s">
        <v>59</v>
      </c>
      <c r="D210" s="9" t="s">
        <v>54</v>
      </c>
      <c r="E210" s="9" t="s">
        <v>45</v>
      </c>
      <c r="F210" s="6">
        <v>3384</v>
      </c>
      <c r="G210" s="6">
        <v>90</v>
      </c>
      <c r="H210" s="6">
        <v>90</v>
      </c>
      <c r="I210" s="6">
        <v>42</v>
      </c>
      <c r="J210" s="6">
        <v>45</v>
      </c>
      <c r="K210" s="10" t="s">
        <v>55</v>
      </c>
      <c r="L210" s="6">
        <v>3</v>
      </c>
      <c r="M210" s="10" t="s">
        <v>55</v>
      </c>
      <c r="N210" s="6">
        <v>3218</v>
      </c>
      <c r="O210" s="6">
        <v>545</v>
      </c>
      <c r="P210" s="6">
        <v>4</v>
      </c>
      <c r="Q210" s="6">
        <v>2669</v>
      </c>
      <c r="R210" s="6">
        <v>76</v>
      </c>
      <c r="S210" s="7">
        <v>2.7206800000000002</v>
      </c>
    </row>
    <row r="211" spans="1:19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46</v>
      </c>
      <c r="F211" s="6">
        <v>1871</v>
      </c>
      <c r="G211" s="6">
        <v>21</v>
      </c>
      <c r="H211" s="6">
        <v>21</v>
      </c>
      <c r="I211" s="6">
        <v>11</v>
      </c>
      <c r="J211" s="6">
        <v>10</v>
      </c>
      <c r="K211" s="10" t="s">
        <v>55</v>
      </c>
      <c r="L211" s="10" t="s">
        <v>55</v>
      </c>
      <c r="M211" s="10" t="s">
        <v>55</v>
      </c>
      <c r="N211" s="6">
        <v>1819</v>
      </c>
      <c r="O211" s="6">
        <v>148</v>
      </c>
      <c r="P211" s="6">
        <v>1</v>
      </c>
      <c r="Q211" s="6">
        <v>1670</v>
      </c>
      <c r="R211" s="6">
        <v>31</v>
      </c>
      <c r="S211" s="7">
        <v>1.1413</v>
      </c>
    </row>
    <row r="212" spans="1:19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47</v>
      </c>
      <c r="F212" s="6">
        <v>665</v>
      </c>
      <c r="G212" s="6">
        <v>1</v>
      </c>
      <c r="H212" s="6">
        <v>1</v>
      </c>
      <c r="I212" s="6">
        <v>1</v>
      </c>
      <c r="J212" s="10" t="s">
        <v>55</v>
      </c>
      <c r="K212" s="10" t="s">
        <v>55</v>
      </c>
      <c r="L212" s="10" t="s">
        <v>55</v>
      </c>
      <c r="M212" s="10" t="s">
        <v>55</v>
      </c>
      <c r="N212" s="6">
        <v>660</v>
      </c>
      <c r="O212" s="6">
        <v>21</v>
      </c>
      <c r="P212" s="10" t="s">
        <v>55</v>
      </c>
      <c r="Q212" s="6">
        <v>639</v>
      </c>
      <c r="R212" s="6">
        <v>4</v>
      </c>
      <c r="S212" s="7">
        <v>0.15129000000000001</v>
      </c>
    </row>
    <row r="213" spans="1:19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48</v>
      </c>
      <c r="F213" s="6">
        <v>33480</v>
      </c>
      <c r="G213" s="6">
        <v>24084</v>
      </c>
      <c r="H213" s="6">
        <v>23234</v>
      </c>
      <c r="I213" s="6">
        <v>19260</v>
      </c>
      <c r="J213" s="6">
        <v>3175</v>
      </c>
      <c r="K213" s="6">
        <v>224</v>
      </c>
      <c r="L213" s="6">
        <v>575</v>
      </c>
      <c r="M213" s="6">
        <v>850</v>
      </c>
      <c r="N213" s="6">
        <v>7434</v>
      </c>
      <c r="O213" s="6">
        <v>3998</v>
      </c>
      <c r="P213" s="6">
        <v>2639</v>
      </c>
      <c r="Q213" s="6">
        <v>797</v>
      </c>
      <c r="R213" s="6">
        <v>1962</v>
      </c>
      <c r="S213" s="7">
        <v>76.413480000000007</v>
      </c>
    </row>
    <row r="214" spans="1:19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49</v>
      </c>
      <c r="F214" s="6">
        <v>24484</v>
      </c>
      <c r="G214" s="6">
        <v>4583</v>
      </c>
      <c r="H214" s="6">
        <v>4510</v>
      </c>
      <c r="I214" s="6">
        <v>2716</v>
      </c>
      <c r="J214" s="6">
        <v>1650</v>
      </c>
      <c r="K214" s="6">
        <v>1</v>
      </c>
      <c r="L214" s="6">
        <v>143</v>
      </c>
      <c r="M214" s="6">
        <v>73</v>
      </c>
      <c r="N214" s="6">
        <v>19422</v>
      </c>
      <c r="O214" s="6">
        <v>6409</v>
      </c>
      <c r="P214" s="6">
        <v>9</v>
      </c>
      <c r="Q214" s="6">
        <v>13004</v>
      </c>
      <c r="R214" s="6">
        <v>479</v>
      </c>
      <c r="S214" s="7">
        <v>19.09186</v>
      </c>
    </row>
    <row r="215" spans="1:19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50</v>
      </c>
      <c r="F215" s="6">
        <v>14274</v>
      </c>
      <c r="G215" s="6">
        <v>926</v>
      </c>
      <c r="H215" s="6">
        <v>919</v>
      </c>
      <c r="I215" s="6">
        <v>462</v>
      </c>
      <c r="J215" s="6">
        <v>433</v>
      </c>
      <c r="K215" s="10" t="s">
        <v>55</v>
      </c>
      <c r="L215" s="6">
        <v>24</v>
      </c>
      <c r="M215" s="6">
        <v>7</v>
      </c>
      <c r="N215" s="6">
        <v>13072</v>
      </c>
      <c r="O215" s="6">
        <v>2969</v>
      </c>
      <c r="P215" s="6">
        <v>7</v>
      </c>
      <c r="Q215" s="6">
        <v>10096</v>
      </c>
      <c r="R215" s="6">
        <v>276</v>
      </c>
      <c r="S215" s="7">
        <v>6.6152300000000004</v>
      </c>
    </row>
    <row r="216" spans="1:19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51</v>
      </c>
      <c r="F216" s="6">
        <v>5920</v>
      </c>
      <c r="G216" s="6">
        <v>112</v>
      </c>
      <c r="H216" s="6">
        <v>112</v>
      </c>
      <c r="I216" s="6">
        <v>54</v>
      </c>
      <c r="J216" s="6">
        <v>55</v>
      </c>
      <c r="K216" s="10" t="s">
        <v>55</v>
      </c>
      <c r="L216" s="6">
        <v>3</v>
      </c>
      <c r="M216" s="10" t="s">
        <v>55</v>
      </c>
      <c r="N216" s="6">
        <v>5697</v>
      </c>
      <c r="O216" s="6">
        <v>714</v>
      </c>
      <c r="P216" s="6">
        <v>5</v>
      </c>
      <c r="Q216" s="6">
        <v>4978</v>
      </c>
      <c r="R216" s="6">
        <v>111</v>
      </c>
      <c r="S216" s="7">
        <v>1.92804</v>
      </c>
    </row>
    <row r="217" spans="1:19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52</v>
      </c>
      <c r="F217" s="6">
        <v>35734</v>
      </c>
      <c r="G217" s="6">
        <v>26015</v>
      </c>
      <c r="H217" s="6">
        <v>25147</v>
      </c>
      <c r="I217" s="6">
        <v>20549</v>
      </c>
      <c r="J217" s="6">
        <v>3850</v>
      </c>
      <c r="K217" s="6">
        <v>116</v>
      </c>
      <c r="L217" s="6">
        <v>632</v>
      </c>
      <c r="M217" s="6">
        <v>868</v>
      </c>
      <c r="N217" s="6">
        <v>7824</v>
      </c>
      <c r="O217" s="6">
        <v>5608</v>
      </c>
      <c r="P217" s="6">
        <v>362</v>
      </c>
      <c r="Q217" s="6">
        <v>1854</v>
      </c>
      <c r="R217" s="6">
        <v>1895</v>
      </c>
      <c r="S217" s="7">
        <v>76.878749999999997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0" orientation="portrait" r:id="rId1"/>
</worksheet>
</file>

<file path=xl/worksheets/sheet2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97D42A0-2702-470B-80CF-81B4F12BDE04}">
  <sheetPr>
    <pageSetUpPr fitToPage="1"/>
  </sheetPr>
  <dimension ref="A1:P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8.125" style="11" customWidth="1"/>
    <col min="2" max="2" width="3.75" style="11" customWidth="1"/>
    <col min="3" max="3" width="8.75" style="11" customWidth="1"/>
    <col min="4" max="4" width="11.25" style="11" customWidth="1"/>
    <col min="5" max="16384" width="12.625" style="11"/>
  </cols>
  <sheetData>
    <row r="1" spans="1:16" s="1" customFormat="1">
      <c r="A1" s="1" t="s">
        <v>0</v>
      </c>
    </row>
    <row r="2" spans="1:16" s="1" customFormat="1">
      <c r="A2" s="1" t="s">
        <v>175</v>
      </c>
    </row>
    <row r="3" spans="1:16" s="1" customFormat="1"/>
    <row r="4" spans="1:16" s="1" customFormat="1" hidden="1"/>
    <row r="5" spans="1:16" s="1" customFormat="1" ht="24">
      <c r="E5" s="3" t="s">
        <v>176</v>
      </c>
      <c r="F5" s="3" t="s">
        <v>176</v>
      </c>
      <c r="G5" s="3" t="s">
        <v>176</v>
      </c>
      <c r="H5" s="3" t="s">
        <v>176</v>
      </c>
      <c r="I5" s="3" t="s">
        <v>176</v>
      </c>
      <c r="J5" s="3" t="s">
        <v>176</v>
      </c>
      <c r="K5" s="3" t="s">
        <v>176</v>
      </c>
      <c r="L5" s="3" t="s">
        <v>176</v>
      </c>
      <c r="M5" s="3" t="s">
        <v>176</v>
      </c>
      <c r="N5" s="3" t="s">
        <v>176</v>
      </c>
      <c r="O5" s="3" t="s">
        <v>176</v>
      </c>
      <c r="P5" s="3" t="s">
        <v>176</v>
      </c>
    </row>
    <row r="6" spans="1:16" s="1" customFormat="1">
      <c r="E6" s="3" t="s">
        <v>159</v>
      </c>
      <c r="F6" s="3" t="s">
        <v>159</v>
      </c>
      <c r="G6" s="3" t="s">
        <v>159</v>
      </c>
      <c r="H6" s="3" t="s">
        <v>159</v>
      </c>
      <c r="I6" s="3" t="s">
        <v>159</v>
      </c>
      <c r="J6" s="3" t="s">
        <v>159</v>
      </c>
      <c r="K6" s="3" t="s">
        <v>159</v>
      </c>
      <c r="L6" s="3" t="s">
        <v>159</v>
      </c>
      <c r="M6" s="3" t="s">
        <v>159</v>
      </c>
      <c r="N6" s="3" t="s">
        <v>159</v>
      </c>
      <c r="O6" s="3" t="s">
        <v>159</v>
      </c>
      <c r="P6" s="3" t="s">
        <v>159</v>
      </c>
    </row>
    <row r="7" spans="1:16" s="1" customFormat="1">
      <c r="E7" s="3">
        <v>1</v>
      </c>
      <c r="F7" s="3">
        <v>1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</row>
    <row r="8" spans="1:16" s="1" customFormat="1" ht="36">
      <c r="E8" s="3" t="s">
        <v>160</v>
      </c>
      <c r="F8" s="3" t="s">
        <v>161</v>
      </c>
      <c r="G8" s="3" t="s">
        <v>162</v>
      </c>
      <c r="H8" s="3" t="s">
        <v>163</v>
      </c>
      <c r="I8" s="3" t="s">
        <v>164</v>
      </c>
      <c r="J8" s="3" t="s">
        <v>165</v>
      </c>
      <c r="K8" s="3" t="s">
        <v>166</v>
      </c>
      <c r="L8" s="3" t="s">
        <v>167</v>
      </c>
      <c r="M8" s="3" t="s">
        <v>168</v>
      </c>
      <c r="N8" s="3" t="s">
        <v>169</v>
      </c>
      <c r="O8" s="3" t="s">
        <v>170</v>
      </c>
      <c r="P8" s="3" t="s">
        <v>171</v>
      </c>
    </row>
    <row r="9" spans="1:16" s="1" customFormat="1">
      <c r="E9" s="4" t="s">
        <v>20</v>
      </c>
      <c r="F9" s="4" t="s">
        <v>20</v>
      </c>
      <c r="G9" s="4" t="s">
        <v>20</v>
      </c>
      <c r="H9" s="4" t="s">
        <v>20</v>
      </c>
      <c r="I9" s="4" t="s">
        <v>20</v>
      </c>
      <c r="J9" s="4" t="s">
        <v>20</v>
      </c>
      <c r="K9" s="4" t="s">
        <v>20</v>
      </c>
      <c r="L9" s="4" t="s">
        <v>20</v>
      </c>
      <c r="M9" s="4" t="s">
        <v>20</v>
      </c>
      <c r="N9" s="4" t="s">
        <v>20</v>
      </c>
      <c r="O9" s="4" t="s">
        <v>20</v>
      </c>
      <c r="P9" s="4" t="s">
        <v>20</v>
      </c>
    </row>
    <row r="10" spans="1:16" s="1" customFormat="1">
      <c r="A10" s="2" t="s">
        <v>24</v>
      </c>
      <c r="B10" s="2" t="s">
        <v>21</v>
      </c>
      <c r="C10" s="2" t="s">
        <v>22</v>
      </c>
      <c r="D10" s="2" t="s">
        <v>23</v>
      </c>
      <c r="E10" s="2" t="s">
        <v>26</v>
      </c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</row>
    <row r="11" spans="1:16">
      <c r="A11" s="5" t="s">
        <v>6</v>
      </c>
      <c r="B11" s="5" t="s">
        <v>27</v>
      </c>
      <c r="C11" s="5" t="s">
        <v>28</v>
      </c>
      <c r="D11" s="5" t="s">
        <v>29</v>
      </c>
      <c r="E11" s="7">
        <v>2.0312299999999999</v>
      </c>
      <c r="F11" s="7">
        <v>17.82536</v>
      </c>
      <c r="G11" s="7">
        <v>20.246310000000001</v>
      </c>
      <c r="H11" s="7">
        <v>11.904719999999999</v>
      </c>
      <c r="I11" s="7">
        <v>11.800230000000001</v>
      </c>
      <c r="J11" s="7">
        <v>1.9048</v>
      </c>
      <c r="K11" s="7">
        <v>3.28823</v>
      </c>
      <c r="L11" s="7">
        <v>13.25718</v>
      </c>
      <c r="M11" s="7">
        <v>3.3751699999999998</v>
      </c>
      <c r="N11" s="7">
        <v>4.2701000000000002</v>
      </c>
      <c r="O11" s="7">
        <v>7.2772300000000003</v>
      </c>
      <c r="P11" s="7">
        <v>2.8194300000000001</v>
      </c>
    </row>
    <row r="12" spans="1:16">
      <c r="A12" s="9" t="s">
        <v>6</v>
      </c>
      <c r="B12" s="9" t="s">
        <v>27</v>
      </c>
      <c r="C12" s="9" t="s">
        <v>57</v>
      </c>
      <c r="D12" s="9" t="s">
        <v>58</v>
      </c>
      <c r="E12" s="7">
        <v>1.97593</v>
      </c>
      <c r="F12" s="7">
        <v>17.44979</v>
      </c>
      <c r="G12" s="7">
        <v>17.390840000000001</v>
      </c>
      <c r="H12" s="7">
        <v>10.98432</v>
      </c>
      <c r="I12" s="7">
        <v>12.765560000000001</v>
      </c>
      <c r="J12" s="7">
        <v>1.9512799999999999</v>
      </c>
      <c r="K12" s="7">
        <v>8.3834300000000006</v>
      </c>
      <c r="L12" s="7">
        <v>12.267300000000001</v>
      </c>
      <c r="M12" s="7">
        <v>3.3325200000000001</v>
      </c>
      <c r="N12" s="7">
        <v>5.0690900000000001</v>
      </c>
      <c r="O12" s="7">
        <v>6.4908700000000001</v>
      </c>
      <c r="P12" s="7">
        <v>1.9390700000000001</v>
      </c>
    </row>
    <row r="13" spans="1:16">
      <c r="A13" s="9" t="s">
        <v>6</v>
      </c>
      <c r="B13" s="9" t="s">
        <v>56</v>
      </c>
      <c r="C13" s="9" t="s">
        <v>57</v>
      </c>
      <c r="D13" s="9" t="s">
        <v>59</v>
      </c>
      <c r="E13" s="7">
        <v>1.98777</v>
      </c>
      <c r="F13" s="7">
        <v>15.093680000000001</v>
      </c>
      <c r="G13" s="7">
        <v>16.13589</v>
      </c>
      <c r="H13" s="7">
        <v>9.3219399999999997</v>
      </c>
      <c r="I13" s="7">
        <v>12.241199999999999</v>
      </c>
      <c r="J13" s="7">
        <v>1.29179</v>
      </c>
      <c r="K13" s="7">
        <v>12.97761</v>
      </c>
      <c r="L13" s="7">
        <v>13.446870000000001</v>
      </c>
      <c r="M13" s="7">
        <v>3.8753600000000001</v>
      </c>
      <c r="N13" s="7">
        <v>5.11442</v>
      </c>
      <c r="O13" s="7">
        <v>7.7964099999999998</v>
      </c>
      <c r="P13" s="7">
        <v>0.71706999999999999</v>
      </c>
    </row>
    <row r="14" spans="1:16">
      <c r="A14" s="9" t="s">
        <v>53</v>
      </c>
      <c r="B14" s="9" t="s">
        <v>27</v>
      </c>
      <c r="C14" s="9" t="s">
        <v>28</v>
      </c>
      <c r="D14" s="9" t="s">
        <v>29</v>
      </c>
      <c r="E14" s="7">
        <v>3.1345299999999998</v>
      </c>
      <c r="F14" s="7">
        <v>16.547809999999998</v>
      </c>
      <c r="G14" s="7">
        <v>14.440770000000001</v>
      </c>
      <c r="H14" s="7">
        <v>11.82307</v>
      </c>
      <c r="I14" s="7">
        <v>6.7096400000000003</v>
      </c>
      <c r="J14" s="7">
        <v>3.2117300000000002</v>
      </c>
      <c r="K14" s="7">
        <v>3.8177400000000001</v>
      </c>
      <c r="L14" s="7">
        <v>16.956779999999998</v>
      </c>
      <c r="M14" s="7">
        <v>5.9284699999999999</v>
      </c>
      <c r="N14" s="7">
        <v>7.5908699999999998</v>
      </c>
      <c r="O14" s="7">
        <v>7.0895299999999999</v>
      </c>
      <c r="P14" s="7">
        <v>2.7490800000000002</v>
      </c>
    </row>
    <row r="15" spans="1:16">
      <c r="A15" s="9" t="s">
        <v>53</v>
      </c>
      <c r="B15" s="9" t="s">
        <v>27</v>
      </c>
      <c r="C15" s="9" t="s">
        <v>57</v>
      </c>
      <c r="D15" s="9" t="s">
        <v>58</v>
      </c>
      <c r="E15" s="7">
        <v>3.1073599999999999</v>
      </c>
      <c r="F15" s="7">
        <v>14.037140000000001</v>
      </c>
      <c r="G15" s="7">
        <v>11.56793</v>
      </c>
      <c r="H15" s="7">
        <v>10.83243</v>
      </c>
      <c r="I15" s="7">
        <v>7.3661799999999999</v>
      </c>
      <c r="J15" s="7">
        <v>3.41479</v>
      </c>
      <c r="K15" s="7">
        <v>9.6867999999999999</v>
      </c>
      <c r="L15" s="7">
        <v>15.90035</v>
      </c>
      <c r="M15" s="7">
        <v>6.1543900000000002</v>
      </c>
      <c r="N15" s="7">
        <v>9.3553800000000003</v>
      </c>
      <c r="O15" s="7">
        <v>6.6166999999999998</v>
      </c>
      <c r="P15" s="7">
        <v>1.9605600000000001</v>
      </c>
    </row>
    <row r="16" spans="1:16">
      <c r="A16" s="9" t="s">
        <v>53</v>
      </c>
      <c r="B16" s="9" t="s">
        <v>56</v>
      </c>
      <c r="C16" s="9" t="s">
        <v>57</v>
      </c>
      <c r="D16" s="9" t="s">
        <v>59</v>
      </c>
      <c r="E16" s="7">
        <v>3.1453700000000002</v>
      </c>
      <c r="F16" s="7">
        <v>11.476979999999999</v>
      </c>
      <c r="G16" s="7">
        <v>10.732659999999999</v>
      </c>
      <c r="H16" s="7">
        <v>8.3556299999999997</v>
      </c>
      <c r="I16" s="7">
        <v>6.5925799999999999</v>
      </c>
      <c r="J16" s="7">
        <v>2.3873199999999999</v>
      </c>
      <c r="K16" s="7">
        <v>12.560879999999999</v>
      </c>
      <c r="L16" s="7">
        <v>18.96481</v>
      </c>
      <c r="M16" s="7">
        <v>7.3952099999999996</v>
      </c>
      <c r="N16" s="7">
        <v>9.66934</v>
      </c>
      <c r="O16" s="7">
        <v>7.8925700000000001</v>
      </c>
      <c r="P16" s="7">
        <v>0.82664000000000004</v>
      </c>
    </row>
    <row r="17" spans="1:16">
      <c r="A17" s="9" t="s">
        <v>54</v>
      </c>
      <c r="B17" s="9" t="s">
        <v>27</v>
      </c>
      <c r="C17" s="9" t="s">
        <v>28</v>
      </c>
      <c r="D17" s="9" t="s">
        <v>29</v>
      </c>
      <c r="E17" s="7">
        <v>0.70174000000000003</v>
      </c>
      <c r="F17" s="7">
        <v>19.364830000000001</v>
      </c>
      <c r="G17" s="7">
        <v>27.242059999999999</v>
      </c>
      <c r="H17" s="7">
        <v>12.00311</v>
      </c>
      <c r="I17" s="7">
        <v>17.934449999999998</v>
      </c>
      <c r="J17" s="7">
        <v>0.32993</v>
      </c>
      <c r="K17" s="7">
        <v>2.6501700000000001</v>
      </c>
      <c r="L17" s="7">
        <v>8.7991299999999999</v>
      </c>
      <c r="M17" s="7">
        <v>0.29842000000000002</v>
      </c>
      <c r="N17" s="7">
        <v>0.26854</v>
      </c>
      <c r="O17" s="7">
        <v>7.5034099999999997</v>
      </c>
      <c r="P17" s="7">
        <v>2.90421</v>
      </c>
    </row>
    <row r="18" spans="1:16">
      <c r="A18" s="9" t="s">
        <v>54</v>
      </c>
      <c r="B18" s="9" t="s">
        <v>27</v>
      </c>
      <c r="C18" s="9" t="s">
        <v>57</v>
      </c>
      <c r="D18" s="9" t="s">
        <v>58</v>
      </c>
      <c r="E18" s="7">
        <v>0.72994999999999999</v>
      </c>
      <c r="F18" s="7">
        <v>21.207979999999999</v>
      </c>
      <c r="G18" s="7">
        <v>23.803319999999999</v>
      </c>
      <c r="H18" s="7">
        <v>11.151579999999999</v>
      </c>
      <c r="I18" s="7">
        <v>18.711639999999999</v>
      </c>
      <c r="J18" s="7">
        <v>0.33957999999999999</v>
      </c>
      <c r="K18" s="7">
        <v>6.9481000000000002</v>
      </c>
      <c r="L18" s="7">
        <v>8.2664100000000005</v>
      </c>
      <c r="M18" s="7">
        <v>0.22492999999999999</v>
      </c>
      <c r="N18" s="7">
        <v>0.34882000000000002</v>
      </c>
      <c r="O18" s="7">
        <v>6.35229</v>
      </c>
      <c r="P18" s="7">
        <v>1.9154100000000001</v>
      </c>
    </row>
    <row r="19" spans="1:16">
      <c r="A19" s="9" t="s">
        <v>54</v>
      </c>
      <c r="B19" s="9" t="s">
        <v>56</v>
      </c>
      <c r="C19" s="9" t="s">
        <v>57</v>
      </c>
      <c r="D19" s="9" t="s">
        <v>59</v>
      </c>
      <c r="E19" s="7">
        <v>0.77134000000000003</v>
      </c>
      <c r="F19" s="7">
        <v>18.894179999999999</v>
      </c>
      <c r="G19" s="7">
        <v>21.81373</v>
      </c>
      <c r="H19" s="7">
        <v>10.33737</v>
      </c>
      <c r="I19" s="7">
        <v>18.1769</v>
      </c>
      <c r="J19" s="7">
        <v>0.14057</v>
      </c>
      <c r="K19" s="7">
        <v>13.415509999999999</v>
      </c>
      <c r="L19" s="7">
        <v>7.6485000000000003</v>
      </c>
      <c r="M19" s="7">
        <v>0.17660999999999999</v>
      </c>
      <c r="N19" s="7">
        <v>0.32800000000000001</v>
      </c>
      <c r="O19" s="7">
        <v>7.69536</v>
      </c>
      <c r="P19" s="7">
        <v>0.60192999999999997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46" orientation="portrait" r:id="rId1"/>
</worksheet>
</file>

<file path=xl/worksheets/sheet2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0C03AB7-4BFB-4036-9D0E-8899CD0FE365}">
  <sheetPr>
    <pageSetUpPr fitToPage="1"/>
  </sheetPr>
  <dimension ref="A1:S235"/>
  <sheetViews>
    <sheetView zoomScaleNormal="100" workbookViewId="0">
      <pane xSplit="6" ySplit="10" topLeftCell="G11" activePane="bottomRight" state="frozen"/>
      <selection pane="topRight" activeCell="X1" sqref="X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11.25" style="11" customWidth="1"/>
    <col min="6" max="6" width="32.5" style="11" customWidth="1"/>
    <col min="7" max="16384" width="12.625" style="11"/>
  </cols>
  <sheetData>
    <row r="1" spans="1:19" s="1" customFormat="1">
      <c r="A1" s="1" t="s">
        <v>0</v>
      </c>
    </row>
    <row r="2" spans="1:19" s="1" customFormat="1">
      <c r="A2" s="1" t="s">
        <v>177</v>
      </c>
    </row>
    <row r="3" spans="1:19" s="1" customFormat="1"/>
    <row r="4" spans="1:19" s="1" customFormat="1" hidden="1"/>
    <row r="5" spans="1:19" s="1" customFormat="1"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</row>
    <row r="6" spans="1:19" s="1" customFormat="1">
      <c r="G6" s="3" t="s">
        <v>159</v>
      </c>
      <c r="H6" s="3" t="s">
        <v>159</v>
      </c>
      <c r="I6" s="3" t="s">
        <v>159</v>
      </c>
      <c r="J6" s="3" t="s">
        <v>159</v>
      </c>
      <c r="K6" s="3" t="s">
        <v>159</v>
      </c>
      <c r="L6" s="3" t="s">
        <v>159</v>
      </c>
      <c r="M6" s="3" t="s">
        <v>159</v>
      </c>
      <c r="N6" s="3" t="s">
        <v>159</v>
      </c>
      <c r="O6" s="3" t="s">
        <v>159</v>
      </c>
      <c r="P6" s="3" t="s">
        <v>159</v>
      </c>
      <c r="Q6" s="3" t="s">
        <v>159</v>
      </c>
      <c r="R6" s="3" t="s">
        <v>159</v>
      </c>
      <c r="S6" s="3" t="s">
        <v>159</v>
      </c>
    </row>
    <row r="7" spans="1:19" s="1" customFormat="1"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</row>
    <row r="8" spans="1:19" s="1" customFormat="1" ht="36">
      <c r="G8" s="3" t="s">
        <v>6</v>
      </c>
      <c r="H8" s="3" t="s">
        <v>160</v>
      </c>
      <c r="I8" s="3" t="s">
        <v>161</v>
      </c>
      <c r="J8" s="3" t="s">
        <v>162</v>
      </c>
      <c r="K8" s="3" t="s">
        <v>163</v>
      </c>
      <c r="L8" s="3" t="s">
        <v>164</v>
      </c>
      <c r="M8" s="3" t="s">
        <v>165</v>
      </c>
      <c r="N8" s="3" t="s">
        <v>166</v>
      </c>
      <c r="O8" s="3" t="s">
        <v>167</v>
      </c>
      <c r="P8" s="3" t="s">
        <v>168</v>
      </c>
      <c r="Q8" s="3" t="s">
        <v>169</v>
      </c>
      <c r="R8" s="3" t="s">
        <v>170</v>
      </c>
      <c r="S8" s="3" t="s">
        <v>171</v>
      </c>
    </row>
    <row r="9" spans="1:19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20</v>
      </c>
      <c r="F10" s="2" t="s">
        <v>121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55</v>
      </c>
      <c r="F11" s="5" t="s">
        <v>6</v>
      </c>
      <c r="G11" s="6">
        <v>57643225</v>
      </c>
      <c r="H11" s="6">
        <v>1170866</v>
      </c>
      <c r="I11" s="6">
        <v>10275114</v>
      </c>
      <c r="J11" s="6">
        <v>11670626</v>
      </c>
      <c r="K11" s="6">
        <v>6862265</v>
      </c>
      <c r="L11" s="6">
        <v>6802033</v>
      </c>
      <c r="M11" s="6">
        <v>1097989</v>
      </c>
      <c r="N11" s="6">
        <v>1895441</v>
      </c>
      <c r="O11" s="6">
        <v>7641867</v>
      </c>
      <c r="P11" s="6">
        <v>1945557</v>
      </c>
      <c r="Q11" s="6">
        <v>2461426</v>
      </c>
      <c r="R11" s="6">
        <v>4194830</v>
      </c>
      <c r="S11" s="6">
        <v>1625211</v>
      </c>
    </row>
    <row r="12" spans="1:1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22</v>
      </c>
      <c r="F12" s="9" t="s">
        <v>123</v>
      </c>
      <c r="G12" s="6">
        <v>1830697</v>
      </c>
      <c r="H12" s="6">
        <v>11784</v>
      </c>
      <c r="I12" s="6">
        <v>4962</v>
      </c>
      <c r="J12" s="6">
        <v>49361</v>
      </c>
      <c r="K12" s="6">
        <v>11132</v>
      </c>
      <c r="L12" s="6">
        <v>2032</v>
      </c>
      <c r="M12" s="6">
        <v>182</v>
      </c>
      <c r="N12" s="6">
        <v>1681860</v>
      </c>
      <c r="O12" s="6">
        <v>14138</v>
      </c>
      <c r="P12" s="6">
        <v>6040</v>
      </c>
      <c r="Q12" s="6">
        <v>1177</v>
      </c>
      <c r="R12" s="6">
        <v>48023</v>
      </c>
      <c r="S12" s="6">
        <v>6</v>
      </c>
    </row>
    <row r="13" spans="1:1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22</v>
      </c>
      <c r="F13" s="9" t="s">
        <v>124</v>
      </c>
      <c r="G13" s="6">
        <v>1769959</v>
      </c>
      <c r="H13" s="6">
        <v>9716</v>
      </c>
      <c r="I13" s="6">
        <v>3881</v>
      </c>
      <c r="J13" s="6">
        <v>37019</v>
      </c>
      <c r="K13" s="6">
        <v>10374</v>
      </c>
      <c r="L13" s="6">
        <v>1947</v>
      </c>
      <c r="M13" s="6">
        <v>138</v>
      </c>
      <c r="N13" s="6">
        <v>1643356</v>
      </c>
      <c r="O13" s="6">
        <v>12495</v>
      </c>
      <c r="P13" s="6">
        <v>3439</v>
      </c>
      <c r="Q13" s="6">
        <v>736</v>
      </c>
      <c r="R13" s="6">
        <v>46852</v>
      </c>
      <c r="S13" s="6">
        <v>6</v>
      </c>
    </row>
    <row r="14" spans="1:1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22</v>
      </c>
      <c r="F14" s="9" t="s">
        <v>125</v>
      </c>
      <c r="G14" s="6">
        <v>132065</v>
      </c>
      <c r="H14" s="6">
        <v>1535</v>
      </c>
      <c r="I14" s="6">
        <v>301</v>
      </c>
      <c r="J14" s="6">
        <v>4885</v>
      </c>
      <c r="K14" s="6">
        <v>971</v>
      </c>
      <c r="L14" s="6">
        <v>575</v>
      </c>
      <c r="M14" s="6">
        <v>49</v>
      </c>
      <c r="N14" s="6">
        <v>116936</v>
      </c>
      <c r="O14" s="6">
        <v>4250</v>
      </c>
      <c r="P14" s="6">
        <v>213</v>
      </c>
      <c r="Q14" s="6">
        <v>63</v>
      </c>
      <c r="R14" s="6">
        <v>2287</v>
      </c>
      <c r="S14" s="10" t="s">
        <v>55</v>
      </c>
    </row>
    <row r="15" spans="1:1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26</v>
      </c>
      <c r="F15" s="9" t="s">
        <v>127</v>
      </c>
      <c r="G15" s="6">
        <v>18891</v>
      </c>
      <c r="H15" s="6">
        <v>1045</v>
      </c>
      <c r="I15" s="6">
        <v>826</v>
      </c>
      <c r="J15" s="6">
        <v>4706</v>
      </c>
      <c r="K15" s="6">
        <v>626</v>
      </c>
      <c r="L15" s="6">
        <v>28</v>
      </c>
      <c r="M15" s="6">
        <v>51</v>
      </c>
      <c r="N15" s="6">
        <v>5</v>
      </c>
      <c r="O15" s="6">
        <v>1762</v>
      </c>
      <c r="P15" s="6">
        <v>8083</v>
      </c>
      <c r="Q15" s="6">
        <v>1037</v>
      </c>
      <c r="R15" s="6">
        <v>720</v>
      </c>
      <c r="S15" s="6">
        <v>2</v>
      </c>
    </row>
    <row r="16" spans="1:1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26</v>
      </c>
      <c r="F16" s="9" t="s">
        <v>128</v>
      </c>
      <c r="G16" s="6">
        <v>4184052</v>
      </c>
      <c r="H16" s="6">
        <v>171116</v>
      </c>
      <c r="I16" s="6">
        <v>312648</v>
      </c>
      <c r="J16" s="6">
        <v>757221</v>
      </c>
      <c r="K16" s="6">
        <v>203628</v>
      </c>
      <c r="L16" s="6">
        <v>5701</v>
      </c>
      <c r="M16" s="6">
        <v>3845</v>
      </c>
      <c r="N16" s="6">
        <v>16294</v>
      </c>
      <c r="O16" s="6">
        <v>345794</v>
      </c>
      <c r="P16" s="6">
        <v>127095</v>
      </c>
      <c r="Q16" s="6">
        <v>2189655</v>
      </c>
      <c r="R16" s="6">
        <v>50893</v>
      </c>
      <c r="S16" s="6">
        <v>162</v>
      </c>
    </row>
    <row r="17" spans="1:1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26</v>
      </c>
      <c r="F17" s="9" t="s">
        <v>129</v>
      </c>
      <c r="G17" s="6">
        <v>9056536</v>
      </c>
      <c r="H17" s="6">
        <v>201834</v>
      </c>
      <c r="I17" s="6">
        <v>758583</v>
      </c>
      <c r="J17" s="6">
        <v>1648030</v>
      </c>
      <c r="K17" s="6">
        <v>440557</v>
      </c>
      <c r="L17" s="6">
        <v>5608</v>
      </c>
      <c r="M17" s="6">
        <v>7595</v>
      </c>
      <c r="N17" s="6">
        <v>5271</v>
      </c>
      <c r="O17" s="6">
        <v>5427450</v>
      </c>
      <c r="P17" s="6">
        <v>86843</v>
      </c>
      <c r="Q17" s="6">
        <v>30280</v>
      </c>
      <c r="R17" s="6">
        <v>444420</v>
      </c>
      <c r="S17" s="6">
        <v>65</v>
      </c>
    </row>
    <row r="18" spans="1:1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30</v>
      </c>
      <c r="F18" s="9" t="s">
        <v>131</v>
      </c>
      <c r="G18" s="6">
        <v>275595</v>
      </c>
      <c r="H18" s="6">
        <v>4784</v>
      </c>
      <c r="I18" s="6">
        <v>35633</v>
      </c>
      <c r="J18" s="6">
        <v>113548</v>
      </c>
      <c r="K18" s="6">
        <v>14002</v>
      </c>
      <c r="L18" s="6">
        <v>429</v>
      </c>
      <c r="M18" s="6">
        <v>1165</v>
      </c>
      <c r="N18" s="6">
        <v>64</v>
      </c>
      <c r="O18" s="6">
        <v>17525</v>
      </c>
      <c r="P18" s="6">
        <v>54173</v>
      </c>
      <c r="Q18" s="6">
        <v>28765</v>
      </c>
      <c r="R18" s="6">
        <v>5306</v>
      </c>
      <c r="S18" s="6">
        <v>201</v>
      </c>
    </row>
    <row r="19" spans="1:1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30</v>
      </c>
      <c r="F19" s="9" t="s">
        <v>132</v>
      </c>
      <c r="G19" s="6">
        <v>1955619</v>
      </c>
      <c r="H19" s="6">
        <v>43867</v>
      </c>
      <c r="I19" s="6">
        <v>1197865</v>
      </c>
      <c r="J19" s="6">
        <v>487652</v>
      </c>
      <c r="K19" s="6">
        <v>153563</v>
      </c>
      <c r="L19" s="6">
        <v>3308</v>
      </c>
      <c r="M19" s="6">
        <v>622</v>
      </c>
      <c r="N19" s="6">
        <v>79</v>
      </c>
      <c r="O19" s="6">
        <v>44410</v>
      </c>
      <c r="P19" s="6">
        <v>1771</v>
      </c>
      <c r="Q19" s="6">
        <v>11690</v>
      </c>
      <c r="R19" s="6">
        <v>9595</v>
      </c>
      <c r="S19" s="6">
        <v>1197</v>
      </c>
    </row>
    <row r="20" spans="1:1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30</v>
      </c>
      <c r="F20" s="9" t="s">
        <v>133</v>
      </c>
      <c r="G20" s="6">
        <v>3117623</v>
      </c>
      <c r="H20" s="6">
        <v>58490</v>
      </c>
      <c r="I20" s="6">
        <v>31617</v>
      </c>
      <c r="J20" s="6">
        <v>694675</v>
      </c>
      <c r="K20" s="6">
        <v>58881</v>
      </c>
      <c r="L20" s="6">
        <v>29296</v>
      </c>
      <c r="M20" s="6">
        <v>13384</v>
      </c>
      <c r="N20" s="6">
        <v>449</v>
      </c>
      <c r="O20" s="6">
        <v>65458</v>
      </c>
      <c r="P20" s="6">
        <v>1302951</v>
      </c>
      <c r="Q20" s="6">
        <v>29917</v>
      </c>
      <c r="R20" s="6">
        <v>831972</v>
      </c>
      <c r="S20" s="6">
        <v>533</v>
      </c>
    </row>
    <row r="21" spans="1:1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30</v>
      </c>
      <c r="F21" s="9" t="s">
        <v>134</v>
      </c>
      <c r="G21" s="6">
        <v>8805576</v>
      </c>
      <c r="H21" s="6">
        <v>225421</v>
      </c>
      <c r="I21" s="6">
        <v>310609</v>
      </c>
      <c r="J21" s="6">
        <v>1680617</v>
      </c>
      <c r="K21" s="6">
        <v>4486390</v>
      </c>
      <c r="L21" s="6">
        <v>53980</v>
      </c>
      <c r="M21" s="6">
        <v>4615</v>
      </c>
      <c r="N21" s="6">
        <v>10590</v>
      </c>
      <c r="O21" s="6">
        <v>951501</v>
      </c>
      <c r="P21" s="6">
        <v>40672</v>
      </c>
      <c r="Q21" s="6">
        <v>49284</v>
      </c>
      <c r="R21" s="6">
        <v>991817</v>
      </c>
      <c r="S21" s="6">
        <v>80</v>
      </c>
    </row>
    <row r="22" spans="1:1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30</v>
      </c>
      <c r="F22" s="9" t="s">
        <v>135</v>
      </c>
      <c r="G22" s="6">
        <v>1355161</v>
      </c>
      <c r="H22" s="6">
        <v>30120</v>
      </c>
      <c r="I22" s="6">
        <v>46571</v>
      </c>
      <c r="J22" s="6">
        <v>787268</v>
      </c>
      <c r="K22" s="6">
        <v>476446</v>
      </c>
      <c r="L22" s="6">
        <v>7036</v>
      </c>
      <c r="M22" s="6">
        <v>790</v>
      </c>
      <c r="N22" s="6">
        <v>35</v>
      </c>
      <c r="O22" s="6">
        <v>1010</v>
      </c>
      <c r="P22" s="6">
        <v>1684</v>
      </c>
      <c r="Q22" s="6">
        <v>43</v>
      </c>
      <c r="R22" s="6">
        <v>4037</v>
      </c>
      <c r="S22" s="6">
        <v>121</v>
      </c>
    </row>
    <row r="23" spans="1:1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30</v>
      </c>
      <c r="F23" s="9" t="s">
        <v>136</v>
      </c>
      <c r="G23" s="6">
        <v>1253905</v>
      </c>
      <c r="H23" s="6">
        <v>87863</v>
      </c>
      <c r="I23" s="6">
        <v>25970</v>
      </c>
      <c r="J23" s="6">
        <v>342963</v>
      </c>
      <c r="K23" s="6">
        <v>453755</v>
      </c>
      <c r="L23" s="6">
        <v>220887</v>
      </c>
      <c r="M23" s="6">
        <v>3968</v>
      </c>
      <c r="N23" s="6">
        <v>990</v>
      </c>
      <c r="O23" s="6">
        <v>30533</v>
      </c>
      <c r="P23" s="6">
        <v>17229</v>
      </c>
      <c r="Q23" s="6">
        <v>10425</v>
      </c>
      <c r="R23" s="6">
        <v>59244</v>
      </c>
      <c r="S23" s="6">
        <v>78</v>
      </c>
    </row>
    <row r="24" spans="1:19">
      <c r="A24" s="9" t="s">
        <v>27</v>
      </c>
      <c r="B24" s="9" t="s">
        <v>28</v>
      </c>
      <c r="C24" s="9" t="s">
        <v>29</v>
      </c>
      <c r="D24" s="9" t="s">
        <v>6</v>
      </c>
      <c r="E24" s="9" t="s">
        <v>130</v>
      </c>
      <c r="F24" s="9" t="s">
        <v>137</v>
      </c>
      <c r="G24" s="6">
        <v>2103074</v>
      </c>
      <c r="H24" s="6">
        <v>46286</v>
      </c>
      <c r="I24" s="6">
        <v>1066255</v>
      </c>
      <c r="J24" s="6">
        <v>616863</v>
      </c>
      <c r="K24" s="6">
        <v>87000</v>
      </c>
      <c r="L24" s="6">
        <v>35488</v>
      </c>
      <c r="M24" s="6">
        <v>2744</v>
      </c>
      <c r="N24" s="6">
        <v>9130</v>
      </c>
      <c r="O24" s="6">
        <v>153651</v>
      </c>
      <c r="P24" s="6">
        <v>8487</v>
      </c>
      <c r="Q24" s="6">
        <v>58824</v>
      </c>
      <c r="R24" s="6">
        <v>17989</v>
      </c>
      <c r="S24" s="6">
        <v>357</v>
      </c>
    </row>
    <row r="25" spans="1:19">
      <c r="A25" s="9" t="s">
        <v>27</v>
      </c>
      <c r="B25" s="9" t="s">
        <v>28</v>
      </c>
      <c r="C25" s="9" t="s">
        <v>29</v>
      </c>
      <c r="D25" s="9" t="s">
        <v>6</v>
      </c>
      <c r="E25" s="9" t="s">
        <v>130</v>
      </c>
      <c r="F25" s="9" t="s">
        <v>138</v>
      </c>
      <c r="G25" s="6">
        <v>3095434</v>
      </c>
      <c r="H25" s="6">
        <v>41475</v>
      </c>
      <c r="I25" s="6">
        <v>34075</v>
      </c>
      <c r="J25" s="6">
        <v>118318</v>
      </c>
      <c r="K25" s="6">
        <v>125411</v>
      </c>
      <c r="L25" s="6">
        <v>2548274</v>
      </c>
      <c r="M25" s="6">
        <v>3083</v>
      </c>
      <c r="N25" s="6">
        <v>1609</v>
      </c>
      <c r="O25" s="6">
        <v>28830</v>
      </c>
      <c r="P25" s="6">
        <v>8055</v>
      </c>
      <c r="Q25" s="6">
        <v>855</v>
      </c>
      <c r="R25" s="6">
        <v>185402</v>
      </c>
      <c r="S25" s="6">
        <v>47</v>
      </c>
    </row>
    <row r="26" spans="1:19">
      <c r="A26" s="9" t="s">
        <v>27</v>
      </c>
      <c r="B26" s="9" t="s">
        <v>28</v>
      </c>
      <c r="C26" s="9" t="s">
        <v>29</v>
      </c>
      <c r="D26" s="9" t="s">
        <v>6</v>
      </c>
      <c r="E26" s="9" t="s">
        <v>130</v>
      </c>
      <c r="F26" s="9" t="s">
        <v>139</v>
      </c>
      <c r="G26" s="6">
        <v>1979446</v>
      </c>
      <c r="H26" s="6">
        <v>30185</v>
      </c>
      <c r="I26" s="6">
        <v>122802</v>
      </c>
      <c r="J26" s="6">
        <v>211945</v>
      </c>
      <c r="K26" s="6">
        <v>139982</v>
      </c>
      <c r="L26" s="6">
        <v>1217804</v>
      </c>
      <c r="M26" s="6">
        <v>11370</v>
      </c>
      <c r="N26" s="6">
        <v>29495</v>
      </c>
      <c r="O26" s="6">
        <v>39200</v>
      </c>
      <c r="P26" s="6">
        <v>23872</v>
      </c>
      <c r="Q26" s="6">
        <v>1937</v>
      </c>
      <c r="R26" s="6">
        <v>150716</v>
      </c>
      <c r="S26" s="6">
        <v>138</v>
      </c>
    </row>
    <row r="27" spans="1:19">
      <c r="A27" s="9" t="s">
        <v>27</v>
      </c>
      <c r="B27" s="9" t="s">
        <v>28</v>
      </c>
      <c r="C27" s="9" t="s">
        <v>29</v>
      </c>
      <c r="D27" s="9" t="s">
        <v>6</v>
      </c>
      <c r="E27" s="9" t="s">
        <v>130</v>
      </c>
      <c r="F27" s="9" t="s">
        <v>140</v>
      </c>
      <c r="G27" s="6">
        <v>2829694</v>
      </c>
      <c r="H27" s="6">
        <v>23905</v>
      </c>
      <c r="I27" s="6">
        <v>2064900</v>
      </c>
      <c r="J27" s="6">
        <v>467998</v>
      </c>
      <c r="K27" s="6">
        <v>12152</v>
      </c>
      <c r="L27" s="6">
        <v>148319</v>
      </c>
      <c r="M27" s="6">
        <v>10324</v>
      </c>
      <c r="N27" s="6">
        <v>7118</v>
      </c>
      <c r="O27" s="6">
        <v>7744</v>
      </c>
      <c r="P27" s="6">
        <v>22986</v>
      </c>
      <c r="Q27" s="6">
        <v>749</v>
      </c>
      <c r="R27" s="6">
        <v>62668</v>
      </c>
      <c r="S27" s="6">
        <v>831</v>
      </c>
    </row>
    <row r="28" spans="1:19">
      <c r="A28" s="9" t="s">
        <v>27</v>
      </c>
      <c r="B28" s="9" t="s">
        <v>28</v>
      </c>
      <c r="C28" s="9" t="s">
        <v>29</v>
      </c>
      <c r="D28" s="9" t="s">
        <v>6</v>
      </c>
      <c r="E28" s="9" t="s">
        <v>130</v>
      </c>
      <c r="F28" s="9" t="s">
        <v>141</v>
      </c>
      <c r="G28" s="6">
        <v>7633170</v>
      </c>
      <c r="H28" s="6">
        <v>52093</v>
      </c>
      <c r="I28" s="6">
        <v>3835128</v>
      </c>
      <c r="J28" s="6">
        <v>1019761</v>
      </c>
      <c r="K28" s="6">
        <v>14934</v>
      </c>
      <c r="L28" s="6">
        <v>2402976</v>
      </c>
      <c r="M28" s="6">
        <v>20010</v>
      </c>
      <c r="N28" s="6">
        <v>2849</v>
      </c>
      <c r="O28" s="6">
        <v>61742</v>
      </c>
      <c r="P28" s="6">
        <v>90295</v>
      </c>
      <c r="Q28" s="6">
        <v>2478</v>
      </c>
      <c r="R28" s="6">
        <v>129106</v>
      </c>
      <c r="S28" s="6">
        <v>1798</v>
      </c>
    </row>
    <row r="29" spans="1:19">
      <c r="A29" s="9" t="s">
        <v>27</v>
      </c>
      <c r="B29" s="9" t="s">
        <v>28</v>
      </c>
      <c r="C29" s="9" t="s">
        <v>29</v>
      </c>
      <c r="D29" s="9" t="s">
        <v>6</v>
      </c>
      <c r="E29" s="9" t="s">
        <v>130</v>
      </c>
      <c r="F29" s="9" t="s">
        <v>142</v>
      </c>
      <c r="G29" s="6">
        <v>441618</v>
      </c>
      <c r="H29" s="6">
        <v>12770</v>
      </c>
      <c r="I29" s="6">
        <v>15956</v>
      </c>
      <c r="J29" s="6">
        <v>281437</v>
      </c>
      <c r="K29" s="6">
        <v>41003</v>
      </c>
      <c r="L29" s="6">
        <v>1484</v>
      </c>
      <c r="M29" s="6">
        <v>190</v>
      </c>
      <c r="N29" s="6">
        <v>3923</v>
      </c>
      <c r="O29" s="6">
        <v>4963</v>
      </c>
      <c r="P29" s="6">
        <v>1817</v>
      </c>
      <c r="Q29" s="6">
        <v>204</v>
      </c>
      <c r="R29" s="6">
        <v>77666</v>
      </c>
      <c r="S29" s="6">
        <v>205</v>
      </c>
    </row>
    <row r="30" spans="1:19">
      <c r="A30" s="9" t="s">
        <v>27</v>
      </c>
      <c r="B30" s="9" t="s">
        <v>28</v>
      </c>
      <c r="C30" s="9" t="s">
        <v>29</v>
      </c>
      <c r="D30" s="9" t="s">
        <v>6</v>
      </c>
      <c r="E30" s="9" t="s">
        <v>130</v>
      </c>
      <c r="F30" s="9" t="s">
        <v>143</v>
      </c>
      <c r="G30" s="6">
        <v>3801218</v>
      </c>
      <c r="H30" s="6">
        <v>80560</v>
      </c>
      <c r="I30" s="6">
        <v>242191</v>
      </c>
      <c r="J30" s="6">
        <v>1163027</v>
      </c>
      <c r="K30" s="6">
        <v>130671</v>
      </c>
      <c r="L30" s="6">
        <v>115112</v>
      </c>
      <c r="M30" s="6">
        <v>365182</v>
      </c>
      <c r="N30" s="6">
        <v>5659</v>
      </c>
      <c r="O30" s="6">
        <v>428409</v>
      </c>
      <c r="P30" s="6">
        <v>130899</v>
      </c>
      <c r="Q30" s="6">
        <v>34262</v>
      </c>
      <c r="R30" s="6">
        <v>1088938</v>
      </c>
      <c r="S30" s="6">
        <v>16308</v>
      </c>
    </row>
    <row r="31" spans="1:19">
      <c r="A31" s="9" t="s">
        <v>27</v>
      </c>
      <c r="B31" s="9" t="s">
        <v>28</v>
      </c>
      <c r="C31" s="9" t="s">
        <v>29</v>
      </c>
      <c r="D31" s="9" t="s">
        <v>6</v>
      </c>
      <c r="E31" s="9" t="s">
        <v>130</v>
      </c>
      <c r="F31" s="9" t="s">
        <v>144</v>
      </c>
      <c r="G31" s="6">
        <v>2032199</v>
      </c>
      <c r="H31" s="6">
        <v>43643</v>
      </c>
      <c r="I31" s="6">
        <v>157970</v>
      </c>
      <c r="J31" s="6">
        <v>1133469</v>
      </c>
      <c r="K31" s="10" t="s">
        <v>55</v>
      </c>
      <c r="L31" s="6">
        <v>1429</v>
      </c>
      <c r="M31" s="6">
        <v>648414</v>
      </c>
      <c r="N31" s="6">
        <v>2882</v>
      </c>
      <c r="O31" s="6">
        <v>6067</v>
      </c>
      <c r="P31" s="6">
        <v>9665</v>
      </c>
      <c r="Q31" s="6">
        <v>8957</v>
      </c>
      <c r="R31" s="6">
        <v>19697</v>
      </c>
      <c r="S31" s="6">
        <v>6</v>
      </c>
    </row>
    <row r="32" spans="1:19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5</v>
      </c>
      <c r="F32" s="9" t="s">
        <v>145</v>
      </c>
      <c r="G32" s="6">
        <v>1741652</v>
      </c>
      <c r="H32" s="6">
        <v>2090</v>
      </c>
      <c r="I32" s="6">
        <v>10252</v>
      </c>
      <c r="J32" s="6">
        <v>86882</v>
      </c>
      <c r="K32" s="6">
        <v>11161</v>
      </c>
      <c r="L32" s="6">
        <v>2267</v>
      </c>
      <c r="M32" s="6">
        <v>406</v>
      </c>
      <c r="N32" s="6">
        <v>203</v>
      </c>
      <c r="O32" s="6">
        <v>7430</v>
      </c>
      <c r="P32" s="6">
        <v>2727</v>
      </c>
      <c r="Q32" s="6">
        <v>824</v>
      </c>
      <c r="R32" s="6">
        <v>14334</v>
      </c>
      <c r="S32" s="6">
        <v>1603076</v>
      </c>
    </row>
    <row r="33" spans="1:19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5</v>
      </c>
      <c r="F33" s="9" t="s">
        <v>146</v>
      </c>
      <c r="G33" s="6">
        <v>1962762</v>
      </c>
      <c r="H33" s="6">
        <v>13319</v>
      </c>
      <c r="I33" s="6">
        <v>5263</v>
      </c>
      <c r="J33" s="6">
        <v>54246</v>
      </c>
      <c r="K33" s="6">
        <v>12103</v>
      </c>
      <c r="L33" s="6">
        <v>2607</v>
      </c>
      <c r="M33" s="6">
        <v>231</v>
      </c>
      <c r="N33" s="6">
        <v>1798796</v>
      </c>
      <c r="O33" s="6">
        <v>18388</v>
      </c>
      <c r="P33" s="6">
        <v>6253</v>
      </c>
      <c r="Q33" s="6">
        <v>1240</v>
      </c>
      <c r="R33" s="6">
        <v>50310</v>
      </c>
      <c r="S33" s="6">
        <v>6</v>
      </c>
    </row>
    <row r="34" spans="1:19">
      <c r="A34" s="9" t="s">
        <v>27</v>
      </c>
      <c r="B34" s="9" t="s">
        <v>28</v>
      </c>
      <c r="C34" s="9" t="s">
        <v>29</v>
      </c>
      <c r="D34" s="9" t="s">
        <v>6</v>
      </c>
      <c r="E34" s="9" t="s">
        <v>55</v>
      </c>
      <c r="F34" s="9" t="s">
        <v>147</v>
      </c>
      <c r="G34" s="6">
        <v>13259479</v>
      </c>
      <c r="H34" s="6">
        <v>373995</v>
      </c>
      <c r="I34" s="6">
        <v>1072057</v>
      </c>
      <c r="J34" s="6">
        <v>2409957</v>
      </c>
      <c r="K34" s="6">
        <v>644811</v>
      </c>
      <c r="L34" s="6">
        <v>11337</v>
      </c>
      <c r="M34" s="6">
        <v>11491</v>
      </c>
      <c r="N34" s="6">
        <v>21570</v>
      </c>
      <c r="O34" s="6">
        <v>5775006</v>
      </c>
      <c r="P34" s="6">
        <v>222021</v>
      </c>
      <c r="Q34" s="6">
        <v>2220972</v>
      </c>
      <c r="R34" s="6">
        <v>496033</v>
      </c>
      <c r="S34" s="6">
        <v>229</v>
      </c>
    </row>
    <row r="35" spans="1:19">
      <c r="A35" s="9" t="s">
        <v>27</v>
      </c>
      <c r="B35" s="9" t="s">
        <v>28</v>
      </c>
      <c r="C35" s="9" t="s">
        <v>29</v>
      </c>
      <c r="D35" s="9" t="s">
        <v>6</v>
      </c>
      <c r="E35" s="9" t="s">
        <v>55</v>
      </c>
      <c r="F35" s="9" t="s">
        <v>148</v>
      </c>
      <c r="G35" s="6">
        <v>40679332</v>
      </c>
      <c r="H35" s="6">
        <v>781462</v>
      </c>
      <c r="I35" s="6">
        <v>9187542</v>
      </c>
      <c r="J35" s="6">
        <v>9119541</v>
      </c>
      <c r="K35" s="6">
        <v>6194190</v>
      </c>
      <c r="L35" s="6">
        <v>6785822</v>
      </c>
      <c r="M35" s="6">
        <v>1085861</v>
      </c>
      <c r="N35" s="6">
        <v>74872</v>
      </c>
      <c r="O35" s="6">
        <v>1841043</v>
      </c>
      <c r="P35" s="6">
        <v>1714556</v>
      </c>
      <c r="Q35" s="6">
        <v>238390</v>
      </c>
      <c r="R35" s="6">
        <v>3634153</v>
      </c>
      <c r="S35" s="6">
        <v>21900</v>
      </c>
    </row>
    <row r="36" spans="1:1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55</v>
      </c>
      <c r="F36" s="9" t="s">
        <v>6</v>
      </c>
      <c r="G36" s="6">
        <v>31501307</v>
      </c>
      <c r="H36" s="6">
        <v>987417</v>
      </c>
      <c r="I36" s="6">
        <v>5212775</v>
      </c>
      <c r="J36" s="6">
        <v>4549030</v>
      </c>
      <c r="K36" s="6">
        <v>3724422</v>
      </c>
      <c r="L36" s="6">
        <v>2113623</v>
      </c>
      <c r="M36" s="6">
        <v>1011738</v>
      </c>
      <c r="N36" s="6">
        <v>1202637</v>
      </c>
      <c r="O36" s="6">
        <v>5341606</v>
      </c>
      <c r="P36" s="6">
        <v>1867544</v>
      </c>
      <c r="Q36" s="6">
        <v>2391224</v>
      </c>
      <c r="R36" s="6">
        <v>2233295</v>
      </c>
      <c r="S36" s="6">
        <v>865996</v>
      </c>
    </row>
    <row r="37" spans="1:19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122</v>
      </c>
      <c r="F37" s="9" t="s">
        <v>123</v>
      </c>
      <c r="G37" s="6">
        <v>1105962</v>
      </c>
      <c r="H37" s="6">
        <v>10443</v>
      </c>
      <c r="I37" s="6">
        <v>4145</v>
      </c>
      <c r="J37" s="6">
        <v>16480</v>
      </c>
      <c r="K37" s="6">
        <v>5439</v>
      </c>
      <c r="L37" s="6">
        <v>673</v>
      </c>
      <c r="M37" s="6">
        <v>166</v>
      </c>
      <c r="N37" s="6">
        <v>1035703</v>
      </c>
      <c r="O37" s="6">
        <v>8240</v>
      </c>
      <c r="P37" s="6">
        <v>5854</v>
      </c>
      <c r="Q37" s="6">
        <v>1122</v>
      </c>
      <c r="R37" s="6">
        <v>17694</v>
      </c>
      <c r="S37" s="6">
        <v>3</v>
      </c>
    </row>
    <row r="38" spans="1:19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122</v>
      </c>
      <c r="F38" s="9" t="s">
        <v>124</v>
      </c>
      <c r="G38" s="6">
        <v>1054606</v>
      </c>
      <c r="H38" s="6">
        <v>8526</v>
      </c>
      <c r="I38" s="6">
        <v>3131</v>
      </c>
      <c r="J38" s="6">
        <v>10319</v>
      </c>
      <c r="K38" s="6">
        <v>4786</v>
      </c>
      <c r="L38" s="6">
        <v>629</v>
      </c>
      <c r="M38" s="6">
        <v>127</v>
      </c>
      <c r="N38" s="6">
        <v>999577</v>
      </c>
      <c r="O38" s="6">
        <v>6769</v>
      </c>
      <c r="P38" s="6">
        <v>3312</v>
      </c>
      <c r="Q38" s="6">
        <v>695</v>
      </c>
      <c r="R38" s="6">
        <v>16732</v>
      </c>
      <c r="S38" s="6">
        <v>3</v>
      </c>
    </row>
    <row r="39" spans="1:19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122</v>
      </c>
      <c r="F39" s="9" t="s">
        <v>125</v>
      </c>
      <c r="G39" s="6">
        <v>99587</v>
      </c>
      <c r="H39" s="6">
        <v>1324</v>
      </c>
      <c r="I39" s="6">
        <v>284</v>
      </c>
      <c r="J39" s="6">
        <v>1023</v>
      </c>
      <c r="K39" s="6">
        <v>518</v>
      </c>
      <c r="L39" s="6">
        <v>207</v>
      </c>
      <c r="M39" s="6">
        <v>49</v>
      </c>
      <c r="N39" s="6">
        <v>93160</v>
      </c>
      <c r="O39" s="6">
        <v>1557</v>
      </c>
      <c r="P39" s="6">
        <v>207</v>
      </c>
      <c r="Q39" s="6">
        <v>60</v>
      </c>
      <c r="R39" s="6">
        <v>1198</v>
      </c>
      <c r="S39" s="10" t="s">
        <v>55</v>
      </c>
    </row>
    <row r="40" spans="1:19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126</v>
      </c>
      <c r="F40" s="9" t="s">
        <v>127</v>
      </c>
      <c r="G40" s="6">
        <v>15796</v>
      </c>
      <c r="H40" s="6">
        <v>937</v>
      </c>
      <c r="I40" s="6">
        <v>766</v>
      </c>
      <c r="J40" s="6">
        <v>2240</v>
      </c>
      <c r="K40" s="6">
        <v>573</v>
      </c>
      <c r="L40" s="6">
        <v>9</v>
      </c>
      <c r="M40" s="6">
        <v>47</v>
      </c>
      <c r="N40" s="6">
        <v>5</v>
      </c>
      <c r="O40" s="6">
        <v>1693</v>
      </c>
      <c r="P40" s="6">
        <v>7940</v>
      </c>
      <c r="Q40" s="6">
        <v>990</v>
      </c>
      <c r="R40" s="6">
        <v>596</v>
      </c>
      <c r="S40" s="10" t="s">
        <v>55</v>
      </c>
    </row>
    <row r="41" spans="1:19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126</v>
      </c>
      <c r="F41" s="9" t="s">
        <v>128</v>
      </c>
      <c r="G41" s="6">
        <v>3447458</v>
      </c>
      <c r="H41" s="6">
        <v>151751</v>
      </c>
      <c r="I41" s="6">
        <v>287175</v>
      </c>
      <c r="J41" s="6">
        <v>197501</v>
      </c>
      <c r="K41" s="6">
        <v>183600</v>
      </c>
      <c r="L41" s="6">
        <v>2603</v>
      </c>
      <c r="M41" s="6">
        <v>3680</v>
      </c>
      <c r="N41" s="6">
        <v>14734</v>
      </c>
      <c r="O41" s="6">
        <v>312349</v>
      </c>
      <c r="P41" s="6">
        <v>124700</v>
      </c>
      <c r="Q41" s="6">
        <v>2133474</v>
      </c>
      <c r="R41" s="6">
        <v>35756</v>
      </c>
      <c r="S41" s="6">
        <v>135</v>
      </c>
    </row>
    <row r="42" spans="1:19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126</v>
      </c>
      <c r="F42" s="9" t="s">
        <v>129</v>
      </c>
      <c r="G42" s="6">
        <v>6211896</v>
      </c>
      <c r="H42" s="6">
        <v>180893</v>
      </c>
      <c r="I42" s="6">
        <v>664146</v>
      </c>
      <c r="J42" s="6">
        <v>834754</v>
      </c>
      <c r="K42" s="6">
        <v>383104</v>
      </c>
      <c r="L42" s="6">
        <v>1448</v>
      </c>
      <c r="M42" s="6">
        <v>7437</v>
      </c>
      <c r="N42" s="6">
        <v>3757</v>
      </c>
      <c r="O42" s="6">
        <v>3787217</v>
      </c>
      <c r="P42" s="6">
        <v>84423</v>
      </c>
      <c r="Q42" s="6">
        <v>28759</v>
      </c>
      <c r="R42" s="6">
        <v>235916</v>
      </c>
      <c r="S42" s="6">
        <v>42</v>
      </c>
    </row>
    <row r="43" spans="1:19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130</v>
      </c>
      <c r="F43" s="9" t="s">
        <v>131</v>
      </c>
      <c r="G43" s="6">
        <v>229062</v>
      </c>
      <c r="H43" s="6">
        <v>4488</v>
      </c>
      <c r="I43" s="6">
        <v>33116</v>
      </c>
      <c r="J43" s="6">
        <v>75771</v>
      </c>
      <c r="K43" s="6">
        <v>12124</v>
      </c>
      <c r="L43" s="6">
        <v>222</v>
      </c>
      <c r="M43" s="6">
        <v>1137</v>
      </c>
      <c r="N43" s="6">
        <v>55</v>
      </c>
      <c r="O43" s="6">
        <v>16654</v>
      </c>
      <c r="P43" s="6">
        <v>52875</v>
      </c>
      <c r="Q43" s="6">
        <v>27952</v>
      </c>
      <c r="R43" s="6">
        <v>4486</v>
      </c>
      <c r="S43" s="6">
        <v>182</v>
      </c>
    </row>
    <row r="44" spans="1:19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130</v>
      </c>
      <c r="F44" s="9" t="s">
        <v>132</v>
      </c>
      <c r="G44" s="6">
        <v>1381459</v>
      </c>
      <c r="H44" s="6">
        <v>39928</v>
      </c>
      <c r="I44" s="6">
        <v>937881</v>
      </c>
      <c r="J44" s="6">
        <v>233444</v>
      </c>
      <c r="K44" s="6">
        <v>120621</v>
      </c>
      <c r="L44" s="6">
        <v>1395</v>
      </c>
      <c r="M44" s="6">
        <v>568</v>
      </c>
      <c r="N44" s="6">
        <v>54</v>
      </c>
      <c r="O44" s="6">
        <v>29369</v>
      </c>
      <c r="P44" s="6">
        <v>1643</v>
      </c>
      <c r="Q44" s="6">
        <v>10991</v>
      </c>
      <c r="R44" s="6">
        <v>4740</v>
      </c>
      <c r="S44" s="6">
        <v>825</v>
      </c>
    </row>
    <row r="45" spans="1:19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130</v>
      </c>
      <c r="F45" s="9" t="s">
        <v>133</v>
      </c>
      <c r="G45" s="6">
        <v>2423004</v>
      </c>
      <c r="H45" s="6">
        <v>52138</v>
      </c>
      <c r="I45" s="6">
        <v>27188</v>
      </c>
      <c r="J45" s="6">
        <v>386123</v>
      </c>
      <c r="K45" s="6">
        <v>49433</v>
      </c>
      <c r="L45" s="6">
        <v>6682</v>
      </c>
      <c r="M45" s="6">
        <v>12750</v>
      </c>
      <c r="N45" s="6">
        <v>364</v>
      </c>
      <c r="O45" s="6">
        <v>55153</v>
      </c>
      <c r="P45" s="6">
        <v>1249093</v>
      </c>
      <c r="Q45" s="6">
        <v>29168</v>
      </c>
      <c r="R45" s="6">
        <v>554540</v>
      </c>
      <c r="S45" s="6">
        <v>372</v>
      </c>
    </row>
    <row r="46" spans="1:19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130</v>
      </c>
      <c r="F46" s="9" t="s">
        <v>134</v>
      </c>
      <c r="G46" s="6">
        <v>4122732</v>
      </c>
      <c r="H46" s="6">
        <v>191506</v>
      </c>
      <c r="I46" s="6">
        <v>149523</v>
      </c>
      <c r="J46" s="6">
        <v>527280</v>
      </c>
      <c r="K46" s="6">
        <v>2115754</v>
      </c>
      <c r="L46" s="6">
        <v>14870</v>
      </c>
      <c r="M46" s="6">
        <v>4364</v>
      </c>
      <c r="N46" s="6">
        <v>5375</v>
      </c>
      <c r="O46" s="6">
        <v>552514</v>
      </c>
      <c r="P46" s="6">
        <v>38297</v>
      </c>
      <c r="Q46" s="6">
        <v>47136</v>
      </c>
      <c r="R46" s="6">
        <v>476075</v>
      </c>
      <c r="S46" s="6">
        <v>38</v>
      </c>
    </row>
    <row r="47" spans="1:19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130</v>
      </c>
      <c r="F47" s="9" t="s">
        <v>135</v>
      </c>
      <c r="G47" s="6">
        <v>583178</v>
      </c>
      <c r="H47" s="6">
        <v>27300</v>
      </c>
      <c r="I47" s="6">
        <v>34987</v>
      </c>
      <c r="J47" s="6">
        <v>287580</v>
      </c>
      <c r="K47" s="6">
        <v>227371</v>
      </c>
      <c r="L47" s="6">
        <v>1248</v>
      </c>
      <c r="M47" s="6">
        <v>745</v>
      </c>
      <c r="N47" s="6">
        <v>25</v>
      </c>
      <c r="O47" s="6">
        <v>648</v>
      </c>
      <c r="P47" s="6">
        <v>1650</v>
      </c>
      <c r="Q47" s="6">
        <v>36</v>
      </c>
      <c r="R47" s="6">
        <v>1504</v>
      </c>
      <c r="S47" s="6">
        <v>84</v>
      </c>
    </row>
    <row r="48" spans="1:19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130</v>
      </c>
      <c r="F48" s="9" t="s">
        <v>136</v>
      </c>
      <c r="G48" s="6">
        <v>734443</v>
      </c>
      <c r="H48" s="6">
        <v>61187</v>
      </c>
      <c r="I48" s="6">
        <v>17229</v>
      </c>
      <c r="J48" s="6">
        <v>105414</v>
      </c>
      <c r="K48" s="6">
        <v>318470</v>
      </c>
      <c r="L48" s="6">
        <v>142937</v>
      </c>
      <c r="M48" s="6">
        <v>3805</v>
      </c>
      <c r="N48" s="6">
        <v>665</v>
      </c>
      <c r="O48" s="6">
        <v>25732</v>
      </c>
      <c r="P48" s="6">
        <v>16538</v>
      </c>
      <c r="Q48" s="6">
        <v>9648</v>
      </c>
      <c r="R48" s="6">
        <v>32785</v>
      </c>
      <c r="S48" s="6">
        <v>33</v>
      </c>
    </row>
    <row r="49" spans="1:19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130</v>
      </c>
      <c r="F49" s="9" t="s">
        <v>137</v>
      </c>
      <c r="G49" s="6">
        <v>1328211</v>
      </c>
      <c r="H49" s="6">
        <v>39756</v>
      </c>
      <c r="I49" s="6">
        <v>809677</v>
      </c>
      <c r="J49" s="6">
        <v>223469</v>
      </c>
      <c r="K49" s="6">
        <v>68828</v>
      </c>
      <c r="L49" s="6">
        <v>3687</v>
      </c>
      <c r="M49" s="6">
        <v>2532</v>
      </c>
      <c r="N49" s="6">
        <v>5154</v>
      </c>
      <c r="O49" s="6">
        <v>103365</v>
      </c>
      <c r="P49" s="6">
        <v>8182</v>
      </c>
      <c r="Q49" s="6">
        <v>54252</v>
      </c>
      <c r="R49" s="6">
        <v>9103</v>
      </c>
      <c r="S49" s="6">
        <v>206</v>
      </c>
    </row>
    <row r="50" spans="1:19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130</v>
      </c>
      <c r="F50" s="9" t="s">
        <v>138</v>
      </c>
      <c r="G50" s="6">
        <v>1161705</v>
      </c>
      <c r="H50" s="6">
        <v>30182</v>
      </c>
      <c r="I50" s="6">
        <v>6713</v>
      </c>
      <c r="J50" s="6">
        <v>42617</v>
      </c>
      <c r="K50" s="6">
        <v>36955</v>
      </c>
      <c r="L50" s="6">
        <v>963554</v>
      </c>
      <c r="M50" s="6">
        <v>2979</v>
      </c>
      <c r="N50" s="6">
        <v>1166</v>
      </c>
      <c r="O50" s="6">
        <v>9842</v>
      </c>
      <c r="P50" s="6">
        <v>7580</v>
      </c>
      <c r="Q50" s="6">
        <v>777</v>
      </c>
      <c r="R50" s="6">
        <v>59323</v>
      </c>
      <c r="S50" s="6">
        <v>17</v>
      </c>
    </row>
    <row r="51" spans="1:19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130</v>
      </c>
      <c r="F51" s="9" t="s">
        <v>139</v>
      </c>
      <c r="G51" s="6">
        <v>781098</v>
      </c>
      <c r="H51" s="6">
        <v>23255</v>
      </c>
      <c r="I51" s="6">
        <v>63677</v>
      </c>
      <c r="J51" s="6">
        <v>68114</v>
      </c>
      <c r="K51" s="6">
        <v>48923</v>
      </c>
      <c r="L51" s="6">
        <v>434375</v>
      </c>
      <c r="M51" s="6">
        <v>8352</v>
      </c>
      <c r="N51" s="6">
        <v>26025</v>
      </c>
      <c r="O51" s="6">
        <v>16213</v>
      </c>
      <c r="P51" s="6">
        <v>21153</v>
      </c>
      <c r="Q51" s="6">
        <v>1666</v>
      </c>
      <c r="R51" s="6">
        <v>69290</v>
      </c>
      <c r="S51" s="6">
        <v>55</v>
      </c>
    </row>
    <row r="52" spans="1:19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130</v>
      </c>
      <c r="F52" s="9" t="s">
        <v>140</v>
      </c>
      <c r="G52" s="6">
        <v>1168959</v>
      </c>
      <c r="H52" s="6">
        <v>18527</v>
      </c>
      <c r="I52" s="6">
        <v>906833</v>
      </c>
      <c r="J52" s="6">
        <v>144937</v>
      </c>
      <c r="K52" s="6">
        <v>6141</v>
      </c>
      <c r="L52" s="6">
        <v>17977</v>
      </c>
      <c r="M52" s="6">
        <v>7812</v>
      </c>
      <c r="N52" s="6">
        <v>4264</v>
      </c>
      <c r="O52" s="6">
        <v>4050</v>
      </c>
      <c r="P52" s="6">
        <v>21522</v>
      </c>
      <c r="Q52" s="6">
        <v>677</v>
      </c>
      <c r="R52" s="6">
        <v>35857</v>
      </c>
      <c r="S52" s="6">
        <v>362</v>
      </c>
    </row>
    <row r="53" spans="1:19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130</v>
      </c>
      <c r="F53" s="9" t="s">
        <v>141</v>
      </c>
      <c r="G53" s="6">
        <v>1860056</v>
      </c>
      <c r="H53" s="6">
        <v>34425</v>
      </c>
      <c r="I53" s="6">
        <v>980671</v>
      </c>
      <c r="J53" s="6">
        <v>195225</v>
      </c>
      <c r="K53" s="6">
        <v>9630</v>
      </c>
      <c r="L53" s="6">
        <v>469354</v>
      </c>
      <c r="M53" s="6">
        <v>18022</v>
      </c>
      <c r="N53" s="6">
        <v>1877</v>
      </c>
      <c r="O53" s="6">
        <v>24847</v>
      </c>
      <c r="P53" s="6">
        <v>84610</v>
      </c>
      <c r="Q53" s="6">
        <v>2335</v>
      </c>
      <c r="R53" s="6">
        <v>38530</v>
      </c>
      <c r="S53" s="6">
        <v>530</v>
      </c>
    </row>
    <row r="54" spans="1:19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130</v>
      </c>
      <c r="F54" s="9" t="s">
        <v>142</v>
      </c>
      <c r="G54" s="6">
        <v>258336</v>
      </c>
      <c r="H54" s="6">
        <v>11768</v>
      </c>
      <c r="I54" s="6">
        <v>13762</v>
      </c>
      <c r="J54" s="6">
        <v>124910</v>
      </c>
      <c r="K54" s="6">
        <v>31855</v>
      </c>
      <c r="L54" s="6">
        <v>643</v>
      </c>
      <c r="M54" s="6">
        <v>184</v>
      </c>
      <c r="N54" s="6">
        <v>3324</v>
      </c>
      <c r="O54" s="6">
        <v>4039</v>
      </c>
      <c r="P54" s="6">
        <v>1712</v>
      </c>
      <c r="Q54" s="6">
        <v>200</v>
      </c>
      <c r="R54" s="6">
        <v>65791</v>
      </c>
      <c r="S54" s="6">
        <v>148</v>
      </c>
    </row>
    <row r="55" spans="1:19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130</v>
      </c>
      <c r="F55" s="9" t="s">
        <v>143</v>
      </c>
      <c r="G55" s="6">
        <v>2270141</v>
      </c>
      <c r="H55" s="6">
        <v>68594</v>
      </c>
      <c r="I55" s="6">
        <v>183582</v>
      </c>
      <c r="J55" s="6">
        <v>402191</v>
      </c>
      <c r="K55" s="6">
        <v>97057</v>
      </c>
      <c r="L55" s="6">
        <v>50627</v>
      </c>
      <c r="M55" s="6">
        <v>346351</v>
      </c>
      <c r="N55" s="6">
        <v>4386</v>
      </c>
      <c r="O55" s="6">
        <v>378495</v>
      </c>
      <c r="P55" s="6">
        <v>127611</v>
      </c>
      <c r="Q55" s="6">
        <v>32794</v>
      </c>
      <c r="R55" s="6">
        <v>569390</v>
      </c>
      <c r="S55" s="6">
        <v>9063</v>
      </c>
    </row>
    <row r="56" spans="1:19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130</v>
      </c>
      <c r="F56" s="9" t="s">
        <v>144</v>
      </c>
      <c r="G56" s="6">
        <v>1413985</v>
      </c>
      <c r="H56" s="6">
        <v>37569</v>
      </c>
      <c r="I56" s="6">
        <v>84827</v>
      </c>
      <c r="J56" s="6">
        <v>661586</v>
      </c>
      <c r="K56" s="10" t="s">
        <v>55</v>
      </c>
      <c r="L56" s="6">
        <v>431</v>
      </c>
      <c r="M56" s="6">
        <v>590400</v>
      </c>
      <c r="N56" s="6">
        <v>2414</v>
      </c>
      <c r="O56" s="6">
        <v>5327</v>
      </c>
      <c r="P56" s="6">
        <v>9381</v>
      </c>
      <c r="Q56" s="6">
        <v>8416</v>
      </c>
      <c r="R56" s="6">
        <v>13631</v>
      </c>
      <c r="S56" s="6">
        <v>3</v>
      </c>
    </row>
    <row r="57" spans="1:19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55</v>
      </c>
      <c r="F57" s="9" t="s">
        <v>145</v>
      </c>
      <c r="G57" s="6">
        <v>904239</v>
      </c>
      <c r="H57" s="6">
        <v>1446</v>
      </c>
      <c r="I57" s="6">
        <v>6593</v>
      </c>
      <c r="J57" s="6">
        <v>18371</v>
      </c>
      <c r="K57" s="6">
        <v>8026</v>
      </c>
      <c r="L57" s="6">
        <v>681</v>
      </c>
      <c r="M57" s="6">
        <v>358</v>
      </c>
      <c r="N57" s="6">
        <v>130</v>
      </c>
      <c r="O57" s="6">
        <v>4302</v>
      </c>
      <c r="P57" s="6">
        <v>2573</v>
      </c>
      <c r="Q57" s="6">
        <v>771</v>
      </c>
      <c r="R57" s="6">
        <v>7090</v>
      </c>
      <c r="S57" s="6">
        <v>853898</v>
      </c>
    </row>
    <row r="58" spans="1:19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55</v>
      </c>
      <c r="F58" s="9" t="s">
        <v>146</v>
      </c>
      <c r="G58" s="6">
        <v>1205549</v>
      </c>
      <c r="H58" s="6">
        <v>11767</v>
      </c>
      <c r="I58" s="6">
        <v>4429</v>
      </c>
      <c r="J58" s="6">
        <v>17503</v>
      </c>
      <c r="K58" s="6">
        <v>5957</v>
      </c>
      <c r="L58" s="6">
        <v>880</v>
      </c>
      <c r="M58" s="6">
        <v>215</v>
      </c>
      <c r="N58" s="6">
        <v>1128863</v>
      </c>
      <c r="O58" s="6">
        <v>9797</v>
      </c>
      <c r="P58" s="6">
        <v>6061</v>
      </c>
      <c r="Q58" s="6">
        <v>1182</v>
      </c>
      <c r="R58" s="6">
        <v>18892</v>
      </c>
      <c r="S58" s="6">
        <v>3</v>
      </c>
    </row>
    <row r="59" spans="1:19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55</v>
      </c>
      <c r="F59" s="9" t="s">
        <v>147</v>
      </c>
      <c r="G59" s="6">
        <v>9675150</v>
      </c>
      <c r="H59" s="6">
        <v>333581</v>
      </c>
      <c r="I59" s="6">
        <v>952087</v>
      </c>
      <c r="J59" s="6">
        <v>1034495</v>
      </c>
      <c r="K59" s="6">
        <v>567277</v>
      </c>
      <c r="L59" s="6">
        <v>4060</v>
      </c>
      <c r="M59" s="6">
        <v>11164</v>
      </c>
      <c r="N59" s="6">
        <v>18496</v>
      </c>
      <c r="O59" s="6">
        <v>4101259</v>
      </c>
      <c r="P59" s="6">
        <v>217063</v>
      </c>
      <c r="Q59" s="6">
        <v>2163223</v>
      </c>
      <c r="R59" s="6">
        <v>272268</v>
      </c>
      <c r="S59" s="6">
        <v>177</v>
      </c>
    </row>
    <row r="60" spans="1:19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55</v>
      </c>
      <c r="F60" s="9" t="s">
        <v>148</v>
      </c>
      <c r="G60" s="6">
        <v>19716369</v>
      </c>
      <c r="H60" s="6">
        <v>640623</v>
      </c>
      <c r="I60" s="6">
        <v>4249666</v>
      </c>
      <c r="J60" s="6">
        <v>3478661</v>
      </c>
      <c r="K60" s="6">
        <v>3143162</v>
      </c>
      <c r="L60" s="6">
        <v>2108002</v>
      </c>
      <c r="M60" s="6">
        <v>1000001</v>
      </c>
      <c r="N60" s="6">
        <v>55148</v>
      </c>
      <c r="O60" s="6">
        <v>1226248</v>
      </c>
      <c r="P60" s="6">
        <v>1641847</v>
      </c>
      <c r="Q60" s="6">
        <v>226048</v>
      </c>
      <c r="R60" s="6">
        <v>1935045</v>
      </c>
      <c r="S60" s="6">
        <v>11918</v>
      </c>
    </row>
    <row r="61" spans="1:19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55</v>
      </c>
      <c r="F61" s="9" t="s">
        <v>6</v>
      </c>
      <c r="G61" s="6">
        <v>26141918</v>
      </c>
      <c r="H61" s="6">
        <v>183449</v>
      </c>
      <c r="I61" s="6">
        <v>5062339</v>
      </c>
      <c r="J61" s="6">
        <v>7121596</v>
      </c>
      <c r="K61" s="6">
        <v>3137843</v>
      </c>
      <c r="L61" s="6">
        <v>4688410</v>
      </c>
      <c r="M61" s="6">
        <v>86251</v>
      </c>
      <c r="N61" s="6">
        <v>692804</v>
      </c>
      <c r="O61" s="6">
        <v>2300261</v>
      </c>
      <c r="P61" s="6">
        <v>78013</v>
      </c>
      <c r="Q61" s="6">
        <v>70202</v>
      </c>
      <c r="R61" s="6">
        <v>1961535</v>
      </c>
      <c r="S61" s="6">
        <v>759215</v>
      </c>
    </row>
    <row r="62" spans="1:19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122</v>
      </c>
      <c r="F62" s="9" t="s">
        <v>123</v>
      </c>
      <c r="G62" s="6">
        <v>724735</v>
      </c>
      <c r="H62" s="6">
        <v>1341</v>
      </c>
      <c r="I62" s="6">
        <v>817</v>
      </c>
      <c r="J62" s="6">
        <v>32881</v>
      </c>
      <c r="K62" s="6">
        <v>5693</v>
      </c>
      <c r="L62" s="6">
        <v>1359</v>
      </c>
      <c r="M62" s="6">
        <v>16</v>
      </c>
      <c r="N62" s="6">
        <v>646157</v>
      </c>
      <c r="O62" s="6">
        <v>5898</v>
      </c>
      <c r="P62" s="6">
        <v>186</v>
      </c>
      <c r="Q62" s="6">
        <v>55</v>
      </c>
      <c r="R62" s="6">
        <v>30329</v>
      </c>
      <c r="S62" s="6">
        <v>3</v>
      </c>
    </row>
    <row r="63" spans="1:19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122</v>
      </c>
      <c r="F63" s="9" t="s">
        <v>124</v>
      </c>
      <c r="G63" s="6">
        <v>715353</v>
      </c>
      <c r="H63" s="6">
        <v>1190</v>
      </c>
      <c r="I63" s="6">
        <v>750</v>
      </c>
      <c r="J63" s="6">
        <v>26700</v>
      </c>
      <c r="K63" s="6">
        <v>5588</v>
      </c>
      <c r="L63" s="6">
        <v>1318</v>
      </c>
      <c r="M63" s="6">
        <v>11</v>
      </c>
      <c r="N63" s="6">
        <v>643779</v>
      </c>
      <c r="O63" s="6">
        <v>5726</v>
      </c>
      <c r="P63" s="6">
        <v>127</v>
      </c>
      <c r="Q63" s="6">
        <v>41</v>
      </c>
      <c r="R63" s="6">
        <v>30120</v>
      </c>
      <c r="S63" s="6">
        <v>3</v>
      </c>
    </row>
    <row r="64" spans="1:19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122</v>
      </c>
      <c r="F64" s="9" t="s">
        <v>125</v>
      </c>
      <c r="G64" s="6">
        <v>32478</v>
      </c>
      <c r="H64" s="6">
        <v>211</v>
      </c>
      <c r="I64" s="6">
        <v>17</v>
      </c>
      <c r="J64" s="6">
        <v>3862</v>
      </c>
      <c r="K64" s="6">
        <v>453</v>
      </c>
      <c r="L64" s="6">
        <v>368</v>
      </c>
      <c r="M64" s="10" t="s">
        <v>55</v>
      </c>
      <c r="N64" s="6">
        <v>23776</v>
      </c>
      <c r="O64" s="6">
        <v>2693</v>
      </c>
      <c r="P64" s="6">
        <v>6</v>
      </c>
      <c r="Q64" s="6">
        <v>3</v>
      </c>
      <c r="R64" s="6">
        <v>1089</v>
      </c>
      <c r="S64" s="10" t="s">
        <v>55</v>
      </c>
    </row>
    <row r="65" spans="1:19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126</v>
      </c>
      <c r="F65" s="9" t="s">
        <v>127</v>
      </c>
      <c r="G65" s="6">
        <v>3095</v>
      </c>
      <c r="H65" s="6">
        <v>108</v>
      </c>
      <c r="I65" s="6">
        <v>60</v>
      </c>
      <c r="J65" s="6">
        <v>2466</v>
      </c>
      <c r="K65" s="6">
        <v>53</v>
      </c>
      <c r="L65" s="6">
        <v>19</v>
      </c>
      <c r="M65" s="6">
        <v>4</v>
      </c>
      <c r="N65" s="10" t="s">
        <v>55</v>
      </c>
      <c r="O65" s="6">
        <v>69</v>
      </c>
      <c r="P65" s="6">
        <v>143</v>
      </c>
      <c r="Q65" s="6">
        <v>47</v>
      </c>
      <c r="R65" s="6">
        <v>124</v>
      </c>
      <c r="S65" s="6">
        <v>2</v>
      </c>
    </row>
    <row r="66" spans="1:19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126</v>
      </c>
      <c r="F66" s="9" t="s">
        <v>128</v>
      </c>
      <c r="G66" s="6">
        <v>736594</v>
      </c>
      <c r="H66" s="6">
        <v>19365</v>
      </c>
      <c r="I66" s="6">
        <v>25473</v>
      </c>
      <c r="J66" s="6">
        <v>559720</v>
      </c>
      <c r="K66" s="6">
        <v>20028</v>
      </c>
      <c r="L66" s="6">
        <v>3098</v>
      </c>
      <c r="M66" s="6">
        <v>165</v>
      </c>
      <c r="N66" s="6">
        <v>1560</v>
      </c>
      <c r="O66" s="6">
        <v>33445</v>
      </c>
      <c r="P66" s="6">
        <v>2395</v>
      </c>
      <c r="Q66" s="6">
        <v>56181</v>
      </c>
      <c r="R66" s="6">
        <v>15137</v>
      </c>
      <c r="S66" s="6">
        <v>27</v>
      </c>
    </row>
    <row r="67" spans="1:19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126</v>
      </c>
      <c r="F67" s="9" t="s">
        <v>129</v>
      </c>
      <c r="G67" s="6">
        <v>2844640</v>
      </c>
      <c r="H67" s="6">
        <v>20941</v>
      </c>
      <c r="I67" s="6">
        <v>94437</v>
      </c>
      <c r="J67" s="6">
        <v>813276</v>
      </c>
      <c r="K67" s="6">
        <v>57453</v>
      </c>
      <c r="L67" s="6">
        <v>4160</v>
      </c>
      <c r="M67" s="6">
        <v>158</v>
      </c>
      <c r="N67" s="6">
        <v>1514</v>
      </c>
      <c r="O67" s="6">
        <v>1640233</v>
      </c>
      <c r="P67" s="6">
        <v>2420</v>
      </c>
      <c r="Q67" s="6">
        <v>1521</v>
      </c>
      <c r="R67" s="6">
        <v>208504</v>
      </c>
      <c r="S67" s="6">
        <v>23</v>
      </c>
    </row>
    <row r="68" spans="1:19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130</v>
      </c>
      <c r="F68" s="9" t="s">
        <v>131</v>
      </c>
      <c r="G68" s="6">
        <v>46533</v>
      </c>
      <c r="H68" s="6">
        <v>296</v>
      </c>
      <c r="I68" s="6">
        <v>2517</v>
      </c>
      <c r="J68" s="6">
        <v>37777</v>
      </c>
      <c r="K68" s="6">
        <v>1878</v>
      </c>
      <c r="L68" s="6">
        <v>207</v>
      </c>
      <c r="M68" s="6">
        <v>28</v>
      </c>
      <c r="N68" s="6">
        <v>9</v>
      </c>
      <c r="O68" s="6">
        <v>871</v>
      </c>
      <c r="P68" s="6">
        <v>1298</v>
      </c>
      <c r="Q68" s="6">
        <v>813</v>
      </c>
      <c r="R68" s="6">
        <v>820</v>
      </c>
      <c r="S68" s="6">
        <v>19</v>
      </c>
    </row>
    <row r="69" spans="1:19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130</v>
      </c>
      <c r="F69" s="9" t="s">
        <v>132</v>
      </c>
      <c r="G69" s="6">
        <v>574160</v>
      </c>
      <c r="H69" s="6">
        <v>3939</v>
      </c>
      <c r="I69" s="6">
        <v>259984</v>
      </c>
      <c r="J69" s="6">
        <v>254208</v>
      </c>
      <c r="K69" s="6">
        <v>32942</v>
      </c>
      <c r="L69" s="6">
        <v>1913</v>
      </c>
      <c r="M69" s="6">
        <v>54</v>
      </c>
      <c r="N69" s="6">
        <v>25</v>
      </c>
      <c r="O69" s="6">
        <v>15041</v>
      </c>
      <c r="P69" s="6">
        <v>128</v>
      </c>
      <c r="Q69" s="6">
        <v>699</v>
      </c>
      <c r="R69" s="6">
        <v>4855</v>
      </c>
      <c r="S69" s="6">
        <v>372</v>
      </c>
    </row>
    <row r="70" spans="1:19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130</v>
      </c>
      <c r="F70" s="9" t="s">
        <v>133</v>
      </c>
      <c r="G70" s="6">
        <v>694619</v>
      </c>
      <c r="H70" s="6">
        <v>6352</v>
      </c>
      <c r="I70" s="6">
        <v>4429</v>
      </c>
      <c r="J70" s="6">
        <v>308552</v>
      </c>
      <c r="K70" s="6">
        <v>9448</v>
      </c>
      <c r="L70" s="6">
        <v>22614</v>
      </c>
      <c r="M70" s="6">
        <v>634</v>
      </c>
      <c r="N70" s="6">
        <v>85</v>
      </c>
      <c r="O70" s="6">
        <v>10305</v>
      </c>
      <c r="P70" s="6">
        <v>53858</v>
      </c>
      <c r="Q70" s="6">
        <v>749</v>
      </c>
      <c r="R70" s="6">
        <v>277432</v>
      </c>
      <c r="S70" s="6">
        <v>161</v>
      </c>
    </row>
    <row r="71" spans="1:19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130</v>
      </c>
      <c r="F71" s="9" t="s">
        <v>134</v>
      </c>
      <c r="G71" s="6">
        <v>4682844</v>
      </c>
      <c r="H71" s="6">
        <v>33915</v>
      </c>
      <c r="I71" s="6">
        <v>161086</v>
      </c>
      <c r="J71" s="6">
        <v>1153337</v>
      </c>
      <c r="K71" s="6">
        <v>2370636</v>
      </c>
      <c r="L71" s="6">
        <v>39110</v>
      </c>
      <c r="M71" s="6">
        <v>251</v>
      </c>
      <c r="N71" s="6">
        <v>5215</v>
      </c>
      <c r="O71" s="6">
        <v>398987</v>
      </c>
      <c r="P71" s="6">
        <v>2375</v>
      </c>
      <c r="Q71" s="6">
        <v>2148</v>
      </c>
      <c r="R71" s="6">
        <v>515742</v>
      </c>
      <c r="S71" s="6">
        <v>42</v>
      </c>
    </row>
    <row r="72" spans="1:19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130</v>
      </c>
      <c r="F72" s="9" t="s">
        <v>135</v>
      </c>
      <c r="G72" s="6">
        <v>771983</v>
      </c>
      <c r="H72" s="6">
        <v>2820</v>
      </c>
      <c r="I72" s="6">
        <v>11584</v>
      </c>
      <c r="J72" s="6">
        <v>499688</v>
      </c>
      <c r="K72" s="6">
        <v>249075</v>
      </c>
      <c r="L72" s="6">
        <v>5788</v>
      </c>
      <c r="M72" s="6">
        <v>45</v>
      </c>
      <c r="N72" s="6">
        <v>10</v>
      </c>
      <c r="O72" s="6">
        <v>362</v>
      </c>
      <c r="P72" s="6">
        <v>34</v>
      </c>
      <c r="Q72" s="6">
        <v>7</v>
      </c>
      <c r="R72" s="6">
        <v>2533</v>
      </c>
      <c r="S72" s="6">
        <v>37</v>
      </c>
    </row>
    <row r="73" spans="1:19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130</v>
      </c>
      <c r="F73" s="9" t="s">
        <v>136</v>
      </c>
      <c r="G73" s="6">
        <v>519462</v>
      </c>
      <c r="H73" s="6">
        <v>26676</v>
      </c>
      <c r="I73" s="6">
        <v>8741</v>
      </c>
      <c r="J73" s="6">
        <v>237549</v>
      </c>
      <c r="K73" s="6">
        <v>135285</v>
      </c>
      <c r="L73" s="6">
        <v>77950</v>
      </c>
      <c r="M73" s="6">
        <v>163</v>
      </c>
      <c r="N73" s="6">
        <v>325</v>
      </c>
      <c r="O73" s="6">
        <v>4801</v>
      </c>
      <c r="P73" s="6">
        <v>691</v>
      </c>
      <c r="Q73" s="6">
        <v>777</v>
      </c>
      <c r="R73" s="6">
        <v>26459</v>
      </c>
      <c r="S73" s="6">
        <v>45</v>
      </c>
    </row>
    <row r="74" spans="1:19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130</v>
      </c>
      <c r="F74" s="9" t="s">
        <v>137</v>
      </c>
      <c r="G74" s="6">
        <v>774863</v>
      </c>
      <c r="H74" s="6">
        <v>6530</v>
      </c>
      <c r="I74" s="6">
        <v>256578</v>
      </c>
      <c r="J74" s="6">
        <v>393394</v>
      </c>
      <c r="K74" s="6">
        <v>18172</v>
      </c>
      <c r="L74" s="6">
        <v>31801</v>
      </c>
      <c r="M74" s="6">
        <v>212</v>
      </c>
      <c r="N74" s="6">
        <v>3976</v>
      </c>
      <c r="O74" s="6">
        <v>50286</v>
      </c>
      <c r="P74" s="6">
        <v>305</v>
      </c>
      <c r="Q74" s="6">
        <v>4572</v>
      </c>
      <c r="R74" s="6">
        <v>8886</v>
      </c>
      <c r="S74" s="6">
        <v>151</v>
      </c>
    </row>
    <row r="75" spans="1:19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130</v>
      </c>
      <c r="F75" s="9" t="s">
        <v>138</v>
      </c>
      <c r="G75" s="6">
        <v>1933729</v>
      </c>
      <c r="H75" s="6">
        <v>11293</v>
      </c>
      <c r="I75" s="6">
        <v>27362</v>
      </c>
      <c r="J75" s="6">
        <v>75701</v>
      </c>
      <c r="K75" s="6">
        <v>88456</v>
      </c>
      <c r="L75" s="6">
        <v>1584720</v>
      </c>
      <c r="M75" s="6">
        <v>104</v>
      </c>
      <c r="N75" s="6">
        <v>443</v>
      </c>
      <c r="O75" s="6">
        <v>18988</v>
      </c>
      <c r="P75" s="6">
        <v>475</v>
      </c>
      <c r="Q75" s="6">
        <v>78</v>
      </c>
      <c r="R75" s="6">
        <v>126079</v>
      </c>
      <c r="S75" s="6">
        <v>30</v>
      </c>
    </row>
    <row r="76" spans="1:19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130</v>
      </c>
      <c r="F76" s="9" t="s">
        <v>139</v>
      </c>
      <c r="G76" s="6">
        <v>1198348</v>
      </c>
      <c r="H76" s="6">
        <v>6930</v>
      </c>
      <c r="I76" s="6">
        <v>59125</v>
      </c>
      <c r="J76" s="6">
        <v>143831</v>
      </c>
      <c r="K76" s="6">
        <v>91059</v>
      </c>
      <c r="L76" s="6">
        <v>783429</v>
      </c>
      <c r="M76" s="6">
        <v>3018</v>
      </c>
      <c r="N76" s="6">
        <v>3470</v>
      </c>
      <c r="O76" s="6">
        <v>22987</v>
      </c>
      <c r="P76" s="6">
        <v>2719</v>
      </c>
      <c r="Q76" s="6">
        <v>271</v>
      </c>
      <c r="R76" s="6">
        <v>81426</v>
      </c>
      <c r="S76" s="6">
        <v>83</v>
      </c>
    </row>
    <row r="77" spans="1:19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130</v>
      </c>
      <c r="F77" s="9" t="s">
        <v>140</v>
      </c>
      <c r="G77" s="6">
        <v>1660735</v>
      </c>
      <c r="H77" s="6">
        <v>5378</v>
      </c>
      <c r="I77" s="6">
        <v>1158067</v>
      </c>
      <c r="J77" s="6">
        <v>323061</v>
      </c>
      <c r="K77" s="6">
        <v>6011</v>
      </c>
      <c r="L77" s="6">
        <v>130342</v>
      </c>
      <c r="M77" s="6">
        <v>2512</v>
      </c>
      <c r="N77" s="6">
        <v>2854</v>
      </c>
      <c r="O77" s="6">
        <v>3694</v>
      </c>
      <c r="P77" s="6">
        <v>1464</v>
      </c>
      <c r="Q77" s="6">
        <v>72</v>
      </c>
      <c r="R77" s="6">
        <v>26811</v>
      </c>
      <c r="S77" s="6">
        <v>469</v>
      </c>
    </row>
    <row r="78" spans="1:19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130</v>
      </c>
      <c r="F78" s="9" t="s">
        <v>141</v>
      </c>
      <c r="G78" s="6">
        <v>5773114</v>
      </c>
      <c r="H78" s="6">
        <v>17668</v>
      </c>
      <c r="I78" s="6">
        <v>2854457</v>
      </c>
      <c r="J78" s="6">
        <v>824536</v>
      </c>
      <c r="K78" s="6">
        <v>5304</v>
      </c>
      <c r="L78" s="6">
        <v>1933622</v>
      </c>
      <c r="M78" s="6">
        <v>1988</v>
      </c>
      <c r="N78" s="6">
        <v>972</v>
      </c>
      <c r="O78" s="6">
        <v>36895</v>
      </c>
      <c r="P78" s="6">
        <v>5685</v>
      </c>
      <c r="Q78" s="6">
        <v>143</v>
      </c>
      <c r="R78" s="6">
        <v>90576</v>
      </c>
      <c r="S78" s="6">
        <v>1268</v>
      </c>
    </row>
    <row r="79" spans="1:19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130</v>
      </c>
      <c r="F79" s="9" t="s">
        <v>142</v>
      </c>
      <c r="G79" s="6">
        <v>183282</v>
      </c>
      <c r="H79" s="6">
        <v>1002</v>
      </c>
      <c r="I79" s="6">
        <v>2194</v>
      </c>
      <c r="J79" s="6">
        <v>156527</v>
      </c>
      <c r="K79" s="6">
        <v>9148</v>
      </c>
      <c r="L79" s="6">
        <v>841</v>
      </c>
      <c r="M79" s="6">
        <v>6</v>
      </c>
      <c r="N79" s="6">
        <v>599</v>
      </c>
      <c r="O79" s="6">
        <v>924</v>
      </c>
      <c r="P79" s="6">
        <v>105</v>
      </c>
      <c r="Q79" s="6">
        <v>4</v>
      </c>
      <c r="R79" s="6">
        <v>11875</v>
      </c>
      <c r="S79" s="6">
        <v>57</v>
      </c>
    </row>
    <row r="80" spans="1:19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130</v>
      </c>
      <c r="F80" s="9" t="s">
        <v>143</v>
      </c>
      <c r="G80" s="6">
        <v>1531077</v>
      </c>
      <c r="H80" s="6">
        <v>11966</v>
      </c>
      <c r="I80" s="6">
        <v>58609</v>
      </c>
      <c r="J80" s="6">
        <v>760836</v>
      </c>
      <c r="K80" s="6">
        <v>33614</v>
      </c>
      <c r="L80" s="6">
        <v>64485</v>
      </c>
      <c r="M80" s="6">
        <v>18831</v>
      </c>
      <c r="N80" s="6">
        <v>1273</v>
      </c>
      <c r="O80" s="6">
        <v>49914</v>
      </c>
      <c r="P80" s="6">
        <v>3288</v>
      </c>
      <c r="Q80" s="6">
        <v>1468</v>
      </c>
      <c r="R80" s="6">
        <v>519548</v>
      </c>
      <c r="S80" s="6">
        <v>7245</v>
      </c>
    </row>
    <row r="81" spans="1:19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130</v>
      </c>
      <c r="F81" s="9" t="s">
        <v>144</v>
      </c>
      <c r="G81" s="6">
        <v>618214</v>
      </c>
      <c r="H81" s="6">
        <v>6074</v>
      </c>
      <c r="I81" s="6">
        <v>73143</v>
      </c>
      <c r="J81" s="6">
        <v>471883</v>
      </c>
      <c r="K81" s="10" t="s">
        <v>55</v>
      </c>
      <c r="L81" s="6">
        <v>998</v>
      </c>
      <c r="M81" s="6">
        <v>58014</v>
      </c>
      <c r="N81" s="6">
        <v>468</v>
      </c>
      <c r="O81" s="6">
        <v>740</v>
      </c>
      <c r="P81" s="6">
        <v>284</v>
      </c>
      <c r="Q81" s="6">
        <v>541</v>
      </c>
      <c r="R81" s="6">
        <v>6066</v>
      </c>
      <c r="S81" s="6">
        <v>3</v>
      </c>
    </row>
    <row r="82" spans="1:19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55</v>
      </c>
      <c r="F82" s="9" t="s">
        <v>145</v>
      </c>
      <c r="G82" s="6">
        <v>837413</v>
      </c>
      <c r="H82" s="6">
        <v>644</v>
      </c>
      <c r="I82" s="6">
        <v>3659</v>
      </c>
      <c r="J82" s="6">
        <v>68511</v>
      </c>
      <c r="K82" s="6">
        <v>3135</v>
      </c>
      <c r="L82" s="6">
        <v>1586</v>
      </c>
      <c r="M82" s="6">
        <v>48</v>
      </c>
      <c r="N82" s="6">
        <v>73</v>
      </c>
      <c r="O82" s="6">
        <v>3128</v>
      </c>
      <c r="P82" s="6">
        <v>154</v>
      </c>
      <c r="Q82" s="6">
        <v>53</v>
      </c>
      <c r="R82" s="6">
        <v>7244</v>
      </c>
      <c r="S82" s="6">
        <v>749178</v>
      </c>
    </row>
    <row r="83" spans="1:19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55</v>
      </c>
      <c r="F83" s="9" t="s">
        <v>146</v>
      </c>
      <c r="G83" s="6">
        <v>757213</v>
      </c>
      <c r="H83" s="6">
        <v>1552</v>
      </c>
      <c r="I83" s="6">
        <v>834</v>
      </c>
      <c r="J83" s="6">
        <v>36743</v>
      </c>
      <c r="K83" s="6">
        <v>6146</v>
      </c>
      <c r="L83" s="6">
        <v>1727</v>
      </c>
      <c r="M83" s="6">
        <v>16</v>
      </c>
      <c r="N83" s="6">
        <v>669933</v>
      </c>
      <c r="O83" s="6">
        <v>8591</v>
      </c>
      <c r="P83" s="6">
        <v>192</v>
      </c>
      <c r="Q83" s="6">
        <v>58</v>
      </c>
      <c r="R83" s="6">
        <v>31418</v>
      </c>
      <c r="S83" s="6">
        <v>3</v>
      </c>
    </row>
    <row r="84" spans="1:19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55</v>
      </c>
      <c r="F84" s="9" t="s">
        <v>147</v>
      </c>
      <c r="G84" s="6">
        <v>3584329</v>
      </c>
      <c r="H84" s="6">
        <v>40414</v>
      </c>
      <c r="I84" s="6">
        <v>119970</v>
      </c>
      <c r="J84" s="6">
        <v>1375462</v>
      </c>
      <c r="K84" s="6">
        <v>77534</v>
      </c>
      <c r="L84" s="6">
        <v>7277</v>
      </c>
      <c r="M84" s="6">
        <v>327</v>
      </c>
      <c r="N84" s="6">
        <v>3074</v>
      </c>
      <c r="O84" s="6">
        <v>1673747</v>
      </c>
      <c r="P84" s="6">
        <v>4958</v>
      </c>
      <c r="Q84" s="6">
        <v>57749</v>
      </c>
      <c r="R84" s="6">
        <v>223765</v>
      </c>
      <c r="S84" s="6">
        <v>52</v>
      </c>
    </row>
    <row r="85" spans="1:19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55</v>
      </c>
      <c r="F85" s="9" t="s">
        <v>148</v>
      </c>
      <c r="G85" s="6">
        <v>20962963</v>
      </c>
      <c r="H85" s="6">
        <v>140839</v>
      </c>
      <c r="I85" s="6">
        <v>4937876</v>
      </c>
      <c r="J85" s="6">
        <v>5640880</v>
      </c>
      <c r="K85" s="6">
        <v>3051028</v>
      </c>
      <c r="L85" s="6">
        <v>4677820</v>
      </c>
      <c r="M85" s="6">
        <v>85860</v>
      </c>
      <c r="N85" s="6">
        <v>19724</v>
      </c>
      <c r="O85" s="6">
        <v>614795</v>
      </c>
      <c r="P85" s="6">
        <v>72709</v>
      </c>
      <c r="Q85" s="6">
        <v>12342</v>
      </c>
      <c r="R85" s="6">
        <v>1699108</v>
      </c>
      <c r="S85" s="6">
        <v>9982</v>
      </c>
    </row>
    <row r="86" spans="1:19">
      <c r="A86" s="9" t="s">
        <v>27</v>
      </c>
      <c r="B86" s="9" t="s">
        <v>57</v>
      </c>
      <c r="C86" s="9" t="s">
        <v>58</v>
      </c>
      <c r="D86" s="9" t="s">
        <v>6</v>
      </c>
      <c r="E86" s="9" t="s">
        <v>55</v>
      </c>
      <c r="F86" s="9" t="s">
        <v>6</v>
      </c>
      <c r="G86" s="6">
        <v>819259</v>
      </c>
      <c r="H86" s="6">
        <v>16188</v>
      </c>
      <c r="I86" s="6">
        <v>142959</v>
      </c>
      <c r="J86" s="6">
        <v>142476</v>
      </c>
      <c r="K86" s="6">
        <v>89990</v>
      </c>
      <c r="L86" s="6">
        <v>104583</v>
      </c>
      <c r="M86" s="6">
        <v>15986</v>
      </c>
      <c r="N86" s="6">
        <v>68682</v>
      </c>
      <c r="O86" s="6">
        <v>100501</v>
      </c>
      <c r="P86" s="6">
        <v>27302</v>
      </c>
      <c r="Q86" s="6">
        <v>41529</v>
      </c>
      <c r="R86" s="6">
        <v>53177</v>
      </c>
      <c r="S86" s="6">
        <v>15886</v>
      </c>
    </row>
    <row r="87" spans="1:19">
      <c r="A87" s="9" t="s">
        <v>27</v>
      </c>
      <c r="B87" s="9" t="s">
        <v>57</v>
      </c>
      <c r="C87" s="9" t="s">
        <v>58</v>
      </c>
      <c r="D87" s="9" t="s">
        <v>6</v>
      </c>
      <c r="E87" s="9" t="s">
        <v>122</v>
      </c>
      <c r="F87" s="9" t="s">
        <v>123</v>
      </c>
      <c r="G87" s="6">
        <v>67973</v>
      </c>
      <c r="H87" s="6">
        <v>313</v>
      </c>
      <c r="I87" s="6">
        <v>138</v>
      </c>
      <c r="J87" s="6">
        <v>1480</v>
      </c>
      <c r="K87" s="6">
        <v>277</v>
      </c>
      <c r="L87" s="6">
        <v>37</v>
      </c>
      <c r="M87" s="6">
        <v>4</v>
      </c>
      <c r="N87" s="6">
        <v>63373</v>
      </c>
      <c r="O87" s="6">
        <v>435</v>
      </c>
      <c r="P87" s="6">
        <v>156</v>
      </c>
      <c r="Q87" s="6">
        <v>31</v>
      </c>
      <c r="R87" s="6">
        <v>1729</v>
      </c>
      <c r="S87" s="10" t="s">
        <v>55</v>
      </c>
    </row>
    <row r="88" spans="1:19">
      <c r="A88" s="9" t="s">
        <v>27</v>
      </c>
      <c r="B88" s="9" t="s">
        <v>57</v>
      </c>
      <c r="C88" s="9" t="s">
        <v>58</v>
      </c>
      <c r="D88" s="9" t="s">
        <v>6</v>
      </c>
      <c r="E88" s="9" t="s">
        <v>122</v>
      </c>
      <c r="F88" s="9" t="s">
        <v>124</v>
      </c>
      <c r="G88" s="6">
        <v>65575</v>
      </c>
      <c r="H88" s="6">
        <v>240</v>
      </c>
      <c r="I88" s="6">
        <v>85</v>
      </c>
      <c r="J88" s="6">
        <v>989</v>
      </c>
      <c r="K88" s="6">
        <v>241</v>
      </c>
      <c r="L88" s="6">
        <v>36</v>
      </c>
      <c r="M88" s="6">
        <v>2</v>
      </c>
      <c r="N88" s="6">
        <v>61843</v>
      </c>
      <c r="O88" s="6">
        <v>354</v>
      </c>
      <c r="P88" s="6">
        <v>75</v>
      </c>
      <c r="Q88" s="6">
        <v>20</v>
      </c>
      <c r="R88" s="6">
        <v>1690</v>
      </c>
      <c r="S88" s="10" t="s">
        <v>55</v>
      </c>
    </row>
    <row r="89" spans="1:19">
      <c r="A89" s="9" t="s">
        <v>27</v>
      </c>
      <c r="B89" s="9" t="s">
        <v>57</v>
      </c>
      <c r="C89" s="9" t="s">
        <v>58</v>
      </c>
      <c r="D89" s="9" t="s">
        <v>6</v>
      </c>
      <c r="E89" s="9" t="s">
        <v>122</v>
      </c>
      <c r="F89" s="9" t="s">
        <v>125</v>
      </c>
      <c r="G89" s="6">
        <v>3795</v>
      </c>
      <c r="H89" s="6">
        <v>44</v>
      </c>
      <c r="I89" s="6">
        <v>3</v>
      </c>
      <c r="J89" s="6">
        <v>122</v>
      </c>
      <c r="K89" s="6">
        <v>28</v>
      </c>
      <c r="L89" s="6">
        <v>8</v>
      </c>
      <c r="M89" s="6">
        <v>4</v>
      </c>
      <c r="N89" s="6">
        <v>3410</v>
      </c>
      <c r="O89" s="6">
        <v>108</v>
      </c>
      <c r="P89" s="6">
        <v>8</v>
      </c>
      <c r="Q89" s="6">
        <v>1</v>
      </c>
      <c r="R89" s="6">
        <v>59</v>
      </c>
      <c r="S89" s="10" t="s">
        <v>55</v>
      </c>
    </row>
    <row r="90" spans="1:19">
      <c r="A90" s="9" t="s">
        <v>27</v>
      </c>
      <c r="B90" s="9" t="s">
        <v>57</v>
      </c>
      <c r="C90" s="9" t="s">
        <v>58</v>
      </c>
      <c r="D90" s="9" t="s">
        <v>6</v>
      </c>
      <c r="E90" s="9" t="s">
        <v>126</v>
      </c>
      <c r="F90" s="9" t="s">
        <v>127</v>
      </c>
      <c r="G90" s="6">
        <v>330</v>
      </c>
      <c r="H90" s="6">
        <v>15</v>
      </c>
      <c r="I90" s="10" t="s">
        <v>55</v>
      </c>
      <c r="J90" s="6">
        <v>63</v>
      </c>
      <c r="K90" s="6">
        <v>11</v>
      </c>
      <c r="L90" s="6">
        <v>1</v>
      </c>
      <c r="M90" s="10" t="s">
        <v>55</v>
      </c>
      <c r="N90" s="10" t="s">
        <v>55</v>
      </c>
      <c r="O90" s="6">
        <v>24</v>
      </c>
      <c r="P90" s="6">
        <v>183</v>
      </c>
      <c r="Q90" s="6">
        <v>9</v>
      </c>
      <c r="R90" s="6">
        <v>24</v>
      </c>
      <c r="S90" s="10" t="s">
        <v>55</v>
      </c>
    </row>
    <row r="91" spans="1:19">
      <c r="A91" s="9" t="s">
        <v>27</v>
      </c>
      <c r="B91" s="9" t="s">
        <v>57</v>
      </c>
      <c r="C91" s="9" t="s">
        <v>58</v>
      </c>
      <c r="D91" s="9" t="s">
        <v>6</v>
      </c>
      <c r="E91" s="9" t="s">
        <v>126</v>
      </c>
      <c r="F91" s="9" t="s">
        <v>128</v>
      </c>
      <c r="G91" s="6">
        <v>66649</v>
      </c>
      <c r="H91" s="6">
        <v>3085</v>
      </c>
      <c r="I91" s="6">
        <v>3679</v>
      </c>
      <c r="J91" s="6">
        <v>10836</v>
      </c>
      <c r="K91" s="6">
        <v>2661</v>
      </c>
      <c r="L91" s="6">
        <v>58</v>
      </c>
      <c r="M91" s="6">
        <v>38</v>
      </c>
      <c r="N91" s="6">
        <v>267</v>
      </c>
      <c r="O91" s="6">
        <v>4949</v>
      </c>
      <c r="P91" s="6">
        <v>2724</v>
      </c>
      <c r="Q91" s="6">
        <v>37734</v>
      </c>
      <c r="R91" s="6">
        <v>617</v>
      </c>
      <c r="S91" s="6">
        <v>1</v>
      </c>
    </row>
    <row r="92" spans="1:19">
      <c r="A92" s="9" t="s">
        <v>27</v>
      </c>
      <c r="B92" s="9" t="s">
        <v>57</v>
      </c>
      <c r="C92" s="9" t="s">
        <v>58</v>
      </c>
      <c r="D92" s="9" t="s">
        <v>6</v>
      </c>
      <c r="E92" s="9" t="s">
        <v>126</v>
      </c>
      <c r="F92" s="9" t="s">
        <v>129</v>
      </c>
      <c r="G92" s="6">
        <v>102986</v>
      </c>
      <c r="H92" s="6">
        <v>1862</v>
      </c>
      <c r="I92" s="6">
        <v>6698</v>
      </c>
      <c r="J92" s="6">
        <v>14279</v>
      </c>
      <c r="K92" s="6">
        <v>3399</v>
      </c>
      <c r="L92" s="6">
        <v>76</v>
      </c>
      <c r="M92" s="6">
        <v>81</v>
      </c>
      <c r="N92" s="6">
        <v>163</v>
      </c>
      <c r="O92" s="6">
        <v>69369</v>
      </c>
      <c r="P92" s="6">
        <v>1428</v>
      </c>
      <c r="Q92" s="6">
        <v>418</v>
      </c>
      <c r="R92" s="6">
        <v>5213</v>
      </c>
      <c r="S92" s="10" t="s">
        <v>55</v>
      </c>
    </row>
    <row r="93" spans="1:19">
      <c r="A93" s="9" t="s">
        <v>27</v>
      </c>
      <c r="B93" s="9" t="s">
        <v>57</v>
      </c>
      <c r="C93" s="9" t="s">
        <v>58</v>
      </c>
      <c r="D93" s="9" t="s">
        <v>6</v>
      </c>
      <c r="E93" s="9" t="s">
        <v>130</v>
      </c>
      <c r="F93" s="9" t="s">
        <v>131</v>
      </c>
      <c r="G93" s="6">
        <v>3232</v>
      </c>
      <c r="H93" s="6">
        <v>76</v>
      </c>
      <c r="I93" s="6">
        <v>374</v>
      </c>
      <c r="J93" s="6">
        <v>1223</v>
      </c>
      <c r="K93" s="6">
        <v>181</v>
      </c>
      <c r="L93" s="6">
        <v>4</v>
      </c>
      <c r="M93" s="6">
        <v>7</v>
      </c>
      <c r="N93" s="6">
        <v>1</v>
      </c>
      <c r="O93" s="6">
        <v>209</v>
      </c>
      <c r="P93" s="6">
        <v>703</v>
      </c>
      <c r="Q93" s="6">
        <v>374</v>
      </c>
      <c r="R93" s="6">
        <v>80</v>
      </c>
      <c r="S93" s="10" t="s">
        <v>55</v>
      </c>
    </row>
    <row r="94" spans="1:19">
      <c r="A94" s="9" t="s">
        <v>27</v>
      </c>
      <c r="B94" s="9" t="s">
        <v>57</v>
      </c>
      <c r="C94" s="9" t="s">
        <v>58</v>
      </c>
      <c r="D94" s="9" t="s">
        <v>6</v>
      </c>
      <c r="E94" s="9" t="s">
        <v>130</v>
      </c>
      <c r="F94" s="9" t="s">
        <v>132</v>
      </c>
      <c r="G94" s="6">
        <v>9908</v>
      </c>
      <c r="H94" s="6">
        <v>309</v>
      </c>
      <c r="I94" s="6">
        <v>5663</v>
      </c>
      <c r="J94" s="6">
        <v>2453</v>
      </c>
      <c r="K94" s="6">
        <v>964</v>
      </c>
      <c r="L94" s="6">
        <v>22</v>
      </c>
      <c r="M94" s="6">
        <v>5</v>
      </c>
      <c r="N94" s="10" t="s">
        <v>55</v>
      </c>
      <c r="O94" s="6">
        <v>297</v>
      </c>
      <c r="P94" s="6">
        <v>22</v>
      </c>
      <c r="Q94" s="6">
        <v>102</v>
      </c>
      <c r="R94" s="6">
        <v>67</v>
      </c>
      <c r="S94" s="6">
        <v>4</v>
      </c>
    </row>
    <row r="95" spans="1:19">
      <c r="A95" s="9" t="s">
        <v>27</v>
      </c>
      <c r="B95" s="9" t="s">
        <v>57</v>
      </c>
      <c r="C95" s="9" t="s">
        <v>58</v>
      </c>
      <c r="D95" s="9" t="s">
        <v>6</v>
      </c>
      <c r="E95" s="9" t="s">
        <v>130</v>
      </c>
      <c r="F95" s="9" t="s">
        <v>133</v>
      </c>
      <c r="G95" s="6">
        <v>31966</v>
      </c>
      <c r="H95" s="6">
        <v>680</v>
      </c>
      <c r="I95" s="6">
        <v>136</v>
      </c>
      <c r="J95" s="6">
        <v>5638</v>
      </c>
      <c r="K95" s="6">
        <v>368</v>
      </c>
      <c r="L95" s="6">
        <v>211</v>
      </c>
      <c r="M95" s="6">
        <v>148</v>
      </c>
      <c r="N95" s="6">
        <v>8</v>
      </c>
      <c r="O95" s="6">
        <v>556</v>
      </c>
      <c r="P95" s="6">
        <v>17010</v>
      </c>
      <c r="Q95" s="6">
        <v>212</v>
      </c>
      <c r="R95" s="6">
        <v>6993</v>
      </c>
      <c r="S95" s="6">
        <v>6</v>
      </c>
    </row>
    <row r="96" spans="1:19">
      <c r="A96" s="9" t="s">
        <v>27</v>
      </c>
      <c r="B96" s="9" t="s">
        <v>57</v>
      </c>
      <c r="C96" s="9" t="s">
        <v>58</v>
      </c>
      <c r="D96" s="9" t="s">
        <v>6</v>
      </c>
      <c r="E96" s="9" t="s">
        <v>130</v>
      </c>
      <c r="F96" s="9" t="s">
        <v>134</v>
      </c>
      <c r="G96" s="6">
        <v>120546</v>
      </c>
      <c r="H96" s="6">
        <v>3079</v>
      </c>
      <c r="I96" s="6">
        <v>3093</v>
      </c>
      <c r="J96" s="6">
        <v>19912</v>
      </c>
      <c r="K96" s="6">
        <v>63645</v>
      </c>
      <c r="L96" s="6">
        <v>751</v>
      </c>
      <c r="M96" s="6">
        <v>68</v>
      </c>
      <c r="N96" s="6">
        <v>264</v>
      </c>
      <c r="O96" s="6">
        <v>14584</v>
      </c>
      <c r="P96" s="6">
        <v>630</v>
      </c>
      <c r="Q96" s="6">
        <v>940</v>
      </c>
      <c r="R96" s="6">
        <v>13580</v>
      </c>
      <c r="S96" s="10" t="s">
        <v>55</v>
      </c>
    </row>
    <row r="97" spans="1:19">
      <c r="A97" s="9" t="s">
        <v>27</v>
      </c>
      <c r="B97" s="9" t="s">
        <v>57</v>
      </c>
      <c r="C97" s="9" t="s">
        <v>58</v>
      </c>
      <c r="D97" s="9" t="s">
        <v>6</v>
      </c>
      <c r="E97" s="9" t="s">
        <v>130</v>
      </c>
      <c r="F97" s="9" t="s">
        <v>135</v>
      </c>
      <c r="G97" s="6">
        <v>15288</v>
      </c>
      <c r="H97" s="6">
        <v>394</v>
      </c>
      <c r="I97" s="6">
        <v>309</v>
      </c>
      <c r="J97" s="6">
        <v>7359</v>
      </c>
      <c r="K97" s="6">
        <v>7113</v>
      </c>
      <c r="L97" s="6">
        <v>50</v>
      </c>
      <c r="M97" s="6">
        <v>2</v>
      </c>
      <c r="N97" s="10" t="s">
        <v>55</v>
      </c>
      <c r="O97" s="6">
        <v>7</v>
      </c>
      <c r="P97" s="6">
        <v>28</v>
      </c>
      <c r="Q97" s="10" t="s">
        <v>55</v>
      </c>
      <c r="R97" s="6">
        <v>24</v>
      </c>
      <c r="S97" s="6">
        <v>2</v>
      </c>
    </row>
    <row r="98" spans="1:19">
      <c r="A98" s="9" t="s">
        <v>27</v>
      </c>
      <c r="B98" s="9" t="s">
        <v>57</v>
      </c>
      <c r="C98" s="9" t="s">
        <v>58</v>
      </c>
      <c r="D98" s="9" t="s">
        <v>6</v>
      </c>
      <c r="E98" s="9" t="s">
        <v>130</v>
      </c>
      <c r="F98" s="9" t="s">
        <v>136</v>
      </c>
      <c r="G98" s="6">
        <v>12585</v>
      </c>
      <c r="H98" s="6">
        <v>906</v>
      </c>
      <c r="I98" s="6">
        <v>173</v>
      </c>
      <c r="J98" s="6">
        <v>3137</v>
      </c>
      <c r="K98" s="6">
        <v>4722</v>
      </c>
      <c r="L98" s="6">
        <v>2284</v>
      </c>
      <c r="M98" s="6">
        <v>28</v>
      </c>
      <c r="N98" s="6">
        <v>9</v>
      </c>
      <c r="O98" s="6">
        <v>357</v>
      </c>
      <c r="P98" s="6">
        <v>246</v>
      </c>
      <c r="Q98" s="6">
        <v>105</v>
      </c>
      <c r="R98" s="6">
        <v>618</v>
      </c>
      <c r="S98" s="10" t="s">
        <v>55</v>
      </c>
    </row>
    <row r="99" spans="1:19">
      <c r="A99" s="9" t="s">
        <v>27</v>
      </c>
      <c r="B99" s="9" t="s">
        <v>57</v>
      </c>
      <c r="C99" s="9" t="s">
        <v>58</v>
      </c>
      <c r="D99" s="9" t="s">
        <v>6</v>
      </c>
      <c r="E99" s="9" t="s">
        <v>130</v>
      </c>
      <c r="F99" s="9" t="s">
        <v>137</v>
      </c>
      <c r="G99" s="6">
        <v>20488</v>
      </c>
      <c r="H99" s="6">
        <v>490</v>
      </c>
      <c r="I99" s="6">
        <v>9377</v>
      </c>
      <c r="J99" s="6">
        <v>6554</v>
      </c>
      <c r="K99" s="6">
        <v>877</v>
      </c>
      <c r="L99" s="6">
        <v>461</v>
      </c>
      <c r="M99" s="6">
        <v>32</v>
      </c>
      <c r="N99" s="6">
        <v>247</v>
      </c>
      <c r="O99" s="6">
        <v>1243</v>
      </c>
      <c r="P99" s="6">
        <v>107</v>
      </c>
      <c r="Q99" s="6">
        <v>917</v>
      </c>
      <c r="R99" s="6">
        <v>181</v>
      </c>
      <c r="S99" s="6">
        <v>2</v>
      </c>
    </row>
    <row r="100" spans="1:19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130</v>
      </c>
      <c r="F100" s="9" t="s">
        <v>138</v>
      </c>
      <c r="G100" s="6">
        <v>42226</v>
      </c>
      <c r="H100" s="6">
        <v>740</v>
      </c>
      <c r="I100" s="6">
        <v>424</v>
      </c>
      <c r="J100" s="6">
        <v>1364</v>
      </c>
      <c r="K100" s="6">
        <v>1561</v>
      </c>
      <c r="L100" s="6">
        <v>34691</v>
      </c>
      <c r="M100" s="6">
        <v>61</v>
      </c>
      <c r="N100" s="6">
        <v>31</v>
      </c>
      <c r="O100" s="6">
        <v>324</v>
      </c>
      <c r="P100" s="6">
        <v>117</v>
      </c>
      <c r="Q100" s="6">
        <v>17</v>
      </c>
      <c r="R100" s="6">
        <v>2896</v>
      </c>
      <c r="S100" s="10" t="s">
        <v>55</v>
      </c>
    </row>
    <row r="101" spans="1:19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130</v>
      </c>
      <c r="F101" s="9" t="s">
        <v>139</v>
      </c>
      <c r="G101" s="6">
        <v>28641</v>
      </c>
      <c r="H101" s="6">
        <v>426</v>
      </c>
      <c r="I101" s="6">
        <v>1132</v>
      </c>
      <c r="J101" s="6">
        <v>2621</v>
      </c>
      <c r="K101" s="6">
        <v>1645</v>
      </c>
      <c r="L101" s="6">
        <v>18609</v>
      </c>
      <c r="M101" s="6">
        <v>127</v>
      </c>
      <c r="N101" s="6">
        <v>442</v>
      </c>
      <c r="O101" s="6">
        <v>534</v>
      </c>
      <c r="P101" s="6">
        <v>640</v>
      </c>
      <c r="Q101" s="6">
        <v>12</v>
      </c>
      <c r="R101" s="6">
        <v>2453</v>
      </c>
      <c r="S101" s="10" t="s">
        <v>55</v>
      </c>
    </row>
    <row r="102" spans="1:19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130</v>
      </c>
      <c r="F102" s="9" t="s">
        <v>140</v>
      </c>
      <c r="G102" s="6">
        <v>39550</v>
      </c>
      <c r="H102" s="6">
        <v>267</v>
      </c>
      <c r="I102" s="6">
        <v>29535</v>
      </c>
      <c r="J102" s="6">
        <v>5808</v>
      </c>
      <c r="K102" s="6">
        <v>112</v>
      </c>
      <c r="L102" s="6">
        <v>2390</v>
      </c>
      <c r="M102" s="6">
        <v>79</v>
      </c>
      <c r="N102" s="6">
        <v>132</v>
      </c>
      <c r="O102" s="6">
        <v>101</v>
      </c>
      <c r="P102" s="6">
        <v>396</v>
      </c>
      <c r="Q102" s="6">
        <v>12</v>
      </c>
      <c r="R102" s="6">
        <v>704</v>
      </c>
      <c r="S102" s="6">
        <v>14</v>
      </c>
    </row>
    <row r="103" spans="1:19">
      <c r="A103" s="9" t="s">
        <v>27</v>
      </c>
      <c r="B103" s="9" t="s">
        <v>57</v>
      </c>
      <c r="C103" s="9" t="s">
        <v>58</v>
      </c>
      <c r="D103" s="9" t="s">
        <v>6</v>
      </c>
      <c r="E103" s="9" t="s">
        <v>130</v>
      </c>
      <c r="F103" s="9" t="s">
        <v>141</v>
      </c>
      <c r="G103" s="6">
        <v>141943</v>
      </c>
      <c r="H103" s="6">
        <v>1123</v>
      </c>
      <c r="I103" s="6">
        <v>75348</v>
      </c>
      <c r="J103" s="6">
        <v>16898</v>
      </c>
      <c r="K103" s="6">
        <v>225</v>
      </c>
      <c r="L103" s="6">
        <v>43244</v>
      </c>
      <c r="M103" s="6">
        <v>396</v>
      </c>
      <c r="N103" s="6">
        <v>91</v>
      </c>
      <c r="O103" s="6">
        <v>968</v>
      </c>
      <c r="P103" s="6">
        <v>1327</v>
      </c>
      <c r="Q103" s="6">
        <v>61</v>
      </c>
      <c r="R103" s="6">
        <v>2239</v>
      </c>
      <c r="S103" s="6">
        <v>23</v>
      </c>
    </row>
    <row r="104" spans="1:19">
      <c r="A104" s="9" t="s">
        <v>27</v>
      </c>
      <c r="B104" s="9" t="s">
        <v>57</v>
      </c>
      <c r="C104" s="9" t="s">
        <v>58</v>
      </c>
      <c r="D104" s="9" t="s">
        <v>6</v>
      </c>
      <c r="E104" s="9" t="s">
        <v>130</v>
      </c>
      <c r="F104" s="9" t="s">
        <v>142</v>
      </c>
      <c r="G104" s="6">
        <v>10095</v>
      </c>
      <c r="H104" s="6">
        <v>322</v>
      </c>
      <c r="I104" s="6">
        <v>483</v>
      </c>
      <c r="J104" s="6">
        <v>6263</v>
      </c>
      <c r="K104" s="6">
        <v>956</v>
      </c>
      <c r="L104" s="6">
        <v>41</v>
      </c>
      <c r="M104" s="6">
        <v>2</v>
      </c>
      <c r="N104" s="6">
        <v>67</v>
      </c>
      <c r="O104" s="6">
        <v>207</v>
      </c>
      <c r="P104" s="6">
        <v>33</v>
      </c>
      <c r="Q104" s="6">
        <v>6</v>
      </c>
      <c r="R104" s="6">
        <v>1713</v>
      </c>
      <c r="S104" s="6">
        <v>2</v>
      </c>
    </row>
    <row r="105" spans="1:19">
      <c r="A105" s="9" t="s">
        <v>27</v>
      </c>
      <c r="B105" s="9" t="s">
        <v>57</v>
      </c>
      <c r="C105" s="9" t="s">
        <v>58</v>
      </c>
      <c r="D105" s="9" t="s">
        <v>6</v>
      </c>
      <c r="E105" s="9" t="s">
        <v>130</v>
      </c>
      <c r="F105" s="9" t="s">
        <v>143</v>
      </c>
      <c r="G105" s="6">
        <v>47687</v>
      </c>
      <c r="H105" s="6">
        <v>1081</v>
      </c>
      <c r="I105" s="6">
        <v>3342</v>
      </c>
      <c r="J105" s="6">
        <v>14883</v>
      </c>
      <c r="K105" s="6">
        <v>1148</v>
      </c>
      <c r="L105" s="6">
        <v>1606</v>
      </c>
      <c r="M105" s="6">
        <v>4043</v>
      </c>
      <c r="N105" s="6">
        <v>98</v>
      </c>
      <c r="O105" s="6">
        <v>6071</v>
      </c>
      <c r="P105" s="6">
        <v>1399</v>
      </c>
      <c r="Q105" s="6">
        <v>368</v>
      </c>
      <c r="R105" s="6">
        <v>13474</v>
      </c>
      <c r="S105" s="6">
        <v>174</v>
      </c>
    </row>
    <row r="106" spans="1:19">
      <c r="A106" s="9" t="s">
        <v>27</v>
      </c>
      <c r="B106" s="9" t="s">
        <v>57</v>
      </c>
      <c r="C106" s="9" t="s">
        <v>58</v>
      </c>
      <c r="D106" s="9" t="s">
        <v>6</v>
      </c>
      <c r="E106" s="9" t="s">
        <v>130</v>
      </c>
      <c r="F106" s="9" t="s">
        <v>144</v>
      </c>
      <c r="G106" s="6">
        <v>36696</v>
      </c>
      <c r="H106" s="6">
        <v>961</v>
      </c>
      <c r="I106" s="6">
        <v>2995</v>
      </c>
      <c r="J106" s="6">
        <v>20962</v>
      </c>
      <c r="K106" s="10" t="s">
        <v>55</v>
      </c>
      <c r="L106" s="6">
        <v>15</v>
      </c>
      <c r="M106" s="6">
        <v>10857</v>
      </c>
      <c r="N106" s="6">
        <v>76</v>
      </c>
      <c r="O106" s="6">
        <v>88</v>
      </c>
      <c r="P106" s="6">
        <v>129</v>
      </c>
      <c r="Q106" s="6">
        <v>204</v>
      </c>
      <c r="R106" s="6">
        <v>409</v>
      </c>
      <c r="S106" s="10" t="s">
        <v>55</v>
      </c>
    </row>
    <row r="107" spans="1:19">
      <c r="A107" s="9" t="s">
        <v>27</v>
      </c>
      <c r="B107" s="9" t="s">
        <v>57</v>
      </c>
      <c r="C107" s="9" t="s">
        <v>58</v>
      </c>
      <c r="D107" s="9" t="s">
        <v>6</v>
      </c>
      <c r="E107" s="9" t="s">
        <v>55</v>
      </c>
      <c r="F107" s="9" t="s">
        <v>145</v>
      </c>
      <c r="G107" s="6">
        <v>16675</v>
      </c>
      <c r="H107" s="6">
        <v>15</v>
      </c>
      <c r="I107" s="6">
        <v>57</v>
      </c>
      <c r="J107" s="6">
        <v>621</v>
      </c>
      <c r="K107" s="6">
        <v>97</v>
      </c>
      <c r="L107" s="6">
        <v>24</v>
      </c>
      <c r="M107" s="6">
        <v>4</v>
      </c>
      <c r="N107" s="6">
        <v>3</v>
      </c>
      <c r="O107" s="6">
        <v>70</v>
      </c>
      <c r="P107" s="6">
        <v>16</v>
      </c>
      <c r="Q107" s="6">
        <v>6</v>
      </c>
      <c r="R107" s="6">
        <v>104</v>
      </c>
      <c r="S107" s="6">
        <v>15658</v>
      </c>
    </row>
    <row r="108" spans="1:19">
      <c r="A108" s="9" t="s">
        <v>27</v>
      </c>
      <c r="B108" s="9" t="s">
        <v>57</v>
      </c>
      <c r="C108" s="9" t="s">
        <v>58</v>
      </c>
      <c r="D108" s="9" t="s">
        <v>6</v>
      </c>
      <c r="E108" s="9" t="s">
        <v>55</v>
      </c>
      <c r="F108" s="9" t="s">
        <v>146</v>
      </c>
      <c r="G108" s="6">
        <v>71768</v>
      </c>
      <c r="H108" s="6">
        <v>357</v>
      </c>
      <c r="I108" s="6">
        <v>141</v>
      </c>
      <c r="J108" s="6">
        <v>1602</v>
      </c>
      <c r="K108" s="6">
        <v>305</v>
      </c>
      <c r="L108" s="6">
        <v>45</v>
      </c>
      <c r="M108" s="6">
        <v>8</v>
      </c>
      <c r="N108" s="6">
        <v>66783</v>
      </c>
      <c r="O108" s="6">
        <v>543</v>
      </c>
      <c r="P108" s="6">
        <v>164</v>
      </c>
      <c r="Q108" s="6">
        <v>32</v>
      </c>
      <c r="R108" s="6">
        <v>1788</v>
      </c>
      <c r="S108" s="10" t="s">
        <v>55</v>
      </c>
    </row>
    <row r="109" spans="1:19">
      <c r="A109" s="9" t="s">
        <v>27</v>
      </c>
      <c r="B109" s="9" t="s">
        <v>57</v>
      </c>
      <c r="C109" s="9" t="s">
        <v>58</v>
      </c>
      <c r="D109" s="9" t="s">
        <v>6</v>
      </c>
      <c r="E109" s="9" t="s">
        <v>55</v>
      </c>
      <c r="F109" s="9" t="s">
        <v>147</v>
      </c>
      <c r="G109" s="6">
        <v>169965</v>
      </c>
      <c r="H109" s="6">
        <v>4962</v>
      </c>
      <c r="I109" s="6">
        <v>10377</v>
      </c>
      <c r="J109" s="6">
        <v>25178</v>
      </c>
      <c r="K109" s="6">
        <v>6071</v>
      </c>
      <c r="L109" s="6">
        <v>135</v>
      </c>
      <c r="M109" s="6">
        <v>119</v>
      </c>
      <c r="N109" s="6">
        <v>430</v>
      </c>
      <c r="O109" s="6">
        <v>74342</v>
      </c>
      <c r="P109" s="6">
        <v>4335</v>
      </c>
      <c r="Q109" s="6">
        <v>38161</v>
      </c>
      <c r="R109" s="6">
        <v>5854</v>
      </c>
      <c r="S109" s="6">
        <v>1</v>
      </c>
    </row>
    <row r="110" spans="1:19">
      <c r="A110" s="9" t="s">
        <v>27</v>
      </c>
      <c r="B110" s="9" t="s">
        <v>57</v>
      </c>
      <c r="C110" s="9" t="s">
        <v>58</v>
      </c>
      <c r="D110" s="9" t="s">
        <v>6</v>
      </c>
      <c r="E110" s="9" t="s">
        <v>55</v>
      </c>
      <c r="F110" s="9" t="s">
        <v>148</v>
      </c>
      <c r="G110" s="6">
        <v>560851</v>
      </c>
      <c r="H110" s="6">
        <v>10854</v>
      </c>
      <c r="I110" s="6">
        <v>132384</v>
      </c>
      <c r="J110" s="6">
        <v>115075</v>
      </c>
      <c r="K110" s="6">
        <v>83517</v>
      </c>
      <c r="L110" s="6">
        <v>104379</v>
      </c>
      <c r="M110" s="6">
        <v>15855</v>
      </c>
      <c r="N110" s="6">
        <v>1466</v>
      </c>
      <c r="O110" s="6">
        <v>25546</v>
      </c>
      <c r="P110" s="6">
        <v>22787</v>
      </c>
      <c r="Q110" s="6">
        <v>3330</v>
      </c>
      <c r="R110" s="6">
        <v>45431</v>
      </c>
      <c r="S110" s="6">
        <v>227</v>
      </c>
    </row>
    <row r="111" spans="1:19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55</v>
      </c>
      <c r="F111" s="9" t="s">
        <v>6</v>
      </c>
      <c r="G111" s="6">
        <v>429368</v>
      </c>
      <c r="H111" s="6">
        <v>13342</v>
      </c>
      <c r="I111" s="6">
        <v>60271</v>
      </c>
      <c r="J111" s="6">
        <v>49669</v>
      </c>
      <c r="K111" s="6">
        <v>46511</v>
      </c>
      <c r="L111" s="6">
        <v>31628</v>
      </c>
      <c r="M111" s="6">
        <v>14662</v>
      </c>
      <c r="N111" s="6">
        <v>41592</v>
      </c>
      <c r="O111" s="6">
        <v>68271</v>
      </c>
      <c r="P111" s="6">
        <v>26425</v>
      </c>
      <c r="Q111" s="6">
        <v>40169</v>
      </c>
      <c r="R111" s="6">
        <v>28410</v>
      </c>
      <c r="S111" s="6">
        <v>8418</v>
      </c>
    </row>
    <row r="112" spans="1:19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122</v>
      </c>
      <c r="F112" s="9" t="s">
        <v>123</v>
      </c>
      <c r="G112" s="6">
        <v>39654</v>
      </c>
      <c r="H112" s="6">
        <v>271</v>
      </c>
      <c r="I112" s="6">
        <v>123</v>
      </c>
      <c r="J112" s="6">
        <v>458</v>
      </c>
      <c r="K112" s="6">
        <v>141</v>
      </c>
      <c r="L112" s="6">
        <v>15</v>
      </c>
      <c r="M112" s="6">
        <v>4</v>
      </c>
      <c r="N112" s="6">
        <v>37559</v>
      </c>
      <c r="O112" s="6">
        <v>246</v>
      </c>
      <c r="P112" s="6">
        <v>154</v>
      </c>
      <c r="Q112" s="6">
        <v>31</v>
      </c>
      <c r="R112" s="6">
        <v>652</v>
      </c>
      <c r="S112" s="10" t="s">
        <v>55</v>
      </c>
    </row>
    <row r="113" spans="1:19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122</v>
      </c>
      <c r="F113" s="9" t="s">
        <v>124</v>
      </c>
      <c r="G113" s="6">
        <v>37649</v>
      </c>
      <c r="H113" s="6">
        <v>203</v>
      </c>
      <c r="I113" s="6">
        <v>74</v>
      </c>
      <c r="J113" s="6">
        <v>216</v>
      </c>
      <c r="K113" s="6">
        <v>110</v>
      </c>
      <c r="L113" s="6">
        <v>14</v>
      </c>
      <c r="M113" s="6">
        <v>2</v>
      </c>
      <c r="N113" s="6">
        <v>36146</v>
      </c>
      <c r="O113" s="6">
        <v>174</v>
      </c>
      <c r="P113" s="6">
        <v>73</v>
      </c>
      <c r="Q113" s="6">
        <v>20</v>
      </c>
      <c r="R113" s="6">
        <v>617</v>
      </c>
      <c r="S113" s="10" t="s">
        <v>55</v>
      </c>
    </row>
    <row r="114" spans="1:19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122</v>
      </c>
      <c r="F114" s="9" t="s">
        <v>125</v>
      </c>
      <c r="G114" s="6">
        <v>2775</v>
      </c>
      <c r="H114" s="6">
        <v>35</v>
      </c>
      <c r="I114" s="6">
        <v>3</v>
      </c>
      <c r="J114" s="6">
        <v>21</v>
      </c>
      <c r="K114" s="6">
        <v>19</v>
      </c>
      <c r="L114" s="6">
        <v>3</v>
      </c>
      <c r="M114" s="6">
        <v>4</v>
      </c>
      <c r="N114" s="6">
        <v>2604</v>
      </c>
      <c r="O114" s="6">
        <v>44</v>
      </c>
      <c r="P114" s="6">
        <v>8</v>
      </c>
      <c r="Q114" s="6">
        <v>1</v>
      </c>
      <c r="R114" s="6">
        <v>33</v>
      </c>
      <c r="S114" s="10" t="s">
        <v>55</v>
      </c>
    </row>
    <row r="115" spans="1:19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126</v>
      </c>
      <c r="F115" s="9" t="s">
        <v>127</v>
      </c>
      <c r="G115" s="6">
        <v>274</v>
      </c>
      <c r="H115" s="6">
        <v>12</v>
      </c>
      <c r="I115" s="10" t="s">
        <v>55</v>
      </c>
      <c r="J115" s="6">
        <v>21</v>
      </c>
      <c r="K115" s="6">
        <v>11</v>
      </c>
      <c r="L115" s="10" t="s">
        <v>55</v>
      </c>
      <c r="M115" s="10" t="s">
        <v>55</v>
      </c>
      <c r="N115" s="10" t="s">
        <v>55</v>
      </c>
      <c r="O115" s="6">
        <v>21</v>
      </c>
      <c r="P115" s="6">
        <v>181</v>
      </c>
      <c r="Q115" s="6">
        <v>9</v>
      </c>
      <c r="R115" s="6">
        <v>19</v>
      </c>
      <c r="S115" s="10" t="s">
        <v>55</v>
      </c>
    </row>
    <row r="116" spans="1:19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126</v>
      </c>
      <c r="F116" s="9" t="s">
        <v>128</v>
      </c>
      <c r="G116" s="6">
        <v>54961</v>
      </c>
      <c r="H116" s="6">
        <v>2703</v>
      </c>
      <c r="I116" s="6">
        <v>3391</v>
      </c>
      <c r="J116" s="6">
        <v>1967</v>
      </c>
      <c r="K116" s="6">
        <v>2388</v>
      </c>
      <c r="L116" s="6">
        <v>19</v>
      </c>
      <c r="M116" s="6">
        <v>36</v>
      </c>
      <c r="N116" s="6">
        <v>243</v>
      </c>
      <c r="O116" s="6">
        <v>4507</v>
      </c>
      <c r="P116" s="6">
        <v>2684</v>
      </c>
      <c r="Q116" s="6">
        <v>36584</v>
      </c>
      <c r="R116" s="6">
        <v>438</v>
      </c>
      <c r="S116" s="6">
        <v>1</v>
      </c>
    </row>
    <row r="117" spans="1:19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126</v>
      </c>
      <c r="F117" s="9" t="s">
        <v>129</v>
      </c>
      <c r="G117" s="6">
        <v>67626</v>
      </c>
      <c r="H117" s="6">
        <v>1635</v>
      </c>
      <c r="I117" s="6">
        <v>5884</v>
      </c>
      <c r="J117" s="6">
        <v>6466</v>
      </c>
      <c r="K117" s="6">
        <v>2877</v>
      </c>
      <c r="L117" s="6">
        <v>20</v>
      </c>
      <c r="M117" s="6">
        <v>78</v>
      </c>
      <c r="N117" s="6">
        <v>118</v>
      </c>
      <c r="O117" s="6">
        <v>46052</v>
      </c>
      <c r="P117" s="6">
        <v>1397</v>
      </c>
      <c r="Q117" s="6">
        <v>393</v>
      </c>
      <c r="R117" s="6">
        <v>2706</v>
      </c>
      <c r="S117" s="10" t="s">
        <v>55</v>
      </c>
    </row>
    <row r="118" spans="1:19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130</v>
      </c>
      <c r="F118" s="9" t="s">
        <v>131</v>
      </c>
      <c r="G118" s="6">
        <v>2704</v>
      </c>
      <c r="H118" s="6">
        <v>73</v>
      </c>
      <c r="I118" s="6">
        <v>344</v>
      </c>
      <c r="J118" s="6">
        <v>807</v>
      </c>
      <c r="K118" s="6">
        <v>141</v>
      </c>
      <c r="L118" s="6">
        <v>4</v>
      </c>
      <c r="M118" s="6">
        <v>7</v>
      </c>
      <c r="N118" s="6">
        <v>1</v>
      </c>
      <c r="O118" s="6">
        <v>204</v>
      </c>
      <c r="P118" s="6">
        <v>686</v>
      </c>
      <c r="Q118" s="6">
        <v>364</v>
      </c>
      <c r="R118" s="6">
        <v>73</v>
      </c>
      <c r="S118" s="10" t="s">
        <v>55</v>
      </c>
    </row>
    <row r="119" spans="1:19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130</v>
      </c>
      <c r="F119" s="9" t="s">
        <v>132</v>
      </c>
      <c r="G119" s="6">
        <v>6699</v>
      </c>
      <c r="H119" s="6">
        <v>279</v>
      </c>
      <c r="I119" s="6">
        <v>4307</v>
      </c>
      <c r="J119" s="6">
        <v>1004</v>
      </c>
      <c r="K119" s="6">
        <v>729</v>
      </c>
      <c r="L119" s="6">
        <v>8</v>
      </c>
      <c r="M119" s="6">
        <v>5</v>
      </c>
      <c r="N119" s="10" t="s">
        <v>55</v>
      </c>
      <c r="O119" s="6">
        <v>209</v>
      </c>
      <c r="P119" s="6">
        <v>22</v>
      </c>
      <c r="Q119" s="6">
        <v>100</v>
      </c>
      <c r="R119" s="6">
        <v>33</v>
      </c>
      <c r="S119" s="6">
        <v>3</v>
      </c>
    </row>
    <row r="120" spans="1:19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130</v>
      </c>
      <c r="F120" s="9" t="s">
        <v>133</v>
      </c>
      <c r="G120" s="6">
        <v>26628</v>
      </c>
      <c r="H120" s="6">
        <v>590</v>
      </c>
      <c r="I120" s="6">
        <v>121</v>
      </c>
      <c r="J120" s="6">
        <v>2758</v>
      </c>
      <c r="K120" s="6">
        <v>300</v>
      </c>
      <c r="L120" s="6">
        <v>102</v>
      </c>
      <c r="M120" s="6">
        <v>144</v>
      </c>
      <c r="N120" s="6">
        <v>8</v>
      </c>
      <c r="O120" s="6">
        <v>493</v>
      </c>
      <c r="P120" s="6">
        <v>16525</v>
      </c>
      <c r="Q120" s="6">
        <v>205</v>
      </c>
      <c r="R120" s="6">
        <v>5379</v>
      </c>
      <c r="S120" s="6">
        <v>3</v>
      </c>
    </row>
    <row r="121" spans="1:19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130</v>
      </c>
      <c r="F121" s="9" t="s">
        <v>134</v>
      </c>
      <c r="G121" s="6">
        <v>55963</v>
      </c>
      <c r="H121" s="6">
        <v>2560</v>
      </c>
      <c r="I121" s="6">
        <v>1467</v>
      </c>
      <c r="J121" s="6">
        <v>4840</v>
      </c>
      <c r="K121" s="6">
        <v>29756</v>
      </c>
      <c r="L121" s="6">
        <v>235</v>
      </c>
      <c r="M121" s="6">
        <v>66</v>
      </c>
      <c r="N121" s="6">
        <v>141</v>
      </c>
      <c r="O121" s="6">
        <v>8791</v>
      </c>
      <c r="P121" s="6">
        <v>597</v>
      </c>
      <c r="Q121" s="6">
        <v>891</v>
      </c>
      <c r="R121" s="6">
        <v>6619</v>
      </c>
      <c r="S121" s="10" t="s">
        <v>55</v>
      </c>
    </row>
    <row r="122" spans="1:19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130</v>
      </c>
      <c r="F122" s="9" t="s">
        <v>135</v>
      </c>
      <c r="G122" s="6">
        <v>6387</v>
      </c>
      <c r="H122" s="6">
        <v>352</v>
      </c>
      <c r="I122" s="6">
        <v>258</v>
      </c>
      <c r="J122" s="6">
        <v>2508</v>
      </c>
      <c r="K122" s="6">
        <v>3215</v>
      </c>
      <c r="L122" s="6">
        <v>11</v>
      </c>
      <c r="M122" s="6">
        <v>2</v>
      </c>
      <c r="N122" s="10" t="s">
        <v>55</v>
      </c>
      <c r="O122" s="6">
        <v>3</v>
      </c>
      <c r="P122" s="6">
        <v>28</v>
      </c>
      <c r="Q122" s="10" t="s">
        <v>55</v>
      </c>
      <c r="R122" s="6">
        <v>8</v>
      </c>
      <c r="S122" s="6">
        <v>2</v>
      </c>
    </row>
    <row r="123" spans="1:19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130</v>
      </c>
      <c r="F123" s="9" t="s">
        <v>136</v>
      </c>
      <c r="G123" s="6">
        <v>7110</v>
      </c>
      <c r="H123" s="6">
        <v>626</v>
      </c>
      <c r="I123" s="6">
        <v>91</v>
      </c>
      <c r="J123" s="6">
        <v>746</v>
      </c>
      <c r="K123" s="6">
        <v>3333</v>
      </c>
      <c r="L123" s="6">
        <v>1282</v>
      </c>
      <c r="M123" s="6">
        <v>28</v>
      </c>
      <c r="N123" s="6">
        <v>6</v>
      </c>
      <c r="O123" s="6">
        <v>319</v>
      </c>
      <c r="P123" s="6">
        <v>236</v>
      </c>
      <c r="Q123" s="6">
        <v>98</v>
      </c>
      <c r="R123" s="6">
        <v>345</v>
      </c>
      <c r="S123" s="10" t="s">
        <v>55</v>
      </c>
    </row>
    <row r="124" spans="1:19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130</v>
      </c>
      <c r="F124" s="9" t="s">
        <v>137</v>
      </c>
      <c r="G124" s="6">
        <v>12551</v>
      </c>
      <c r="H124" s="6">
        <v>425</v>
      </c>
      <c r="I124" s="6">
        <v>7419</v>
      </c>
      <c r="J124" s="6">
        <v>1969</v>
      </c>
      <c r="K124" s="6">
        <v>749</v>
      </c>
      <c r="L124" s="6">
        <v>30</v>
      </c>
      <c r="M124" s="6">
        <v>32</v>
      </c>
      <c r="N124" s="6">
        <v>131</v>
      </c>
      <c r="O124" s="6">
        <v>772</v>
      </c>
      <c r="P124" s="6">
        <v>99</v>
      </c>
      <c r="Q124" s="6">
        <v>837</v>
      </c>
      <c r="R124" s="6">
        <v>87</v>
      </c>
      <c r="S124" s="6">
        <v>1</v>
      </c>
    </row>
    <row r="125" spans="1:19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130</v>
      </c>
      <c r="F125" s="9" t="s">
        <v>138</v>
      </c>
      <c r="G125" s="6">
        <v>15477</v>
      </c>
      <c r="H125" s="6">
        <v>508</v>
      </c>
      <c r="I125" s="6">
        <v>62</v>
      </c>
      <c r="J125" s="6">
        <v>384</v>
      </c>
      <c r="K125" s="6">
        <v>448</v>
      </c>
      <c r="L125" s="6">
        <v>12981</v>
      </c>
      <c r="M125" s="6">
        <v>59</v>
      </c>
      <c r="N125" s="6">
        <v>23</v>
      </c>
      <c r="O125" s="6">
        <v>83</v>
      </c>
      <c r="P125" s="6">
        <v>113</v>
      </c>
      <c r="Q125" s="6">
        <v>17</v>
      </c>
      <c r="R125" s="6">
        <v>799</v>
      </c>
      <c r="S125" s="10" t="s">
        <v>55</v>
      </c>
    </row>
    <row r="126" spans="1:19">
      <c r="A126" s="9" t="s">
        <v>27</v>
      </c>
      <c r="B126" s="9" t="s">
        <v>57</v>
      </c>
      <c r="C126" s="9" t="s">
        <v>58</v>
      </c>
      <c r="D126" s="9" t="s">
        <v>53</v>
      </c>
      <c r="E126" s="9" t="s">
        <v>130</v>
      </c>
      <c r="F126" s="9" t="s">
        <v>139</v>
      </c>
      <c r="G126" s="6">
        <v>11428</v>
      </c>
      <c r="H126" s="6">
        <v>335</v>
      </c>
      <c r="I126" s="6">
        <v>594</v>
      </c>
      <c r="J126" s="6">
        <v>807</v>
      </c>
      <c r="K126" s="6">
        <v>572</v>
      </c>
      <c r="L126" s="6">
        <v>6917</v>
      </c>
      <c r="M126" s="6">
        <v>102</v>
      </c>
      <c r="N126" s="6">
        <v>394</v>
      </c>
      <c r="O126" s="6">
        <v>222</v>
      </c>
      <c r="P126" s="6">
        <v>544</v>
      </c>
      <c r="Q126" s="6">
        <v>12</v>
      </c>
      <c r="R126" s="6">
        <v>929</v>
      </c>
      <c r="S126" s="10" t="s">
        <v>55</v>
      </c>
    </row>
    <row r="127" spans="1:19">
      <c r="A127" s="9" t="s">
        <v>27</v>
      </c>
      <c r="B127" s="9" t="s">
        <v>57</v>
      </c>
      <c r="C127" s="9" t="s">
        <v>58</v>
      </c>
      <c r="D127" s="9" t="s">
        <v>53</v>
      </c>
      <c r="E127" s="9" t="s">
        <v>130</v>
      </c>
      <c r="F127" s="9" t="s">
        <v>140</v>
      </c>
      <c r="G127" s="6">
        <v>16490</v>
      </c>
      <c r="H127" s="6">
        <v>195</v>
      </c>
      <c r="I127" s="6">
        <v>13223</v>
      </c>
      <c r="J127" s="6">
        <v>1726</v>
      </c>
      <c r="K127" s="6">
        <v>58</v>
      </c>
      <c r="L127" s="6">
        <v>282</v>
      </c>
      <c r="M127" s="6">
        <v>63</v>
      </c>
      <c r="N127" s="6">
        <v>96</v>
      </c>
      <c r="O127" s="6">
        <v>55</v>
      </c>
      <c r="P127" s="6">
        <v>382</v>
      </c>
      <c r="Q127" s="6">
        <v>12</v>
      </c>
      <c r="R127" s="6">
        <v>392</v>
      </c>
      <c r="S127" s="6">
        <v>6</v>
      </c>
    </row>
    <row r="128" spans="1:19">
      <c r="A128" s="9" t="s">
        <v>27</v>
      </c>
      <c r="B128" s="9" t="s">
        <v>57</v>
      </c>
      <c r="C128" s="9" t="s">
        <v>58</v>
      </c>
      <c r="D128" s="9" t="s">
        <v>53</v>
      </c>
      <c r="E128" s="9" t="s">
        <v>130</v>
      </c>
      <c r="F128" s="9" t="s">
        <v>141</v>
      </c>
      <c r="G128" s="6">
        <v>34315</v>
      </c>
      <c r="H128" s="6">
        <v>693</v>
      </c>
      <c r="I128" s="6">
        <v>18430</v>
      </c>
      <c r="J128" s="6">
        <v>3229</v>
      </c>
      <c r="K128" s="6">
        <v>124</v>
      </c>
      <c r="L128" s="6">
        <v>9132</v>
      </c>
      <c r="M128" s="6">
        <v>332</v>
      </c>
      <c r="N128" s="6">
        <v>65</v>
      </c>
      <c r="O128" s="6">
        <v>421</v>
      </c>
      <c r="P128" s="6">
        <v>1240</v>
      </c>
      <c r="Q128" s="6">
        <v>59</v>
      </c>
      <c r="R128" s="6">
        <v>584</v>
      </c>
      <c r="S128" s="6">
        <v>6</v>
      </c>
    </row>
    <row r="129" spans="1:19">
      <c r="A129" s="9" t="s">
        <v>27</v>
      </c>
      <c r="B129" s="9" t="s">
        <v>57</v>
      </c>
      <c r="C129" s="9" t="s">
        <v>58</v>
      </c>
      <c r="D129" s="9" t="s">
        <v>53</v>
      </c>
      <c r="E129" s="9" t="s">
        <v>130</v>
      </c>
      <c r="F129" s="9" t="s">
        <v>142</v>
      </c>
      <c r="G129" s="6">
        <v>6158</v>
      </c>
      <c r="H129" s="6">
        <v>293</v>
      </c>
      <c r="I129" s="6">
        <v>426</v>
      </c>
      <c r="J129" s="6">
        <v>2983</v>
      </c>
      <c r="K129" s="6">
        <v>713</v>
      </c>
      <c r="L129" s="6">
        <v>19</v>
      </c>
      <c r="M129" s="6">
        <v>2</v>
      </c>
      <c r="N129" s="6">
        <v>53</v>
      </c>
      <c r="O129" s="6">
        <v>190</v>
      </c>
      <c r="P129" s="6">
        <v>28</v>
      </c>
      <c r="Q129" s="6">
        <v>6</v>
      </c>
      <c r="R129" s="6">
        <v>1443</v>
      </c>
      <c r="S129" s="6">
        <v>2</v>
      </c>
    </row>
    <row r="130" spans="1:19">
      <c r="A130" s="9" t="s">
        <v>27</v>
      </c>
      <c r="B130" s="9" t="s">
        <v>57</v>
      </c>
      <c r="C130" s="9" t="s">
        <v>58</v>
      </c>
      <c r="D130" s="9" t="s">
        <v>53</v>
      </c>
      <c r="E130" s="9" t="s">
        <v>130</v>
      </c>
      <c r="F130" s="9" t="s">
        <v>143</v>
      </c>
      <c r="G130" s="6">
        <v>27952</v>
      </c>
      <c r="H130" s="6">
        <v>885</v>
      </c>
      <c r="I130" s="6">
        <v>2568</v>
      </c>
      <c r="J130" s="6">
        <v>4251</v>
      </c>
      <c r="K130" s="6">
        <v>868</v>
      </c>
      <c r="L130" s="6">
        <v>556</v>
      </c>
      <c r="M130" s="6">
        <v>3869</v>
      </c>
      <c r="N130" s="6">
        <v>81</v>
      </c>
      <c r="O130" s="6">
        <v>5523</v>
      </c>
      <c r="P130" s="6">
        <v>1363</v>
      </c>
      <c r="Q130" s="6">
        <v>350</v>
      </c>
      <c r="R130" s="6">
        <v>7535</v>
      </c>
      <c r="S130" s="6">
        <v>103</v>
      </c>
    </row>
    <row r="131" spans="1:19">
      <c r="A131" s="9" t="s">
        <v>27</v>
      </c>
      <c r="B131" s="9" t="s">
        <v>57</v>
      </c>
      <c r="C131" s="9" t="s">
        <v>58</v>
      </c>
      <c r="D131" s="9" t="s">
        <v>53</v>
      </c>
      <c r="E131" s="9" t="s">
        <v>130</v>
      </c>
      <c r="F131" s="9" t="s">
        <v>144</v>
      </c>
      <c r="G131" s="6">
        <v>25521</v>
      </c>
      <c r="H131" s="6">
        <v>860</v>
      </c>
      <c r="I131" s="6">
        <v>1519</v>
      </c>
      <c r="J131" s="6">
        <v>12576</v>
      </c>
      <c r="K131" s="10" t="s">
        <v>55</v>
      </c>
      <c r="L131" s="6">
        <v>5</v>
      </c>
      <c r="M131" s="6">
        <v>9825</v>
      </c>
      <c r="N131" s="6">
        <v>66</v>
      </c>
      <c r="O131" s="6">
        <v>71</v>
      </c>
      <c r="P131" s="6">
        <v>124</v>
      </c>
      <c r="Q131" s="6">
        <v>195</v>
      </c>
      <c r="R131" s="6">
        <v>280</v>
      </c>
      <c r="S131" s="10" t="s">
        <v>55</v>
      </c>
    </row>
    <row r="132" spans="1:19">
      <c r="A132" s="9" t="s">
        <v>27</v>
      </c>
      <c r="B132" s="9" t="s">
        <v>57</v>
      </c>
      <c r="C132" s="9" t="s">
        <v>58</v>
      </c>
      <c r="D132" s="9" t="s">
        <v>53</v>
      </c>
      <c r="E132" s="9" t="s">
        <v>55</v>
      </c>
      <c r="F132" s="9" t="s">
        <v>145</v>
      </c>
      <c r="G132" s="6">
        <v>8695</v>
      </c>
      <c r="H132" s="6">
        <v>12</v>
      </c>
      <c r="I132" s="6">
        <v>41</v>
      </c>
      <c r="J132" s="6">
        <v>148</v>
      </c>
      <c r="K132" s="6">
        <v>69</v>
      </c>
      <c r="L132" s="6">
        <v>7</v>
      </c>
      <c r="M132" s="6">
        <v>4</v>
      </c>
      <c r="N132" s="6">
        <v>3</v>
      </c>
      <c r="O132" s="6">
        <v>45</v>
      </c>
      <c r="P132" s="6">
        <v>14</v>
      </c>
      <c r="Q132" s="6">
        <v>5</v>
      </c>
      <c r="R132" s="6">
        <v>56</v>
      </c>
      <c r="S132" s="6">
        <v>8291</v>
      </c>
    </row>
    <row r="133" spans="1:19">
      <c r="A133" s="9" t="s">
        <v>27</v>
      </c>
      <c r="B133" s="9" t="s">
        <v>57</v>
      </c>
      <c r="C133" s="9" t="s">
        <v>58</v>
      </c>
      <c r="D133" s="9" t="s">
        <v>53</v>
      </c>
      <c r="E133" s="9" t="s">
        <v>55</v>
      </c>
      <c r="F133" s="9" t="s">
        <v>146</v>
      </c>
      <c r="G133" s="6">
        <v>42429</v>
      </c>
      <c r="H133" s="6">
        <v>306</v>
      </c>
      <c r="I133" s="6">
        <v>126</v>
      </c>
      <c r="J133" s="6">
        <v>479</v>
      </c>
      <c r="K133" s="6">
        <v>160</v>
      </c>
      <c r="L133" s="6">
        <v>18</v>
      </c>
      <c r="M133" s="6">
        <v>8</v>
      </c>
      <c r="N133" s="6">
        <v>40163</v>
      </c>
      <c r="O133" s="6">
        <v>290</v>
      </c>
      <c r="P133" s="6">
        <v>162</v>
      </c>
      <c r="Q133" s="6">
        <v>32</v>
      </c>
      <c r="R133" s="6">
        <v>685</v>
      </c>
      <c r="S133" s="10" t="s">
        <v>55</v>
      </c>
    </row>
    <row r="134" spans="1:19">
      <c r="A134" s="9" t="s">
        <v>27</v>
      </c>
      <c r="B134" s="9" t="s">
        <v>57</v>
      </c>
      <c r="C134" s="9" t="s">
        <v>58</v>
      </c>
      <c r="D134" s="9" t="s">
        <v>53</v>
      </c>
      <c r="E134" s="9" t="s">
        <v>55</v>
      </c>
      <c r="F134" s="9" t="s">
        <v>147</v>
      </c>
      <c r="G134" s="6">
        <v>122861</v>
      </c>
      <c r="H134" s="6">
        <v>4350</v>
      </c>
      <c r="I134" s="6">
        <v>9275</v>
      </c>
      <c r="J134" s="6">
        <v>8454</v>
      </c>
      <c r="K134" s="6">
        <v>5276</v>
      </c>
      <c r="L134" s="6">
        <v>39</v>
      </c>
      <c r="M134" s="6">
        <v>114</v>
      </c>
      <c r="N134" s="6">
        <v>361</v>
      </c>
      <c r="O134" s="6">
        <v>50580</v>
      </c>
      <c r="P134" s="6">
        <v>4262</v>
      </c>
      <c r="Q134" s="6">
        <v>36986</v>
      </c>
      <c r="R134" s="6">
        <v>3163</v>
      </c>
      <c r="S134" s="6">
        <v>1</v>
      </c>
    </row>
    <row r="135" spans="1:19">
      <c r="A135" s="9" t="s">
        <v>27</v>
      </c>
      <c r="B135" s="9" t="s">
        <v>57</v>
      </c>
      <c r="C135" s="9" t="s">
        <v>58</v>
      </c>
      <c r="D135" s="9" t="s">
        <v>53</v>
      </c>
      <c r="E135" s="9" t="s">
        <v>55</v>
      </c>
      <c r="F135" s="9" t="s">
        <v>148</v>
      </c>
      <c r="G135" s="6">
        <v>255383</v>
      </c>
      <c r="H135" s="6">
        <v>8674</v>
      </c>
      <c r="I135" s="6">
        <v>50829</v>
      </c>
      <c r="J135" s="6">
        <v>40588</v>
      </c>
      <c r="K135" s="6">
        <v>41006</v>
      </c>
      <c r="L135" s="6">
        <v>31564</v>
      </c>
      <c r="M135" s="6">
        <v>14536</v>
      </c>
      <c r="N135" s="6">
        <v>1065</v>
      </c>
      <c r="O135" s="6">
        <v>17356</v>
      </c>
      <c r="P135" s="6">
        <v>21987</v>
      </c>
      <c r="Q135" s="6">
        <v>3146</v>
      </c>
      <c r="R135" s="6">
        <v>24506</v>
      </c>
      <c r="S135" s="6">
        <v>126</v>
      </c>
    </row>
    <row r="136" spans="1:19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55</v>
      </c>
      <c r="F136" s="9" t="s">
        <v>6</v>
      </c>
      <c r="G136" s="6">
        <v>389891</v>
      </c>
      <c r="H136" s="6">
        <v>2846</v>
      </c>
      <c r="I136" s="6">
        <v>82688</v>
      </c>
      <c r="J136" s="6">
        <v>92807</v>
      </c>
      <c r="K136" s="6">
        <v>43479</v>
      </c>
      <c r="L136" s="6">
        <v>72955</v>
      </c>
      <c r="M136" s="6">
        <v>1324</v>
      </c>
      <c r="N136" s="6">
        <v>27090</v>
      </c>
      <c r="O136" s="6">
        <v>32230</v>
      </c>
      <c r="P136" s="6">
        <v>877</v>
      </c>
      <c r="Q136" s="6">
        <v>1360</v>
      </c>
      <c r="R136" s="6">
        <v>24767</v>
      </c>
      <c r="S136" s="6">
        <v>7468</v>
      </c>
    </row>
    <row r="137" spans="1:19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122</v>
      </c>
      <c r="F137" s="9" t="s">
        <v>123</v>
      </c>
      <c r="G137" s="6">
        <v>28319</v>
      </c>
      <c r="H137" s="6">
        <v>42</v>
      </c>
      <c r="I137" s="6">
        <v>15</v>
      </c>
      <c r="J137" s="6">
        <v>1022</v>
      </c>
      <c r="K137" s="6">
        <v>136</v>
      </c>
      <c r="L137" s="6">
        <v>22</v>
      </c>
      <c r="M137" s="10" t="s">
        <v>55</v>
      </c>
      <c r="N137" s="6">
        <v>25814</v>
      </c>
      <c r="O137" s="6">
        <v>189</v>
      </c>
      <c r="P137" s="6">
        <v>2</v>
      </c>
      <c r="Q137" s="10" t="s">
        <v>55</v>
      </c>
      <c r="R137" s="6">
        <v>1077</v>
      </c>
      <c r="S137" s="10" t="s">
        <v>55</v>
      </c>
    </row>
    <row r="138" spans="1:19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122</v>
      </c>
      <c r="F138" s="9" t="s">
        <v>124</v>
      </c>
      <c r="G138" s="6">
        <v>27926</v>
      </c>
      <c r="H138" s="6">
        <v>37</v>
      </c>
      <c r="I138" s="6">
        <v>11</v>
      </c>
      <c r="J138" s="6">
        <v>773</v>
      </c>
      <c r="K138" s="6">
        <v>131</v>
      </c>
      <c r="L138" s="6">
        <v>22</v>
      </c>
      <c r="M138" s="10" t="s">
        <v>55</v>
      </c>
      <c r="N138" s="6">
        <v>25697</v>
      </c>
      <c r="O138" s="6">
        <v>180</v>
      </c>
      <c r="P138" s="6">
        <v>2</v>
      </c>
      <c r="Q138" s="10" t="s">
        <v>55</v>
      </c>
      <c r="R138" s="6">
        <v>1073</v>
      </c>
      <c r="S138" s="10" t="s">
        <v>55</v>
      </c>
    </row>
    <row r="139" spans="1:19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122</v>
      </c>
      <c r="F139" s="9" t="s">
        <v>125</v>
      </c>
      <c r="G139" s="6">
        <v>1020</v>
      </c>
      <c r="H139" s="6">
        <v>9</v>
      </c>
      <c r="I139" s="10" t="s">
        <v>55</v>
      </c>
      <c r="J139" s="6">
        <v>101</v>
      </c>
      <c r="K139" s="6">
        <v>9</v>
      </c>
      <c r="L139" s="6">
        <v>5</v>
      </c>
      <c r="M139" s="10" t="s">
        <v>55</v>
      </c>
      <c r="N139" s="6">
        <v>806</v>
      </c>
      <c r="O139" s="6">
        <v>64</v>
      </c>
      <c r="P139" s="10" t="s">
        <v>55</v>
      </c>
      <c r="Q139" s="10" t="s">
        <v>55</v>
      </c>
      <c r="R139" s="6">
        <v>26</v>
      </c>
      <c r="S139" s="10" t="s">
        <v>55</v>
      </c>
    </row>
    <row r="140" spans="1:19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126</v>
      </c>
      <c r="F140" s="9" t="s">
        <v>127</v>
      </c>
      <c r="G140" s="6">
        <v>56</v>
      </c>
      <c r="H140" s="6">
        <v>3</v>
      </c>
      <c r="I140" s="10" t="s">
        <v>55</v>
      </c>
      <c r="J140" s="6">
        <v>42</v>
      </c>
      <c r="K140" s="10" t="s">
        <v>55</v>
      </c>
      <c r="L140" s="6">
        <v>1</v>
      </c>
      <c r="M140" s="10" t="s">
        <v>55</v>
      </c>
      <c r="N140" s="10" t="s">
        <v>55</v>
      </c>
      <c r="O140" s="6">
        <v>3</v>
      </c>
      <c r="P140" s="6">
        <v>2</v>
      </c>
      <c r="Q140" s="10" t="s">
        <v>55</v>
      </c>
      <c r="R140" s="6">
        <v>5</v>
      </c>
      <c r="S140" s="10" t="s">
        <v>55</v>
      </c>
    </row>
    <row r="141" spans="1:19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126</v>
      </c>
      <c r="F141" s="9" t="s">
        <v>128</v>
      </c>
      <c r="G141" s="6">
        <v>11688</v>
      </c>
      <c r="H141" s="6">
        <v>382</v>
      </c>
      <c r="I141" s="6">
        <v>288</v>
      </c>
      <c r="J141" s="6">
        <v>8869</v>
      </c>
      <c r="K141" s="6">
        <v>273</v>
      </c>
      <c r="L141" s="6">
        <v>39</v>
      </c>
      <c r="M141" s="6">
        <v>2</v>
      </c>
      <c r="N141" s="6">
        <v>24</v>
      </c>
      <c r="O141" s="6">
        <v>442</v>
      </c>
      <c r="P141" s="6">
        <v>40</v>
      </c>
      <c r="Q141" s="6">
        <v>1150</v>
      </c>
      <c r="R141" s="6">
        <v>179</v>
      </c>
      <c r="S141" s="10" t="s">
        <v>55</v>
      </c>
    </row>
    <row r="142" spans="1:19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126</v>
      </c>
      <c r="F142" s="9" t="s">
        <v>129</v>
      </c>
      <c r="G142" s="6">
        <v>35360</v>
      </c>
      <c r="H142" s="6">
        <v>227</v>
      </c>
      <c r="I142" s="6">
        <v>814</v>
      </c>
      <c r="J142" s="6">
        <v>7813</v>
      </c>
      <c r="K142" s="6">
        <v>522</v>
      </c>
      <c r="L142" s="6">
        <v>56</v>
      </c>
      <c r="M142" s="6">
        <v>3</v>
      </c>
      <c r="N142" s="6">
        <v>45</v>
      </c>
      <c r="O142" s="6">
        <v>23317</v>
      </c>
      <c r="P142" s="6">
        <v>31</v>
      </c>
      <c r="Q142" s="6">
        <v>25</v>
      </c>
      <c r="R142" s="6">
        <v>2507</v>
      </c>
      <c r="S142" s="10" t="s">
        <v>55</v>
      </c>
    </row>
    <row r="143" spans="1:19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130</v>
      </c>
      <c r="F143" s="9" t="s">
        <v>131</v>
      </c>
      <c r="G143" s="6">
        <v>528</v>
      </c>
      <c r="H143" s="6">
        <v>3</v>
      </c>
      <c r="I143" s="6">
        <v>30</v>
      </c>
      <c r="J143" s="6">
        <v>416</v>
      </c>
      <c r="K143" s="6">
        <v>40</v>
      </c>
      <c r="L143" s="10" t="s">
        <v>55</v>
      </c>
      <c r="M143" s="10" t="s">
        <v>55</v>
      </c>
      <c r="N143" s="10" t="s">
        <v>55</v>
      </c>
      <c r="O143" s="6">
        <v>5</v>
      </c>
      <c r="P143" s="6">
        <v>17</v>
      </c>
      <c r="Q143" s="6">
        <v>10</v>
      </c>
      <c r="R143" s="6">
        <v>7</v>
      </c>
      <c r="S143" s="10" t="s">
        <v>55</v>
      </c>
    </row>
    <row r="144" spans="1:19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130</v>
      </c>
      <c r="F144" s="9" t="s">
        <v>132</v>
      </c>
      <c r="G144" s="6">
        <v>3209</v>
      </c>
      <c r="H144" s="6">
        <v>30</v>
      </c>
      <c r="I144" s="6">
        <v>1356</v>
      </c>
      <c r="J144" s="6">
        <v>1449</v>
      </c>
      <c r="K144" s="6">
        <v>235</v>
      </c>
      <c r="L144" s="6">
        <v>14</v>
      </c>
      <c r="M144" s="10" t="s">
        <v>55</v>
      </c>
      <c r="N144" s="10" t="s">
        <v>55</v>
      </c>
      <c r="O144" s="6">
        <v>88</v>
      </c>
      <c r="P144" s="10" t="s">
        <v>55</v>
      </c>
      <c r="Q144" s="6">
        <v>2</v>
      </c>
      <c r="R144" s="6">
        <v>34</v>
      </c>
      <c r="S144" s="6">
        <v>1</v>
      </c>
    </row>
    <row r="145" spans="1:19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130</v>
      </c>
      <c r="F145" s="9" t="s">
        <v>133</v>
      </c>
      <c r="G145" s="6">
        <v>5338</v>
      </c>
      <c r="H145" s="6">
        <v>90</v>
      </c>
      <c r="I145" s="6">
        <v>15</v>
      </c>
      <c r="J145" s="6">
        <v>2880</v>
      </c>
      <c r="K145" s="6">
        <v>68</v>
      </c>
      <c r="L145" s="6">
        <v>109</v>
      </c>
      <c r="M145" s="6">
        <v>4</v>
      </c>
      <c r="N145" s="10" t="s">
        <v>55</v>
      </c>
      <c r="O145" s="6">
        <v>63</v>
      </c>
      <c r="P145" s="6">
        <v>485</v>
      </c>
      <c r="Q145" s="6">
        <v>7</v>
      </c>
      <c r="R145" s="6">
        <v>1614</v>
      </c>
      <c r="S145" s="6">
        <v>3</v>
      </c>
    </row>
    <row r="146" spans="1:19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130</v>
      </c>
      <c r="F146" s="9" t="s">
        <v>134</v>
      </c>
      <c r="G146" s="6">
        <v>64583</v>
      </c>
      <c r="H146" s="6">
        <v>519</v>
      </c>
      <c r="I146" s="6">
        <v>1626</v>
      </c>
      <c r="J146" s="6">
        <v>15072</v>
      </c>
      <c r="K146" s="6">
        <v>33889</v>
      </c>
      <c r="L146" s="6">
        <v>516</v>
      </c>
      <c r="M146" s="6">
        <v>2</v>
      </c>
      <c r="N146" s="6">
        <v>123</v>
      </c>
      <c r="O146" s="6">
        <v>5793</v>
      </c>
      <c r="P146" s="6">
        <v>33</v>
      </c>
      <c r="Q146" s="6">
        <v>49</v>
      </c>
      <c r="R146" s="6">
        <v>6961</v>
      </c>
      <c r="S146" s="10" t="s">
        <v>55</v>
      </c>
    </row>
    <row r="147" spans="1:19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130</v>
      </c>
      <c r="F147" s="9" t="s">
        <v>135</v>
      </c>
      <c r="G147" s="6">
        <v>8901</v>
      </c>
      <c r="H147" s="6">
        <v>42</v>
      </c>
      <c r="I147" s="6">
        <v>51</v>
      </c>
      <c r="J147" s="6">
        <v>4851</v>
      </c>
      <c r="K147" s="6">
        <v>3898</v>
      </c>
      <c r="L147" s="6">
        <v>39</v>
      </c>
      <c r="M147" s="10" t="s">
        <v>55</v>
      </c>
      <c r="N147" s="10" t="s">
        <v>55</v>
      </c>
      <c r="O147" s="6">
        <v>4</v>
      </c>
      <c r="P147" s="10" t="s">
        <v>55</v>
      </c>
      <c r="Q147" s="10" t="s">
        <v>55</v>
      </c>
      <c r="R147" s="6">
        <v>16</v>
      </c>
      <c r="S147" s="10" t="s">
        <v>55</v>
      </c>
    </row>
    <row r="148" spans="1:19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130</v>
      </c>
      <c r="F148" s="9" t="s">
        <v>136</v>
      </c>
      <c r="G148" s="6">
        <v>5475</v>
      </c>
      <c r="H148" s="6">
        <v>280</v>
      </c>
      <c r="I148" s="6">
        <v>82</v>
      </c>
      <c r="J148" s="6">
        <v>2391</v>
      </c>
      <c r="K148" s="6">
        <v>1389</v>
      </c>
      <c r="L148" s="6">
        <v>1002</v>
      </c>
      <c r="M148" s="10" t="s">
        <v>55</v>
      </c>
      <c r="N148" s="6">
        <v>3</v>
      </c>
      <c r="O148" s="6">
        <v>38</v>
      </c>
      <c r="P148" s="6">
        <v>10</v>
      </c>
      <c r="Q148" s="6">
        <v>7</v>
      </c>
      <c r="R148" s="6">
        <v>273</v>
      </c>
      <c r="S148" s="10" t="s">
        <v>55</v>
      </c>
    </row>
    <row r="149" spans="1:19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130</v>
      </c>
      <c r="F149" s="9" t="s">
        <v>137</v>
      </c>
      <c r="G149" s="6">
        <v>7937</v>
      </c>
      <c r="H149" s="6">
        <v>65</v>
      </c>
      <c r="I149" s="6">
        <v>1958</v>
      </c>
      <c r="J149" s="6">
        <v>4585</v>
      </c>
      <c r="K149" s="6">
        <v>128</v>
      </c>
      <c r="L149" s="6">
        <v>431</v>
      </c>
      <c r="M149" s="10" t="s">
        <v>55</v>
      </c>
      <c r="N149" s="6">
        <v>116</v>
      </c>
      <c r="O149" s="6">
        <v>471</v>
      </c>
      <c r="P149" s="6">
        <v>8</v>
      </c>
      <c r="Q149" s="6">
        <v>80</v>
      </c>
      <c r="R149" s="6">
        <v>94</v>
      </c>
      <c r="S149" s="6">
        <v>1</v>
      </c>
    </row>
    <row r="150" spans="1:19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130</v>
      </c>
      <c r="F150" s="9" t="s">
        <v>138</v>
      </c>
      <c r="G150" s="6">
        <v>26749</v>
      </c>
      <c r="H150" s="6">
        <v>232</v>
      </c>
      <c r="I150" s="6">
        <v>362</v>
      </c>
      <c r="J150" s="6">
        <v>980</v>
      </c>
      <c r="K150" s="6">
        <v>1113</v>
      </c>
      <c r="L150" s="6">
        <v>21710</v>
      </c>
      <c r="M150" s="6">
        <v>2</v>
      </c>
      <c r="N150" s="6">
        <v>8</v>
      </c>
      <c r="O150" s="6">
        <v>241</v>
      </c>
      <c r="P150" s="6">
        <v>4</v>
      </c>
      <c r="Q150" s="10" t="s">
        <v>55</v>
      </c>
      <c r="R150" s="6">
        <v>2097</v>
      </c>
      <c r="S150" s="10" t="s">
        <v>55</v>
      </c>
    </row>
    <row r="151" spans="1:19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130</v>
      </c>
      <c r="F151" s="9" t="s">
        <v>139</v>
      </c>
      <c r="G151" s="6">
        <v>17213</v>
      </c>
      <c r="H151" s="6">
        <v>91</v>
      </c>
      <c r="I151" s="6">
        <v>538</v>
      </c>
      <c r="J151" s="6">
        <v>1814</v>
      </c>
      <c r="K151" s="6">
        <v>1073</v>
      </c>
      <c r="L151" s="6">
        <v>11692</v>
      </c>
      <c r="M151" s="6">
        <v>25</v>
      </c>
      <c r="N151" s="6">
        <v>48</v>
      </c>
      <c r="O151" s="6">
        <v>312</v>
      </c>
      <c r="P151" s="6">
        <v>96</v>
      </c>
      <c r="Q151" s="10" t="s">
        <v>55</v>
      </c>
      <c r="R151" s="6">
        <v>1524</v>
      </c>
      <c r="S151" s="10" t="s">
        <v>55</v>
      </c>
    </row>
    <row r="152" spans="1:19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130</v>
      </c>
      <c r="F152" s="9" t="s">
        <v>140</v>
      </c>
      <c r="G152" s="6">
        <v>23060</v>
      </c>
      <c r="H152" s="6">
        <v>72</v>
      </c>
      <c r="I152" s="6">
        <v>16312</v>
      </c>
      <c r="J152" s="6">
        <v>4082</v>
      </c>
      <c r="K152" s="6">
        <v>54</v>
      </c>
      <c r="L152" s="6">
        <v>2108</v>
      </c>
      <c r="M152" s="6">
        <v>16</v>
      </c>
      <c r="N152" s="6">
        <v>36</v>
      </c>
      <c r="O152" s="6">
        <v>46</v>
      </c>
      <c r="P152" s="6">
        <v>14</v>
      </c>
      <c r="Q152" s="10" t="s">
        <v>55</v>
      </c>
      <c r="R152" s="6">
        <v>312</v>
      </c>
      <c r="S152" s="6">
        <v>8</v>
      </c>
    </row>
    <row r="153" spans="1:19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130</v>
      </c>
      <c r="F153" s="9" t="s">
        <v>141</v>
      </c>
      <c r="G153" s="6">
        <v>107628</v>
      </c>
      <c r="H153" s="6">
        <v>430</v>
      </c>
      <c r="I153" s="6">
        <v>56918</v>
      </c>
      <c r="J153" s="6">
        <v>13669</v>
      </c>
      <c r="K153" s="6">
        <v>101</v>
      </c>
      <c r="L153" s="6">
        <v>34112</v>
      </c>
      <c r="M153" s="6">
        <v>64</v>
      </c>
      <c r="N153" s="6">
        <v>26</v>
      </c>
      <c r="O153" s="6">
        <v>547</v>
      </c>
      <c r="P153" s="6">
        <v>87</v>
      </c>
      <c r="Q153" s="6">
        <v>2</v>
      </c>
      <c r="R153" s="6">
        <v>1655</v>
      </c>
      <c r="S153" s="6">
        <v>17</v>
      </c>
    </row>
    <row r="154" spans="1:19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130</v>
      </c>
      <c r="F154" s="9" t="s">
        <v>142</v>
      </c>
      <c r="G154" s="6">
        <v>3937</v>
      </c>
      <c r="H154" s="6">
        <v>29</v>
      </c>
      <c r="I154" s="6">
        <v>57</v>
      </c>
      <c r="J154" s="6">
        <v>3280</v>
      </c>
      <c r="K154" s="6">
        <v>243</v>
      </c>
      <c r="L154" s="6">
        <v>22</v>
      </c>
      <c r="M154" s="10" t="s">
        <v>55</v>
      </c>
      <c r="N154" s="6">
        <v>14</v>
      </c>
      <c r="O154" s="6">
        <v>17</v>
      </c>
      <c r="P154" s="6">
        <v>5</v>
      </c>
      <c r="Q154" s="10" t="s">
        <v>55</v>
      </c>
      <c r="R154" s="6">
        <v>270</v>
      </c>
      <c r="S154" s="10" t="s">
        <v>55</v>
      </c>
    </row>
    <row r="155" spans="1:19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130</v>
      </c>
      <c r="F155" s="9" t="s">
        <v>143</v>
      </c>
      <c r="G155" s="6">
        <v>19735</v>
      </c>
      <c r="H155" s="6">
        <v>196</v>
      </c>
      <c r="I155" s="6">
        <v>774</v>
      </c>
      <c r="J155" s="6">
        <v>10632</v>
      </c>
      <c r="K155" s="6">
        <v>280</v>
      </c>
      <c r="L155" s="6">
        <v>1050</v>
      </c>
      <c r="M155" s="6">
        <v>174</v>
      </c>
      <c r="N155" s="6">
        <v>17</v>
      </c>
      <c r="O155" s="6">
        <v>548</v>
      </c>
      <c r="P155" s="6">
        <v>36</v>
      </c>
      <c r="Q155" s="6">
        <v>18</v>
      </c>
      <c r="R155" s="6">
        <v>5939</v>
      </c>
      <c r="S155" s="6">
        <v>71</v>
      </c>
    </row>
    <row r="156" spans="1:19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130</v>
      </c>
      <c r="F156" s="9" t="s">
        <v>144</v>
      </c>
      <c r="G156" s="6">
        <v>11175</v>
      </c>
      <c r="H156" s="6">
        <v>101</v>
      </c>
      <c r="I156" s="6">
        <v>1476</v>
      </c>
      <c r="J156" s="6">
        <v>8386</v>
      </c>
      <c r="K156" s="10" t="s">
        <v>55</v>
      </c>
      <c r="L156" s="6">
        <v>10</v>
      </c>
      <c r="M156" s="6">
        <v>1032</v>
      </c>
      <c r="N156" s="6">
        <v>10</v>
      </c>
      <c r="O156" s="6">
        <v>17</v>
      </c>
      <c r="P156" s="6">
        <v>5</v>
      </c>
      <c r="Q156" s="6">
        <v>9</v>
      </c>
      <c r="R156" s="6">
        <v>129</v>
      </c>
      <c r="S156" s="10" t="s">
        <v>55</v>
      </c>
    </row>
    <row r="157" spans="1:19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55</v>
      </c>
      <c r="F157" s="9" t="s">
        <v>145</v>
      </c>
      <c r="G157" s="6">
        <v>7980</v>
      </c>
      <c r="H157" s="6">
        <v>3</v>
      </c>
      <c r="I157" s="6">
        <v>16</v>
      </c>
      <c r="J157" s="6">
        <v>473</v>
      </c>
      <c r="K157" s="6">
        <v>28</v>
      </c>
      <c r="L157" s="6">
        <v>17</v>
      </c>
      <c r="M157" s="10" t="s">
        <v>55</v>
      </c>
      <c r="N157" s="10" t="s">
        <v>55</v>
      </c>
      <c r="O157" s="6">
        <v>25</v>
      </c>
      <c r="P157" s="6">
        <v>2</v>
      </c>
      <c r="Q157" s="6">
        <v>1</v>
      </c>
      <c r="R157" s="6">
        <v>48</v>
      </c>
      <c r="S157" s="6">
        <v>7367</v>
      </c>
    </row>
    <row r="158" spans="1:19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55</v>
      </c>
      <c r="F158" s="9" t="s">
        <v>146</v>
      </c>
      <c r="G158" s="6">
        <v>29339</v>
      </c>
      <c r="H158" s="6">
        <v>51</v>
      </c>
      <c r="I158" s="6">
        <v>15</v>
      </c>
      <c r="J158" s="6">
        <v>1123</v>
      </c>
      <c r="K158" s="6">
        <v>145</v>
      </c>
      <c r="L158" s="6">
        <v>27</v>
      </c>
      <c r="M158" s="10" t="s">
        <v>55</v>
      </c>
      <c r="N158" s="6">
        <v>26620</v>
      </c>
      <c r="O158" s="6">
        <v>253</v>
      </c>
      <c r="P158" s="6">
        <v>2</v>
      </c>
      <c r="Q158" s="10" t="s">
        <v>55</v>
      </c>
      <c r="R158" s="6">
        <v>1103</v>
      </c>
      <c r="S158" s="10" t="s">
        <v>55</v>
      </c>
    </row>
    <row r="159" spans="1:19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55</v>
      </c>
      <c r="F159" s="9" t="s">
        <v>147</v>
      </c>
      <c r="G159" s="6">
        <v>47104</v>
      </c>
      <c r="H159" s="6">
        <v>612</v>
      </c>
      <c r="I159" s="6">
        <v>1102</v>
      </c>
      <c r="J159" s="6">
        <v>16724</v>
      </c>
      <c r="K159" s="6">
        <v>795</v>
      </c>
      <c r="L159" s="6">
        <v>96</v>
      </c>
      <c r="M159" s="6">
        <v>5</v>
      </c>
      <c r="N159" s="6">
        <v>69</v>
      </c>
      <c r="O159" s="6">
        <v>23762</v>
      </c>
      <c r="P159" s="6">
        <v>73</v>
      </c>
      <c r="Q159" s="6">
        <v>1175</v>
      </c>
      <c r="R159" s="6">
        <v>2691</v>
      </c>
      <c r="S159" s="10" t="s">
        <v>55</v>
      </c>
    </row>
    <row r="160" spans="1:19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55</v>
      </c>
      <c r="F160" s="9" t="s">
        <v>148</v>
      </c>
      <c r="G160" s="6">
        <v>305468</v>
      </c>
      <c r="H160" s="6">
        <v>2180</v>
      </c>
      <c r="I160" s="6">
        <v>81555</v>
      </c>
      <c r="J160" s="6">
        <v>74487</v>
      </c>
      <c r="K160" s="6">
        <v>42511</v>
      </c>
      <c r="L160" s="6">
        <v>72815</v>
      </c>
      <c r="M160" s="6">
        <v>1319</v>
      </c>
      <c r="N160" s="6">
        <v>401</v>
      </c>
      <c r="O160" s="6">
        <v>8190</v>
      </c>
      <c r="P160" s="6">
        <v>800</v>
      </c>
      <c r="Q160" s="6">
        <v>184</v>
      </c>
      <c r="R160" s="6">
        <v>20925</v>
      </c>
      <c r="S160" s="6">
        <v>101</v>
      </c>
    </row>
    <row r="161" spans="1:19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55</v>
      </c>
      <c r="F161" s="9" t="s">
        <v>6</v>
      </c>
      <c r="G161" s="6">
        <v>56898</v>
      </c>
      <c r="H161" s="6">
        <v>1131</v>
      </c>
      <c r="I161" s="6">
        <v>8588</v>
      </c>
      <c r="J161" s="6">
        <v>9181</v>
      </c>
      <c r="K161" s="6">
        <v>5304</v>
      </c>
      <c r="L161" s="6">
        <v>6965</v>
      </c>
      <c r="M161" s="6">
        <v>735</v>
      </c>
      <c r="N161" s="6">
        <v>7384</v>
      </c>
      <c r="O161" s="6">
        <v>7651</v>
      </c>
      <c r="P161" s="6">
        <v>2205</v>
      </c>
      <c r="Q161" s="6">
        <v>2910</v>
      </c>
      <c r="R161" s="6">
        <v>4436</v>
      </c>
      <c r="S161" s="6">
        <v>408</v>
      </c>
    </row>
    <row r="162" spans="1:19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122</v>
      </c>
      <c r="F162" s="9" t="s">
        <v>123</v>
      </c>
      <c r="G162" s="6">
        <v>7620</v>
      </c>
      <c r="H162" s="6">
        <v>26</v>
      </c>
      <c r="I162" s="6">
        <v>3</v>
      </c>
      <c r="J162" s="6">
        <v>116</v>
      </c>
      <c r="K162" s="6">
        <v>12</v>
      </c>
      <c r="L162" s="6">
        <v>1</v>
      </c>
      <c r="M162" s="10" t="s">
        <v>55</v>
      </c>
      <c r="N162" s="6">
        <v>7156</v>
      </c>
      <c r="O162" s="6">
        <v>59</v>
      </c>
      <c r="P162" s="6">
        <v>4</v>
      </c>
      <c r="Q162" s="6">
        <v>3</v>
      </c>
      <c r="R162" s="6">
        <v>240</v>
      </c>
      <c r="S162" s="10" t="s">
        <v>55</v>
      </c>
    </row>
    <row r="163" spans="1:19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122</v>
      </c>
      <c r="F163" s="9" t="s">
        <v>124</v>
      </c>
      <c r="G163" s="6">
        <v>7470</v>
      </c>
      <c r="H163" s="6">
        <v>17</v>
      </c>
      <c r="I163" s="6">
        <v>1</v>
      </c>
      <c r="J163" s="6">
        <v>84</v>
      </c>
      <c r="K163" s="6">
        <v>11</v>
      </c>
      <c r="L163" s="6">
        <v>1</v>
      </c>
      <c r="M163" s="10" t="s">
        <v>55</v>
      </c>
      <c r="N163" s="6">
        <v>7062</v>
      </c>
      <c r="O163" s="6">
        <v>54</v>
      </c>
      <c r="P163" s="6">
        <v>2</v>
      </c>
      <c r="Q163" s="6">
        <v>2</v>
      </c>
      <c r="R163" s="6">
        <v>236</v>
      </c>
      <c r="S163" s="10" t="s">
        <v>55</v>
      </c>
    </row>
    <row r="164" spans="1:19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122</v>
      </c>
      <c r="F164" s="9" t="s">
        <v>125</v>
      </c>
      <c r="G164" s="6">
        <v>133</v>
      </c>
      <c r="H164" s="10" t="s">
        <v>55</v>
      </c>
      <c r="I164" s="10" t="s">
        <v>55</v>
      </c>
      <c r="J164" s="6">
        <v>2</v>
      </c>
      <c r="K164" s="6">
        <v>1</v>
      </c>
      <c r="L164" s="10" t="s">
        <v>55</v>
      </c>
      <c r="M164" s="10" t="s">
        <v>55</v>
      </c>
      <c r="N164" s="6">
        <v>129</v>
      </c>
      <c r="O164" s="6">
        <v>1</v>
      </c>
      <c r="P164" s="10" t="s">
        <v>55</v>
      </c>
      <c r="Q164" s="10" t="s">
        <v>55</v>
      </c>
      <c r="R164" s="10" t="s">
        <v>55</v>
      </c>
      <c r="S164" s="10" t="s">
        <v>55</v>
      </c>
    </row>
    <row r="165" spans="1:19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126</v>
      </c>
      <c r="F165" s="9" t="s">
        <v>127</v>
      </c>
      <c r="G165" s="6">
        <v>34</v>
      </c>
      <c r="H165" s="10" t="s">
        <v>55</v>
      </c>
      <c r="I165" s="10" t="s">
        <v>55</v>
      </c>
      <c r="J165" s="6">
        <v>9</v>
      </c>
      <c r="K165" s="6">
        <v>3</v>
      </c>
      <c r="L165" s="10" t="s">
        <v>55</v>
      </c>
      <c r="M165" s="10" t="s">
        <v>55</v>
      </c>
      <c r="N165" s="10" t="s">
        <v>55</v>
      </c>
      <c r="O165" s="6">
        <v>3</v>
      </c>
      <c r="P165" s="6">
        <v>15</v>
      </c>
      <c r="Q165" s="6">
        <v>2</v>
      </c>
      <c r="R165" s="6">
        <v>2</v>
      </c>
      <c r="S165" s="10" t="s">
        <v>55</v>
      </c>
    </row>
    <row r="166" spans="1:19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126</v>
      </c>
      <c r="F166" s="9" t="s">
        <v>128</v>
      </c>
      <c r="G166" s="6">
        <v>4619</v>
      </c>
      <c r="H166" s="6">
        <v>207</v>
      </c>
      <c r="I166" s="6">
        <v>235</v>
      </c>
      <c r="J166" s="6">
        <v>763</v>
      </c>
      <c r="K166" s="6">
        <v>98</v>
      </c>
      <c r="L166" s="6">
        <v>2</v>
      </c>
      <c r="M166" s="6">
        <v>2</v>
      </c>
      <c r="N166" s="6">
        <v>26</v>
      </c>
      <c r="O166" s="6">
        <v>430</v>
      </c>
      <c r="P166" s="6">
        <v>202</v>
      </c>
      <c r="Q166" s="6">
        <v>2599</v>
      </c>
      <c r="R166" s="6">
        <v>55</v>
      </c>
      <c r="S166" s="10" t="s">
        <v>55</v>
      </c>
    </row>
    <row r="167" spans="1:19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126</v>
      </c>
      <c r="F167" s="9" t="s">
        <v>129</v>
      </c>
      <c r="G167" s="6">
        <v>7593</v>
      </c>
      <c r="H167" s="6">
        <v>142</v>
      </c>
      <c r="I167" s="6">
        <v>269</v>
      </c>
      <c r="J167" s="6">
        <v>1016</v>
      </c>
      <c r="K167" s="6">
        <v>140</v>
      </c>
      <c r="L167" s="6">
        <v>5</v>
      </c>
      <c r="M167" s="6">
        <v>17</v>
      </c>
      <c r="N167" s="6">
        <v>8</v>
      </c>
      <c r="O167" s="6">
        <v>5292</v>
      </c>
      <c r="P167" s="6">
        <v>208</v>
      </c>
      <c r="Q167" s="6">
        <v>51</v>
      </c>
      <c r="R167" s="6">
        <v>445</v>
      </c>
      <c r="S167" s="10" t="s">
        <v>55</v>
      </c>
    </row>
    <row r="168" spans="1:19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130</v>
      </c>
      <c r="F168" s="9" t="s">
        <v>131</v>
      </c>
      <c r="G168" s="6">
        <v>192</v>
      </c>
      <c r="H168" s="6">
        <v>4</v>
      </c>
      <c r="I168" s="6">
        <v>28</v>
      </c>
      <c r="J168" s="6">
        <v>74</v>
      </c>
      <c r="K168" s="6">
        <v>6</v>
      </c>
      <c r="L168" s="6">
        <v>1</v>
      </c>
      <c r="M168" s="10" t="s">
        <v>55</v>
      </c>
      <c r="N168" s="10" t="s">
        <v>55</v>
      </c>
      <c r="O168" s="6">
        <v>14</v>
      </c>
      <c r="P168" s="6">
        <v>34</v>
      </c>
      <c r="Q168" s="6">
        <v>28</v>
      </c>
      <c r="R168" s="6">
        <v>3</v>
      </c>
      <c r="S168" s="10" t="s">
        <v>55</v>
      </c>
    </row>
    <row r="169" spans="1:19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130</v>
      </c>
      <c r="F169" s="9" t="s">
        <v>132</v>
      </c>
      <c r="G169" s="6">
        <v>222</v>
      </c>
      <c r="H169" s="6">
        <v>6</v>
      </c>
      <c r="I169" s="6">
        <v>127</v>
      </c>
      <c r="J169" s="6">
        <v>52</v>
      </c>
      <c r="K169" s="6">
        <v>17</v>
      </c>
      <c r="L169" s="6">
        <v>1</v>
      </c>
      <c r="M169" s="10" t="s">
        <v>55</v>
      </c>
      <c r="N169" s="10" t="s">
        <v>55</v>
      </c>
      <c r="O169" s="6">
        <v>7</v>
      </c>
      <c r="P169" s="6">
        <v>3</v>
      </c>
      <c r="Q169" s="6">
        <v>7</v>
      </c>
      <c r="R169" s="6">
        <v>2</v>
      </c>
      <c r="S169" s="10" t="s">
        <v>55</v>
      </c>
    </row>
    <row r="170" spans="1:19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130</v>
      </c>
      <c r="F170" s="9" t="s">
        <v>133</v>
      </c>
      <c r="G170" s="6">
        <v>2928</v>
      </c>
      <c r="H170" s="6">
        <v>58</v>
      </c>
      <c r="I170" s="6">
        <v>15</v>
      </c>
      <c r="J170" s="6">
        <v>584</v>
      </c>
      <c r="K170" s="6">
        <v>21</v>
      </c>
      <c r="L170" s="6">
        <v>12</v>
      </c>
      <c r="M170" s="6">
        <v>23</v>
      </c>
      <c r="N170" s="6">
        <v>2</v>
      </c>
      <c r="O170" s="6">
        <v>54</v>
      </c>
      <c r="P170" s="6">
        <v>1396</v>
      </c>
      <c r="Q170" s="6">
        <v>33</v>
      </c>
      <c r="R170" s="6">
        <v>729</v>
      </c>
      <c r="S170" s="6">
        <v>1</v>
      </c>
    </row>
    <row r="171" spans="1:19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130</v>
      </c>
      <c r="F171" s="9" t="s">
        <v>134</v>
      </c>
      <c r="G171" s="6">
        <v>8945</v>
      </c>
      <c r="H171" s="6">
        <v>259</v>
      </c>
      <c r="I171" s="6">
        <v>187</v>
      </c>
      <c r="J171" s="6">
        <v>1649</v>
      </c>
      <c r="K171" s="6">
        <v>4144</v>
      </c>
      <c r="L171" s="6">
        <v>61</v>
      </c>
      <c r="M171" s="6">
        <v>8</v>
      </c>
      <c r="N171" s="6">
        <v>27</v>
      </c>
      <c r="O171" s="6">
        <v>1157</v>
      </c>
      <c r="P171" s="6">
        <v>70</v>
      </c>
      <c r="Q171" s="6">
        <v>105</v>
      </c>
      <c r="R171" s="6">
        <v>1278</v>
      </c>
      <c r="S171" s="10" t="s">
        <v>55</v>
      </c>
    </row>
    <row r="172" spans="1:19">
      <c r="A172" s="9" t="s">
        <v>56</v>
      </c>
      <c r="B172" s="9" t="s">
        <v>57</v>
      </c>
      <c r="C172" s="9" t="s">
        <v>59</v>
      </c>
      <c r="D172" s="9" t="s">
        <v>6</v>
      </c>
      <c r="E172" s="9" t="s">
        <v>130</v>
      </c>
      <c r="F172" s="9" t="s">
        <v>135</v>
      </c>
      <c r="G172" s="6">
        <v>828</v>
      </c>
      <c r="H172" s="6">
        <v>14</v>
      </c>
      <c r="I172" s="6">
        <v>3</v>
      </c>
      <c r="J172" s="6">
        <v>427</v>
      </c>
      <c r="K172" s="6">
        <v>380</v>
      </c>
      <c r="L172" s="6">
        <v>4</v>
      </c>
      <c r="M172" s="10" t="s">
        <v>55</v>
      </c>
      <c r="N172" s="10" t="s">
        <v>55</v>
      </c>
      <c r="O172" s="10" t="s">
        <v>55</v>
      </c>
      <c r="P172" s="10" t="s">
        <v>55</v>
      </c>
      <c r="Q172" s="10" t="s">
        <v>55</v>
      </c>
      <c r="R172" s="10" t="s">
        <v>55</v>
      </c>
      <c r="S172" s="10" t="s">
        <v>55</v>
      </c>
    </row>
    <row r="173" spans="1:19">
      <c r="A173" s="9" t="s">
        <v>56</v>
      </c>
      <c r="B173" s="9" t="s">
        <v>57</v>
      </c>
      <c r="C173" s="9" t="s">
        <v>59</v>
      </c>
      <c r="D173" s="9" t="s">
        <v>6</v>
      </c>
      <c r="E173" s="9" t="s">
        <v>130</v>
      </c>
      <c r="F173" s="9" t="s">
        <v>136</v>
      </c>
      <c r="G173" s="6">
        <v>575</v>
      </c>
      <c r="H173" s="6">
        <v>43</v>
      </c>
      <c r="I173" s="6">
        <v>7</v>
      </c>
      <c r="J173" s="6">
        <v>169</v>
      </c>
      <c r="K173" s="6">
        <v>189</v>
      </c>
      <c r="L173" s="6">
        <v>86</v>
      </c>
      <c r="M173" s="6">
        <v>1</v>
      </c>
      <c r="N173" s="10" t="s">
        <v>55</v>
      </c>
      <c r="O173" s="6">
        <v>29</v>
      </c>
      <c r="P173" s="6">
        <v>24</v>
      </c>
      <c r="Q173" s="6">
        <v>5</v>
      </c>
      <c r="R173" s="6">
        <v>22</v>
      </c>
      <c r="S173" s="10" t="s">
        <v>55</v>
      </c>
    </row>
    <row r="174" spans="1:19">
      <c r="A174" s="9" t="s">
        <v>56</v>
      </c>
      <c r="B174" s="9" t="s">
        <v>57</v>
      </c>
      <c r="C174" s="9" t="s">
        <v>59</v>
      </c>
      <c r="D174" s="9" t="s">
        <v>6</v>
      </c>
      <c r="E174" s="9" t="s">
        <v>130</v>
      </c>
      <c r="F174" s="9" t="s">
        <v>137</v>
      </c>
      <c r="G174" s="6">
        <v>1007</v>
      </c>
      <c r="H174" s="6">
        <v>22</v>
      </c>
      <c r="I174" s="6">
        <v>447</v>
      </c>
      <c r="J174" s="6">
        <v>366</v>
      </c>
      <c r="K174" s="6">
        <v>15</v>
      </c>
      <c r="L174" s="6">
        <v>21</v>
      </c>
      <c r="M174" s="6">
        <v>2</v>
      </c>
      <c r="N174" s="6">
        <v>10</v>
      </c>
      <c r="O174" s="6">
        <v>70</v>
      </c>
      <c r="P174" s="6">
        <v>6</v>
      </c>
      <c r="Q174" s="6">
        <v>38</v>
      </c>
      <c r="R174" s="6">
        <v>10</v>
      </c>
      <c r="S174" s="10" t="s">
        <v>55</v>
      </c>
    </row>
    <row r="175" spans="1:19">
      <c r="A175" s="9" t="s">
        <v>56</v>
      </c>
      <c r="B175" s="9" t="s">
        <v>57</v>
      </c>
      <c r="C175" s="9" t="s">
        <v>59</v>
      </c>
      <c r="D175" s="9" t="s">
        <v>6</v>
      </c>
      <c r="E175" s="9" t="s">
        <v>130</v>
      </c>
      <c r="F175" s="9" t="s">
        <v>138</v>
      </c>
      <c r="G175" s="6">
        <v>2244</v>
      </c>
      <c r="H175" s="6">
        <v>39</v>
      </c>
      <c r="I175" s="6">
        <v>17</v>
      </c>
      <c r="J175" s="6">
        <v>69</v>
      </c>
      <c r="K175" s="6">
        <v>64</v>
      </c>
      <c r="L175" s="6">
        <v>1859</v>
      </c>
      <c r="M175" s="6">
        <v>1</v>
      </c>
      <c r="N175" s="6">
        <v>1</v>
      </c>
      <c r="O175" s="6">
        <v>15</v>
      </c>
      <c r="P175" s="6">
        <v>5</v>
      </c>
      <c r="Q175" s="10" t="s">
        <v>55</v>
      </c>
      <c r="R175" s="6">
        <v>174</v>
      </c>
      <c r="S175" s="10" t="s">
        <v>55</v>
      </c>
    </row>
    <row r="176" spans="1:19">
      <c r="A176" s="9" t="s">
        <v>56</v>
      </c>
      <c r="B176" s="9" t="s">
        <v>57</v>
      </c>
      <c r="C176" s="9" t="s">
        <v>59</v>
      </c>
      <c r="D176" s="9" t="s">
        <v>6</v>
      </c>
      <c r="E176" s="9" t="s">
        <v>130</v>
      </c>
      <c r="F176" s="9" t="s">
        <v>139</v>
      </c>
      <c r="G176" s="6">
        <v>1865</v>
      </c>
      <c r="H176" s="6">
        <v>23</v>
      </c>
      <c r="I176" s="6">
        <v>57</v>
      </c>
      <c r="J176" s="6">
        <v>156</v>
      </c>
      <c r="K176" s="6">
        <v>97</v>
      </c>
      <c r="L176" s="6">
        <v>1248</v>
      </c>
      <c r="M176" s="6">
        <v>4</v>
      </c>
      <c r="N176" s="6">
        <v>14</v>
      </c>
      <c r="O176" s="6">
        <v>34</v>
      </c>
      <c r="P176" s="6">
        <v>25</v>
      </c>
      <c r="Q176" s="6">
        <v>1</v>
      </c>
      <c r="R176" s="6">
        <v>206</v>
      </c>
      <c r="S176" s="10" t="s">
        <v>55</v>
      </c>
    </row>
    <row r="177" spans="1:19">
      <c r="A177" s="9" t="s">
        <v>56</v>
      </c>
      <c r="B177" s="9" t="s">
        <v>57</v>
      </c>
      <c r="C177" s="9" t="s">
        <v>59</v>
      </c>
      <c r="D177" s="9" t="s">
        <v>6</v>
      </c>
      <c r="E177" s="9" t="s">
        <v>130</v>
      </c>
      <c r="F177" s="9" t="s">
        <v>140</v>
      </c>
      <c r="G177" s="6">
        <v>2264</v>
      </c>
      <c r="H177" s="6">
        <v>10</v>
      </c>
      <c r="I177" s="6">
        <v>1737</v>
      </c>
      <c r="J177" s="6">
        <v>307</v>
      </c>
      <c r="K177" s="6">
        <v>4</v>
      </c>
      <c r="L177" s="6">
        <v>119</v>
      </c>
      <c r="M177" s="6">
        <v>3</v>
      </c>
      <c r="N177" s="6">
        <v>1</v>
      </c>
      <c r="O177" s="6">
        <v>8</v>
      </c>
      <c r="P177" s="6">
        <v>25</v>
      </c>
      <c r="Q177" s="6">
        <v>1</v>
      </c>
      <c r="R177" s="6">
        <v>49</v>
      </c>
      <c r="S177" s="10" t="s">
        <v>55</v>
      </c>
    </row>
    <row r="178" spans="1:19">
      <c r="A178" s="9" t="s">
        <v>56</v>
      </c>
      <c r="B178" s="9" t="s">
        <v>57</v>
      </c>
      <c r="C178" s="9" t="s">
        <v>59</v>
      </c>
      <c r="D178" s="9" t="s">
        <v>6</v>
      </c>
      <c r="E178" s="9" t="s">
        <v>130</v>
      </c>
      <c r="F178" s="9" t="s">
        <v>141</v>
      </c>
      <c r="G178" s="6">
        <v>10053</v>
      </c>
      <c r="H178" s="6">
        <v>86</v>
      </c>
      <c r="I178" s="6">
        <v>5014</v>
      </c>
      <c r="J178" s="6">
        <v>1130</v>
      </c>
      <c r="K178" s="6">
        <v>4</v>
      </c>
      <c r="L178" s="6">
        <v>3436</v>
      </c>
      <c r="M178" s="6">
        <v>30</v>
      </c>
      <c r="N178" s="6">
        <v>4</v>
      </c>
      <c r="O178" s="6">
        <v>80</v>
      </c>
      <c r="P178" s="6">
        <v>76</v>
      </c>
      <c r="Q178" s="6">
        <v>4</v>
      </c>
      <c r="R178" s="6">
        <v>186</v>
      </c>
      <c r="S178" s="6">
        <v>3</v>
      </c>
    </row>
    <row r="179" spans="1:19">
      <c r="A179" s="9" t="s">
        <v>56</v>
      </c>
      <c r="B179" s="9" t="s">
        <v>57</v>
      </c>
      <c r="C179" s="9" t="s">
        <v>59</v>
      </c>
      <c r="D179" s="9" t="s">
        <v>6</v>
      </c>
      <c r="E179" s="9" t="s">
        <v>130</v>
      </c>
      <c r="F179" s="9" t="s">
        <v>142</v>
      </c>
      <c r="G179" s="6">
        <v>570</v>
      </c>
      <c r="H179" s="6">
        <v>30</v>
      </c>
      <c r="I179" s="6">
        <v>27</v>
      </c>
      <c r="J179" s="6">
        <v>362</v>
      </c>
      <c r="K179" s="6">
        <v>74</v>
      </c>
      <c r="L179" s="6">
        <v>1</v>
      </c>
      <c r="M179" s="10" t="s">
        <v>55</v>
      </c>
      <c r="N179" s="6">
        <v>1</v>
      </c>
      <c r="O179" s="6">
        <v>19</v>
      </c>
      <c r="P179" s="10" t="s">
        <v>55</v>
      </c>
      <c r="Q179" s="10" t="s">
        <v>55</v>
      </c>
      <c r="R179" s="6">
        <v>56</v>
      </c>
      <c r="S179" s="10" t="s">
        <v>55</v>
      </c>
    </row>
    <row r="180" spans="1:19">
      <c r="A180" s="9" t="s">
        <v>56</v>
      </c>
      <c r="B180" s="9" t="s">
        <v>57</v>
      </c>
      <c r="C180" s="9" t="s">
        <v>59</v>
      </c>
      <c r="D180" s="9" t="s">
        <v>6</v>
      </c>
      <c r="E180" s="9" t="s">
        <v>130</v>
      </c>
      <c r="F180" s="9" t="s">
        <v>143</v>
      </c>
      <c r="G180" s="6">
        <v>2852</v>
      </c>
      <c r="H180" s="6">
        <v>78</v>
      </c>
      <c r="I180" s="6">
        <v>226</v>
      </c>
      <c r="J180" s="6">
        <v>710</v>
      </c>
      <c r="K180" s="6">
        <v>35</v>
      </c>
      <c r="L180" s="6">
        <v>103</v>
      </c>
      <c r="M180" s="6">
        <v>252</v>
      </c>
      <c r="N180" s="6">
        <v>2</v>
      </c>
      <c r="O180" s="6">
        <v>372</v>
      </c>
      <c r="P180" s="6">
        <v>102</v>
      </c>
      <c r="Q180" s="6">
        <v>20</v>
      </c>
      <c r="R180" s="6">
        <v>946</v>
      </c>
      <c r="S180" s="6">
        <v>6</v>
      </c>
    </row>
    <row r="181" spans="1:19">
      <c r="A181" s="9" t="s">
        <v>56</v>
      </c>
      <c r="B181" s="9" t="s">
        <v>57</v>
      </c>
      <c r="C181" s="9" t="s">
        <v>59</v>
      </c>
      <c r="D181" s="9" t="s">
        <v>6</v>
      </c>
      <c r="E181" s="9" t="s">
        <v>130</v>
      </c>
      <c r="F181" s="9" t="s">
        <v>144</v>
      </c>
      <c r="G181" s="6">
        <v>1911</v>
      </c>
      <c r="H181" s="6">
        <v>84</v>
      </c>
      <c r="I181" s="6">
        <v>186</v>
      </c>
      <c r="J181" s="6">
        <v>1206</v>
      </c>
      <c r="K181" s="10" t="s">
        <v>55</v>
      </c>
      <c r="L181" s="6">
        <v>1</v>
      </c>
      <c r="M181" s="6">
        <v>392</v>
      </c>
      <c r="N181" s="6">
        <v>3</v>
      </c>
      <c r="O181" s="6">
        <v>2</v>
      </c>
      <c r="P181" s="6">
        <v>9</v>
      </c>
      <c r="Q181" s="6">
        <v>13</v>
      </c>
      <c r="R181" s="6">
        <v>15</v>
      </c>
      <c r="S181" s="10" t="s">
        <v>55</v>
      </c>
    </row>
    <row r="182" spans="1:19">
      <c r="A182" s="9" t="s">
        <v>56</v>
      </c>
      <c r="B182" s="9" t="s">
        <v>57</v>
      </c>
      <c r="C182" s="9" t="s">
        <v>59</v>
      </c>
      <c r="D182" s="9" t="s">
        <v>6</v>
      </c>
      <c r="E182" s="9" t="s">
        <v>55</v>
      </c>
      <c r="F182" s="9" t="s">
        <v>145</v>
      </c>
      <c r="G182" s="6">
        <v>443</v>
      </c>
      <c r="H182" s="10" t="s">
        <v>55</v>
      </c>
      <c r="I182" s="6">
        <v>3</v>
      </c>
      <c r="J182" s="6">
        <v>14</v>
      </c>
      <c r="K182" s="10" t="s">
        <v>55</v>
      </c>
      <c r="L182" s="6">
        <v>4</v>
      </c>
      <c r="M182" s="10" t="s">
        <v>55</v>
      </c>
      <c r="N182" s="10" t="s">
        <v>55</v>
      </c>
      <c r="O182" s="6">
        <v>5</v>
      </c>
      <c r="P182" s="6">
        <v>1</v>
      </c>
      <c r="Q182" s="10" t="s">
        <v>55</v>
      </c>
      <c r="R182" s="6">
        <v>18</v>
      </c>
      <c r="S182" s="6">
        <v>398</v>
      </c>
    </row>
    <row r="183" spans="1:19">
      <c r="A183" s="9" t="s">
        <v>56</v>
      </c>
      <c r="B183" s="9" t="s">
        <v>57</v>
      </c>
      <c r="C183" s="9" t="s">
        <v>59</v>
      </c>
      <c r="D183" s="9" t="s">
        <v>6</v>
      </c>
      <c r="E183" s="9" t="s">
        <v>55</v>
      </c>
      <c r="F183" s="9" t="s">
        <v>146</v>
      </c>
      <c r="G183" s="6">
        <v>7753</v>
      </c>
      <c r="H183" s="6">
        <v>26</v>
      </c>
      <c r="I183" s="6">
        <v>3</v>
      </c>
      <c r="J183" s="6">
        <v>118</v>
      </c>
      <c r="K183" s="6">
        <v>13</v>
      </c>
      <c r="L183" s="6">
        <v>1</v>
      </c>
      <c r="M183" s="10" t="s">
        <v>55</v>
      </c>
      <c r="N183" s="6">
        <v>7285</v>
      </c>
      <c r="O183" s="6">
        <v>60</v>
      </c>
      <c r="P183" s="6">
        <v>4</v>
      </c>
      <c r="Q183" s="6">
        <v>3</v>
      </c>
      <c r="R183" s="6">
        <v>240</v>
      </c>
      <c r="S183" s="10" t="s">
        <v>55</v>
      </c>
    </row>
    <row r="184" spans="1:19">
      <c r="A184" s="9" t="s">
        <v>56</v>
      </c>
      <c r="B184" s="9" t="s">
        <v>57</v>
      </c>
      <c r="C184" s="9" t="s">
        <v>59</v>
      </c>
      <c r="D184" s="9" t="s">
        <v>6</v>
      </c>
      <c r="E184" s="9" t="s">
        <v>55</v>
      </c>
      <c r="F184" s="9" t="s">
        <v>147</v>
      </c>
      <c r="G184" s="6">
        <v>12246</v>
      </c>
      <c r="H184" s="6">
        <v>349</v>
      </c>
      <c r="I184" s="6">
        <v>504</v>
      </c>
      <c r="J184" s="6">
        <v>1788</v>
      </c>
      <c r="K184" s="6">
        <v>241</v>
      </c>
      <c r="L184" s="6">
        <v>7</v>
      </c>
      <c r="M184" s="6">
        <v>19</v>
      </c>
      <c r="N184" s="6">
        <v>34</v>
      </c>
      <c r="O184" s="6">
        <v>5725</v>
      </c>
      <c r="P184" s="6">
        <v>425</v>
      </c>
      <c r="Q184" s="6">
        <v>2652</v>
      </c>
      <c r="R184" s="6">
        <v>502</v>
      </c>
      <c r="S184" s="10" t="s">
        <v>55</v>
      </c>
    </row>
    <row r="185" spans="1:19">
      <c r="A185" s="9" t="s">
        <v>56</v>
      </c>
      <c r="B185" s="9" t="s">
        <v>57</v>
      </c>
      <c r="C185" s="9" t="s">
        <v>59</v>
      </c>
      <c r="D185" s="9" t="s">
        <v>6</v>
      </c>
      <c r="E185" s="9" t="s">
        <v>55</v>
      </c>
      <c r="F185" s="9" t="s">
        <v>148</v>
      </c>
      <c r="G185" s="6">
        <v>36456</v>
      </c>
      <c r="H185" s="6">
        <v>756</v>
      </c>
      <c r="I185" s="6">
        <v>8078</v>
      </c>
      <c r="J185" s="6">
        <v>7261</v>
      </c>
      <c r="K185" s="6">
        <v>5050</v>
      </c>
      <c r="L185" s="6">
        <v>6953</v>
      </c>
      <c r="M185" s="6">
        <v>716</v>
      </c>
      <c r="N185" s="6">
        <v>65</v>
      </c>
      <c r="O185" s="6">
        <v>1861</v>
      </c>
      <c r="P185" s="6">
        <v>1775</v>
      </c>
      <c r="Q185" s="6">
        <v>255</v>
      </c>
      <c r="R185" s="6">
        <v>3676</v>
      </c>
      <c r="S185" s="6">
        <v>10</v>
      </c>
    </row>
    <row r="186" spans="1:19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55</v>
      </c>
      <c r="F186" s="9" t="s">
        <v>6</v>
      </c>
      <c r="G186" s="6">
        <v>29154</v>
      </c>
      <c r="H186" s="6">
        <v>917</v>
      </c>
      <c r="I186" s="6">
        <v>3346</v>
      </c>
      <c r="J186" s="6">
        <v>3129</v>
      </c>
      <c r="K186" s="6">
        <v>2436</v>
      </c>
      <c r="L186" s="6">
        <v>1922</v>
      </c>
      <c r="M186" s="6">
        <v>696</v>
      </c>
      <c r="N186" s="6">
        <v>3662</v>
      </c>
      <c r="O186" s="6">
        <v>5529</v>
      </c>
      <c r="P186" s="6">
        <v>2156</v>
      </c>
      <c r="Q186" s="6">
        <v>2819</v>
      </c>
      <c r="R186" s="6">
        <v>2301</v>
      </c>
      <c r="S186" s="6">
        <v>241</v>
      </c>
    </row>
    <row r="187" spans="1:19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122</v>
      </c>
      <c r="F187" s="9" t="s">
        <v>123</v>
      </c>
      <c r="G187" s="6">
        <v>3658</v>
      </c>
      <c r="H187" s="6">
        <v>22</v>
      </c>
      <c r="I187" s="6">
        <v>3</v>
      </c>
      <c r="J187" s="6">
        <v>35</v>
      </c>
      <c r="K187" s="6">
        <v>4</v>
      </c>
      <c r="L187" s="6">
        <v>1</v>
      </c>
      <c r="M187" s="10" t="s">
        <v>55</v>
      </c>
      <c r="N187" s="6">
        <v>3505</v>
      </c>
      <c r="O187" s="6">
        <v>14</v>
      </c>
      <c r="P187" s="6">
        <v>4</v>
      </c>
      <c r="Q187" s="6">
        <v>3</v>
      </c>
      <c r="R187" s="6">
        <v>67</v>
      </c>
      <c r="S187" s="10" t="s">
        <v>55</v>
      </c>
    </row>
    <row r="188" spans="1:19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122</v>
      </c>
      <c r="F188" s="9" t="s">
        <v>124</v>
      </c>
      <c r="G188" s="6">
        <v>3538</v>
      </c>
      <c r="H188" s="6">
        <v>14</v>
      </c>
      <c r="I188" s="6">
        <v>1</v>
      </c>
      <c r="J188" s="6">
        <v>20</v>
      </c>
      <c r="K188" s="6">
        <v>3</v>
      </c>
      <c r="L188" s="6">
        <v>1</v>
      </c>
      <c r="M188" s="10" t="s">
        <v>55</v>
      </c>
      <c r="N188" s="6">
        <v>3422</v>
      </c>
      <c r="O188" s="6">
        <v>10</v>
      </c>
      <c r="P188" s="6">
        <v>2</v>
      </c>
      <c r="Q188" s="6">
        <v>2</v>
      </c>
      <c r="R188" s="6">
        <v>63</v>
      </c>
      <c r="S188" s="10" t="s">
        <v>55</v>
      </c>
    </row>
    <row r="189" spans="1:19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122</v>
      </c>
      <c r="F189" s="9" t="s">
        <v>125</v>
      </c>
      <c r="G189" s="6">
        <v>92</v>
      </c>
      <c r="H189" s="10" t="s">
        <v>55</v>
      </c>
      <c r="I189" s="10" t="s">
        <v>55</v>
      </c>
      <c r="J189" s="6">
        <v>1</v>
      </c>
      <c r="K189" s="10" t="s">
        <v>55</v>
      </c>
      <c r="L189" s="10" t="s">
        <v>55</v>
      </c>
      <c r="M189" s="10" t="s">
        <v>55</v>
      </c>
      <c r="N189" s="6">
        <v>91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10" t="s">
        <v>55</v>
      </c>
    </row>
    <row r="190" spans="1:19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126</v>
      </c>
      <c r="F190" s="9" t="s">
        <v>127</v>
      </c>
      <c r="G190" s="6">
        <v>29</v>
      </c>
      <c r="H190" s="10" t="s">
        <v>55</v>
      </c>
      <c r="I190" s="10" t="s">
        <v>55</v>
      </c>
      <c r="J190" s="6">
        <v>4</v>
      </c>
      <c r="K190" s="6">
        <v>3</v>
      </c>
      <c r="L190" s="10" t="s">
        <v>55</v>
      </c>
      <c r="M190" s="10" t="s">
        <v>55</v>
      </c>
      <c r="N190" s="10" t="s">
        <v>55</v>
      </c>
      <c r="O190" s="6">
        <v>3</v>
      </c>
      <c r="P190" s="6">
        <v>15</v>
      </c>
      <c r="Q190" s="6">
        <v>2</v>
      </c>
      <c r="R190" s="6">
        <v>2</v>
      </c>
      <c r="S190" s="10" t="s">
        <v>55</v>
      </c>
    </row>
    <row r="191" spans="1:19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126</v>
      </c>
      <c r="F191" s="9" t="s">
        <v>128</v>
      </c>
      <c r="G191" s="6">
        <v>3827</v>
      </c>
      <c r="H191" s="6">
        <v>179</v>
      </c>
      <c r="I191" s="6">
        <v>219</v>
      </c>
      <c r="J191" s="6">
        <v>153</v>
      </c>
      <c r="K191" s="6">
        <v>83</v>
      </c>
      <c r="L191" s="6">
        <v>1</v>
      </c>
      <c r="M191" s="6">
        <v>2</v>
      </c>
      <c r="N191" s="6">
        <v>26</v>
      </c>
      <c r="O191" s="6">
        <v>405</v>
      </c>
      <c r="P191" s="6">
        <v>197</v>
      </c>
      <c r="Q191" s="6">
        <v>2531</v>
      </c>
      <c r="R191" s="6">
        <v>31</v>
      </c>
      <c r="S191" s="10" t="s">
        <v>55</v>
      </c>
    </row>
    <row r="192" spans="1:19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126</v>
      </c>
      <c r="F192" s="9" t="s">
        <v>129</v>
      </c>
      <c r="G192" s="6">
        <v>5349</v>
      </c>
      <c r="H192" s="6">
        <v>124</v>
      </c>
      <c r="I192" s="6">
        <v>241</v>
      </c>
      <c r="J192" s="6">
        <v>455</v>
      </c>
      <c r="K192" s="6">
        <v>118</v>
      </c>
      <c r="L192" s="6">
        <v>2</v>
      </c>
      <c r="M192" s="6">
        <v>16</v>
      </c>
      <c r="N192" s="6">
        <v>6</v>
      </c>
      <c r="O192" s="6">
        <v>3887</v>
      </c>
      <c r="P192" s="6">
        <v>205</v>
      </c>
      <c r="Q192" s="6">
        <v>44</v>
      </c>
      <c r="R192" s="6">
        <v>251</v>
      </c>
      <c r="S192" s="10" t="s">
        <v>55</v>
      </c>
    </row>
    <row r="193" spans="1:19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130</v>
      </c>
      <c r="F193" s="9" t="s">
        <v>131</v>
      </c>
      <c r="G193" s="6">
        <v>163</v>
      </c>
      <c r="H193" s="6">
        <v>4</v>
      </c>
      <c r="I193" s="6">
        <v>25</v>
      </c>
      <c r="J193" s="6">
        <v>53</v>
      </c>
      <c r="K193" s="6">
        <v>3</v>
      </c>
      <c r="L193" s="6">
        <v>1</v>
      </c>
      <c r="M193" s="10" t="s">
        <v>55</v>
      </c>
      <c r="N193" s="10" t="s">
        <v>55</v>
      </c>
      <c r="O193" s="6">
        <v>14</v>
      </c>
      <c r="P193" s="6">
        <v>33</v>
      </c>
      <c r="Q193" s="6">
        <v>27</v>
      </c>
      <c r="R193" s="6">
        <v>3</v>
      </c>
      <c r="S193" s="10" t="s">
        <v>55</v>
      </c>
    </row>
    <row r="194" spans="1:19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130</v>
      </c>
      <c r="F194" s="9" t="s">
        <v>132</v>
      </c>
      <c r="G194" s="6">
        <v>149</v>
      </c>
      <c r="H194" s="6">
        <v>5</v>
      </c>
      <c r="I194" s="6">
        <v>99</v>
      </c>
      <c r="J194" s="6">
        <v>20</v>
      </c>
      <c r="K194" s="6">
        <v>10</v>
      </c>
      <c r="L194" s="10" t="s">
        <v>55</v>
      </c>
      <c r="M194" s="10" t="s">
        <v>55</v>
      </c>
      <c r="N194" s="10" t="s">
        <v>55</v>
      </c>
      <c r="O194" s="6">
        <v>3</v>
      </c>
      <c r="P194" s="6">
        <v>3</v>
      </c>
      <c r="Q194" s="6">
        <v>7</v>
      </c>
      <c r="R194" s="6">
        <v>2</v>
      </c>
      <c r="S194" s="10" t="s">
        <v>55</v>
      </c>
    </row>
    <row r="195" spans="1:19">
      <c r="A195" s="9" t="s">
        <v>56</v>
      </c>
      <c r="B195" s="9" t="s">
        <v>57</v>
      </c>
      <c r="C195" s="9" t="s">
        <v>59</v>
      </c>
      <c r="D195" s="9" t="s">
        <v>53</v>
      </c>
      <c r="E195" s="9" t="s">
        <v>130</v>
      </c>
      <c r="F195" s="9" t="s">
        <v>133</v>
      </c>
      <c r="G195" s="6">
        <v>2398</v>
      </c>
      <c r="H195" s="6">
        <v>54</v>
      </c>
      <c r="I195" s="6">
        <v>14</v>
      </c>
      <c r="J195" s="6">
        <v>276</v>
      </c>
      <c r="K195" s="6">
        <v>18</v>
      </c>
      <c r="L195" s="6">
        <v>5</v>
      </c>
      <c r="M195" s="6">
        <v>23</v>
      </c>
      <c r="N195" s="6">
        <v>2</v>
      </c>
      <c r="O195" s="6">
        <v>44</v>
      </c>
      <c r="P195" s="6">
        <v>1372</v>
      </c>
      <c r="Q195" s="6">
        <v>31</v>
      </c>
      <c r="R195" s="6">
        <v>558</v>
      </c>
      <c r="S195" s="6">
        <v>1</v>
      </c>
    </row>
    <row r="196" spans="1:19">
      <c r="A196" s="9" t="s">
        <v>56</v>
      </c>
      <c r="B196" s="9" t="s">
        <v>57</v>
      </c>
      <c r="C196" s="9" t="s">
        <v>59</v>
      </c>
      <c r="D196" s="9" t="s">
        <v>53</v>
      </c>
      <c r="E196" s="9" t="s">
        <v>130</v>
      </c>
      <c r="F196" s="9" t="s">
        <v>134</v>
      </c>
      <c r="G196" s="6">
        <v>3942</v>
      </c>
      <c r="H196" s="6">
        <v>210</v>
      </c>
      <c r="I196" s="6">
        <v>99</v>
      </c>
      <c r="J196" s="6">
        <v>441</v>
      </c>
      <c r="K196" s="6">
        <v>1762</v>
      </c>
      <c r="L196" s="6">
        <v>17</v>
      </c>
      <c r="M196" s="6">
        <v>8</v>
      </c>
      <c r="N196" s="6">
        <v>5</v>
      </c>
      <c r="O196" s="6">
        <v>672</v>
      </c>
      <c r="P196" s="6">
        <v>66</v>
      </c>
      <c r="Q196" s="6">
        <v>97</v>
      </c>
      <c r="R196" s="6">
        <v>565</v>
      </c>
      <c r="S196" s="10" t="s">
        <v>55</v>
      </c>
    </row>
    <row r="197" spans="1:19">
      <c r="A197" s="9" t="s">
        <v>56</v>
      </c>
      <c r="B197" s="9" t="s">
        <v>57</v>
      </c>
      <c r="C197" s="9" t="s">
        <v>59</v>
      </c>
      <c r="D197" s="9" t="s">
        <v>53</v>
      </c>
      <c r="E197" s="9" t="s">
        <v>130</v>
      </c>
      <c r="F197" s="9" t="s">
        <v>135</v>
      </c>
      <c r="G197" s="6">
        <v>285</v>
      </c>
      <c r="H197" s="6">
        <v>12</v>
      </c>
      <c r="I197" s="6">
        <v>2</v>
      </c>
      <c r="J197" s="6">
        <v>114</v>
      </c>
      <c r="K197" s="6">
        <v>157</v>
      </c>
      <c r="L197" s="10" t="s">
        <v>55</v>
      </c>
      <c r="M197" s="10" t="s">
        <v>55</v>
      </c>
      <c r="N197" s="10" t="s">
        <v>55</v>
      </c>
      <c r="O197" s="10" t="s">
        <v>55</v>
      </c>
      <c r="P197" s="10" t="s">
        <v>55</v>
      </c>
      <c r="Q197" s="10" t="s">
        <v>55</v>
      </c>
      <c r="R197" s="10" t="s">
        <v>55</v>
      </c>
      <c r="S197" s="10" t="s">
        <v>55</v>
      </c>
    </row>
    <row r="198" spans="1:19">
      <c r="A198" s="9" t="s">
        <v>56</v>
      </c>
      <c r="B198" s="9" t="s">
        <v>57</v>
      </c>
      <c r="C198" s="9" t="s">
        <v>59</v>
      </c>
      <c r="D198" s="9" t="s">
        <v>53</v>
      </c>
      <c r="E198" s="9" t="s">
        <v>130</v>
      </c>
      <c r="F198" s="9" t="s">
        <v>136</v>
      </c>
      <c r="G198" s="6">
        <v>315</v>
      </c>
      <c r="H198" s="6">
        <v>29</v>
      </c>
      <c r="I198" s="6">
        <v>4</v>
      </c>
      <c r="J198" s="6">
        <v>38</v>
      </c>
      <c r="K198" s="6">
        <v>132</v>
      </c>
      <c r="L198" s="6">
        <v>44</v>
      </c>
      <c r="M198" s="6">
        <v>1</v>
      </c>
      <c r="N198" s="10" t="s">
        <v>55</v>
      </c>
      <c r="O198" s="6">
        <v>26</v>
      </c>
      <c r="P198" s="6">
        <v>23</v>
      </c>
      <c r="Q198" s="6">
        <v>5</v>
      </c>
      <c r="R198" s="6">
        <v>13</v>
      </c>
      <c r="S198" s="10" t="s">
        <v>55</v>
      </c>
    </row>
    <row r="199" spans="1:19">
      <c r="A199" s="9" t="s">
        <v>56</v>
      </c>
      <c r="B199" s="9" t="s">
        <v>57</v>
      </c>
      <c r="C199" s="9" t="s">
        <v>59</v>
      </c>
      <c r="D199" s="9" t="s">
        <v>53</v>
      </c>
      <c r="E199" s="9" t="s">
        <v>130</v>
      </c>
      <c r="F199" s="9" t="s">
        <v>137</v>
      </c>
      <c r="G199" s="6">
        <v>607</v>
      </c>
      <c r="H199" s="6">
        <v>17</v>
      </c>
      <c r="I199" s="6">
        <v>359</v>
      </c>
      <c r="J199" s="6">
        <v>113</v>
      </c>
      <c r="K199" s="6">
        <v>14</v>
      </c>
      <c r="L199" s="6">
        <v>2</v>
      </c>
      <c r="M199" s="6">
        <v>2</v>
      </c>
      <c r="N199" s="6">
        <v>3</v>
      </c>
      <c r="O199" s="6">
        <v>52</v>
      </c>
      <c r="P199" s="6">
        <v>6</v>
      </c>
      <c r="Q199" s="6">
        <v>34</v>
      </c>
      <c r="R199" s="6">
        <v>5</v>
      </c>
      <c r="S199" s="10" t="s">
        <v>55</v>
      </c>
    </row>
    <row r="200" spans="1:19">
      <c r="A200" s="9" t="s">
        <v>56</v>
      </c>
      <c r="B200" s="9" t="s">
        <v>57</v>
      </c>
      <c r="C200" s="9" t="s">
        <v>59</v>
      </c>
      <c r="D200" s="9" t="s">
        <v>53</v>
      </c>
      <c r="E200" s="9" t="s">
        <v>130</v>
      </c>
      <c r="F200" s="9" t="s">
        <v>138</v>
      </c>
      <c r="G200" s="6">
        <v>721</v>
      </c>
      <c r="H200" s="6">
        <v>20</v>
      </c>
      <c r="I200" s="6">
        <v>4</v>
      </c>
      <c r="J200" s="6">
        <v>17</v>
      </c>
      <c r="K200" s="6">
        <v>18</v>
      </c>
      <c r="L200" s="6">
        <v>606</v>
      </c>
      <c r="M200" s="6">
        <v>1</v>
      </c>
      <c r="N200" s="6">
        <v>1</v>
      </c>
      <c r="O200" s="6">
        <v>2</v>
      </c>
      <c r="P200" s="6">
        <v>5</v>
      </c>
      <c r="Q200" s="10" t="s">
        <v>55</v>
      </c>
      <c r="R200" s="6">
        <v>47</v>
      </c>
      <c r="S200" s="10" t="s">
        <v>55</v>
      </c>
    </row>
    <row r="201" spans="1:19">
      <c r="A201" s="9" t="s">
        <v>56</v>
      </c>
      <c r="B201" s="9" t="s">
        <v>57</v>
      </c>
      <c r="C201" s="9" t="s">
        <v>59</v>
      </c>
      <c r="D201" s="9" t="s">
        <v>53</v>
      </c>
      <c r="E201" s="9" t="s">
        <v>130</v>
      </c>
      <c r="F201" s="9" t="s">
        <v>139</v>
      </c>
      <c r="G201" s="6">
        <v>709</v>
      </c>
      <c r="H201" s="6">
        <v>19</v>
      </c>
      <c r="I201" s="6">
        <v>25</v>
      </c>
      <c r="J201" s="6">
        <v>53</v>
      </c>
      <c r="K201" s="6">
        <v>30</v>
      </c>
      <c r="L201" s="6">
        <v>476</v>
      </c>
      <c r="M201" s="6">
        <v>4</v>
      </c>
      <c r="N201" s="6">
        <v>14</v>
      </c>
      <c r="O201" s="6">
        <v>8</v>
      </c>
      <c r="P201" s="6">
        <v>24</v>
      </c>
      <c r="Q201" s="6">
        <v>1</v>
      </c>
      <c r="R201" s="6">
        <v>55</v>
      </c>
      <c r="S201" s="10" t="s">
        <v>55</v>
      </c>
    </row>
    <row r="202" spans="1:19">
      <c r="A202" s="9" t="s">
        <v>56</v>
      </c>
      <c r="B202" s="9" t="s">
        <v>57</v>
      </c>
      <c r="C202" s="9" t="s">
        <v>59</v>
      </c>
      <c r="D202" s="9" t="s">
        <v>53</v>
      </c>
      <c r="E202" s="9" t="s">
        <v>130</v>
      </c>
      <c r="F202" s="9" t="s">
        <v>140</v>
      </c>
      <c r="G202" s="6">
        <v>986</v>
      </c>
      <c r="H202" s="6">
        <v>5</v>
      </c>
      <c r="I202" s="6">
        <v>821</v>
      </c>
      <c r="J202" s="6">
        <v>79</v>
      </c>
      <c r="K202" s="10" t="s">
        <v>55</v>
      </c>
      <c r="L202" s="6">
        <v>13</v>
      </c>
      <c r="M202" s="6">
        <v>3</v>
      </c>
      <c r="N202" s="6">
        <v>1</v>
      </c>
      <c r="O202" s="6">
        <v>6</v>
      </c>
      <c r="P202" s="6">
        <v>23</v>
      </c>
      <c r="Q202" s="6">
        <v>1</v>
      </c>
      <c r="R202" s="6">
        <v>34</v>
      </c>
      <c r="S202" s="10" t="s">
        <v>55</v>
      </c>
    </row>
    <row r="203" spans="1:19">
      <c r="A203" s="9" t="s">
        <v>56</v>
      </c>
      <c r="B203" s="9" t="s">
        <v>57</v>
      </c>
      <c r="C203" s="9" t="s">
        <v>59</v>
      </c>
      <c r="D203" s="9" t="s">
        <v>53</v>
      </c>
      <c r="E203" s="9" t="s">
        <v>130</v>
      </c>
      <c r="F203" s="9" t="s">
        <v>141</v>
      </c>
      <c r="G203" s="6">
        <v>2268</v>
      </c>
      <c r="H203" s="6">
        <v>51</v>
      </c>
      <c r="I203" s="6">
        <v>1136</v>
      </c>
      <c r="J203" s="6">
        <v>176</v>
      </c>
      <c r="K203" s="6">
        <v>4</v>
      </c>
      <c r="L203" s="6">
        <v>726</v>
      </c>
      <c r="M203" s="6">
        <v>26</v>
      </c>
      <c r="N203" s="6">
        <v>4</v>
      </c>
      <c r="O203" s="6">
        <v>29</v>
      </c>
      <c r="P203" s="6">
        <v>71</v>
      </c>
      <c r="Q203" s="6">
        <v>4</v>
      </c>
      <c r="R203" s="6">
        <v>39</v>
      </c>
      <c r="S203" s="6">
        <v>2</v>
      </c>
    </row>
    <row r="204" spans="1:19">
      <c r="A204" s="9" t="s">
        <v>56</v>
      </c>
      <c r="B204" s="9" t="s">
        <v>57</v>
      </c>
      <c r="C204" s="9" t="s">
        <v>59</v>
      </c>
      <c r="D204" s="9" t="s">
        <v>53</v>
      </c>
      <c r="E204" s="9" t="s">
        <v>130</v>
      </c>
      <c r="F204" s="9" t="s">
        <v>142</v>
      </c>
      <c r="G204" s="6">
        <v>343</v>
      </c>
      <c r="H204" s="6">
        <v>29</v>
      </c>
      <c r="I204" s="6">
        <v>23</v>
      </c>
      <c r="J204" s="6">
        <v>171</v>
      </c>
      <c r="K204" s="6">
        <v>54</v>
      </c>
      <c r="L204" s="10" t="s">
        <v>55</v>
      </c>
      <c r="M204" s="10" t="s">
        <v>55</v>
      </c>
      <c r="N204" s="10" t="s">
        <v>55</v>
      </c>
      <c r="O204" s="6">
        <v>18</v>
      </c>
      <c r="P204" s="10" t="s">
        <v>55</v>
      </c>
      <c r="Q204" s="10" t="s">
        <v>55</v>
      </c>
      <c r="R204" s="6">
        <v>48</v>
      </c>
      <c r="S204" s="10" t="s">
        <v>55</v>
      </c>
    </row>
    <row r="205" spans="1:19">
      <c r="A205" s="9" t="s">
        <v>56</v>
      </c>
      <c r="B205" s="9" t="s">
        <v>57</v>
      </c>
      <c r="C205" s="9" t="s">
        <v>59</v>
      </c>
      <c r="D205" s="9" t="s">
        <v>53</v>
      </c>
      <c r="E205" s="9" t="s">
        <v>130</v>
      </c>
      <c r="F205" s="9" t="s">
        <v>143</v>
      </c>
      <c r="G205" s="6">
        <v>1768</v>
      </c>
      <c r="H205" s="6">
        <v>63</v>
      </c>
      <c r="I205" s="6">
        <v>175</v>
      </c>
      <c r="J205" s="6">
        <v>202</v>
      </c>
      <c r="K205" s="6">
        <v>26</v>
      </c>
      <c r="L205" s="6">
        <v>28</v>
      </c>
      <c r="M205" s="6">
        <v>247</v>
      </c>
      <c r="N205" s="6">
        <v>1</v>
      </c>
      <c r="O205" s="6">
        <v>342</v>
      </c>
      <c r="P205" s="6">
        <v>100</v>
      </c>
      <c r="Q205" s="6">
        <v>20</v>
      </c>
      <c r="R205" s="6">
        <v>560</v>
      </c>
      <c r="S205" s="6">
        <v>4</v>
      </c>
    </row>
    <row r="206" spans="1:19">
      <c r="A206" s="9" t="s">
        <v>56</v>
      </c>
      <c r="B206" s="9" t="s">
        <v>57</v>
      </c>
      <c r="C206" s="9" t="s">
        <v>59</v>
      </c>
      <c r="D206" s="9" t="s">
        <v>53</v>
      </c>
      <c r="E206" s="9" t="s">
        <v>130</v>
      </c>
      <c r="F206" s="9" t="s">
        <v>144</v>
      </c>
      <c r="G206" s="6">
        <v>1293</v>
      </c>
      <c r="H206" s="6">
        <v>74</v>
      </c>
      <c r="I206" s="6">
        <v>94</v>
      </c>
      <c r="J206" s="6">
        <v>727</v>
      </c>
      <c r="K206" s="10" t="s">
        <v>55</v>
      </c>
      <c r="L206" s="10" t="s">
        <v>55</v>
      </c>
      <c r="M206" s="6">
        <v>363</v>
      </c>
      <c r="N206" s="6">
        <v>3</v>
      </c>
      <c r="O206" s="6">
        <v>2</v>
      </c>
      <c r="P206" s="6">
        <v>8</v>
      </c>
      <c r="Q206" s="6">
        <v>12</v>
      </c>
      <c r="R206" s="6">
        <v>10</v>
      </c>
      <c r="S206" s="10" t="s">
        <v>55</v>
      </c>
    </row>
    <row r="207" spans="1:19">
      <c r="A207" s="9" t="s">
        <v>56</v>
      </c>
      <c r="B207" s="9" t="s">
        <v>57</v>
      </c>
      <c r="C207" s="9" t="s">
        <v>59</v>
      </c>
      <c r="D207" s="9" t="s">
        <v>53</v>
      </c>
      <c r="E207" s="9" t="s">
        <v>55</v>
      </c>
      <c r="F207" s="9" t="s">
        <v>145</v>
      </c>
      <c r="G207" s="6">
        <v>252</v>
      </c>
      <c r="H207" s="10" t="s">
        <v>55</v>
      </c>
      <c r="I207" s="6">
        <v>3</v>
      </c>
      <c r="J207" s="6">
        <v>1</v>
      </c>
      <c r="K207" s="10" t="s">
        <v>55</v>
      </c>
      <c r="L207" s="10" t="s">
        <v>55</v>
      </c>
      <c r="M207" s="10" t="s">
        <v>55</v>
      </c>
      <c r="N207" s="10" t="s">
        <v>55</v>
      </c>
      <c r="O207" s="6">
        <v>2</v>
      </c>
      <c r="P207" s="6">
        <v>1</v>
      </c>
      <c r="Q207" s="10" t="s">
        <v>55</v>
      </c>
      <c r="R207" s="6">
        <v>11</v>
      </c>
      <c r="S207" s="6">
        <v>234</v>
      </c>
    </row>
    <row r="208" spans="1:19">
      <c r="A208" s="9" t="s">
        <v>56</v>
      </c>
      <c r="B208" s="9" t="s">
        <v>57</v>
      </c>
      <c r="C208" s="9" t="s">
        <v>59</v>
      </c>
      <c r="D208" s="9" t="s">
        <v>53</v>
      </c>
      <c r="E208" s="9" t="s">
        <v>55</v>
      </c>
      <c r="F208" s="9" t="s">
        <v>146</v>
      </c>
      <c r="G208" s="6">
        <v>3750</v>
      </c>
      <c r="H208" s="6">
        <v>22</v>
      </c>
      <c r="I208" s="6">
        <v>3</v>
      </c>
      <c r="J208" s="6">
        <v>36</v>
      </c>
      <c r="K208" s="6">
        <v>4</v>
      </c>
      <c r="L208" s="6">
        <v>1</v>
      </c>
      <c r="M208" s="10" t="s">
        <v>55</v>
      </c>
      <c r="N208" s="6">
        <v>3596</v>
      </c>
      <c r="O208" s="6">
        <v>14</v>
      </c>
      <c r="P208" s="6">
        <v>4</v>
      </c>
      <c r="Q208" s="6">
        <v>3</v>
      </c>
      <c r="R208" s="6">
        <v>67</v>
      </c>
      <c r="S208" s="10" t="s">
        <v>55</v>
      </c>
    </row>
    <row r="209" spans="1:19">
      <c r="A209" s="9" t="s">
        <v>56</v>
      </c>
      <c r="B209" s="9" t="s">
        <v>57</v>
      </c>
      <c r="C209" s="9" t="s">
        <v>59</v>
      </c>
      <c r="D209" s="9" t="s">
        <v>53</v>
      </c>
      <c r="E209" s="9" t="s">
        <v>55</v>
      </c>
      <c r="F209" s="9" t="s">
        <v>147</v>
      </c>
      <c r="G209" s="6">
        <v>9205</v>
      </c>
      <c r="H209" s="6">
        <v>303</v>
      </c>
      <c r="I209" s="6">
        <v>460</v>
      </c>
      <c r="J209" s="6">
        <v>612</v>
      </c>
      <c r="K209" s="6">
        <v>204</v>
      </c>
      <c r="L209" s="6">
        <v>3</v>
      </c>
      <c r="M209" s="6">
        <v>18</v>
      </c>
      <c r="N209" s="6">
        <v>32</v>
      </c>
      <c r="O209" s="6">
        <v>4295</v>
      </c>
      <c r="P209" s="6">
        <v>417</v>
      </c>
      <c r="Q209" s="6">
        <v>2577</v>
      </c>
      <c r="R209" s="6">
        <v>284</v>
      </c>
      <c r="S209" s="10" t="s">
        <v>55</v>
      </c>
    </row>
    <row r="210" spans="1:19">
      <c r="A210" s="9" t="s">
        <v>56</v>
      </c>
      <c r="B210" s="9" t="s">
        <v>57</v>
      </c>
      <c r="C210" s="9" t="s">
        <v>59</v>
      </c>
      <c r="D210" s="9" t="s">
        <v>53</v>
      </c>
      <c r="E210" s="9" t="s">
        <v>55</v>
      </c>
      <c r="F210" s="9" t="s">
        <v>148</v>
      </c>
      <c r="G210" s="6">
        <v>15947</v>
      </c>
      <c r="H210" s="6">
        <v>592</v>
      </c>
      <c r="I210" s="6">
        <v>2880</v>
      </c>
      <c r="J210" s="6">
        <v>2480</v>
      </c>
      <c r="K210" s="6">
        <v>2228</v>
      </c>
      <c r="L210" s="6">
        <v>1918</v>
      </c>
      <c r="M210" s="6">
        <v>678</v>
      </c>
      <c r="N210" s="6">
        <v>34</v>
      </c>
      <c r="O210" s="6">
        <v>1218</v>
      </c>
      <c r="P210" s="6">
        <v>1734</v>
      </c>
      <c r="Q210" s="6">
        <v>239</v>
      </c>
      <c r="R210" s="6">
        <v>1939</v>
      </c>
      <c r="S210" s="6">
        <v>7</v>
      </c>
    </row>
    <row r="211" spans="1:19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55</v>
      </c>
      <c r="F211" s="9" t="s">
        <v>6</v>
      </c>
      <c r="G211" s="6">
        <v>27744</v>
      </c>
      <c r="H211" s="6">
        <v>214</v>
      </c>
      <c r="I211" s="6">
        <v>5242</v>
      </c>
      <c r="J211" s="6">
        <v>6052</v>
      </c>
      <c r="K211" s="6">
        <v>2868</v>
      </c>
      <c r="L211" s="6">
        <v>5043</v>
      </c>
      <c r="M211" s="6">
        <v>39</v>
      </c>
      <c r="N211" s="6">
        <v>3722</v>
      </c>
      <c r="O211" s="6">
        <v>2122</v>
      </c>
      <c r="P211" s="6">
        <v>49</v>
      </c>
      <c r="Q211" s="6">
        <v>91</v>
      </c>
      <c r="R211" s="6">
        <v>2135</v>
      </c>
      <c r="S211" s="6">
        <v>167</v>
      </c>
    </row>
    <row r="212" spans="1:19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122</v>
      </c>
      <c r="F212" s="9" t="s">
        <v>123</v>
      </c>
      <c r="G212" s="6">
        <v>3962</v>
      </c>
      <c r="H212" s="6">
        <v>4</v>
      </c>
      <c r="I212" s="10" t="s">
        <v>55</v>
      </c>
      <c r="J212" s="6">
        <v>81</v>
      </c>
      <c r="K212" s="6">
        <v>8</v>
      </c>
      <c r="L212" s="10" t="s">
        <v>55</v>
      </c>
      <c r="M212" s="10" t="s">
        <v>55</v>
      </c>
      <c r="N212" s="6">
        <v>3651</v>
      </c>
      <c r="O212" s="6">
        <v>45</v>
      </c>
      <c r="P212" s="10" t="s">
        <v>55</v>
      </c>
      <c r="Q212" s="10" t="s">
        <v>55</v>
      </c>
      <c r="R212" s="6">
        <v>173</v>
      </c>
      <c r="S212" s="10" t="s">
        <v>55</v>
      </c>
    </row>
    <row r="213" spans="1:19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122</v>
      </c>
      <c r="F213" s="9" t="s">
        <v>124</v>
      </c>
      <c r="G213" s="6">
        <v>3932</v>
      </c>
      <c r="H213" s="6">
        <v>3</v>
      </c>
      <c r="I213" s="10" t="s">
        <v>55</v>
      </c>
      <c r="J213" s="6">
        <v>64</v>
      </c>
      <c r="K213" s="6">
        <v>8</v>
      </c>
      <c r="L213" s="10" t="s">
        <v>55</v>
      </c>
      <c r="M213" s="10" t="s">
        <v>55</v>
      </c>
      <c r="N213" s="6">
        <v>3640</v>
      </c>
      <c r="O213" s="6">
        <v>44</v>
      </c>
      <c r="P213" s="10" t="s">
        <v>55</v>
      </c>
      <c r="Q213" s="10" t="s">
        <v>55</v>
      </c>
      <c r="R213" s="6">
        <v>173</v>
      </c>
      <c r="S213" s="10" t="s">
        <v>55</v>
      </c>
    </row>
    <row r="214" spans="1:19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122</v>
      </c>
      <c r="F214" s="9" t="s">
        <v>125</v>
      </c>
      <c r="G214" s="6">
        <v>41</v>
      </c>
      <c r="H214" s="10" t="s">
        <v>55</v>
      </c>
      <c r="I214" s="10" t="s">
        <v>55</v>
      </c>
      <c r="J214" s="6">
        <v>1</v>
      </c>
      <c r="K214" s="6">
        <v>1</v>
      </c>
      <c r="L214" s="10" t="s">
        <v>55</v>
      </c>
      <c r="M214" s="10" t="s">
        <v>55</v>
      </c>
      <c r="N214" s="6">
        <v>38</v>
      </c>
      <c r="O214" s="6">
        <v>1</v>
      </c>
      <c r="P214" s="10" t="s">
        <v>55</v>
      </c>
      <c r="Q214" s="10" t="s">
        <v>55</v>
      </c>
      <c r="R214" s="10" t="s">
        <v>55</v>
      </c>
      <c r="S214" s="10" t="s">
        <v>55</v>
      </c>
    </row>
    <row r="215" spans="1:19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126</v>
      </c>
      <c r="F215" s="9" t="s">
        <v>127</v>
      </c>
      <c r="G215" s="6">
        <v>5</v>
      </c>
      <c r="H215" s="10" t="s">
        <v>55</v>
      </c>
      <c r="I215" s="10" t="s">
        <v>55</v>
      </c>
      <c r="J215" s="6">
        <v>5</v>
      </c>
      <c r="K215" s="10" t="s">
        <v>55</v>
      </c>
      <c r="L215" s="10" t="s">
        <v>55</v>
      </c>
      <c r="M215" s="10" t="s">
        <v>55</v>
      </c>
      <c r="N215" s="10" t="s">
        <v>55</v>
      </c>
      <c r="O215" s="10" t="s">
        <v>55</v>
      </c>
      <c r="P215" s="10" t="s">
        <v>55</v>
      </c>
      <c r="Q215" s="10" t="s">
        <v>55</v>
      </c>
      <c r="R215" s="10" t="s">
        <v>55</v>
      </c>
      <c r="S215" s="10" t="s">
        <v>55</v>
      </c>
    </row>
    <row r="216" spans="1:19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126</v>
      </c>
      <c r="F216" s="9" t="s">
        <v>128</v>
      </c>
      <c r="G216" s="6">
        <v>792</v>
      </c>
      <c r="H216" s="6">
        <v>28</v>
      </c>
      <c r="I216" s="6">
        <v>16</v>
      </c>
      <c r="J216" s="6">
        <v>610</v>
      </c>
      <c r="K216" s="6">
        <v>15</v>
      </c>
      <c r="L216" s="6">
        <v>1</v>
      </c>
      <c r="M216" s="10" t="s">
        <v>55</v>
      </c>
      <c r="N216" s="10" t="s">
        <v>55</v>
      </c>
      <c r="O216" s="6">
        <v>25</v>
      </c>
      <c r="P216" s="6">
        <v>5</v>
      </c>
      <c r="Q216" s="6">
        <v>68</v>
      </c>
      <c r="R216" s="6">
        <v>24</v>
      </c>
      <c r="S216" s="10" t="s">
        <v>55</v>
      </c>
    </row>
    <row r="217" spans="1:19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126</v>
      </c>
      <c r="F217" s="9" t="s">
        <v>129</v>
      </c>
      <c r="G217" s="6">
        <v>2244</v>
      </c>
      <c r="H217" s="6">
        <v>18</v>
      </c>
      <c r="I217" s="6">
        <v>28</v>
      </c>
      <c r="J217" s="6">
        <v>561</v>
      </c>
      <c r="K217" s="6">
        <v>22</v>
      </c>
      <c r="L217" s="6">
        <v>3</v>
      </c>
      <c r="M217" s="6">
        <v>1</v>
      </c>
      <c r="N217" s="6">
        <v>2</v>
      </c>
      <c r="O217" s="6">
        <v>1405</v>
      </c>
      <c r="P217" s="6">
        <v>3</v>
      </c>
      <c r="Q217" s="6">
        <v>7</v>
      </c>
      <c r="R217" s="6">
        <v>194</v>
      </c>
      <c r="S217" s="10" t="s">
        <v>55</v>
      </c>
    </row>
    <row r="218" spans="1:19">
      <c r="A218" s="9" t="s">
        <v>56</v>
      </c>
      <c r="B218" s="9" t="s">
        <v>57</v>
      </c>
      <c r="C218" s="9" t="s">
        <v>59</v>
      </c>
      <c r="D218" s="9" t="s">
        <v>54</v>
      </c>
      <c r="E218" s="9" t="s">
        <v>130</v>
      </c>
      <c r="F218" s="9" t="s">
        <v>131</v>
      </c>
      <c r="G218" s="6">
        <v>29</v>
      </c>
      <c r="H218" s="10" t="s">
        <v>55</v>
      </c>
      <c r="I218" s="6">
        <v>3</v>
      </c>
      <c r="J218" s="6">
        <v>21</v>
      </c>
      <c r="K218" s="6">
        <v>3</v>
      </c>
      <c r="L218" s="10" t="s">
        <v>55</v>
      </c>
      <c r="M218" s="10" t="s">
        <v>55</v>
      </c>
      <c r="N218" s="10" t="s">
        <v>55</v>
      </c>
      <c r="O218" s="10" t="s">
        <v>55</v>
      </c>
      <c r="P218" s="6">
        <v>1</v>
      </c>
      <c r="Q218" s="6">
        <v>1</v>
      </c>
      <c r="R218" s="10" t="s">
        <v>55</v>
      </c>
      <c r="S218" s="10" t="s">
        <v>55</v>
      </c>
    </row>
    <row r="219" spans="1:19">
      <c r="A219" s="9" t="s">
        <v>56</v>
      </c>
      <c r="B219" s="9" t="s">
        <v>57</v>
      </c>
      <c r="C219" s="9" t="s">
        <v>59</v>
      </c>
      <c r="D219" s="9" t="s">
        <v>54</v>
      </c>
      <c r="E219" s="9" t="s">
        <v>130</v>
      </c>
      <c r="F219" s="9" t="s">
        <v>132</v>
      </c>
      <c r="G219" s="6">
        <v>73</v>
      </c>
      <c r="H219" s="6">
        <v>1</v>
      </c>
      <c r="I219" s="6">
        <v>28</v>
      </c>
      <c r="J219" s="6">
        <v>32</v>
      </c>
      <c r="K219" s="6">
        <v>7</v>
      </c>
      <c r="L219" s="6">
        <v>1</v>
      </c>
      <c r="M219" s="10" t="s">
        <v>55</v>
      </c>
      <c r="N219" s="10" t="s">
        <v>55</v>
      </c>
      <c r="O219" s="6">
        <v>4</v>
      </c>
      <c r="P219" s="10" t="s">
        <v>55</v>
      </c>
      <c r="Q219" s="10" t="s">
        <v>55</v>
      </c>
      <c r="R219" s="10" t="s">
        <v>55</v>
      </c>
      <c r="S219" s="10" t="s">
        <v>55</v>
      </c>
    </row>
    <row r="220" spans="1:19">
      <c r="A220" s="9" t="s">
        <v>56</v>
      </c>
      <c r="B220" s="9" t="s">
        <v>57</v>
      </c>
      <c r="C220" s="9" t="s">
        <v>59</v>
      </c>
      <c r="D220" s="9" t="s">
        <v>54</v>
      </c>
      <c r="E220" s="9" t="s">
        <v>130</v>
      </c>
      <c r="F220" s="9" t="s">
        <v>133</v>
      </c>
      <c r="G220" s="6">
        <v>530</v>
      </c>
      <c r="H220" s="6">
        <v>4</v>
      </c>
      <c r="I220" s="6">
        <v>1</v>
      </c>
      <c r="J220" s="6">
        <v>308</v>
      </c>
      <c r="K220" s="6">
        <v>3</v>
      </c>
      <c r="L220" s="6">
        <v>7</v>
      </c>
      <c r="M220" s="10" t="s">
        <v>55</v>
      </c>
      <c r="N220" s="10" t="s">
        <v>55</v>
      </c>
      <c r="O220" s="6">
        <v>10</v>
      </c>
      <c r="P220" s="6">
        <v>24</v>
      </c>
      <c r="Q220" s="6">
        <v>2</v>
      </c>
      <c r="R220" s="6">
        <v>171</v>
      </c>
      <c r="S220" s="10" t="s">
        <v>55</v>
      </c>
    </row>
    <row r="221" spans="1:19">
      <c r="A221" s="9" t="s">
        <v>56</v>
      </c>
      <c r="B221" s="9" t="s">
        <v>57</v>
      </c>
      <c r="C221" s="9" t="s">
        <v>59</v>
      </c>
      <c r="D221" s="9" t="s">
        <v>54</v>
      </c>
      <c r="E221" s="9" t="s">
        <v>130</v>
      </c>
      <c r="F221" s="9" t="s">
        <v>134</v>
      </c>
      <c r="G221" s="6">
        <v>5003</v>
      </c>
      <c r="H221" s="6">
        <v>49</v>
      </c>
      <c r="I221" s="6">
        <v>88</v>
      </c>
      <c r="J221" s="6">
        <v>1208</v>
      </c>
      <c r="K221" s="6">
        <v>2382</v>
      </c>
      <c r="L221" s="6">
        <v>44</v>
      </c>
      <c r="M221" s="10" t="s">
        <v>55</v>
      </c>
      <c r="N221" s="6">
        <v>22</v>
      </c>
      <c r="O221" s="6">
        <v>485</v>
      </c>
      <c r="P221" s="6">
        <v>4</v>
      </c>
      <c r="Q221" s="6">
        <v>8</v>
      </c>
      <c r="R221" s="6">
        <v>713</v>
      </c>
      <c r="S221" s="10" t="s">
        <v>55</v>
      </c>
    </row>
    <row r="222" spans="1:19">
      <c r="A222" s="9" t="s">
        <v>56</v>
      </c>
      <c r="B222" s="9" t="s">
        <v>57</v>
      </c>
      <c r="C222" s="9" t="s">
        <v>59</v>
      </c>
      <c r="D222" s="9" t="s">
        <v>54</v>
      </c>
      <c r="E222" s="9" t="s">
        <v>130</v>
      </c>
      <c r="F222" s="9" t="s">
        <v>135</v>
      </c>
      <c r="G222" s="6">
        <v>543</v>
      </c>
      <c r="H222" s="6">
        <v>2</v>
      </c>
      <c r="I222" s="6">
        <v>1</v>
      </c>
      <c r="J222" s="6">
        <v>313</v>
      </c>
      <c r="K222" s="6">
        <v>223</v>
      </c>
      <c r="L222" s="6">
        <v>4</v>
      </c>
      <c r="M222" s="10" t="s">
        <v>55</v>
      </c>
      <c r="N222" s="10" t="s">
        <v>55</v>
      </c>
      <c r="O222" s="10" t="s">
        <v>55</v>
      </c>
      <c r="P222" s="10" t="s">
        <v>55</v>
      </c>
      <c r="Q222" s="10" t="s">
        <v>55</v>
      </c>
      <c r="R222" s="10" t="s">
        <v>55</v>
      </c>
      <c r="S222" s="10" t="s">
        <v>55</v>
      </c>
    </row>
    <row r="223" spans="1:19">
      <c r="A223" s="9" t="s">
        <v>56</v>
      </c>
      <c r="B223" s="9" t="s">
        <v>57</v>
      </c>
      <c r="C223" s="9" t="s">
        <v>59</v>
      </c>
      <c r="D223" s="9" t="s">
        <v>54</v>
      </c>
      <c r="E223" s="9" t="s">
        <v>130</v>
      </c>
      <c r="F223" s="9" t="s">
        <v>136</v>
      </c>
      <c r="G223" s="6">
        <v>260</v>
      </c>
      <c r="H223" s="6">
        <v>14</v>
      </c>
      <c r="I223" s="6">
        <v>3</v>
      </c>
      <c r="J223" s="6">
        <v>131</v>
      </c>
      <c r="K223" s="6">
        <v>57</v>
      </c>
      <c r="L223" s="6">
        <v>42</v>
      </c>
      <c r="M223" s="10" t="s">
        <v>55</v>
      </c>
      <c r="N223" s="10" t="s">
        <v>55</v>
      </c>
      <c r="O223" s="6">
        <v>3</v>
      </c>
      <c r="P223" s="6">
        <v>1</v>
      </c>
      <c r="Q223" s="10" t="s">
        <v>55</v>
      </c>
      <c r="R223" s="6">
        <v>9</v>
      </c>
      <c r="S223" s="10" t="s">
        <v>55</v>
      </c>
    </row>
    <row r="224" spans="1:19">
      <c r="A224" s="9" t="s">
        <v>56</v>
      </c>
      <c r="B224" s="9" t="s">
        <v>57</v>
      </c>
      <c r="C224" s="9" t="s">
        <v>59</v>
      </c>
      <c r="D224" s="9" t="s">
        <v>54</v>
      </c>
      <c r="E224" s="9" t="s">
        <v>130</v>
      </c>
      <c r="F224" s="9" t="s">
        <v>137</v>
      </c>
      <c r="G224" s="6">
        <v>400</v>
      </c>
      <c r="H224" s="6">
        <v>5</v>
      </c>
      <c r="I224" s="6">
        <v>88</v>
      </c>
      <c r="J224" s="6">
        <v>253</v>
      </c>
      <c r="K224" s="6">
        <v>1</v>
      </c>
      <c r="L224" s="6">
        <v>19</v>
      </c>
      <c r="M224" s="10" t="s">
        <v>55</v>
      </c>
      <c r="N224" s="6">
        <v>7</v>
      </c>
      <c r="O224" s="6">
        <v>18</v>
      </c>
      <c r="P224" s="10" t="s">
        <v>55</v>
      </c>
      <c r="Q224" s="6">
        <v>4</v>
      </c>
      <c r="R224" s="6">
        <v>5</v>
      </c>
      <c r="S224" s="10" t="s">
        <v>55</v>
      </c>
    </row>
    <row r="225" spans="1:19">
      <c r="A225" s="9" t="s">
        <v>56</v>
      </c>
      <c r="B225" s="9" t="s">
        <v>57</v>
      </c>
      <c r="C225" s="9" t="s">
        <v>59</v>
      </c>
      <c r="D225" s="9" t="s">
        <v>54</v>
      </c>
      <c r="E225" s="9" t="s">
        <v>130</v>
      </c>
      <c r="F225" s="9" t="s">
        <v>138</v>
      </c>
      <c r="G225" s="6">
        <v>1523</v>
      </c>
      <c r="H225" s="6">
        <v>19</v>
      </c>
      <c r="I225" s="6">
        <v>13</v>
      </c>
      <c r="J225" s="6">
        <v>52</v>
      </c>
      <c r="K225" s="6">
        <v>46</v>
      </c>
      <c r="L225" s="6">
        <v>1253</v>
      </c>
      <c r="M225" s="10" t="s">
        <v>55</v>
      </c>
      <c r="N225" s="10" t="s">
        <v>55</v>
      </c>
      <c r="O225" s="6">
        <v>13</v>
      </c>
      <c r="P225" s="10" t="s">
        <v>55</v>
      </c>
      <c r="Q225" s="10" t="s">
        <v>55</v>
      </c>
      <c r="R225" s="6">
        <v>127</v>
      </c>
      <c r="S225" s="10" t="s">
        <v>55</v>
      </c>
    </row>
    <row r="226" spans="1:19">
      <c r="A226" s="9" t="s">
        <v>56</v>
      </c>
      <c r="B226" s="9" t="s">
        <v>57</v>
      </c>
      <c r="C226" s="9" t="s">
        <v>59</v>
      </c>
      <c r="D226" s="9" t="s">
        <v>54</v>
      </c>
      <c r="E226" s="9" t="s">
        <v>130</v>
      </c>
      <c r="F226" s="9" t="s">
        <v>139</v>
      </c>
      <c r="G226" s="6">
        <v>1156</v>
      </c>
      <c r="H226" s="6">
        <v>4</v>
      </c>
      <c r="I226" s="6">
        <v>32</v>
      </c>
      <c r="J226" s="6">
        <v>103</v>
      </c>
      <c r="K226" s="6">
        <v>67</v>
      </c>
      <c r="L226" s="6">
        <v>772</v>
      </c>
      <c r="M226" s="10" t="s">
        <v>55</v>
      </c>
      <c r="N226" s="10" t="s">
        <v>55</v>
      </c>
      <c r="O226" s="6">
        <v>26</v>
      </c>
      <c r="P226" s="6">
        <v>1</v>
      </c>
      <c r="Q226" s="10" t="s">
        <v>55</v>
      </c>
      <c r="R226" s="6">
        <v>151</v>
      </c>
      <c r="S226" s="10" t="s">
        <v>55</v>
      </c>
    </row>
    <row r="227" spans="1:19">
      <c r="A227" s="9" t="s">
        <v>56</v>
      </c>
      <c r="B227" s="9" t="s">
        <v>57</v>
      </c>
      <c r="C227" s="9" t="s">
        <v>59</v>
      </c>
      <c r="D227" s="9" t="s">
        <v>54</v>
      </c>
      <c r="E227" s="9" t="s">
        <v>130</v>
      </c>
      <c r="F227" s="9" t="s">
        <v>140</v>
      </c>
      <c r="G227" s="6">
        <v>1278</v>
      </c>
      <c r="H227" s="6">
        <v>5</v>
      </c>
      <c r="I227" s="6">
        <v>916</v>
      </c>
      <c r="J227" s="6">
        <v>228</v>
      </c>
      <c r="K227" s="6">
        <v>4</v>
      </c>
      <c r="L227" s="6">
        <v>106</v>
      </c>
      <c r="M227" s="10" t="s">
        <v>55</v>
      </c>
      <c r="N227" s="10" t="s">
        <v>55</v>
      </c>
      <c r="O227" s="6">
        <v>2</v>
      </c>
      <c r="P227" s="6">
        <v>2</v>
      </c>
      <c r="Q227" s="10" t="s">
        <v>55</v>
      </c>
      <c r="R227" s="6">
        <v>15</v>
      </c>
      <c r="S227" s="10" t="s">
        <v>55</v>
      </c>
    </row>
    <row r="228" spans="1:19">
      <c r="A228" s="9" t="s">
        <v>56</v>
      </c>
      <c r="B228" s="9" t="s">
        <v>57</v>
      </c>
      <c r="C228" s="9" t="s">
        <v>59</v>
      </c>
      <c r="D228" s="9" t="s">
        <v>54</v>
      </c>
      <c r="E228" s="9" t="s">
        <v>130</v>
      </c>
      <c r="F228" s="9" t="s">
        <v>141</v>
      </c>
      <c r="G228" s="6">
        <v>7785</v>
      </c>
      <c r="H228" s="6">
        <v>35</v>
      </c>
      <c r="I228" s="6">
        <v>3878</v>
      </c>
      <c r="J228" s="6">
        <v>954</v>
      </c>
      <c r="K228" s="10" t="s">
        <v>55</v>
      </c>
      <c r="L228" s="6">
        <v>2710</v>
      </c>
      <c r="M228" s="6">
        <v>4</v>
      </c>
      <c r="N228" s="10" t="s">
        <v>55</v>
      </c>
      <c r="O228" s="6">
        <v>51</v>
      </c>
      <c r="P228" s="6">
        <v>5</v>
      </c>
      <c r="Q228" s="10" t="s">
        <v>55</v>
      </c>
      <c r="R228" s="6">
        <v>147</v>
      </c>
      <c r="S228" s="6">
        <v>1</v>
      </c>
    </row>
    <row r="229" spans="1:19">
      <c r="A229" s="9" t="s">
        <v>56</v>
      </c>
      <c r="B229" s="9" t="s">
        <v>57</v>
      </c>
      <c r="C229" s="9" t="s">
        <v>59</v>
      </c>
      <c r="D229" s="9" t="s">
        <v>54</v>
      </c>
      <c r="E229" s="9" t="s">
        <v>130</v>
      </c>
      <c r="F229" s="9" t="s">
        <v>142</v>
      </c>
      <c r="G229" s="6">
        <v>227</v>
      </c>
      <c r="H229" s="6">
        <v>1</v>
      </c>
      <c r="I229" s="6">
        <v>4</v>
      </c>
      <c r="J229" s="6">
        <v>191</v>
      </c>
      <c r="K229" s="6">
        <v>20</v>
      </c>
      <c r="L229" s="6">
        <v>1</v>
      </c>
      <c r="M229" s="10" t="s">
        <v>55</v>
      </c>
      <c r="N229" s="6">
        <v>1</v>
      </c>
      <c r="O229" s="6">
        <v>1</v>
      </c>
      <c r="P229" s="10" t="s">
        <v>55</v>
      </c>
      <c r="Q229" s="10" t="s">
        <v>55</v>
      </c>
      <c r="R229" s="6">
        <v>8</v>
      </c>
      <c r="S229" s="10" t="s">
        <v>55</v>
      </c>
    </row>
    <row r="230" spans="1:19">
      <c r="A230" s="9" t="s">
        <v>56</v>
      </c>
      <c r="B230" s="9" t="s">
        <v>57</v>
      </c>
      <c r="C230" s="9" t="s">
        <v>59</v>
      </c>
      <c r="D230" s="9" t="s">
        <v>54</v>
      </c>
      <c r="E230" s="9" t="s">
        <v>130</v>
      </c>
      <c r="F230" s="9" t="s">
        <v>143</v>
      </c>
      <c r="G230" s="6">
        <v>1084</v>
      </c>
      <c r="H230" s="6">
        <v>15</v>
      </c>
      <c r="I230" s="6">
        <v>51</v>
      </c>
      <c r="J230" s="6">
        <v>508</v>
      </c>
      <c r="K230" s="6">
        <v>9</v>
      </c>
      <c r="L230" s="6">
        <v>75</v>
      </c>
      <c r="M230" s="6">
        <v>5</v>
      </c>
      <c r="N230" s="6">
        <v>1</v>
      </c>
      <c r="O230" s="6">
        <v>30</v>
      </c>
      <c r="P230" s="6">
        <v>2</v>
      </c>
      <c r="Q230" s="10" t="s">
        <v>55</v>
      </c>
      <c r="R230" s="6">
        <v>386</v>
      </c>
      <c r="S230" s="6">
        <v>2</v>
      </c>
    </row>
    <row r="231" spans="1:19">
      <c r="A231" s="9" t="s">
        <v>56</v>
      </c>
      <c r="B231" s="9" t="s">
        <v>57</v>
      </c>
      <c r="C231" s="9" t="s">
        <v>59</v>
      </c>
      <c r="D231" s="9" t="s">
        <v>54</v>
      </c>
      <c r="E231" s="9" t="s">
        <v>130</v>
      </c>
      <c r="F231" s="9" t="s">
        <v>144</v>
      </c>
      <c r="G231" s="6">
        <v>618</v>
      </c>
      <c r="H231" s="6">
        <v>10</v>
      </c>
      <c r="I231" s="6">
        <v>92</v>
      </c>
      <c r="J231" s="6">
        <v>479</v>
      </c>
      <c r="K231" s="10" t="s">
        <v>55</v>
      </c>
      <c r="L231" s="6">
        <v>1</v>
      </c>
      <c r="M231" s="6">
        <v>29</v>
      </c>
      <c r="N231" s="10" t="s">
        <v>55</v>
      </c>
      <c r="O231" s="10" t="s">
        <v>55</v>
      </c>
      <c r="P231" s="6">
        <v>1</v>
      </c>
      <c r="Q231" s="6">
        <v>1</v>
      </c>
      <c r="R231" s="6">
        <v>5</v>
      </c>
      <c r="S231" s="10" t="s">
        <v>55</v>
      </c>
    </row>
    <row r="232" spans="1:19">
      <c r="A232" s="9" t="s">
        <v>56</v>
      </c>
      <c r="B232" s="9" t="s">
        <v>57</v>
      </c>
      <c r="C232" s="9" t="s">
        <v>59</v>
      </c>
      <c r="D232" s="9" t="s">
        <v>54</v>
      </c>
      <c r="E232" s="9" t="s">
        <v>55</v>
      </c>
      <c r="F232" s="9" t="s">
        <v>145</v>
      </c>
      <c r="G232" s="6">
        <v>191</v>
      </c>
      <c r="H232" s="10" t="s">
        <v>55</v>
      </c>
      <c r="I232" s="10" t="s">
        <v>55</v>
      </c>
      <c r="J232" s="6">
        <v>13</v>
      </c>
      <c r="K232" s="10" t="s">
        <v>55</v>
      </c>
      <c r="L232" s="6">
        <v>4</v>
      </c>
      <c r="M232" s="10" t="s">
        <v>55</v>
      </c>
      <c r="N232" s="10" t="s">
        <v>55</v>
      </c>
      <c r="O232" s="6">
        <v>3</v>
      </c>
      <c r="P232" s="10" t="s">
        <v>55</v>
      </c>
      <c r="Q232" s="10" t="s">
        <v>55</v>
      </c>
      <c r="R232" s="6">
        <v>7</v>
      </c>
      <c r="S232" s="6">
        <v>164</v>
      </c>
    </row>
    <row r="233" spans="1:19">
      <c r="A233" s="9" t="s">
        <v>56</v>
      </c>
      <c r="B233" s="9" t="s">
        <v>57</v>
      </c>
      <c r="C233" s="9" t="s">
        <v>59</v>
      </c>
      <c r="D233" s="9" t="s">
        <v>54</v>
      </c>
      <c r="E233" s="9" t="s">
        <v>55</v>
      </c>
      <c r="F233" s="9" t="s">
        <v>146</v>
      </c>
      <c r="G233" s="6">
        <v>4003</v>
      </c>
      <c r="H233" s="6">
        <v>4</v>
      </c>
      <c r="I233" s="10" t="s">
        <v>55</v>
      </c>
      <c r="J233" s="6">
        <v>82</v>
      </c>
      <c r="K233" s="6">
        <v>9</v>
      </c>
      <c r="L233" s="10" t="s">
        <v>55</v>
      </c>
      <c r="M233" s="10" t="s">
        <v>55</v>
      </c>
      <c r="N233" s="6">
        <v>3689</v>
      </c>
      <c r="O233" s="6">
        <v>46</v>
      </c>
      <c r="P233" s="10" t="s">
        <v>55</v>
      </c>
      <c r="Q233" s="10" t="s">
        <v>55</v>
      </c>
      <c r="R233" s="6">
        <v>173</v>
      </c>
      <c r="S233" s="10" t="s">
        <v>55</v>
      </c>
    </row>
    <row r="234" spans="1:19">
      <c r="A234" s="9" t="s">
        <v>56</v>
      </c>
      <c r="B234" s="9" t="s">
        <v>57</v>
      </c>
      <c r="C234" s="9" t="s">
        <v>59</v>
      </c>
      <c r="D234" s="9" t="s">
        <v>54</v>
      </c>
      <c r="E234" s="9" t="s">
        <v>55</v>
      </c>
      <c r="F234" s="9" t="s">
        <v>147</v>
      </c>
      <c r="G234" s="6">
        <v>3041</v>
      </c>
      <c r="H234" s="6">
        <v>46</v>
      </c>
      <c r="I234" s="6">
        <v>44</v>
      </c>
      <c r="J234" s="6">
        <v>1176</v>
      </c>
      <c r="K234" s="6">
        <v>37</v>
      </c>
      <c r="L234" s="6">
        <v>4</v>
      </c>
      <c r="M234" s="6">
        <v>1</v>
      </c>
      <c r="N234" s="6">
        <v>2</v>
      </c>
      <c r="O234" s="6">
        <v>1430</v>
      </c>
      <c r="P234" s="6">
        <v>8</v>
      </c>
      <c r="Q234" s="6">
        <v>75</v>
      </c>
      <c r="R234" s="6">
        <v>218</v>
      </c>
      <c r="S234" s="10" t="s">
        <v>55</v>
      </c>
    </row>
    <row r="235" spans="1:19">
      <c r="A235" s="9" t="s">
        <v>56</v>
      </c>
      <c r="B235" s="9" t="s">
        <v>57</v>
      </c>
      <c r="C235" s="9" t="s">
        <v>59</v>
      </c>
      <c r="D235" s="9" t="s">
        <v>54</v>
      </c>
      <c r="E235" s="9" t="s">
        <v>55</v>
      </c>
      <c r="F235" s="9" t="s">
        <v>148</v>
      </c>
      <c r="G235" s="6">
        <v>20509</v>
      </c>
      <c r="H235" s="6">
        <v>164</v>
      </c>
      <c r="I235" s="6">
        <v>5198</v>
      </c>
      <c r="J235" s="6">
        <v>4781</v>
      </c>
      <c r="K235" s="6">
        <v>2822</v>
      </c>
      <c r="L235" s="6">
        <v>5035</v>
      </c>
      <c r="M235" s="6">
        <v>38</v>
      </c>
      <c r="N235" s="6">
        <v>31</v>
      </c>
      <c r="O235" s="6">
        <v>643</v>
      </c>
      <c r="P235" s="6">
        <v>41</v>
      </c>
      <c r="Q235" s="6">
        <v>16</v>
      </c>
      <c r="R235" s="6">
        <v>1737</v>
      </c>
      <c r="S235" s="6">
        <v>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8" orientation="portrait" r:id="rId1"/>
</worksheet>
</file>

<file path=xl/worksheets/sheet2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831080F-4BD3-4932-AB54-1B32593FE02E}">
  <sheetPr>
    <pageSetUpPr fitToPage="1"/>
  </sheetPr>
  <dimension ref="A1:S235"/>
  <sheetViews>
    <sheetView zoomScaleNormal="100" workbookViewId="0">
      <pane xSplit="6" ySplit="10" topLeftCell="G11" activePane="bottomRight" state="frozen"/>
      <selection activeCell="E5" sqref="E5"/>
      <selection pane="topRight" activeCell="E5" sqref="E5"/>
      <selection pane="bottomLeft" activeCell="E5" sqref="E5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11.25" style="11" customWidth="1"/>
    <col min="6" max="6" width="32.5" style="11" customWidth="1"/>
    <col min="7" max="16384" width="12.625" style="11"/>
  </cols>
  <sheetData>
    <row r="1" spans="1:19" s="1" customFormat="1">
      <c r="A1" s="1" t="s">
        <v>0</v>
      </c>
    </row>
    <row r="2" spans="1:19" s="1" customFormat="1">
      <c r="A2" s="1" t="s">
        <v>178</v>
      </c>
    </row>
    <row r="3" spans="1:19" s="1" customFormat="1"/>
    <row r="4" spans="1:19" s="1" customFormat="1" hidden="1"/>
    <row r="5" spans="1:19" s="1" customFormat="1" ht="24">
      <c r="G5" s="3" t="s">
        <v>154</v>
      </c>
      <c r="H5" s="3" t="s">
        <v>154</v>
      </c>
      <c r="I5" s="3" t="s">
        <v>154</v>
      </c>
      <c r="J5" s="3" t="s">
        <v>154</v>
      </c>
      <c r="K5" s="3" t="s">
        <v>154</v>
      </c>
      <c r="L5" s="3" t="s">
        <v>154</v>
      </c>
      <c r="M5" s="3" t="s">
        <v>154</v>
      </c>
      <c r="N5" s="3" t="s">
        <v>154</v>
      </c>
      <c r="O5" s="3" t="s">
        <v>154</v>
      </c>
      <c r="P5" s="3" t="s">
        <v>154</v>
      </c>
      <c r="Q5" s="3" t="s">
        <v>154</v>
      </c>
      <c r="R5" s="3" t="s">
        <v>154</v>
      </c>
      <c r="S5" s="3" t="s">
        <v>154</v>
      </c>
    </row>
    <row r="6" spans="1:19" s="1" customFormat="1">
      <c r="G6" s="3" t="s">
        <v>159</v>
      </c>
      <c r="H6" s="3" t="s">
        <v>159</v>
      </c>
      <c r="I6" s="3" t="s">
        <v>159</v>
      </c>
      <c r="J6" s="3" t="s">
        <v>159</v>
      </c>
      <c r="K6" s="3" t="s">
        <v>159</v>
      </c>
      <c r="L6" s="3" t="s">
        <v>159</v>
      </c>
      <c r="M6" s="3" t="s">
        <v>159</v>
      </c>
      <c r="N6" s="3" t="s">
        <v>159</v>
      </c>
      <c r="O6" s="3" t="s">
        <v>159</v>
      </c>
      <c r="P6" s="3" t="s">
        <v>159</v>
      </c>
      <c r="Q6" s="3" t="s">
        <v>159</v>
      </c>
      <c r="R6" s="3" t="s">
        <v>159</v>
      </c>
      <c r="S6" s="3" t="s">
        <v>159</v>
      </c>
    </row>
    <row r="7" spans="1:19" s="1" customFormat="1"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</row>
    <row r="8" spans="1:19" s="1" customFormat="1" ht="36">
      <c r="G8" s="3" t="s">
        <v>6</v>
      </c>
      <c r="H8" s="3" t="s">
        <v>160</v>
      </c>
      <c r="I8" s="3" t="s">
        <v>161</v>
      </c>
      <c r="J8" s="3" t="s">
        <v>162</v>
      </c>
      <c r="K8" s="3" t="s">
        <v>163</v>
      </c>
      <c r="L8" s="3" t="s">
        <v>164</v>
      </c>
      <c r="M8" s="3" t="s">
        <v>165</v>
      </c>
      <c r="N8" s="3" t="s">
        <v>166</v>
      </c>
      <c r="O8" s="3" t="s">
        <v>167</v>
      </c>
      <c r="P8" s="3" t="s">
        <v>168</v>
      </c>
      <c r="Q8" s="3" t="s">
        <v>169</v>
      </c>
      <c r="R8" s="3" t="s">
        <v>170</v>
      </c>
      <c r="S8" s="3" t="s">
        <v>171</v>
      </c>
    </row>
    <row r="9" spans="1:19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120</v>
      </c>
      <c r="F10" s="2" t="s">
        <v>121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55</v>
      </c>
      <c r="F11" s="5" t="s">
        <v>6</v>
      </c>
      <c r="G11" s="6">
        <v>50076420</v>
      </c>
      <c r="H11" s="6">
        <v>1104422</v>
      </c>
      <c r="I11" s="6">
        <v>9180597</v>
      </c>
      <c r="J11" s="6">
        <v>11276868</v>
      </c>
      <c r="K11" s="6">
        <v>6178752</v>
      </c>
      <c r="L11" s="6">
        <v>5816598</v>
      </c>
      <c r="M11" s="6">
        <v>1083577</v>
      </c>
      <c r="N11" s="6">
        <v>474452</v>
      </c>
      <c r="O11" s="6">
        <v>6878883</v>
      </c>
      <c r="P11" s="6">
        <v>1832432</v>
      </c>
      <c r="Q11" s="6">
        <v>1803249</v>
      </c>
      <c r="R11" s="6">
        <v>3820649</v>
      </c>
      <c r="S11" s="6">
        <v>625941</v>
      </c>
    </row>
    <row r="12" spans="1:1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122</v>
      </c>
      <c r="F12" s="9" t="s">
        <v>123</v>
      </c>
      <c r="G12" s="6">
        <v>481225</v>
      </c>
      <c r="H12" s="6">
        <v>10424</v>
      </c>
      <c r="I12" s="6">
        <v>4417</v>
      </c>
      <c r="J12" s="6">
        <v>44282</v>
      </c>
      <c r="K12" s="6">
        <v>8013</v>
      </c>
      <c r="L12" s="6">
        <v>1765</v>
      </c>
      <c r="M12" s="6">
        <v>180</v>
      </c>
      <c r="N12" s="6">
        <v>346832</v>
      </c>
      <c r="O12" s="6">
        <v>13247</v>
      </c>
      <c r="P12" s="6">
        <v>5816</v>
      </c>
      <c r="Q12" s="6">
        <v>1099</v>
      </c>
      <c r="R12" s="6">
        <v>45145</v>
      </c>
      <c r="S12" s="6">
        <v>5</v>
      </c>
    </row>
    <row r="13" spans="1:1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122</v>
      </c>
      <c r="F13" s="9" t="s">
        <v>124</v>
      </c>
      <c r="G13" s="6">
        <v>430677</v>
      </c>
      <c r="H13" s="6">
        <v>8466</v>
      </c>
      <c r="I13" s="6">
        <v>3362</v>
      </c>
      <c r="J13" s="6">
        <v>32483</v>
      </c>
      <c r="K13" s="6">
        <v>7315</v>
      </c>
      <c r="L13" s="6">
        <v>1682</v>
      </c>
      <c r="M13" s="6">
        <v>136</v>
      </c>
      <c r="N13" s="6">
        <v>317494</v>
      </c>
      <c r="O13" s="6">
        <v>11691</v>
      </c>
      <c r="P13" s="6">
        <v>3323</v>
      </c>
      <c r="Q13" s="6">
        <v>664</v>
      </c>
      <c r="R13" s="6">
        <v>44056</v>
      </c>
      <c r="S13" s="6">
        <v>5</v>
      </c>
    </row>
    <row r="14" spans="1:1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122</v>
      </c>
      <c r="F14" s="9" t="s">
        <v>125</v>
      </c>
      <c r="G14" s="6">
        <v>48599</v>
      </c>
      <c r="H14" s="6">
        <v>1290</v>
      </c>
      <c r="I14" s="6">
        <v>293</v>
      </c>
      <c r="J14" s="6">
        <v>3642</v>
      </c>
      <c r="K14" s="6">
        <v>642</v>
      </c>
      <c r="L14" s="6">
        <v>471</v>
      </c>
      <c r="M14" s="6">
        <v>49</v>
      </c>
      <c r="N14" s="6">
        <v>37429</v>
      </c>
      <c r="O14" s="6">
        <v>2494</v>
      </c>
      <c r="P14" s="6">
        <v>182</v>
      </c>
      <c r="Q14" s="6">
        <v>27</v>
      </c>
      <c r="R14" s="6">
        <v>2080</v>
      </c>
      <c r="S14" s="10" t="s">
        <v>55</v>
      </c>
    </row>
    <row r="15" spans="1:1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126</v>
      </c>
      <c r="F15" s="9" t="s">
        <v>127</v>
      </c>
      <c r="G15" s="6">
        <v>18368</v>
      </c>
      <c r="H15" s="6">
        <v>1029</v>
      </c>
      <c r="I15" s="6">
        <v>823</v>
      </c>
      <c r="J15" s="6">
        <v>4635</v>
      </c>
      <c r="K15" s="6">
        <v>620</v>
      </c>
      <c r="L15" s="6">
        <v>28</v>
      </c>
      <c r="M15" s="6">
        <v>48</v>
      </c>
      <c r="N15" s="6">
        <v>5</v>
      </c>
      <c r="O15" s="6">
        <v>1707</v>
      </c>
      <c r="P15" s="6">
        <v>7773</v>
      </c>
      <c r="Q15" s="6">
        <v>989</v>
      </c>
      <c r="R15" s="6">
        <v>710</v>
      </c>
      <c r="S15" s="6">
        <v>1</v>
      </c>
    </row>
    <row r="16" spans="1:1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126</v>
      </c>
      <c r="F16" s="9" t="s">
        <v>128</v>
      </c>
      <c r="G16" s="6">
        <v>3335831</v>
      </c>
      <c r="H16" s="6">
        <v>162871</v>
      </c>
      <c r="I16" s="6">
        <v>299829</v>
      </c>
      <c r="J16" s="6">
        <v>682213</v>
      </c>
      <c r="K16" s="6">
        <v>198236</v>
      </c>
      <c r="L16" s="6">
        <v>5519</v>
      </c>
      <c r="M16" s="6">
        <v>3792</v>
      </c>
      <c r="N16" s="6">
        <v>13529</v>
      </c>
      <c r="O16" s="6">
        <v>248536</v>
      </c>
      <c r="P16" s="6">
        <v>116880</v>
      </c>
      <c r="Q16" s="6">
        <v>1557680</v>
      </c>
      <c r="R16" s="6">
        <v>46676</v>
      </c>
      <c r="S16" s="6">
        <v>70</v>
      </c>
    </row>
    <row r="17" spans="1:1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126</v>
      </c>
      <c r="F17" s="9" t="s">
        <v>129</v>
      </c>
      <c r="G17" s="6">
        <v>8599741</v>
      </c>
      <c r="H17" s="6">
        <v>196092</v>
      </c>
      <c r="I17" s="6">
        <v>753739</v>
      </c>
      <c r="J17" s="6">
        <v>1620192</v>
      </c>
      <c r="K17" s="6">
        <v>434483</v>
      </c>
      <c r="L17" s="6">
        <v>5183</v>
      </c>
      <c r="M17" s="6">
        <v>7524</v>
      </c>
      <c r="N17" s="6">
        <v>4918</v>
      </c>
      <c r="O17" s="6">
        <v>5027267</v>
      </c>
      <c r="P17" s="6">
        <v>85632</v>
      </c>
      <c r="Q17" s="6">
        <v>28324</v>
      </c>
      <c r="R17" s="6">
        <v>436338</v>
      </c>
      <c r="S17" s="6">
        <v>49</v>
      </c>
    </row>
    <row r="18" spans="1:1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130</v>
      </c>
      <c r="F18" s="9" t="s">
        <v>131</v>
      </c>
      <c r="G18" s="6">
        <v>272880</v>
      </c>
      <c r="H18" s="6">
        <v>4763</v>
      </c>
      <c r="I18" s="6">
        <v>35462</v>
      </c>
      <c r="J18" s="6">
        <v>112941</v>
      </c>
      <c r="K18" s="6">
        <v>13922</v>
      </c>
      <c r="L18" s="6">
        <v>424</v>
      </c>
      <c r="M18" s="6">
        <v>1158</v>
      </c>
      <c r="N18" s="6">
        <v>61</v>
      </c>
      <c r="O18" s="6">
        <v>17406</v>
      </c>
      <c r="P18" s="6">
        <v>52726</v>
      </c>
      <c r="Q18" s="6">
        <v>28594</v>
      </c>
      <c r="R18" s="6">
        <v>5233</v>
      </c>
      <c r="S18" s="6">
        <v>190</v>
      </c>
    </row>
    <row r="19" spans="1:1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130</v>
      </c>
      <c r="F19" s="9" t="s">
        <v>132</v>
      </c>
      <c r="G19" s="6">
        <v>1837037</v>
      </c>
      <c r="H19" s="6">
        <v>43383</v>
      </c>
      <c r="I19" s="6">
        <v>1099669</v>
      </c>
      <c r="J19" s="6">
        <v>475876</v>
      </c>
      <c r="K19" s="6">
        <v>151314</v>
      </c>
      <c r="L19" s="6">
        <v>3234</v>
      </c>
      <c r="M19" s="6">
        <v>613</v>
      </c>
      <c r="N19" s="6">
        <v>77</v>
      </c>
      <c r="O19" s="6">
        <v>39510</v>
      </c>
      <c r="P19" s="6">
        <v>1719</v>
      </c>
      <c r="Q19" s="6">
        <v>11479</v>
      </c>
      <c r="R19" s="6">
        <v>9113</v>
      </c>
      <c r="S19" s="6">
        <v>1050</v>
      </c>
    </row>
    <row r="20" spans="1:1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130</v>
      </c>
      <c r="F20" s="9" t="s">
        <v>133</v>
      </c>
      <c r="G20" s="6">
        <v>2966241</v>
      </c>
      <c r="H20" s="6">
        <v>57310</v>
      </c>
      <c r="I20" s="6">
        <v>31199</v>
      </c>
      <c r="J20" s="6">
        <v>685060</v>
      </c>
      <c r="K20" s="6">
        <v>57709</v>
      </c>
      <c r="L20" s="6">
        <v>28894</v>
      </c>
      <c r="M20" s="6">
        <v>13267</v>
      </c>
      <c r="N20" s="6">
        <v>438</v>
      </c>
      <c r="O20" s="6">
        <v>64746</v>
      </c>
      <c r="P20" s="6">
        <v>1218417</v>
      </c>
      <c r="Q20" s="6">
        <v>29604</v>
      </c>
      <c r="R20" s="6">
        <v>779114</v>
      </c>
      <c r="S20" s="6">
        <v>483</v>
      </c>
    </row>
    <row r="21" spans="1:1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130</v>
      </c>
      <c r="F21" s="9" t="s">
        <v>134</v>
      </c>
      <c r="G21" s="6">
        <v>8050147</v>
      </c>
      <c r="H21" s="6">
        <v>204201</v>
      </c>
      <c r="I21" s="6">
        <v>299624</v>
      </c>
      <c r="J21" s="6">
        <v>1622409</v>
      </c>
      <c r="K21" s="6">
        <v>4032694</v>
      </c>
      <c r="L21" s="6">
        <v>49967</v>
      </c>
      <c r="M21" s="6">
        <v>4564</v>
      </c>
      <c r="N21" s="6">
        <v>9329</v>
      </c>
      <c r="O21" s="6">
        <v>813846</v>
      </c>
      <c r="P21" s="6">
        <v>39449</v>
      </c>
      <c r="Q21" s="6">
        <v>36212</v>
      </c>
      <c r="R21" s="6">
        <v>937808</v>
      </c>
      <c r="S21" s="6">
        <v>44</v>
      </c>
    </row>
    <row r="22" spans="1:1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130</v>
      </c>
      <c r="F22" s="9" t="s">
        <v>135</v>
      </c>
      <c r="G22" s="6">
        <v>1317442</v>
      </c>
      <c r="H22" s="6">
        <v>29861</v>
      </c>
      <c r="I22" s="6">
        <v>44832</v>
      </c>
      <c r="J22" s="6">
        <v>781612</v>
      </c>
      <c r="K22" s="6">
        <v>446582</v>
      </c>
      <c r="L22" s="6">
        <v>6994</v>
      </c>
      <c r="M22" s="6">
        <v>787</v>
      </c>
      <c r="N22" s="6">
        <v>33</v>
      </c>
      <c r="O22" s="6">
        <v>977</v>
      </c>
      <c r="P22" s="6">
        <v>1664</v>
      </c>
      <c r="Q22" s="6">
        <v>39</v>
      </c>
      <c r="R22" s="6">
        <v>3953</v>
      </c>
      <c r="S22" s="6">
        <v>108</v>
      </c>
    </row>
    <row r="23" spans="1:1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130</v>
      </c>
      <c r="F23" s="9" t="s">
        <v>136</v>
      </c>
      <c r="G23" s="6">
        <v>1046678</v>
      </c>
      <c r="H23" s="6">
        <v>84141</v>
      </c>
      <c r="I23" s="6">
        <v>24875</v>
      </c>
      <c r="J23" s="6">
        <v>326633</v>
      </c>
      <c r="K23" s="6">
        <v>297635</v>
      </c>
      <c r="L23" s="6">
        <v>197269</v>
      </c>
      <c r="M23" s="6">
        <v>3929</v>
      </c>
      <c r="N23" s="6">
        <v>816</v>
      </c>
      <c r="O23" s="6">
        <v>29959</v>
      </c>
      <c r="P23" s="6">
        <v>16619</v>
      </c>
      <c r="Q23" s="6">
        <v>9994</v>
      </c>
      <c r="R23" s="6">
        <v>54751</v>
      </c>
      <c r="S23" s="6">
        <v>57</v>
      </c>
    </row>
    <row r="24" spans="1:19">
      <c r="A24" s="9" t="s">
        <v>27</v>
      </c>
      <c r="B24" s="9" t="s">
        <v>28</v>
      </c>
      <c r="C24" s="9" t="s">
        <v>29</v>
      </c>
      <c r="D24" s="9" t="s">
        <v>6</v>
      </c>
      <c r="E24" s="9" t="s">
        <v>130</v>
      </c>
      <c r="F24" s="9" t="s">
        <v>137</v>
      </c>
      <c r="G24" s="6">
        <v>1622854</v>
      </c>
      <c r="H24" s="6">
        <v>44968</v>
      </c>
      <c r="I24" s="6">
        <v>660420</v>
      </c>
      <c r="J24" s="6">
        <v>565835</v>
      </c>
      <c r="K24" s="6">
        <v>84458</v>
      </c>
      <c r="L24" s="6">
        <v>31212</v>
      </c>
      <c r="M24" s="6">
        <v>2724</v>
      </c>
      <c r="N24" s="6">
        <v>8985</v>
      </c>
      <c r="O24" s="6">
        <v>145697</v>
      </c>
      <c r="P24" s="6">
        <v>7792</v>
      </c>
      <c r="Q24" s="6">
        <v>53331</v>
      </c>
      <c r="R24" s="6">
        <v>17130</v>
      </c>
      <c r="S24" s="6">
        <v>302</v>
      </c>
    </row>
    <row r="25" spans="1:19">
      <c r="A25" s="9" t="s">
        <v>27</v>
      </c>
      <c r="B25" s="9" t="s">
        <v>28</v>
      </c>
      <c r="C25" s="9" t="s">
        <v>29</v>
      </c>
      <c r="D25" s="9" t="s">
        <v>6</v>
      </c>
      <c r="E25" s="9" t="s">
        <v>130</v>
      </c>
      <c r="F25" s="9" t="s">
        <v>138</v>
      </c>
      <c r="G25" s="6">
        <v>2590881</v>
      </c>
      <c r="H25" s="6">
        <v>30742</v>
      </c>
      <c r="I25" s="6">
        <v>33447</v>
      </c>
      <c r="J25" s="6">
        <v>112327</v>
      </c>
      <c r="K25" s="6">
        <v>121394</v>
      </c>
      <c r="L25" s="6">
        <v>2074281</v>
      </c>
      <c r="M25" s="6">
        <v>3046</v>
      </c>
      <c r="N25" s="6">
        <v>1451</v>
      </c>
      <c r="O25" s="6">
        <v>26889</v>
      </c>
      <c r="P25" s="6">
        <v>7834</v>
      </c>
      <c r="Q25" s="6">
        <v>823</v>
      </c>
      <c r="R25" s="6">
        <v>178614</v>
      </c>
      <c r="S25" s="6">
        <v>33</v>
      </c>
    </row>
    <row r="26" spans="1:19">
      <c r="A26" s="9" t="s">
        <v>27</v>
      </c>
      <c r="B26" s="9" t="s">
        <v>28</v>
      </c>
      <c r="C26" s="9" t="s">
        <v>29</v>
      </c>
      <c r="D26" s="9" t="s">
        <v>6</v>
      </c>
      <c r="E26" s="9" t="s">
        <v>130</v>
      </c>
      <c r="F26" s="9" t="s">
        <v>139</v>
      </c>
      <c r="G26" s="6">
        <v>1466976</v>
      </c>
      <c r="H26" s="6">
        <v>26346</v>
      </c>
      <c r="I26" s="6">
        <v>86656</v>
      </c>
      <c r="J26" s="6">
        <v>201777</v>
      </c>
      <c r="K26" s="6">
        <v>129762</v>
      </c>
      <c r="L26" s="6">
        <v>798446</v>
      </c>
      <c r="M26" s="6">
        <v>11276</v>
      </c>
      <c r="N26" s="6">
        <v>28621</v>
      </c>
      <c r="O26" s="6">
        <v>30624</v>
      </c>
      <c r="P26" s="6">
        <v>17426</v>
      </c>
      <c r="Q26" s="6">
        <v>1757</v>
      </c>
      <c r="R26" s="6">
        <v>134174</v>
      </c>
      <c r="S26" s="6">
        <v>111</v>
      </c>
    </row>
    <row r="27" spans="1:19">
      <c r="A27" s="9" t="s">
        <v>27</v>
      </c>
      <c r="B27" s="9" t="s">
        <v>28</v>
      </c>
      <c r="C27" s="9" t="s">
        <v>29</v>
      </c>
      <c r="D27" s="9" t="s">
        <v>6</v>
      </c>
      <c r="E27" s="9" t="s">
        <v>130</v>
      </c>
      <c r="F27" s="9" t="s">
        <v>140</v>
      </c>
      <c r="G27" s="6">
        <v>2595203</v>
      </c>
      <c r="H27" s="6">
        <v>21301</v>
      </c>
      <c r="I27" s="6">
        <v>1842946</v>
      </c>
      <c r="J27" s="6">
        <v>461722</v>
      </c>
      <c r="K27" s="6">
        <v>11900</v>
      </c>
      <c r="L27" s="6">
        <v>146917</v>
      </c>
      <c r="M27" s="6">
        <v>10238</v>
      </c>
      <c r="N27" s="6">
        <v>7022</v>
      </c>
      <c r="O27" s="6">
        <v>7407</v>
      </c>
      <c r="P27" s="6">
        <v>22657</v>
      </c>
      <c r="Q27" s="6">
        <v>732</v>
      </c>
      <c r="R27" s="6">
        <v>61599</v>
      </c>
      <c r="S27" s="6">
        <v>762</v>
      </c>
    </row>
    <row r="28" spans="1:19">
      <c r="A28" s="9" t="s">
        <v>27</v>
      </c>
      <c r="B28" s="9" t="s">
        <v>28</v>
      </c>
      <c r="C28" s="9" t="s">
        <v>29</v>
      </c>
      <c r="D28" s="9" t="s">
        <v>6</v>
      </c>
      <c r="E28" s="9" t="s">
        <v>130</v>
      </c>
      <c r="F28" s="9" t="s">
        <v>141</v>
      </c>
      <c r="G28" s="6">
        <v>7277074</v>
      </c>
      <c r="H28" s="6">
        <v>49923</v>
      </c>
      <c r="I28" s="6">
        <v>3568269</v>
      </c>
      <c r="J28" s="6">
        <v>974576</v>
      </c>
      <c r="K28" s="6">
        <v>14391</v>
      </c>
      <c r="L28" s="6">
        <v>2368108</v>
      </c>
      <c r="M28" s="6">
        <v>19788</v>
      </c>
      <c r="N28" s="6">
        <v>2782</v>
      </c>
      <c r="O28" s="6">
        <v>60731</v>
      </c>
      <c r="P28" s="6">
        <v>89125</v>
      </c>
      <c r="Q28" s="6">
        <v>2437</v>
      </c>
      <c r="R28" s="6">
        <v>125297</v>
      </c>
      <c r="S28" s="6">
        <v>1647</v>
      </c>
    </row>
    <row r="29" spans="1:19">
      <c r="A29" s="9" t="s">
        <v>27</v>
      </c>
      <c r="B29" s="9" t="s">
        <v>28</v>
      </c>
      <c r="C29" s="9" t="s">
        <v>29</v>
      </c>
      <c r="D29" s="9" t="s">
        <v>6</v>
      </c>
      <c r="E29" s="9" t="s">
        <v>130</v>
      </c>
      <c r="F29" s="9" t="s">
        <v>142</v>
      </c>
      <c r="G29" s="6">
        <v>434911</v>
      </c>
      <c r="H29" s="6">
        <v>12640</v>
      </c>
      <c r="I29" s="6">
        <v>15832</v>
      </c>
      <c r="J29" s="6">
        <v>276480</v>
      </c>
      <c r="K29" s="6">
        <v>40659</v>
      </c>
      <c r="L29" s="6">
        <v>1465</v>
      </c>
      <c r="M29" s="6">
        <v>185</v>
      </c>
      <c r="N29" s="6">
        <v>3867</v>
      </c>
      <c r="O29" s="6">
        <v>4920</v>
      </c>
      <c r="P29" s="6">
        <v>1786</v>
      </c>
      <c r="Q29" s="6">
        <v>202</v>
      </c>
      <c r="R29" s="6">
        <v>76691</v>
      </c>
      <c r="S29" s="6">
        <v>184</v>
      </c>
    </row>
    <row r="30" spans="1:19">
      <c r="A30" s="9" t="s">
        <v>27</v>
      </c>
      <c r="B30" s="9" t="s">
        <v>28</v>
      </c>
      <c r="C30" s="9" t="s">
        <v>29</v>
      </c>
      <c r="D30" s="9" t="s">
        <v>6</v>
      </c>
      <c r="E30" s="9" t="s">
        <v>130</v>
      </c>
      <c r="F30" s="9" t="s">
        <v>143</v>
      </c>
      <c r="G30" s="6">
        <v>3341676</v>
      </c>
      <c r="H30" s="6">
        <v>77650</v>
      </c>
      <c r="I30" s="6">
        <v>211213</v>
      </c>
      <c r="J30" s="6">
        <v>1107066</v>
      </c>
      <c r="K30" s="6">
        <v>124458</v>
      </c>
      <c r="L30" s="6">
        <v>92950</v>
      </c>
      <c r="M30" s="6">
        <v>351620</v>
      </c>
      <c r="N30" s="6">
        <v>5237</v>
      </c>
      <c r="O30" s="6">
        <v>330130</v>
      </c>
      <c r="P30" s="6">
        <v>126728</v>
      </c>
      <c r="Q30" s="6">
        <v>30460</v>
      </c>
      <c r="R30" s="6">
        <v>872933</v>
      </c>
      <c r="S30" s="6">
        <v>11231</v>
      </c>
    </row>
    <row r="31" spans="1:19">
      <c r="A31" s="9" t="s">
        <v>27</v>
      </c>
      <c r="B31" s="9" t="s">
        <v>28</v>
      </c>
      <c r="C31" s="9" t="s">
        <v>29</v>
      </c>
      <c r="D31" s="9" t="s">
        <v>6</v>
      </c>
      <c r="E31" s="9" t="s">
        <v>130</v>
      </c>
      <c r="F31" s="9" t="s">
        <v>144</v>
      </c>
      <c r="G31" s="6">
        <v>2032174</v>
      </c>
      <c r="H31" s="6">
        <v>43643</v>
      </c>
      <c r="I31" s="6">
        <v>157965</v>
      </c>
      <c r="J31" s="6">
        <v>1133450</v>
      </c>
      <c r="K31" s="10" t="s">
        <v>55</v>
      </c>
      <c r="L31" s="6">
        <v>1429</v>
      </c>
      <c r="M31" s="6">
        <v>648414</v>
      </c>
      <c r="N31" s="6">
        <v>2882</v>
      </c>
      <c r="O31" s="6">
        <v>6067</v>
      </c>
      <c r="P31" s="6">
        <v>9664</v>
      </c>
      <c r="Q31" s="6">
        <v>8957</v>
      </c>
      <c r="R31" s="6">
        <v>19697</v>
      </c>
      <c r="S31" s="6">
        <v>6</v>
      </c>
    </row>
    <row r="32" spans="1:19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5</v>
      </c>
      <c r="F32" s="9" t="s">
        <v>145</v>
      </c>
      <c r="G32" s="6">
        <v>740482</v>
      </c>
      <c r="H32" s="6">
        <v>1844</v>
      </c>
      <c r="I32" s="6">
        <v>9087</v>
      </c>
      <c r="J32" s="6">
        <v>84140</v>
      </c>
      <c r="K32" s="6">
        <v>9880</v>
      </c>
      <c r="L32" s="6">
        <v>2042</v>
      </c>
      <c r="M32" s="6">
        <v>375</v>
      </c>
      <c r="N32" s="6">
        <v>138</v>
      </c>
      <c r="O32" s="6">
        <v>6723</v>
      </c>
      <c r="P32" s="6">
        <v>2543</v>
      </c>
      <c r="Q32" s="6">
        <v>509</v>
      </c>
      <c r="R32" s="6">
        <v>13593</v>
      </c>
      <c r="S32" s="6">
        <v>609608</v>
      </c>
    </row>
    <row r="33" spans="1:19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5</v>
      </c>
      <c r="F33" s="9" t="s">
        <v>146</v>
      </c>
      <c r="G33" s="6">
        <v>529824</v>
      </c>
      <c r="H33" s="6">
        <v>11714</v>
      </c>
      <c r="I33" s="6">
        <v>4710</v>
      </c>
      <c r="J33" s="6">
        <v>47924</v>
      </c>
      <c r="K33" s="6">
        <v>8655</v>
      </c>
      <c r="L33" s="6">
        <v>2236</v>
      </c>
      <c r="M33" s="6">
        <v>229</v>
      </c>
      <c r="N33" s="6">
        <v>384261</v>
      </c>
      <c r="O33" s="6">
        <v>15741</v>
      </c>
      <c r="P33" s="6">
        <v>5998</v>
      </c>
      <c r="Q33" s="6">
        <v>1126</v>
      </c>
      <c r="R33" s="6">
        <v>47225</v>
      </c>
      <c r="S33" s="6">
        <v>5</v>
      </c>
    </row>
    <row r="34" spans="1:19">
      <c r="A34" s="9" t="s">
        <v>27</v>
      </c>
      <c r="B34" s="9" t="s">
        <v>28</v>
      </c>
      <c r="C34" s="9" t="s">
        <v>29</v>
      </c>
      <c r="D34" s="9" t="s">
        <v>6</v>
      </c>
      <c r="E34" s="9" t="s">
        <v>55</v>
      </c>
      <c r="F34" s="9" t="s">
        <v>147</v>
      </c>
      <c r="G34" s="6">
        <v>11953940</v>
      </c>
      <c r="H34" s="6">
        <v>359992</v>
      </c>
      <c r="I34" s="6">
        <v>1054391</v>
      </c>
      <c r="J34" s="6">
        <v>2307040</v>
      </c>
      <c r="K34" s="6">
        <v>633339</v>
      </c>
      <c r="L34" s="6">
        <v>10730</v>
      </c>
      <c r="M34" s="6">
        <v>11364</v>
      </c>
      <c r="N34" s="6">
        <v>18452</v>
      </c>
      <c r="O34" s="6">
        <v>5277510</v>
      </c>
      <c r="P34" s="6">
        <v>210285</v>
      </c>
      <c r="Q34" s="6">
        <v>1586993</v>
      </c>
      <c r="R34" s="6">
        <v>483724</v>
      </c>
      <c r="S34" s="6">
        <v>120</v>
      </c>
    </row>
    <row r="35" spans="1:19">
      <c r="A35" s="9" t="s">
        <v>27</v>
      </c>
      <c r="B35" s="9" t="s">
        <v>28</v>
      </c>
      <c r="C35" s="9" t="s">
        <v>29</v>
      </c>
      <c r="D35" s="9" t="s">
        <v>6</v>
      </c>
      <c r="E35" s="9" t="s">
        <v>55</v>
      </c>
      <c r="F35" s="9" t="s">
        <v>148</v>
      </c>
      <c r="G35" s="6">
        <v>36852174</v>
      </c>
      <c r="H35" s="6">
        <v>730872</v>
      </c>
      <c r="I35" s="6">
        <v>8112409</v>
      </c>
      <c r="J35" s="6">
        <v>8837764</v>
      </c>
      <c r="K35" s="6">
        <v>5526878</v>
      </c>
      <c r="L35" s="6">
        <v>5801590</v>
      </c>
      <c r="M35" s="6">
        <v>1071609</v>
      </c>
      <c r="N35" s="6">
        <v>71601</v>
      </c>
      <c r="O35" s="6">
        <v>1578909</v>
      </c>
      <c r="P35" s="6">
        <v>1613606</v>
      </c>
      <c r="Q35" s="6">
        <v>214621</v>
      </c>
      <c r="R35" s="6">
        <v>3276107</v>
      </c>
      <c r="S35" s="6">
        <v>16208</v>
      </c>
    </row>
    <row r="36" spans="1:1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55</v>
      </c>
      <c r="F36" s="9" t="s">
        <v>6</v>
      </c>
      <c r="G36" s="6">
        <v>26945461</v>
      </c>
      <c r="H36" s="6">
        <v>936341</v>
      </c>
      <c r="I36" s="6">
        <v>4523873</v>
      </c>
      <c r="J36" s="6">
        <v>4491399</v>
      </c>
      <c r="K36" s="6">
        <v>3334157</v>
      </c>
      <c r="L36" s="6">
        <v>1692882</v>
      </c>
      <c r="M36" s="6">
        <v>998248</v>
      </c>
      <c r="N36" s="6">
        <v>318586</v>
      </c>
      <c r="O36" s="6">
        <v>4810730</v>
      </c>
      <c r="P36" s="6">
        <v>1760241</v>
      </c>
      <c r="Q36" s="6">
        <v>1755986</v>
      </c>
      <c r="R36" s="6">
        <v>2007698</v>
      </c>
      <c r="S36" s="6">
        <v>315320</v>
      </c>
    </row>
    <row r="37" spans="1:19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122</v>
      </c>
      <c r="F37" s="9" t="s">
        <v>123</v>
      </c>
      <c r="G37" s="6">
        <v>282286</v>
      </c>
      <c r="H37" s="6">
        <v>9186</v>
      </c>
      <c r="I37" s="6">
        <v>3669</v>
      </c>
      <c r="J37" s="6">
        <v>16118</v>
      </c>
      <c r="K37" s="6">
        <v>4604</v>
      </c>
      <c r="L37" s="6">
        <v>590</v>
      </c>
      <c r="M37" s="6">
        <v>164</v>
      </c>
      <c r="N37" s="6">
        <v>216868</v>
      </c>
      <c r="O37" s="6">
        <v>7839</v>
      </c>
      <c r="P37" s="6">
        <v>5656</v>
      </c>
      <c r="Q37" s="6">
        <v>1046</v>
      </c>
      <c r="R37" s="6">
        <v>16544</v>
      </c>
      <c r="S37" s="6">
        <v>2</v>
      </c>
    </row>
    <row r="38" spans="1:19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122</v>
      </c>
      <c r="F38" s="9" t="s">
        <v>124</v>
      </c>
      <c r="G38" s="6">
        <v>239333</v>
      </c>
      <c r="H38" s="6">
        <v>7370</v>
      </c>
      <c r="I38" s="6">
        <v>2679</v>
      </c>
      <c r="J38" s="6">
        <v>10005</v>
      </c>
      <c r="K38" s="6">
        <v>3998</v>
      </c>
      <c r="L38" s="6">
        <v>546</v>
      </c>
      <c r="M38" s="6">
        <v>125</v>
      </c>
      <c r="N38" s="6">
        <v>188698</v>
      </c>
      <c r="O38" s="6">
        <v>6427</v>
      </c>
      <c r="P38" s="6">
        <v>3218</v>
      </c>
      <c r="Q38" s="6">
        <v>625</v>
      </c>
      <c r="R38" s="6">
        <v>15640</v>
      </c>
      <c r="S38" s="6">
        <v>2</v>
      </c>
    </row>
    <row r="39" spans="1:19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122</v>
      </c>
      <c r="F39" s="9" t="s">
        <v>125</v>
      </c>
      <c r="G39" s="6">
        <v>38184</v>
      </c>
      <c r="H39" s="6">
        <v>1107</v>
      </c>
      <c r="I39" s="6">
        <v>279</v>
      </c>
      <c r="J39" s="6">
        <v>980</v>
      </c>
      <c r="K39" s="6">
        <v>435</v>
      </c>
      <c r="L39" s="6">
        <v>189</v>
      </c>
      <c r="M39" s="6">
        <v>49</v>
      </c>
      <c r="N39" s="6">
        <v>32643</v>
      </c>
      <c r="O39" s="6">
        <v>1176</v>
      </c>
      <c r="P39" s="6">
        <v>178</v>
      </c>
      <c r="Q39" s="6">
        <v>24</v>
      </c>
      <c r="R39" s="6">
        <v>1124</v>
      </c>
      <c r="S39" s="10" t="s">
        <v>55</v>
      </c>
    </row>
    <row r="40" spans="1:19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126</v>
      </c>
      <c r="F40" s="9" t="s">
        <v>127</v>
      </c>
      <c r="G40" s="6">
        <v>15353</v>
      </c>
      <c r="H40" s="6">
        <v>925</v>
      </c>
      <c r="I40" s="6">
        <v>763</v>
      </c>
      <c r="J40" s="6">
        <v>2229</v>
      </c>
      <c r="K40" s="6">
        <v>567</v>
      </c>
      <c r="L40" s="6">
        <v>9</v>
      </c>
      <c r="M40" s="6">
        <v>44</v>
      </c>
      <c r="N40" s="6">
        <v>5</v>
      </c>
      <c r="O40" s="6">
        <v>1640</v>
      </c>
      <c r="P40" s="6">
        <v>7636</v>
      </c>
      <c r="Q40" s="6">
        <v>946</v>
      </c>
      <c r="R40" s="6">
        <v>589</v>
      </c>
      <c r="S40" s="10" t="s">
        <v>55</v>
      </c>
    </row>
    <row r="41" spans="1:19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126</v>
      </c>
      <c r="F41" s="9" t="s">
        <v>128</v>
      </c>
      <c r="G41" s="6">
        <v>2701811</v>
      </c>
      <c r="H41" s="6">
        <v>144334</v>
      </c>
      <c r="I41" s="6">
        <v>275327</v>
      </c>
      <c r="J41" s="6">
        <v>194628</v>
      </c>
      <c r="K41" s="6">
        <v>179084</v>
      </c>
      <c r="L41" s="6">
        <v>2528</v>
      </c>
      <c r="M41" s="6">
        <v>3630</v>
      </c>
      <c r="N41" s="6">
        <v>12320</v>
      </c>
      <c r="O41" s="6">
        <v>219519</v>
      </c>
      <c r="P41" s="6">
        <v>114743</v>
      </c>
      <c r="Q41" s="6">
        <v>1521380</v>
      </c>
      <c r="R41" s="6">
        <v>34268</v>
      </c>
      <c r="S41" s="6">
        <v>50</v>
      </c>
    </row>
    <row r="42" spans="1:19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126</v>
      </c>
      <c r="F42" s="9" t="s">
        <v>129</v>
      </c>
      <c r="G42" s="6">
        <v>5945213</v>
      </c>
      <c r="H42" s="6">
        <v>175882</v>
      </c>
      <c r="I42" s="6">
        <v>660248</v>
      </c>
      <c r="J42" s="6">
        <v>830166</v>
      </c>
      <c r="K42" s="6">
        <v>378488</v>
      </c>
      <c r="L42" s="6">
        <v>1289</v>
      </c>
      <c r="M42" s="6">
        <v>7366</v>
      </c>
      <c r="N42" s="6">
        <v>3595</v>
      </c>
      <c r="O42" s="6">
        <v>3545592</v>
      </c>
      <c r="P42" s="6">
        <v>83268</v>
      </c>
      <c r="Q42" s="6">
        <v>27008</v>
      </c>
      <c r="R42" s="6">
        <v>232280</v>
      </c>
      <c r="S42" s="6">
        <v>31</v>
      </c>
    </row>
    <row r="43" spans="1:19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130</v>
      </c>
      <c r="F43" s="9" t="s">
        <v>131</v>
      </c>
      <c r="G43" s="6">
        <v>227014</v>
      </c>
      <c r="H43" s="6">
        <v>4468</v>
      </c>
      <c r="I43" s="6">
        <v>32955</v>
      </c>
      <c r="J43" s="6">
        <v>75448</v>
      </c>
      <c r="K43" s="6">
        <v>12056</v>
      </c>
      <c r="L43" s="6">
        <v>219</v>
      </c>
      <c r="M43" s="6">
        <v>1130</v>
      </c>
      <c r="N43" s="6">
        <v>52</v>
      </c>
      <c r="O43" s="6">
        <v>16547</v>
      </c>
      <c r="P43" s="6">
        <v>51736</v>
      </c>
      <c r="Q43" s="6">
        <v>27786</v>
      </c>
      <c r="R43" s="6">
        <v>4445</v>
      </c>
      <c r="S43" s="6">
        <v>172</v>
      </c>
    </row>
    <row r="44" spans="1:19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130</v>
      </c>
      <c r="F44" s="9" t="s">
        <v>132</v>
      </c>
      <c r="G44" s="6">
        <v>1299727</v>
      </c>
      <c r="H44" s="6">
        <v>39511</v>
      </c>
      <c r="I44" s="6">
        <v>865484</v>
      </c>
      <c r="J44" s="6">
        <v>229730</v>
      </c>
      <c r="K44" s="6">
        <v>118898</v>
      </c>
      <c r="L44" s="6">
        <v>1367</v>
      </c>
      <c r="M44" s="6">
        <v>559</v>
      </c>
      <c r="N44" s="6">
        <v>53</v>
      </c>
      <c r="O44" s="6">
        <v>26534</v>
      </c>
      <c r="P44" s="6">
        <v>1598</v>
      </c>
      <c r="Q44" s="6">
        <v>10791</v>
      </c>
      <c r="R44" s="6">
        <v>4481</v>
      </c>
      <c r="S44" s="6">
        <v>721</v>
      </c>
    </row>
    <row r="45" spans="1:19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130</v>
      </c>
      <c r="F45" s="9" t="s">
        <v>133</v>
      </c>
      <c r="G45" s="6">
        <v>2288808</v>
      </c>
      <c r="H45" s="6">
        <v>51109</v>
      </c>
      <c r="I45" s="6">
        <v>26831</v>
      </c>
      <c r="J45" s="6">
        <v>382617</v>
      </c>
      <c r="K45" s="6">
        <v>48497</v>
      </c>
      <c r="L45" s="6">
        <v>6515</v>
      </c>
      <c r="M45" s="6">
        <v>12635</v>
      </c>
      <c r="N45" s="6">
        <v>353</v>
      </c>
      <c r="O45" s="6">
        <v>54522</v>
      </c>
      <c r="P45" s="6">
        <v>1168030</v>
      </c>
      <c r="Q45" s="6">
        <v>28869</v>
      </c>
      <c r="R45" s="6">
        <v>508497</v>
      </c>
      <c r="S45" s="6">
        <v>333</v>
      </c>
    </row>
    <row r="46" spans="1:19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130</v>
      </c>
      <c r="F46" s="9" t="s">
        <v>134</v>
      </c>
      <c r="G46" s="6">
        <v>3709281</v>
      </c>
      <c r="H46" s="6">
        <v>174000</v>
      </c>
      <c r="I46" s="6">
        <v>143631</v>
      </c>
      <c r="J46" s="6">
        <v>520510</v>
      </c>
      <c r="K46" s="6">
        <v>1863512</v>
      </c>
      <c r="L46" s="6">
        <v>13412</v>
      </c>
      <c r="M46" s="6">
        <v>4315</v>
      </c>
      <c r="N46" s="6">
        <v>4686</v>
      </c>
      <c r="O46" s="6">
        <v>454449</v>
      </c>
      <c r="P46" s="6">
        <v>37241</v>
      </c>
      <c r="Q46" s="6">
        <v>35035</v>
      </c>
      <c r="R46" s="6">
        <v>458474</v>
      </c>
      <c r="S46" s="6">
        <v>16</v>
      </c>
    </row>
    <row r="47" spans="1:19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130</v>
      </c>
      <c r="F47" s="9" t="s">
        <v>135</v>
      </c>
      <c r="G47" s="6">
        <v>562649</v>
      </c>
      <c r="H47" s="6">
        <v>27094</v>
      </c>
      <c r="I47" s="6">
        <v>33547</v>
      </c>
      <c r="J47" s="6">
        <v>286066</v>
      </c>
      <c r="K47" s="6">
        <v>210108</v>
      </c>
      <c r="L47" s="6">
        <v>1230</v>
      </c>
      <c r="M47" s="6">
        <v>742</v>
      </c>
      <c r="N47" s="6">
        <v>24</v>
      </c>
      <c r="O47" s="6">
        <v>622</v>
      </c>
      <c r="P47" s="6">
        <v>1632</v>
      </c>
      <c r="Q47" s="6">
        <v>32</v>
      </c>
      <c r="R47" s="6">
        <v>1479</v>
      </c>
      <c r="S47" s="6">
        <v>73</v>
      </c>
    </row>
    <row r="48" spans="1:19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130</v>
      </c>
      <c r="F48" s="9" t="s">
        <v>136</v>
      </c>
      <c r="G48" s="6">
        <v>619287</v>
      </c>
      <c r="H48" s="6">
        <v>58502</v>
      </c>
      <c r="I48" s="6">
        <v>16430</v>
      </c>
      <c r="J48" s="6">
        <v>103067</v>
      </c>
      <c r="K48" s="6">
        <v>224129</v>
      </c>
      <c r="L48" s="6">
        <v>130836</v>
      </c>
      <c r="M48" s="6">
        <v>3770</v>
      </c>
      <c r="N48" s="6">
        <v>555</v>
      </c>
      <c r="O48" s="6">
        <v>25280</v>
      </c>
      <c r="P48" s="6">
        <v>15958</v>
      </c>
      <c r="Q48" s="6">
        <v>9284</v>
      </c>
      <c r="R48" s="6">
        <v>31456</v>
      </c>
      <c r="S48" s="6">
        <v>20</v>
      </c>
    </row>
    <row r="49" spans="1:19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130</v>
      </c>
      <c r="F49" s="9" t="s">
        <v>137</v>
      </c>
      <c r="G49" s="6">
        <v>1010055</v>
      </c>
      <c r="H49" s="6">
        <v>38653</v>
      </c>
      <c r="I49" s="6">
        <v>510357</v>
      </c>
      <c r="J49" s="6">
        <v>217656</v>
      </c>
      <c r="K49" s="6">
        <v>66979</v>
      </c>
      <c r="L49" s="6">
        <v>2936</v>
      </c>
      <c r="M49" s="6">
        <v>2513</v>
      </c>
      <c r="N49" s="6">
        <v>5084</v>
      </c>
      <c r="O49" s="6">
        <v>98955</v>
      </c>
      <c r="P49" s="6">
        <v>7561</v>
      </c>
      <c r="Q49" s="6">
        <v>50286</v>
      </c>
      <c r="R49" s="6">
        <v>8903</v>
      </c>
      <c r="S49" s="6">
        <v>172</v>
      </c>
    </row>
    <row r="50" spans="1:19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130</v>
      </c>
      <c r="F50" s="9" t="s">
        <v>138</v>
      </c>
      <c r="G50" s="6">
        <v>918349</v>
      </c>
      <c r="H50" s="6">
        <v>23599</v>
      </c>
      <c r="I50" s="6">
        <v>6455</v>
      </c>
      <c r="J50" s="6">
        <v>41586</v>
      </c>
      <c r="K50" s="6">
        <v>35193</v>
      </c>
      <c r="L50" s="6">
        <v>733415</v>
      </c>
      <c r="M50" s="6">
        <v>2943</v>
      </c>
      <c r="N50" s="6">
        <v>1069</v>
      </c>
      <c r="O50" s="6">
        <v>8973</v>
      </c>
      <c r="P50" s="6">
        <v>7384</v>
      </c>
      <c r="Q50" s="6">
        <v>752</v>
      </c>
      <c r="R50" s="6">
        <v>56970</v>
      </c>
      <c r="S50" s="6">
        <v>10</v>
      </c>
    </row>
    <row r="51" spans="1:19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130</v>
      </c>
      <c r="F51" s="9" t="s">
        <v>139</v>
      </c>
      <c r="G51" s="6">
        <v>573754</v>
      </c>
      <c r="H51" s="6">
        <v>20769</v>
      </c>
      <c r="I51" s="6">
        <v>42602</v>
      </c>
      <c r="J51" s="6">
        <v>66355</v>
      </c>
      <c r="K51" s="6">
        <v>45219</v>
      </c>
      <c r="L51" s="6">
        <v>275793</v>
      </c>
      <c r="M51" s="6">
        <v>8268</v>
      </c>
      <c r="N51" s="6">
        <v>25393</v>
      </c>
      <c r="O51" s="6">
        <v>12991</v>
      </c>
      <c r="P51" s="6">
        <v>15595</v>
      </c>
      <c r="Q51" s="6">
        <v>1508</v>
      </c>
      <c r="R51" s="6">
        <v>59221</v>
      </c>
      <c r="S51" s="6">
        <v>40</v>
      </c>
    </row>
    <row r="52" spans="1:19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130</v>
      </c>
      <c r="F52" s="9" t="s">
        <v>140</v>
      </c>
      <c r="G52" s="6">
        <v>1101738</v>
      </c>
      <c r="H52" s="6">
        <v>17207</v>
      </c>
      <c r="I52" s="6">
        <v>844176</v>
      </c>
      <c r="J52" s="6">
        <v>143455</v>
      </c>
      <c r="K52" s="6">
        <v>6018</v>
      </c>
      <c r="L52" s="6">
        <v>17597</v>
      </c>
      <c r="M52" s="6">
        <v>7744</v>
      </c>
      <c r="N52" s="6">
        <v>4200</v>
      </c>
      <c r="O52" s="6">
        <v>3897</v>
      </c>
      <c r="P52" s="6">
        <v>21217</v>
      </c>
      <c r="Q52" s="6">
        <v>663</v>
      </c>
      <c r="R52" s="6">
        <v>35234</v>
      </c>
      <c r="S52" s="6">
        <v>330</v>
      </c>
    </row>
    <row r="53" spans="1:19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130</v>
      </c>
      <c r="F53" s="9" t="s">
        <v>141</v>
      </c>
      <c r="G53" s="6">
        <v>1663460</v>
      </c>
      <c r="H53" s="6">
        <v>33194</v>
      </c>
      <c r="I53" s="6">
        <v>797777</v>
      </c>
      <c r="J53" s="6">
        <v>192749</v>
      </c>
      <c r="K53" s="6">
        <v>9376</v>
      </c>
      <c r="L53" s="6">
        <v>462487</v>
      </c>
      <c r="M53" s="6">
        <v>17810</v>
      </c>
      <c r="N53" s="6">
        <v>1839</v>
      </c>
      <c r="O53" s="6">
        <v>24319</v>
      </c>
      <c r="P53" s="6">
        <v>83614</v>
      </c>
      <c r="Q53" s="6">
        <v>2301</v>
      </c>
      <c r="R53" s="6">
        <v>37533</v>
      </c>
      <c r="S53" s="6">
        <v>461</v>
      </c>
    </row>
    <row r="54" spans="1:19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130</v>
      </c>
      <c r="F54" s="9" t="s">
        <v>142</v>
      </c>
      <c r="G54" s="6">
        <v>255028</v>
      </c>
      <c r="H54" s="6">
        <v>11676</v>
      </c>
      <c r="I54" s="6">
        <v>13652</v>
      </c>
      <c r="J54" s="6">
        <v>123021</v>
      </c>
      <c r="K54" s="6">
        <v>31608</v>
      </c>
      <c r="L54" s="6">
        <v>637</v>
      </c>
      <c r="M54" s="6">
        <v>179</v>
      </c>
      <c r="N54" s="6">
        <v>3276</v>
      </c>
      <c r="O54" s="6">
        <v>4002</v>
      </c>
      <c r="P54" s="6">
        <v>1684</v>
      </c>
      <c r="Q54" s="6">
        <v>198</v>
      </c>
      <c r="R54" s="6">
        <v>64963</v>
      </c>
      <c r="S54" s="6">
        <v>132</v>
      </c>
    </row>
    <row r="55" spans="1:19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130</v>
      </c>
      <c r="F55" s="9" t="s">
        <v>143</v>
      </c>
      <c r="G55" s="6">
        <v>1966360</v>
      </c>
      <c r="H55" s="6">
        <v>66287</v>
      </c>
      <c r="I55" s="6">
        <v>158969</v>
      </c>
      <c r="J55" s="6">
        <v>385880</v>
      </c>
      <c r="K55" s="6">
        <v>92328</v>
      </c>
      <c r="L55" s="6">
        <v>40805</v>
      </c>
      <c r="M55" s="6">
        <v>333656</v>
      </c>
      <c r="N55" s="6">
        <v>4069</v>
      </c>
      <c r="O55" s="6">
        <v>294775</v>
      </c>
      <c r="P55" s="6">
        <v>123729</v>
      </c>
      <c r="Q55" s="6">
        <v>29193</v>
      </c>
      <c r="R55" s="6">
        <v>430957</v>
      </c>
      <c r="S55" s="6">
        <v>5712</v>
      </c>
    </row>
    <row r="56" spans="1:19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130</v>
      </c>
      <c r="F56" s="9" t="s">
        <v>144</v>
      </c>
      <c r="G56" s="6">
        <v>1413969</v>
      </c>
      <c r="H56" s="6">
        <v>37569</v>
      </c>
      <c r="I56" s="6">
        <v>84825</v>
      </c>
      <c r="J56" s="6">
        <v>661573</v>
      </c>
      <c r="K56" s="10" t="s">
        <v>55</v>
      </c>
      <c r="L56" s="6">
        <v>431</v>
      </c>
      <c r="M56" s="6">
        <v>590400</v>
      </c>
      <c r="N56" s="6">
        <v>2414</v>
      </c>
      <c r="O56" s="6">
        <v>5327</v>
      </c>
      <c r="P56" s="6">
        <v>9380</v>
      </c>
      <c r="Q56" s="6">
        <v>8416</v>
      </c>
      <c r="R56" s="6">
        <v>13631</v>
      </c>
      <c r="S56" s="6">
        <v>3</v>
      </c>
    </row>
    <row r="57" spans="1:19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55</v>
      </c>
      <c r="F57" s="9" t="s">
        <v>145</v>
      </c>
      <c r="G57" s="6">
        <v>353135</v>
      </c>
      <c r="H57" s="6">
        <v>1269</v>
      </c>
      <c r="I57" s="6">
        <v>5896</v>
      </c>
      <c r="J57" s="6">
        <v>17565</v>
      </c>
      <c r="K57" s="6">
        <v>7058</v>
      </c>
      <c r="L57" s="6">
        <v>597</v>
      </c>
      <c r="M57" s="6">
        <v>331</v>
      </c>
      <c r="N57" s="6">
        <v>88</v>
      </c>
      <c r="O57" s="6">
        <v>3771</v>
      </c>
      <c r="P57" s="6">
        <v>2401</v>
      </c>
      <c r="Q57" s="6">
        <v>468</v>
      </c>
      <c r="R57" s="6">
        <v>6649</v>
      </c>
      <c r="S57" s="6">
        <v>307042</v>
      </c>
    </row>
    <row r="58" spans="1:19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55</v>
      </c>
      <c r="F58" s="9" t="s">
        <v>146</v>
      </c>
      <c r="G58" s="6">
        <v>320470</v>
      </c>
      <c r="H58" s="6">
        <v>10293</v>
      </c>
      <c r="I58" s="6">
        <v>3948</v>
      </c>
      <c r="J58" s="6">
        <v>17098</v>
      </c>
      <c r="K58" s="6">
        <v>5039</v>
      </c>
      <c r="L58" s="6">
        <v>779</v>
      </c>
      <c r="M58" s="6">
        <v>213</v>
      </c>
      <c r="N58" s="6">
        <v>249511</v>
      </c>
      <c r="O58" s="6">
        <v>9015</v>
      </c>
      <c r="P58" s="6">
        <v>5834</v>
      </c>
      <c r="Q58" s="6">
        <v>1070</v>
      </c>
      <c r="R58" s="6">
        <v>17668</v>
      </c>
      <c r="S58" s="6">
        <v>2</v>
      </c>
    </row>
    <row r="59" spans="1:19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55</v>
      </c>
      <c r="F59" s="9" t="s">
        <v>147</v>
      </c>
      <c r="G59" s="6">
        <v>8662377</v>
      </c>
      <c r="H59" s="6">
        <v>321141</v>
      </c>
      <c r="I59" s="6">
        <v>936338</v>
      </c>
      <c r="J59" s="6">
        <v>1027023</v>
      </c>
      <c r="K59" s="6">
        <v>558139</v>
      </c>
      <c r="L59" s="6">
        <v>3826</v>
      </c>
      <c r="M59" s="6">
        <v>11040</v>
      </c>
      <c r="N59" s="6">
        <v>15920</v>
      </c>
      <c r="O59" s="6">
        <v>3766751</v>
      </c>
      <c r="P59" s="6">
        <v>205647</v>
      </c>
      <c r="Q59" s="6">
        <v>1549334</v>
      </c>
      <c r="R59" s="6">
        <v>267137</v>
      </c>
      <c r="S59" s="6">
        <v>81</v>
      </c>
    </row>
    <row r="60" spans="1:19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55</v>
      </c>
      <c r="F60" s="9" t="s">
        <v>148</v>
      </c>
      <c r="G60" s="6">
        <v>17609479</v>
      </c>
      <c r="H60" s="6">
        <v>603638</v>
      </c>
      <c r="I60" s="6">
        <v>3577691</v>
      </c>
      <c r="J60" s="6">
        <v>3429713</v>
      </c>
      <c r="K60" s="6">
        <v>2763921</v>
      </c>
      <c r="L60" s="6">
        <v>1687680</v>
      </c>
      <c r="M60" s="6">
        <v>986664</v>
      </c>
      <c r="N60" s="6">
        <v>53067</v>
      </c>
      <c r="O60" s="6">
        <v>1031193</v>
      </c>
      <c r="P60" s="6">
        <v>1546359</v>
      </c>
      <c r="Q60" s="6">
        <v>205114</v>
      </c>
      <c r="R60" s="6">
        <v>1716244</v>
      </c>
      <c r="S60" s="6">
        <v>8195</v>
      </c>
    </row>
    <row r="61" spans="1:19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55</v>
      </c>
      <c r="F61" s="9" t="s">
        <v>6</v>
      </c>
      <c r="G61" s="6">
        <v>23130959</v>
      </c>
      <c r="H61" s="6">
        <v>168081</v>
      </c>
      <c r="I61" s="6">
        <v>4656724</v>
      </c>
      <c r="J61" s="6">
        <v>6785469</v>
      </c>
      <c r="K61" s="6">
        <v>2844595</v>
      </c>
      <c r="L61" s="6">
        <v>4123716</v>
      </c>
      <c r="M61" s="6">
        <v>85329</v>
      </c>
      <c r="N61" s="6">
        <v>155866</v>
      </c>
      <c r="O61" s="6">
        <v>2068153</v>
      </c>
      <c r="P61" s="6">
        <v>72191</v>
      </c>
      <c r="Q61" s="6">
        <v>47263</v>
      </c>
      <c r="R61" s="6">
        <v>1812951</v>
      </c>
      <c r="S61" s="6">
        <v>310621</v>
      </c>
    </row>
    <row r="62" spans="1:19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122</v>
      </c>
      <c r="F62" s="9" t="s">
        <v>123</v>
      </c>
      <c r="G62" s="6">
        <v>198939</v>
      </c>
      <c r="H62" s="6">
        <v>1238</v>
      </c>
      <c r="I62" s="6">
        <v>748</v>
      </c>
      <c r="J62" s="6">
        <v>28164</v>
      </c>
      <c r="K62" s="6">
        <v>3409</v>
      </c>
      <c r="L62" s="6">
        <v>1175</v>
      </c>
      <c r="M62" s="6">
        <v>16</v>
      </c>
      <c r="N62" s="6">
        <v>129964</v>
      </c>
      <c r="O62" s="6">
        <v>5408</v>
      </c>
      <c r="P62" s="6">
        <v>160</v>
      </c>
      <c r="Q62" s="6">
        <v>53</v>
      </c>
      <c r="R62" s="6">
        <v>28601</v>
      </c>
      <c r="S62" s="6">
        <v>3</v>
      </c>
    </row>
    <row r="63" spans="1:19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122</v>
      </c>
      <c r="F63" s="9" t="s">
        <v>124</v>
      </c>
      <c r="G63" s="6">
        <v>191344</v>
      </c>
      <c r="H63" s="6">
        <v>1096</v>
      </c>
      <c r="I63" s="6">
        <v>683</v>
      </c>
      <c r="J63" s="6">
        <v>22478</v>
      </c>
      <c r="K63" s="6">
        <v>3317</v>
      </c>
      <c r="L63" s="6">
        <v>1136</v>
      </c>
      <c r="M63" s="6">
        <v>11</v>
      </c>
      <c r="N63" s="6">
        <v>128796</v>
      </c>
      <c r="O63" s="6">
        <v>5264</v>
      </c>
      <c r="P63" s="6">
        <v>105</v>
      </c>
      <c r="Q63" s="6">
        <v>39</v>
      </c>
      <c r="R63" s="6">
        <v>28416</v>
      </c>
      <c r="S63" s="6">
        <v>3</v>
      </c>
    </row>
    <row r="64" spans="1:19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122</v>
      </c>
      <c r="F64" s="9" t="s">
        <v>125</v>
      </c>
      <c r="G64" s="6">
        <v>10415</v>
      </c>
      <c r="H64" s="6">
        <v>183</v>
      </c>
      <c r="I64" s="6">
        <v>14</v>
      </c>
      <c r="J64" s="6">
        <v>2662</v>
      </c>
      <c r="K64" s="6">
        <v>207</v>
      </c>
      <c r="L64" s="6">
        <v>282</v>
      </c>
      <c r="M64" s="10" t="s">
        <v>55</v>
      </c>
      <c r="N64" s="6">
        <v>4786</v>
      </c>
      <c r="O64" s="6">
        <v>1318</v>
      </c>
      <c r="P64" s="6">
        <v>4</v>
      </c>
      <c r="Q64" s="6">
        <v>3</v>
      </c>
      <c r="R64" s="6">
        <v>956</v>
      </c>
      <c r="S64" s="10" t="s">
        <v>55</v>
      </c>
    </row>
    <row r="65" spans="1:19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126</v>
      </c>
      <c r="F65" s="9" t="s">
        <v>127</v>
      </c>
      <c r="G65" s="6">
        <v>3015</v>
      </c>
      <c r="H65" s="6">
        <v>104</v>
      </c>
      <c r="I65" s="6">
        <v>60</v>
      </c>
      <c r="J65" s="6">
        <v>2406</v>
      </c>
      <c r="K65" s="6">
        <v>53</v>
      </c>
      <c r="L65" s="6">
        <v>19</v>
      </c>
      <c r="M65" s="6">
        <v>4</v>
      </c>
      <c r="N65" s="10" t="s">
        <v>55</v>
      </c>
      <c r="O65" s="6">
        <v>67</v>
      </c>
      <c r="P65" s="6">
        <v>137</v>
      </c>
      <c r="Q65" s="6">
        <v>43</v>
      </c>
      <c r="R65" s="6">
        <v>121</v>
      </c>
      <c r="S65" s="6">
        <v>1</v>
      </c>
    </row>
    <row r="66" spans="1:19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126</v>
      </c>
      <c r="F66" s="9" t="s">
        <v>128</v>
      </c>
      <c r="G66" s="6">
        <v>634020</v>
      </c>
      <c r="H66" s="6">
        <v>18537</v>
      </c>
      <c r="I66" s="6">
        <v>24502</v>
      </c>
      <c r="J66" s="6">
        <v>487585</v>
      </c>
      <c r="K66" s="6">
        <v>19152</v>
      </c>
      <c r="L66" s="6">
        <v>2991</v>
      </c>
      <c r="M66" s="6">
        <v>162</v>
      </c>
      <c r="N66" s="6">
        <v>1209</v>
      </c>
      <c r="O66" s="6">
        <v>29017</v>
      </c>
      <c r="P66" s="6">
        <v>2137</v>
      </c>
      <c r="Q66" s="6">
        <v>36300</v>
      </c>
      <c r="R66" s="6">
        <v>12408</v>
      </c>
      <c r="S66" s="6">
        <v>20</v>
      </c>
    </row>
    <row r="67" spans="1:19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126</v>
      </c>
      <c r="F67" s="9" t="s">
        <v>129</v>
      </c>
      <c r="G67" s="6">
        <v>2654528</v>
      </c>
      <c r="H67" s="6">
        <v>20210</v>
      </c>
      <c r="I67" s="6">
        <v>93491</v>
      </c>
      <c r="J67" s="6">
        <v>790026</v>
      </c>
      <c r="K67" s="6">
        <v>55995</v>
      </c>
      <c r="L67" s="6">
        <v>3894</v>
      </c>
      <c r="M67" s="6">
        <v>158</v>
      </c>
      <c r="N67" s="6">
        <v>1323</v>
      </c>
      <c r="O67" s="6">
        <v>1481675</v>
      </c>
      <c r="P67" s="6">
        <v>2364</v>
      </c>
      <c r="Q67" s="6">
        <v>1316</v>
      </c>
      <c r="R67" s="6">
        <v>204058</v>
      </c>
      <c r="S67" s="6">
        <v>18</v>
      </c>
    </row>
    <row r="68" spans="1:19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130</v>
      </c>
      <c r="F68" s="9" t="s">
        <v>131</v>
      </c>
      <c r="G68" s="6">
        <v>45866</v>
      </c>
      <c r="H68" s="6">
        <v>295</v>
      </c>
      <c r="I68" s="6">
        <v>2507</v>
      </c>
      <c r="J68" s="6">
        <v>37493</v>
      </c>
      <c r="K68" s="6">
        <v>1866</v>
      </c>
      <c r="L68" s="6">
        <v>205</v>
      </c>
      <c r="M68" s="6">
        <v>28</v>
      </c>
      <c r="N68" s="6">
        <v>9</v>
      </c>
      <c r="O68" s="6">
        <v>859</v>
      </c>
      <c r="P68" s="6">
        <v>990</v>
      </c>
      <c r="Q68" s="6">
        <v>808</v>
      </c>
      <c r="R68" s="6">
        <v>788</v>
      </c>
      <c r="S68" s="6">
        <v>18</v>
      </c>
    </row>
    <row r="69" spans="1:19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130</v>
      </c>
      <c r="F69" s="9" t="s">
        <v>132</v>
      </c>
      <c r="G69" s="6">
        <v>537310</v>
      </c>
      <c r="H69" s="6">
        <v>3872</v>
      </c>
      <c r="I69" s="6">
        <v>234185</v>
      </c>
      <c r="J69" s="6">
        <v>246146</v>
      </c>
      <c r="K69" s="6">
        <v>32416</v>
      </c>
      <c r="L69" s="6">
        <v>1867</v>
      </c>
      <c r="M69" s="6">
        <v>54</v>
      </c>
      <c r="N69" s="6">
        <v>24</v>
      </c>
      <c r="O69" s="6">
        <v>12976</v>
      </c>
      <c r="P69" s="6">
        <v>121</v>
      </c>
      <c r="Q69" s="6">
        <v>688</v>
      </c>
      <c r="R69" s="6">
        <v>4632</v>
      </c>
      <c r="S69" s="6">
        <v>329</v>
      </c>
    </row>
    <row r="70" spans="1:19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130</v>
      </c>
      <c r="F70" s="9" t="s">
        <v>133</v>
      </c>
      <c r="G70" s="6">
        <v>677433</v>
      </c>
      <c r="H70" s="6">
        <v>6201</v>
      </c>
      <c r="I70" s="6">
        <v>4368</v>
      </c>
      <c r="J70" s="6">
        <v>302443</v>
      </c>
      <c r="K70" s="6">
        <v>9212</v>
      </c>
      <c r="L70" s="6">
        <v>22379</v>
      </c>
      <c r="M70" s="6">
        <v>632</v>
      </c>
      <c r="N70" s="6">
        <v>85</v>
      </c>
      <c r="O70" s="6">
        <v>10224</v>
      </c>
      <c r="P70" s="6">
        <v>50387</v>
      </c>
      <c r="Q70" s="6">
        <v>735</v>
      </c>
      <c r="R70" s="6">
        <v>270617</v>
      </c>
      <c r="S70" s="6">
        <v>150</v>
      </c>
    </row>
    <row r="71" spans="1:19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130</v>
      </c>
      <c r="F71" s="9" t="s">
        <v>134</v>
      </c>
      <c r="G71" s="6">
        <v>4340866</v>
      </c>
      <c r="H71" s="6">
        <v>30201</v>
      </c>
      <c r="I71" s="6">
        <v>155993</v>
      </c>
      <c r="J71" s="6">
        <v>1101899</v>
      </c>
      <c r="K71" s="6">
        <v>2169182</v>
      </c>
      <c r="L71" s="6">
        <v>36555</v>
      </c>
      <c r="M71" s="6">
        <v>249</v>
      </c>
      <c r="N71" s="6">
        <v>4643</v>
      </c>
      <c r="O71" s="6">
        <v>359397</v>
      </c>
      <c r="P71" s="6">
        <v>2208</v>
      </c>
      <c r="Q71" s="6">
        <v>1177</v>
      </c>
      <c r="R71" s="6">
        <v>479334</v>
      </c>
      <c r="S71" s="6">
        <v>28</v>
      </c>
    </row>
    <row r="72" spans="1:19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130</v>
      </c>
      <c r="F72" s="9" t="s">
        <v>135</v>
      </c>
      <c r="G72" s="6">
        <v>754793</v>
      </c>
      <c r="H72" s="6">
        <v>2767</v>
      </c>
      <c r="I72" s="6">
        <v>11285</v>
      </c>
      <c r="J72" s="6">
        <v>495546</v>
      </c>
      <c r="K72" s="6">
        <v>236474</v>
      </c>
      <c r="L72" s="6">
        <v>5764</v>
      </c>
      <c r="M72" s="6">
        <v>45</v>
      </c>
      <c r="N72" s="6">
        <v>9</v>
      </c>
      <c r="O72" s="6">
        <v>355</v>
      </c>
      <c r="P72" s="6">
        <v>32</v>
      </c>
      <c r="Q72" s="6">
        <v>7</v>
      </c>
      <c r="R72" s="6">
        <v>2474</v>
      </c>
      <c r="S72" s="6">
        <v>35</v>
      </c>
    </row>
    <row r="73" spans="1:19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130</v>
      </c>
      <c r="F73" s="9" t="s">
        <v>136</v>
      </c>
      <c r="G73" s="6">
        <v>427391</v>
      </c>
      <c r="H73" s="6">
        <v>25639</v>
      </c>
      <c r="I73" s="6">
        <v>8445</v>
      </c>
      <c r="J73" s="6">
        <v>223566</v>
      </c>
      <c r="K73" s="6">
        <v>73506</v>
      </c>
      <c r="L73" s="6">
        <v>66433</v>
      </c>
      <c r="M73" s="6">
        <v>159</v>
      </c>
      <c r="N73" s="6">
        <v>261</v>
      </c>
      <c r="O73" s="6">
        <v>4679</v>
      </c>
      <c r="P73" s="6">
        <v>661</v>
      </c>
      <c r="Q73" s="6">
        <v>710</v>
      </c>
      <c r="R73" s="6">
        <v>23295</v>
      </c>
      <c r="S73" s="6">
        <v>37</v>
      </c>
    </row>
    <row r="74" spans="1:19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130</v>
      </c>
      <c r="F74" s="9" t="s">
        <v>137</v>
      </c>
      <c r="G74" s="6">
        <v>612799</v>
      </c>
      <c r="H74" s="6">
        <v>6315</v>
      </c>
      <c r="I74" s="6">
        <v>150063</v>
      </c>
      <c r="J74" s="6">
        <v>348179</v>
      </c>
      <c r="K74" s="6">
        <v>17479</v>
      </c>
      <c r="L74" s="6">
        <v>28276</v>
      </c>
      <c r="M74" s="6">
        <v>211</v>
      </c>
      <c r="N74" s="6">
        <v>3901</v>
      </c>
      <c r="O74" s="6">
        <v>46742</v>
      </c>
      <c r="P74" s="6">
        <v>231</v>
      </c>
      <c r="Q74" s="6">
        <v>3045</v>
      </c>
      <c r="R74" s="6">
        <v>8227</v>
      </c>
      <c r="S74" s="6">
        <v>130</v>
      </c>
    </row>
    <row r="75" spans="1:19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130</v>
      </c>
      <c r="F75" s="9" t="s">
        <v>138</v>
      </c>
      <c r="G75" s="6">
        <v>1672532</v>
      </c>
      <c r="H75" s="6">
        <v>7143</v>
      </c>
      <c r="I75" s="6">
        <v>26992</v>
      </c>
      <c r="J75" s="6">
        <v>70741</v>
      </c>
      <c r="K75" s="6">
        <v>86201</v>
      </c>
      <c r="L75" s="6">
        <v>1340866</v>
      </c>
      <c r="M75" s="6">
        <v>103</v>
      </c>
      <c r="N75" s="6">
        <v>382</v>
      </c>
      <c r="O75" s="6">
        <v>17916</v>
      </c>
      <c r="P75" s="6">
        <v>450</v>
      </c>
      <c r="Q75" s="6">
        <v>71</v>
      </c>
      <c r="R75" s="6">
        <v>121644</v>
      </c>
      <c r="S75" s="6">
        <v>23</v>
      </c>
    </row>
    <row r="76" spans="1:19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130</v>
      </c>
      <c r="F76" s="9" t="s">
        <v>139</v>
      </c>
      <c r="G76" s="6">
        <v>893222</v>
      </c>
      <c r="H76" s="6">
        <v>5577</v>
      </c>
      <c r="I76" s="6">
        <v>44054</v>
      </c>
      <c r="J76" s="6">
        <v>135422</v>
      </c>
      <c r="K76" s="6">
        <v>84543</v>
      </c>
      <c r="L76" s="6">
        <v>522653</v>
      </c>
      <c r="M76" s="6">
        <v>3008</v>
      </c>
      <c r="N76" s="6">
        <v>3228</v>
      </c>
      <c r="O76" s="6">
        <v>17633</v>
      </c>
      <c r="P76" s="6">
        <v>1831</v>
      </c>
      <c r="Q76" s="6">
        <v>249</v>
      </c>
      <c r="R76" s="6">
        <v>74953</v>
      </c>
      <c r="S76" s="6">
        <v>71</v>
      </c>
    </row>
    <row r="77" spans="1:19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130</v>
      </c>
      <c r="F77" s="9" t="s">
        <v>140</v>
      </c>
      <c r="G77" s="6">
        <v>1493465</v>
      </c>
      <c r="H77" s="6">
        <v>4094</v>
      </c>
      <c r="I77" s="6">
        <v>998770</v>
      </c>
      <c r="J77" s="6">
        <v>318267</v>
      </c>
      <c r="K77" s="6">
        <v>5882</v>
      </c>
      <c r="L77" s="6">
        <v>129320</v>
      </c>
      <c r="M77" s="6">
        <v>2494</v>
      </c>
      <c r="N77" s="6">
        <v>2822</v>
      </c>
      <c r="O77" s="6">
        <v>3510</v>
      </c>
      <c r="P77" s="6">
        <v>1440</v>
      </c>
      <c r="Q77" s="6">
        <v>69</v>
      </c>
      <c r="R77" s="6">
        <v>26365</v>
      </c>
      <c r="S77" s="6">
        <v>432</v>
      </c>
    </row>
    <row r="78" spans="1:19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130</v>
      </c>
      <c r="F78" s="9" t="s">
        <v>141</v>
      </c>
      <c r="G78" s="6">
        <v>5613614</v>
      </c>
      <c r="H78" s="6">
        <v>16729</v>
      </c>
      <c r="I78" s="6">
        <v>2770492</v>
      </c>
      <c r="J78" s="6">
        <v>781827</v>
      </c>
      <c r="K78" s="6">
        <v>5015</v>
      </c>
      <c r="L78" s="6">
        <v>1905621</v>
      </c>
      <c r="M78" s="6">
        <v>1978</v>
      </c>
      <c r="N78" s="6">
        <v>943</v>
      </c>
      <c r="O78" s="6">
        <v>36412</v>
      </c>
      <c r="P78" s="6">
        <v>5511</v>
      </c>
      <c r="Q78" s="6">
        <v>136</v>
      </c>
      <c r="R78" s="6">
        <v>87764</v>
      </c>
      <c r="S78" s="6">
        <v>1186</v>
      </c>
    </row>
    <row r="79" spans="1:19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130</v>
      </c>
      <c r="F79" s="9" t="s">
        <v>142</v>
      </c>
      <c r="G79" s="6">
        <v>179883</v>
      </c>
      <c r="H79" s="6">
        <v>964</v>
      </c>
      <c r="I79" s="6">
        <v>2180</v>
      </c>
      <c r="J79" s="6">
        <v>153459</v>
      </c>
      <c r="K79" s="6">
        <v>9051</v>
      </c>
      <c r="L79" s="6">
        <v>828</v>
      </c>
      <c r="M79" s="6">
        <v>6</v>
      </c>
      <c r="N79" s="6">
        <v>591</v>
      </c>
      <c r="O79" s="6">
        <v>918</v>
      </c>
      <c r="P79" s="6">
        <v>102</v>
      </c>
      <c r="Q79" s="6">
        <v>4</v>
      </c>
      <c r="R79" s="6">
        <v>11728</v>
      </c>
      <c r="S79" s="6">
        <v>52</v>
      </c>
    </row>
    <row r="80" spans="1:19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130</v>
      </c>
      <c r="F80" s="9" t="s">
        <v>143</v>
      </c>
      <c r="G80" s="6">
        <v>1375316</v>
      </c>
      <c r="H80" s="6">
        <v>11363</v>
      </c>
      <c r="I80" s="6">
        <v>52244</v>
      </c>
      <c r="J80" s="6">
        <v>721186</v>
      </c>
      <c r="K80" s="6">
        <v>32130</v>
      </c>
      <c r="L80" s="6">
        <v>52145</v>
      </c>
      <c r="M80" s="6">
        <v>17964</v>
      </c>
      <c r="N80" s="6">
        <v>1168</v>
      </c>
      <c r="O80" s="6">
        <v>35355</v>
      </c>
      <c r="P80" s="6">
        <v>2999</v>
      </c>
      <c r="Q80" s="6">
        <v>1267</v>
      </c>
      <c r="R80" s="6">
        <v>441976</v>
      </c>
      <c r="S80" s="6">
        <v>5519</v>
      </c>
    </row>
    <row r="81" spans="1:19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130</v>
      </c>
      <c r="F81" s="9" t="s">
        <v>144</v>
      </c>
      <c r="G81" s="6">
        <v>618205</v>
      </c>
      <c r="H81" s="6">
        <v>6074</v>
      </c>
      <c r="I81" s="6">
        <v>73140</v>
      </c>
      <c r="J81" s="6">
        <v>471877</v>
      </c>
      <c r="K81" s="10" t="s">
        <v>55</v>
      </c>
      <c r="L81" s="6">
        <v>998</v>
      </c>
      <c r="M81" s="6">
        <v>58014</v>
      </c>
      <c r="N81" s="6">
        <v>468</v>
      </c>
      <c r="O81" s="6">
        <v>740</v>
      </c>
      <c r="P81" s="6">
        <v>284</v>
      </c>
      <c r="Q81" s="6">
        <v>541</v>
      </c>
      <c r="R81" s="6">
        <v>6066</v>
      </c>
      <c r="S81" s="6">
        <v>3</v>
      </c>
    </row>
    <row r="82" spans="1:19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55</v>
      </c>
      <c r="F82" s="9" t="s">
        <v>145</v>
      </c>
      <c r="G82" s="6">
        <v>387347</v>
      </c>
      <c r="H82" s="6">
        <v>575</v>
      </c>
      <c r="I82" s="6">
        <v>3191</v>
      </c>
      <c r="J82" s="6">
        <v>66575</v>
      </c>
      <c r="K82" s="6">
        <v>2822</v>
      </c>
      <c r="L82" s="6">
        <v>1445</v>
      </c>
      <c r="M82" s="6">
        <v>44</v>
      </c>
      <c r="N82" s="6">
        <v>50</v>
      </c>
      <c r="O82" s="6">
        <v>2952</v>
      </c>
      <c r="P82" s="6">
        <v>142</v>
      </c>
      <c r="Q82" s="6">
        <v>41</v>
      </c>
      <c r="R82" s="6">
        <v>6944</v>
      </c>
      <c r="S82" s="6">
        <v>302566</v>
      </c>
    </row>
    <row r="83" spans="1:19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55</v>
      </c>
      <c r="F83" s="9" t="s">
        <v>146</v>
      </c>
      <c r="G83" s="6">
        <v>209354</v>
      </c>
      <c r="H83" s="6">
        <v>1421</v>
      </c>
      <c r="I83" s="6">
        <v>762</v>
      </c>
      <c r="J83" s="6">
        <v>30826</v>
      </c>
      <c r="K83" s="6">
        <v>3616</v>
      </c>
      <c r="L83" s="6">
        <v>1457</v>
      </c>
      <c r="M83" s="6">
        <v>16</v>
      </c>
      <c r="N83" s="6">
        <v>134750</v>
      </c>
      <c r="O83" s="6">
        <v>6726</v>
      </c>
      <c r="P83" s="6">
        <v>164</v>
      </c>
      <c r="Q83" s="6">
        <v>56</v>
      </c>
      <c r="R83" s="6">
        <v>29557</v>
      </c>
      <c r="S83" s="6">
        <v>3</v>
      </c>
    </row>
    <row r="84" spans="1:19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55</v>
      </c>
      <c r="F84" s="9" t="s">
        <v>147</v>
      </c>
      <c r="G84" s="6">
        <v>3291563</v>
      </c>
      <c r="H84" s="6">
        <v>38851</v>
      </c>
      <c r="I84" s="6">
        <v>118053</v>
      </c>
      <c r="J84" s="6">
        <v>1280017</v>
      </c>
      <c r="K84" s="6">
        <v>75200</v>
      </c>
      <c r="L84" s="6">
        <v>6904</v>
      </c>
      <c r="M84" s="6">
        <v>324</v>
      </c>
      <c r="N84" s="6">
        <v>2532</v>
      </c>
      <c r="O84" s="6">
        <v>1510759</v>
      </c>
      <c r="P84" s="6">
        <v>4638</v>
      </c>
      <c r="Q84" s="6">
        <v>37659</v>
      </c>
      <c r="R84" s="6">
        <v>216587</v>
      </c>
      <c r="S84" s="6">
        <v>39</v>
      </c>
    </row>
    <row r="85" spans="1:19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55</v>
      </c>
      <c r="F85" s="9" t="s">
        <v>148</v>
      </c>
      <c r="G85" s="6">
        <v>19242695</v>
      </c>
      <c r="H85" s="6">
        <v>127234</v>
      </c>
      <c r="I85" s="6">
        <v>4534718</v>
      </c>
      <c r="J85" s="6">
        <v>5408051</v>
      </c>
      <c r="K85" s="6">
        <v>2762957</v>
      </c>
      <c r="L85" s="6">
        <v>4113910</v>
      </c>
      <c r="M85" s="6">
        <v>84945</v>
      </c>
      <c r="N85" s="6">
        <v>18534</v>
      </c>
      <c r="O85" s="6">
        <v>547716</v>
      </c>
      <c r="P85" s="6">
        <v>67247</v>
      </c>
      <c r="Q85" s="6">
        <v>9507</v>
      </c>
      <c r="R85" s="6">
        <v>1559863</v>
      </c>
      <c r="S85" s="6">
        <v>8013</v>
      </c>
    </row>
    <row r="86" spans="1:19">
      <c r="A86" s="9" t="s">
        <v>27</v>
      </c>
      <c r="B86" s="9" t="s">
        <v>57</v>
      </c>
      <c r="C86" s="9" t="s">
        <v>58</v>
      </c>
      <c r="D86" s="9" t="s">
        <v>6</v>
      </c>
      <c r="E86" s="9" t="s">
        <v>55</v>
      </c>
      <c r="F86" s="9" t="s">
        <v>6</v>
      </c>
      <c r="G86" s="6">
        <v>678284</v>
      </c>
      <c r="H86" s="6">
        <v>15129</v>
      </c>
      <c r="I86" s="6">
        <v>129928</v>
      </c>
      <c r="J86" s="6">
        <v>136061</v>
      </c>
      <c r="K86" s="6">
        <v>79313</v>
      </c>
      <c r="L86" s="6">
        <v>88994</v>
      </c>
      <c r="M86" s="6">
        <v>15794</v>
      </c>
      <c r="N86" s="6">
        <v>14774</v>
      </c>
      <c r="O86" s="6">
        <v>89370</v>
      </c>
      <c r="P86" s="6">
        <v>25652</v>
      </c>
      <c r="Q86" s="6">
        <v>29822</v>
      </c>
      <c r="R86" s="6">
        <v>47662</v>
      </c>
      <c r="S86" s="6">
        <v>5785</v>
      </c>
    </row>
    <row r="87" spans="1:19">
      <c r="A87" s="9" t="s">
        <v>27</v>
      </c>
      <c r="B87" s="9" t="s">
        <v>57</v>
      </c>
      <c r="C87" s="9" t="s">
        <v>58</v>
      </c>
      <c r="D87" s="9" t="s">
        <v>6</v>
      </c>
      <c r="E87" s="9" t="s">
        <v>122</v>
      </c>
      <c r="F87" s="9" t="s">
        <v>123</v>
      </c>
      <c r="G87" s="6">
        <v>16235</v>
      </c>
      <c r="H87" s="6">
        <v>290</v>
      </c>
      <c r="I87" s="6">
        <v>124</v>
      </c>
      <c r="J87" s="6">
        <v>1335</v>
      </c>
      <c r="K87" s="6">
        <v>200</v>
      </c>
      <c r="L87" s="6">
        <v>35</v>
      </c>
      <c r="M87" s="6">
        <v>4</v>
      </c>
      <c r="N87" s="6">
        <v>12068</v>
      </c>
      <c r="O87" s="6">
        <v>371</v>
      </c>
      <c r="P87" s="6">
        <v>154</v>
      </c>
      <c r="Q87" s="6">
        <v>28</v>
      </c>
      <c r="R87" s="6">
        <v>1626</v>
      </c>
      <c r="S87" s="10" t="s">
        <v>55</v>
      </c>
    </row>
    <row r="88" spans="1:19">
      <c r="A88" s="9" t="s">
        <v>27</v>
      </c>
      <c r="B88" s="9" t="s">
        <v>57</v>
      </c>
      <c r="C88" s="9" t="s">
        <v>58</v>
      </c>
      <c r="D88" s="9" t="s">
        <v>6</v>
      </c>
      <c r="E88" s="9" t="s">
        <v>122</v>
      </c>
      <c r="F88" s="9" t="s">
        <v>124</v>
      </c>
      <c r="G88" s="6">
        <v>14270</v>
      </c>
      <c r="H88" s="6">
        <v>224</v>
      </c>
      <c r="I88" s="6">
        <v>71</v>
      </c>
      <c r="J88" s="6">
        <v>869</v>
      </c>
      <c r="K88" s="6">
        <v>166</v>
      </c>
      <c r="L88" s="6">
        <v>34</v>
      </c>
      <c r="M88" s="6">
        <v>2</v>
      </c>
      <c r="N88" s="6">
        <v>10932</v>
      </c>
      <c r="O88" s="6">
        <v>292</v>
      </c>
      <c r="P88" s="6">
        <v>74</v>
      </c>
      <c r="Q88" s="6">
        <v>18</v>
      </c>
      <c r="R88" s="6">
        <v>1588</v>
      </c>
      <c r="S88" s="10" t="s">
        <v>55</v>
      </c>
    </row>
    <row r="89" spans="1:19">
      <c r="A89" s="9" t="s">
        <v>27</v>
      </c>
      <c r="B89" s="9" t="s">
        <v>57</v>
      </c>
      <c r="C89" s="9" t="s">
        <v>58</v>
      </c>
      <c r="D89" s="9" t="s">
        <v>6</v>
      </c>
      <c r="E89" s="9" t="s">
        <v>122</v>
      </c>
      <c r="F89" s="9" t="s">
        <v>125</v>
      </c>
      <c r="G89" s="6">
        <v>1260</v>
      </c>
      <c r="H89" s="6">
        <v>37</v>
      </c>
      <c r="I89" s="6">
        <v>3</v>
      </c>
      <c r="J89" s="6">
        <v>106</v>
      </c>
      <c r="K89" s="6">
        <v>25</v>
      </c>
      <c r="L89" s="6">
        <v>7</v>
      </c>
      <c r="M89" s="6">
        <v>4</v>
      </c>
      <c r="N89" s="6">
        <v>958</v>
      </c>
      <c r="O89" s="6">
        <v>54</v>
      </c>
      <c r="P89" s="6">
        <v>8</v>
      </c>
      <c r="Q89" s="10" t="s">
        <v>55</v>
      </c>
      <c r="R89" s="6">
        <v>58</v>
      </c>
      <c r="S89" s="10" t="s">
        <v>55</v>
      </c>
    </row>
    <row r="90" spans="1:19">
      <c r="A90" s="9" t="s">
        <v>27</v>
      </c>
      <c r="B90" s="9" t="s">
        <v>57</v>
      </c>
      <c r="C90" s="9" t="s">
        <v>58</v>
      </c>
      <c r="D90" s="9" t="s">
        <v>6</v>
      </c>
      <c r="E90" s="9" t="s">
        <v>126</v>
      </c>
      <c r="F90" s="9" t="s">
        <v>127</v>
      </c>
      <c r="G90" s="6">
        <v>319</v>
      </c>
      <c r="H90" s="6">
        <v>15</v>
      </c>
      <c r="I90" s="10" t="s">
        <v>55</v>
      </c>
      <c r="J90" s="6">
        <v>60</v>
      </c>
      <c r="K90" s="6">
        <v>11</v>
      </c>
      <c r="L90" s="6">
        <v>1</v>
      </c>
      <c r="M90" s="10" t="s">
        <v>55</v>
      </c>
      <c r="N90" s="10" t="s">
        <v>55</v>
      </c>
      <c r="O90" s="6">
        <v>23</v>
      </c>
      <c r="P90" s="6">
        <v>176</v>
      </c>
      <c r="Q90" s="6">
        <v>9</v>
      </c>
      <c r="R90" s="6">
        <v>24</v>
      </c>
      <c r="S90" s="10" t="s">
        <v>55</v>
      </c>
    </row>
    <row r="91" spans="1:19">
      <c r="A91" s="9" t="s">
        <v>27</v>
      </c>
      <c r="B91" s="9" t="s">
        <v>57</v>
      </c>
      <c r="C91" s="9" t="s">
        <v>58</v>
      </c>
      <c r="D91" s="9" t="s">
        <v>6</v>
      </c>
      <c r="E91" s="9" t="s">
        <v>126</v>
      </c>
      <c r="F91" s="9" t="s">
        <v>128</v>
      </c>
      <c r="G91" s="6">
        <v>51905</v>
      </c>
      <c r="H91" s="6">
        <v>2894</v>
      </c>
      <c r="I91" s="6">
        <v>3491</v>
      </c>
      <c r="J91" s="6">
        <v>9559</v>
      </c>
      <c r="K91" s="6">
        <v>2586</v>
      </c>
      <c r="L91" s="6">
        <v>56</v>
      </c>
      <c r="M91" s="6">
        <v>38</v>
      </c>
      <c r="N91" s="6">
        <v>210</v>
      </c>
      <c r="O91" s="6">
        <v>3487</v>
      </c>
      <c r="P91" s="6">
        <v>2496</v>
      </c>
      <c r="Q91" s="6">
        <v>26526</v>
      </c>
      <c r="R91" s="6">
        <v>562</v>
      </c>
      <c r="S91" s="10" t="s">
        <v>55</v>
      </c>
    </row>
    <row r="92" spans="1:19">
      <c r="A92" s="9" t="s">
        <v>27</v>
      </c>
      <c r="B92" s="9" t="s">
        <v>57</v>
      </c>
      <c r="C92" s="9" t="s">
        <v>58</v>
      </c>
      <c r="D92" s="9" t="s">
        <v>6</v>
      </c>
      <c r="E92" s="9" t="s">
        <v>126</v>
      </c>
      <c r="F92" s="9" t="s">
        <v>129</v>
      </c>
      <c r="G92" s="6">
        <v>97641</v>
      </c>
      <c r="H92" s="6">
        <v>1801</v>
      </c>
      <c r="I92" s="6">
        <v>6660</v>
      </c>
      <c r="J92" s="6">
        <v>13970</v>
      </c>
      <c r="K92" s="6">
        <v>3329</v>
      </c>
      <c r="L92" s="6">
        <v>71</v>
      </c>
      <c r="M92" s="6">
        <v>79</v>
      </c>
      <c r="N92" s="6">
        <v>146</v>
      </c>
      <c r="O92" s="6">
        <v>64643</v>
      </c>
      <c r="P92" s="6">
        <v>1411</v>
      </c>
      <c r="Q92" s="6">
        <v>383</v>
      </c>
      <c r="R92" s="6">
        <v>5148</v>
      </c>
      <c r="S92" s="10" t="s">
        <v>55</v>
      </c>
    </row>
    <row r="93" spans="1:19">
      <c r="A93" s="9" t="s">
        <v>27</v>
      </c>
      <c r="B93" s="9" t="s">
        <v>57</v>
      </c>
      <c r="C93" s="9" t="s">
        <v>58</v>
      </c>
      <c r="D93" s="9" t="s">
        <v>6</v>
      </c>
      <c r="E93" s="9" t="s">
        <v>130</v>
      </c>
      <c r="F93" s="9" t="s">
        <v>131</v>
      </c>
      <c r="G93" s="6">
        <v>3181</v>
      </c>
      <c r="H93" s="6">
        <v>76</v>
      </c>
      <c r="I93" s="6">
        <v>371</v>
      </c>
      <c r="J93" s="6">
        <v>1213</v>
      </c>
      <c r="K93" s="6">
        <v>181</v>
      </c>
      <c r="L93" s="6">
        <v>4</v>
      </c>
      <c r="M93" s="6">
        <v>7</v>
      </c>
      <c r="N93" s="6">
        <v>1</v>
      </c>
      <c r="O93" s="6">
        <v>207</v>
      </c>
      <c r="P93" s="6">
        <v>669</v>
      </c>
      <c r="Q93" s="6">
        <v>373</v>
      </c>
      <c r="R93" s="6">
        <v>79</v>
      </c>
      <c r="S93" s="10" t="s">
        <v>55</v>
      </c>
    </row>
    <row r="94" spans="1:19">
      <c r="A94" s="9" t="s">
        <v>27</v>
      </c>
      <c r="B94" s="9" t="s">
        <v>57</v>
      </c>
      <c r="C94" s="9" t="s">
        <v>58</v>
      </c>
      <c r="D94" s="9" t="s">
        <v>6</v>
      </c>
      <c r="E94" s="9" t="s">
        <v>130</v>
      </c>
      <c r="F94" s="9" t="s">
        <v>132</v>
      </c>
      <c r="G94" s="6">
        <v>9037</v>
      </c>
      <c r="H94" s="6">
        <v>304</v>
      </c>
      <c r="I94" s="6">
        <v>4962</v>
      </c>
      <c r="J94" s="6">
        <v>2346</v>
      </c>
      <c r="K94" s="6">
        <v>944</v>
      </c>
      <c r="L94" s="6">
        <v>22</v>
      </c>
      <c r="M94" s="6">
        <v>5</v>
      </c>
      <c r="N94" s="10" t="s">
        <v>55</v>
      </c>
      <c r="O94" s="6">
        <v>267</v>
      </c>
      <c r="P94" s="6">
        <v>20</v>
      </c>
      <c r="Q94" s="6">
        <v>101</v>
      </c>
      <c r="R94" s="6">
        <v>62</v>
      </c>
      <c r="S94" s="6">
        <v>4</v>
      </c>
    </row>
    <row r="95" spans="1:19">
      <c r="A95" s="9" t="s">
        <v>27</v>
      </c>
      <c r="B95" s="9" t="s">
        <v>57</v>
      </c>
      <c r="C95" s="9" t="s">
        <v>58</v>
      </c>
      <c r="D95" s="9" t="s">
        <v>6</v>
      </c>
      <c r="E95" s="9" t="s">
        <v>130</v>
      </c>
      <c r="F95" s="9" t="s">
        <v>133</v>
      </c>
      <c r="G95" s="6">
        <v>30234</v>
      </c>
      <c r="H95" s="6">
        <v>668</v>
      </c>
      <c r="I95" s="6">
        <v>133</v>
      </c>
      <c r="J95" s="6">
        <v>5524</v>
      </c>
      <c r="K95" s="6">
        <v>358</v>
      </c>
      <c r="L95" s="6">
        <v>209</v>
      </c>
      <c r="M95" s="6">
        <v>146</v>
      </c>
      <c r="N95" s="6">
        <v>8</v>
      </c>
      <c r="O95" s="6">
        <v>551</v>
      </c>
      <c r="P95" s="6">
        <v>16031</v>
      </c>
      <c r="Q95" s="6">
        <v>209</v>
      </c>
      <c r="R95" s="6">
        <v>6391</v>
      </c>
      <c r="S95" s="6">
        <v>6</v>
      </c>
    </row>
    <row r="96" spans="1:19">
      <c r="A96" s="9" t="s">
        <v>27</v>
      </c>
      <c r="B96" s="9" t="s">
        <v>57</v>
      </c>
      <c r="C96" s="9" t="s">
        <v>58</v>
      </c>
      <c r="D96" s="9" t="s">
        <v>6</v>
      </c>
      <c r="E96" s="9" t="s">
        <v>130</v>
      </c>
      <c r="F96" s="9" t="s">
        <v>134</v>
      </c>
      <c r="G96" s="6">
        <v>107286</v>
      </c>
      <c r="H96" s="6">
        <v>2772</v>
      </c>
      <c r="I96" s="6">
        <v>2982</v>
      </c>
      <c r="J96" s="6">
        <v>18824</v>
      </c>
      <c r="K96" s="6">
        <v>55945</v>
      </c>
      <c r="L96" s="6">
        <v>671</v>
      </c>
      <c r="M96" s="6">
        <v>68</v>
      </c>
      <c r="N96" s="6">
        <v>223</v>
      </c>
      <c r="O96" s="6">
        <v>11920</v>
      </c>
      <c r="P96" s="6">
        <v>605</v>
      </c>
      <c r="Q96" s="6">
        <v>654</v>
      </c>
      <c r="R96" s="6">
        <v>12622</v>
      </c>
      <c r="S96" s="10" t="s">
        <v>55</v>
      </c>
    </row>
    <row r="97" spans="1:19">
      <c r="A97" s="9" t="s">
        <v>27</v>
      </c>
      <c r="B97" s="9" t="s">
        <v>57</v>
      </c>
      <c r="C97" s="9" t="s">
        <v>58</v>
      </c>
      <c r="D97" s="9" t="s">
        <v>6</v>
      </c>
      <c r="E97" s="9" t="s">
        <v>130</v>
      </c>
      <c r="F97" s="9" t="s">
        <v>135</v>
      </c>
      <c r="G97" s="6">
        <v>14618</v>
      </c>
      <c r="H97" s="6">
        <v>391</v>
      </c>
      <c r="I97" s="6">
        <v>289</v>
      </c>
      <c r="J97" s="6">
        <v>7287</v>
      </c>
      <c r="K97" s="6">
        <v>6540</v>
      </c>
      <c r="L97" s="6">
        <v>49</v>
      </c>
      <c r="M97" s="6">
        <v>2</v>
      </c>
      <c r="N97" s="10" t="s">
        <v>55</v>
      </c>
      <c r="O97" s="6">
        <v>7</v>
      </c>
      <c r="P97" s="6">
        <v>28</v>
      </c>
      <c r="Q97" s="10" t="s">
        <v>55</v>
      </c>
      <c r="R97" s="6">
        <v>24</v>
      </c>
      <c r="S97" s="6">
        <v>1</v>
      </c>
    </row>
    <row r="98" spans="1:19">
      <c r="A98" s="9" t="s">
        <v>27</v>
      </c>
      <c r="B98" s="9" t="s">
        <v>57</v>
      </c>
      <c r="C98" s="9" t="s">
        <v>58</v>
      </c>
      <c r="D98" s="9" t="s">
        <v>6</v>
      </c>
      <c r="E98" s="9" t="s">
        <v>130</v>
      </c>
      <c r="F98" s="9" t="s">
        <v>136</v>
      </c>
      <c r="G98" s="6">
        <v>10312</v>
      </c>
      <c r="H98" s="6">
        <v>857</v>
      </c>
      <c r="I98" s="6">
        <v>159</v>
      </c>
      <c r="J98" s="6">
        <v>2918</v>
      </c>
      <c r="K98" s="6">
        <v>3063</v>
      </c>
      <c r="L98" s="6">
        <v>2017</v>
      </c>
      <c r="M98" s="6">
        <v>28</v>
      </c>
      <c r="N98" s="6">
        <v>8</v>
      </c>
      <c r="O98" s="6">
        <v>349</v>
      </c>
      <c r="P98" s="6">
        <v>237</v>
      </c>
      <c r="Q98" s="6">
        <v>98</v>
      </c>
      <c r="R98" s="6">
        <v>578</v>
      </c>
      <c r="S98" s="10" t="s">
        <v>55</v>
      </c>
    </row>
    <row r="99" spans="1:19">
      <c r="A99" s="9" t="s">
        <v>27</v>
      </c>
      <c r="B99" s="9" t="s">
        <v>57</v>
      </c>
      <c r="C99" s="9" t="s">
        <v>58</v>
      </c>
      <c r="D99" s="9" t="s">
        <v>6</v>
      </c>
      <c r="E99" s="9" t="s">
        <v>130</v>
      </c>
      <c r="F99" s="9" t="s">
        <v>137</v>
      </c>
      <c r="G99" s="6">
        <v>15157</v>
      </c>
      <c r="H99" s="6">
        <v>471</v>
      </c>
      <c r="I99" s="6">
        <v>5133</v>
      </c>
      <c r="J99" s="6">
        <v>5782</v>
      </c>
      <c r="K99" s="6">
        <v>848</v>
      </c>
      <c r="L99" s="6">
        <v>402</v>
      </c>
      <c r="M99" s="6">
        <v>31</v>
      </c>
      <c r="N99" s="6">
        <v>246</v>
      </c>
      <c r="O99" s="6">
        <v>1158</v>
      </c>
      <c r="P99" s="6">
        <v>95</v>
      </c>
      <c r="Q99" s="6">
        <v>819</v>
      </c>
      <c r="R99" s="6">
        <v>170</v>
      </c>
      <c r="S99" s="6">
        <v>2</v>
      </c>
    </row>
    <row r="100" spans="1:19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130</v>
      </c>
      <c r="F100" s="9" t="s">
        <v>138</v>
      </c>
      <c r="G100" s="6">
        <v>34203</v>
      </c>
      <c r="H100" s="6">
        <v>554</v>
      </c>
      <c r="I100" s="6">
        <v>417</v>
      </c>
      <c r="J100" s="6">
        <v>1255</v>
      </c>
      <c r="K100" s="6">
        <v>1469</v>
      </c>
      <c r="L100" s="6">
        <v>27196</v>
      </c>
      <c r="M100" s="6">
        <v>58</v>
      </c>
      <c r="N100" s="6">
        <v>27</v>
      </c>
      <c r="O100" s="6">
        <v>297</v>
      </c>
      <c r="P100" s="6">
        <v>116</v>
      </c>
      <c r="Q100" s="6">
        <v>17</v>
      </c>
      <c r="R100" s="6">
        <v>2797</v>
      </c>
      <c r="S100" s="10" t="s">
        <v>55</v>
      </c>
    </row>
    <row r="101" spans="1:19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130</v>
      </c>
      <c r="F101" s="9" t="s">
        <v>139</v>
      </c>
      <c r="G101" s="6">
        <v>20311</v>
      </c>
      <c r="H101" s="6">
        <v>351</v>
      </c>
      <c r="I101" s="6">
        <v>737</v>
      </c>
      <c r="J101" s="6">
        <v>2469</v>
      </c>
      <c r="K101" s="6">
        <v>1390</v>
      </c>
      <c r="L101" s="6">
        <v>11816</v>
      </c>
      <c r="M101" s="6">
        <v>127</v>
      </c>
      <c r="N101" s="6">
        <v>429</v>
      </c>
      <c r="O101" s="6">
        <v>383</v>
      </c>
      <c r="P101" s="6">
        <v>392</v>
      </c>
      <c r="Q101" s="6">
        <v>11</v>
      </c>
      <c r="R101" s="6">
        <v>2206</v>
      </c>
      <c r="S101" s="10" t="s">
        <v>55</v>
      </c>
    </row>
    <row r="102" spans="1:19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130</v>
      </c>
      <c r="F102" s="9" t="s">
        <v>140</v>
      </c>
      <c r="G102" s="6">
        <v>36681</v>
      </c>
      <c r="H102" s="6">
        <v>239</v>
      </c>
      <c r="I102" s="6">
        <v>26808</v>
      </c>
      <c r="J102" s="6">
        <v>5732</v>
      </c>
      <c r="K102" s="6">
        <v>110</v>
      </c>
      <c r="L102" s="6">
        <v>2375</v>
      </c>
      <c r="M102" s="6">
        <v>77</v>
      </c>
      <c r="N102" s="6">
        <v>129</v>
      </c>
      <c r="O102" s="6">
        <v>96</v>
      </c>
      <c r="P102" s="6">
        <v>392</v>
      </c>
      <c r="Q102" s="6">
        <v>12</v>
      </c>
      <c r="R102" s="6">
        <v>697</v>
      </c>
      <c r="S102" s="6">
        <v>14</v>
      </c>
    </row>
    <row r="103" spans="1:19">
      <c r="A103" s="9" t="s">
        <v>27</v>
      </c>
      <c r="B103" s="9" t="s">
        <v>57</v>
      </c>
      <c r="C103" s="9" t="s">
        <v>58</v>
      </c>
      <c r="D103" s="9" t="s">
        <v>6</v>
      </c>
      <c r="E103" s="9" t="s">
        <v>130</v>
      </c>
      <c r="F103" s="9" t="s">
        <v>141</v>
      </c>
      <c r="G103" s="6">
        <v>136636</v>
      </c>
      <c r="H103" s="6">
        <v>1077</v>
      </c>
      <c r="I103" s="6">
        <v>71400</v>
      </c>
      <c r="J103" s="6">
        <v>16154</v>
      </c>
      <c r="K103" s="6">
        <v>215</v>
      </c>
      <c r="L103" s="6">
        <v>42778</v>
      </c>
      <c r="M103" s="6">
        <v>392</v>
      </c>
      <c r="N103" s="6">
        <v>88</v>
      </c>
      <c r="O103" s="6">
        <v>957</v>
      </c>
      <c r="P103" s="6">
        <v>1311</v>
      </c>
      <c r="Q103" s="6">
        <v>61</v>
      </c>
      <c r="R103" s="6">
        <v>2182</v>
      </c>
      <c r="S103" s="6">
        <v>21</v>
      </c>
    </row>
    <row r="104" spans="1:19">
      <c r="A104" s="9" t="s">
        <v>27</v>
      </c>
      <c r="B104" s="9" t="s">
        <v>57</v>
      </c>
      <c r="C104" s="9" t="s">
        <v>58</v>
      </c>
      <c r="D104" s="9" t="s">
        <v>6</v>
      </c>
      <c r="E104" s="9" t="s">
        <v>130</v>
      </c>
      <c r="F104" s="9" t="s">
        <v>142</v>
      </c>
      <c r="G104" s="6">
        <v>9872</v>
      </c>
      <c r="H104" s="6">
        <v>320</v>
      </c>
      <c r="I104" s="6">
        <v>482</v>
      </c>
      <c r="J104" s="6">
        <v>6067</v>
      </c>
      <c r="K104" s="6">
        <v>949</v>
      </c>
      <c r="L104" s="6">
        <v>41</v>
      </c>
      <c r="M104" s="6">
        <v>2</v>
      </c>
      <c r="N104" s="6">
        <v>66</v>
      </c>
      <c r="O104" s="6">
        <v>204</v>
      </c>
      <c r="P104" s="6">
        <v>33</v>
      </c>
      <c r="Q104" s="6">
        <v>6</v>
      </c>
      <c r="R104" s="6">
        <v>1700</v>
      </c>
      <c r="S104" s="6">
        <v>2</v>
      </c>
    </row>
    <row r="105" spans="1:19">
      <c r="A105" s="9" t="s">
        <v>27</v>
      </c>
      <c r="B105" s="9" t="s">
        <v>57</v>
      </c>
      <c r="C105" s="9" t="s">
        <v>58</v>
      </c>
      <c r="D105" s="9" t="s">
        <v>6</v>
      </c>
      <c r="E105" s="9" t="s">
        <v>130</v>
      </c>
      <c r="F105" s="9" t="s">
        <v>143</v>
      </c>
      <c r="G105" s="6">
        <v>40133</v>
      </c>
      <c r="H105" s="6">
        <v>1039</v>
      </c>
      <c r="I105" s="6">
        <v>2732</v>
      </c>
      <c r="J105" s="6">
        <v>13898</v>
      </c>
      <c r="K105" s="6">
        <v>1070</v>
      </c>
      <c r="L105" s="6">
        <v>1206</v>
      </c>
      <c r="M105" s="6">
        <v>3866</v>
      </c>
      <c r="N105" s="6">
        <v>89</v>
      </c>
      <c r="O105" s="6">
        <v>4252</v>
      </c>
      <c r="P105" s="6">
        <v>1335</v>
      </c>
      <c r="Q105" s="6">
        <v>309</v>
      </c>
      <c r="R105" s="6">
        <v>10233</v>
      </c>
      <c r="S105" s="6">
        <v>104</v>
      </c>
    </row>
    <row r="106" spans="1:19">
      <c r="A106" s="9" t="s">
        <v>27</v>
      </c>
      <c r="B106" s="9" t="s">
        <v>57</v>
      </c>
      <c r="C106" s="9" t="s">
        <v>58</v>
      </c>
      <c r="D106" s="9" t="s">
        <v>6</v>
      </c>
      <c r="E106" s="9" t="s">
        <v>130</v>
      </c>
      <c r="F106" s="9" t="s">
        <v>144</v>
      </c>
      <c r="G106" s="6">
        <v>36695</v>
      </c>
      <c r="H106" s="6">
        <v>961</v>
      </c>
      <c r="I106" s="6">
        <v>2995</v>
      </c>
      <c r="J106" s="6">
        <v>20961</v>
      </c>
      <c r="K106" s="10" t="s">
        <v>55</v>
      </c>
      <c r="L106" s="6">
        <v>15</v>
      </c>
      <c r="M106" s="6">
        <v>10857</v>
      </c>
      <c r="N106" s="6">
        <v>76</v>
      </c>
      <c r="O106" s="6">
        <v>88</v>
      </c>
      <c r="P106" s="6">
        <v>129</v>
      </c>
      <c r="Q106" s="6">
        <v>204</v>
      </c>
      <c r="R106" s="6">
        <v>409</v>
      </c>
      <c r="S106" s="10" t="s">
        <v>55</v>
      </c>
    </row>
    <row r="107" spans="1:19">
      <c r="A107" s="9" t="s">
        <v>27</v>
      </c>
      <c r="B107" s="9" t="s">
        <v>57</v>
      </c>
      <c r="C107" s="9" t="s">
        <v>58</v>
      </c>
      <c r="D107" s="9" t="s">
        <v>6</v>
      </c>
      <c r="E107" s="9" t="s">
        <v>55</v>
      </c>
      <c r="F107" s="9" t="s">
        <v>145</v>
      </c>
      <c r="G107" s="6">
        <v>6568</v>
      </c>
      <c r="H107" s="6">
        <v>12</v>
      </c>
      <c r="I107" s="6">
        <v>50</v>
      </c>
      <c r="J107" s="6">
        <v>601</v>
      </c>
      <c r="K107" s="6">
        <v>80</v>
      </c>
      <c r="L107" s="6">
        <v>23</v>
      </c>
      <c r="M107" s="6">
        <v>3</v>
      </c>
      <c r="N107" s="6">
        <v>2</v>
      </c>
      <c r="O107" s="6">
        <v>56</v>
      </c>
      <c r="P107" s="6">
        <v>14</v>
      </c>
      <c r="Q107" s="6">
        <v>2</v>
      </c>
      <c r="R107" s="6">
        <v>94</v>
      </c>
      <c r="S107" s="6">
        <v>5631</v>
      </c>
    </row>
    <row r="108" spans="1:19">
      <c r="A108" s="9" t="s">
        <v>27</v>
      </c>
      <c r="B108" s="9" t="s">
        <v>57</v>
      </c>
      <c r="C108" s="9" t="s">
        <v>58</v>
      </c>
      <c r="D108" s="9" t="s">
        <v>6</v>
      </c>
      <c r="E108" s="9" t="s">
        <v>55</v>
      </c>
      <c r="F108" s="9" t="s">
        <v>146</v>
      </c>
      <c r="G108" s="6">
        <v>17495</v>
      </c>
      <c r="H108" s="6">
        <v>327</v>
      </c>
      <c r="I108" s="6">
        <v>127</v>
      </c>
      <c r="J108" s="6">
        <v>1441</v>
      </c>
      <c r="K108" s="6">
        <v>225</v>
      </c>
      <c r="L108" s="6">
        <v>42</v>
      </c>
      <c r="M108" s="6">
        <v>8</v>
      </c>
      <c r="N108" s="6">
        <v>13026</v>
      </c>
      <c r="O108" s="6">
        <v>425</v>
      </c>
      <c r="P108" s="6">
        <v>162</v>
      </c>
      <c r="Q108" s="6">
        <v>28</v>
      </c>
      <c r="R108" s="6">
        <v>1684</v>
      </c>
      <c r="S108" s="10" t="s">
        <v>55</v>
      </c>
    </row>
    <row r="109" spans="1:19">
      <c r="A109" s="9" t="s">
        <v>27</v>
      </c>
      <c r="B109" s="9" t="s">
        <v>57</v>
      </c>
      <c r="C109" s="9" t="s">
        <v>58</v>
      </c>
      <c r="D109" s="9" t="s">
        <v>6</v>
      </c>
      <c r="E109" s="9" t="s">
        <v>55</v>
      </c>
      <c r="F109" s="9" t="s">
        <v>147</v>
      </c>
      <c r="G109" s="6">
        <v>149865</v>
      </c>
      <c r="H109" s="6">
        <v>4710</v>
      </c>
      <c r="I109" s="6">
        <v>10151</v>
      </c>
      <c r="J109" s="6">
        <v>23589</v>
      </c>
      <c r="K109" s="6">
        <v>5926</v>
      </c>
      <c r="L109" s="6">
        <v>128</v>
      </c>
      <c r="M109" s="6">
        <v>117</v>
      </c>
      <c r="N109" s="6">
        <v>356</v>
      </c>
      <c r="O109" s="6">
        <v>68153</v>
      </c>
      <c r="P109" s="6">
        <v>4083</v>
      </c>
      <c r="Q109" s="6">
        <v>26918</v>
      </c>
      <c r="R109" s="6">
        <v>5734</v>
      </c>
      <c r="S109" s="10" t="s">
        <v>55</v>
      </c>
    </row>
    <row r="110" spans="1:19">
      <c r="A110" s="9" t="s">
        <v>27</v>
      </c>
      <c r="B110" s="9" t="s">
        <v>57</v>
      </c>
      <c r="C110" s="9" t="s">
        <v>58</v>
      </c>
      <c r="D110" s="9" t="s">
        <v>6</v>
      </c>
      <c r="E110" s="9" t="s">
        <v>55</v>
      </c>
      <c r="F110" s="9" t="s">
        <v>148</v>
      </c>
      <c r="G110" s="6">
        <v>504356</v>
      </c>
      <c r="H110" s="6">
        <v>10080</v>
      </c>
      <c r="I110" s="6">
        <v>119600</v>
      </c>
      <c r="J110" s="6">
        <v>110430</v>
      </c>
      <c r="K110" s="6">
        <v>73082</v>
      </c>
      <c r="L110" s="6">
        <v>88801</v>
      </c>
      <c r="M110" s="6">
        <v>15666</v>
      </c>
      <c r="N110" s="6">
        <v>1390</v>
      </c>
      <c r="O110" s="6">
        <v>20736</v>
      </c>
      <c r="P110" s="6">
        <v>21393</v>
      </c>
      <c r="Q110" s="6">
        <v>2874</v>
      </c>
      <c r="R110" s="6">
        <v>40150</v>
      </c>
      <c r="S110" s="6">
        <v>154</v>
      </c>
    </row>
    <row r="111" spans="1:19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55</v>
      </c>
      <c r="F111" s="9" t="s">
        <v>6</v>
      </c>
      <c r="G111" s="6">
        <v>344558</v>
      </c>
      <c r="H111" s="6">
        <v>12536</v>
      </c>
      <c r="I111" s="6">
        <v>51973</v>
      </c>
      <c r="J111" s="6">
        <v>48801</v>
      </c>
      <c r="K111" s="6">
        <v>40408</v>
      </c>
      <c r="L111" s="6">
        <v>25046</v>
      </c>
      <c r="M111" s="6">
        <v>14478</v>
      </c>
      <c r="N111" s="6">
        <v>8762</v>
      </c>
      <c r="O111" s="6">
        <v>60485</v>
      </c>
      <c r="P111" s="6">
        <v>24892</v>
      </c>
      <c r="Q111" s="6">
        <v>28998</v>
      </c>
      <c r="R111" s="6">
        <v>25250</v>
      </c>
      <c r="S111" s="6">
        <v>2929</v>
      </c>
    </row>
    <row r="112" spans="1:19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122</v>
      </c>
      <c r="F112" s="9" t="s">
        <v>123</v>
      </c>
      <c r="G112" s="6">
        <v>8591</v>
      </c>
      <c r="H112" s="6">
        <v>249</v>
      </c>
      <c r="I112" s="6">
        <v>110</v>
      </c>
      <c r="J112" s="6">
        <v>450</v>
      </c>
      <c r="K112" s="6">
        <v>113</v>
      </c>
      <c r="L112" s="6">
        <v>15</v>
      </c>
      <c r="M112" s="6">
        <v>4</v>
      </c>
      <c r="N112" s="6">
        <v>6653</v>
      </c>
      <c r="O112" s="6">
        <v>223</v>
      </c>
      <c r="P112" s="6">
        <v>152</v>
      </c>
      <c r="Q112" s="6">
        <v>28</v>
      </c>
      <c r="R112" s="6">
        <v>594</v>
      </c>
      <c r="S112" s="10" t="s">
        <v>55</v>
      </c>
    </row>
    <row r="113" spans="1:19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122</v>
      </c>
      <c r="F113" s="9" t="s">
        <v>124</v>
      </c>
      <c r="G113" s="6">
        <v>6926</v>
      </c>
      <c r="H113" s="6">
        <v>187</v>
      </c>
      <c r="I113" s="6">
        <v>61</v>
      </c>
      <c r="J113" s="6">
        <v>208</v>
      </c>
      <c r="K113" s="6">
        <v>83</v>
      </c>
      <c r="L113" s="6">
        <v>14</v>
      </c>
      <c r="M113" s="6">
        <v>2</v>
      </c>
      <c r="N113" s="6">
        <v>5569</v>
      </c>
      <c r="O113" s="6">
        <v>152</v>
      </c>
      <c r="P113" s="6">
        <v>72</v>
      </c>
      <c r="Q113" s="6">
        <v>18</v>
      </c>
      <c r="R113" s="6">
        <v>560</v>
      </c>
      <c r="S113" s="10" t="s">
        <v>55</v>
      </c>
    </row>
    <row r="114" spans="1:19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122</v>
      </c>
      <c r="F114" s="9" t="s">
        <v>125</v>
      </c>
      <c r="G114" s="6">
        <v>932</v>
      </c>
      <c r="H114" s="6">
        <v>30</v>
      </c>
      <c r="I114" s="6">
        <v>3</v>
      </c>
      <c r="J114" s="6">
        <v>20</v>
      </c>
      <c r="K114" s="6">
        <v>18</v>
      </c>
      <c r="L114" s="6">
        <v>2</v>
      </c>
      <c r="M114" s="6">
        <v>4</v>
      </c>
      <c r="N114" s="6">
        <v>787</v>
      </c>
      <c r="O114" s="6">
        <v>27</v>
      </c>
      <c r="P114" s="6">
        <v>8</v>
      </c>
      <c r="Q114" s="10" t="s">
        <v>55</v>
      </c>
      <c r="R114" s="6">
        <v>33</v>
      </c>
      <c r="S114" s="10" t="s">
        <v>55</v>
      </c>
    </row>
    <row r="115" spans="1:19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126</v>
      </c>
      <c r="F115" s="9" t="s">
        <v>127</v>
      </c>
      <c r="G115" s="6">
        <v>265</v>
      </c>
      <c r="H115" s="6">
        <v>12</v>
      </c>
      <c r="I115" s="10" t="s">
        <v>55</v>
      </c>
      <c r="J115" s="6">
        <v>20</v>
      </c>
      <c r="K115" s="6">
        <v>11</v>
      </c>
      <c r="L115" s="10" t="s">
        <v>55</v>
      </c>
      <c r="M115" s="10" t="s">
        <v>55</v>
      </c>
      <c r="N115" s="10" t="s">
        <v>55</v>
      </c>
      <c r="O115" s="6">
        <v>20</v>
      </c>
      <c r="P115" s="6">
        <v>174</v>
      </c>
      <c r="Q115" s="6">
        <v>9</v>
      </c>
      <c r="R115" s="6">
        <v>19</v>
      </c>
      <c r="S115" s="10" t="s">
        <v>55</v>
      </c>
    </row>
    <row r="116" spans="1:19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126</v>
      </c>
      <c r="F116" s="9" t="s">
        <v>128</v>
      </c>
      <c r="G116" s="6">
        <v>42106</v>
      </c>
      <c r="H116" s="6">
        <v>2535</v>
      </c>
      <c r="I116" s="6">
        <v>3209</v>
      </c>
      <c r="J116" s="6">
        <v>1932</v>
      </c>
      <c r="K116" s="6">
        <v>2322</v>
      </c>
      <c r="L116" s="6">
        <v>18</v>
      </c>
      <c r="M116" s="6">
        <v>36</v>
      </c>
      <c r="N116" s="6">
        <v>194</v>
      </c>
      <c r="O116" s="6">
        <v>3142</v>
      </c>
      <c r="P116" s="6">
        <v>2462</v>
      </c>
      <c r="Q116" s="6">
        <v>25832</v>
      </c>
      <c r="R116" s="6">
        <v>424</v>
      </c>
      <c r="S116" s="10" t="s">
        <v>55</v>
      </c>
    </row>
    <row r="117" spans="1:19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126</v>
      </c>
      <c r="F117" s="9" t="s">
        <v>129</v>
      </c>
      <c r="G117" s="6">
        <v>64671</v>
      </c>
      <c r="H117" s="6">
        <v>1582</v>
      </c>
      <c r="I117" s="6">
        <v>5852</v>
      </c>
      <c r="J117" s="6">
        <v>6427</v>
      </c>
      <c r="K117" s="6">
        <v>2837</v>
      </c>
      <c r="L117" s="6">
        <v>19</v>
      </c>
      <c r="M117" s="6">
        <v>76</v>
      </c>
      <c r="N117" s="6">
        <v>112</v>
      </c>
      <c r="O117" s="6">
        <v>43345</v>
      </c>
      <c r="P117" s="6">
        <v>1381</v>
      </c>
      <c r="Q117" s="6">
        <v>366</v>
      </c>
      <c r="R117" s="6">
        <v>2674</v>
      </c>
      <c r="S117" s="10" t="s">
        <v>55</v>
      </c>
    </row>
    <row r="118" spans="1:19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130</v>
      </c>
      <c r="F118" s="9" t="s">
        <v>131</v>
      </c>
      <c r="G118" s="6">
        <v>2669</v>
      </c>
      <c r="H118" s="6">
        <v>73</v>
      </c>
      <c r="I118" s="6">
        <v>341</v>
      </c>
      <c r="J118" s="6">
        <v>803</v>
      </c>
      <c r="K118" s="6">
        <v>141</v>
      </c>
      <c r="L118" s="6">
        <v>4</v>
      </c>
      <c r="M118" s="6">
        <v>7</v>
      </c>
      <c r="N118" s="6">
        <v>1</v>
      </c>
      <c r="O118" s="6">
        <v>202</v>
      </c>
      <c r="P118" s="6">
        <v>661</v>
      </c>
      <c r="Q118" s="6">
        <v>363</v>
      </c>
      <c r="R118" s="6">
        <v>73</v>
      </c>
      <c r="S118" s="10" t="s">
        <v>55</v>
      </c>
    </row>
    <row r="119" spans="1:19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130</v>
      </c>
      <c r="F119" s="9" t="s">
        <v>132</v>
      </c>
      <c r="G119" s="6">
        <v>6117</v>
      </c>
      <c r="H119" s="6">
        <v>276</v>
      </c>
      <c r="I119" s="6">
        <v>3800</v>
      </c>
      <c r="J119" s="6">
        <v>968</v>
      </c>
      <c r="K119" s="6">
        <v>716</v>
      </c>
      <c r="L119" s="6">
        <v>8</v>
      </c>
      <c r="M119" s="6">
        <v>5</v>
      </c>
      <c r="N119" s="10" t="s">
        <v>55</v>
      </c>
      <c r="O119" s="6">
        <v>189</v>
      </c>
      <c r="P119" s="6">
        <v>20</v>
      </c>
      <c r="Q119" s="6">
        <v>99</v>
      </c>
      <c r="R119" s="6">
        <v>33</v>
      </c>
      <c r="S119" s="6">
        <v>3</v>
      </c>
    </row>
    <row r="120" spans="1:19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130</v>
      </c>
      <c r="F120" s="9" t="s">
        <v>133</v>
      </c>
      <c r="G120" s="6">
        <v>25110</v>
      </c>
      <c r="H120" s="6">
        <v>578</v>
      </c>
      <c r="I120" s="6">
        <v>119</v>
      </c>
      <c r="J120" s="6">
        <v>2730</v>
      </c>
      <c r="K120" s="6">
        <v>291</v>
      </c>
      <c r="L120" s="6">
        <v>100</v>
      </c>
      <c r="M120" s="6">
        <v>142</v>
      </c>
      <c r="N120" s="6">
        <v>8</v>
      </c>
      <c r="O120" s="6">
        <v>488</v>
      </c>
      <c r="P120" s="6">
        <v>15585</v>
      </c>
      <c r="Q120" s="6">
        <v>202</v>
      </c>
      <c r="R120" s="6">
        <v>4864</v>
      </c>
      <c r="S120" s="6">
        <v>3</v>
      </c>
    </row>
    <row r="121" spans="1:19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130</v>
      </c>
      <c r="F121" s="9" t="s">
        <v>134</v>
      </c>
      <c r="G121" s="6">
        <v>48794</v>
      </c>
      <c r="H121" s="6">
        <v>2299</v>
      </c>
      <c r="I121" s="6">
        <v>1408</v>
      </c>
      <c r="J121" s="6">
        <v>4748</v>
      </c>
      <c r="K121" s="6">
        <v>25484</v>
      </c>
      <c r="L121" s="6">
        <v>197</v>
      </c>
      <c r="M121" s="6">
        <v>66</v>
      </c>
      <c r="N121" s="6">
        <v>114</v>
      </c>
      <c r="O121" s="6">
        <v>6921</v>
      </c>
      <c r="P121" s="6">
        <v>576</v>
      </c>
      <c r="Q121" s="6">
        <v>632</v>
      </c>
      <c r="R121" s="6">
        <v>6349</v>
      </c>
      <c r="S121" s="10" t="s">
        <v>55</v>
      </c>
    </row>
    <row r="122" spans="1:19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130</v>
      </c>
      <c r="F122" s="9" t="s">
        <v>135</v>
      </c>
      <c r="G122" s="6">
        <v>5977</v>
      </c>
      <c r="H122" s="6">
        <v>350</v>
      </c>
      <c r="I122" s="6">
        <v>241</v>
      </c>
      <c r="J122" s="6">
        <v>2493</v>
      </c>
      <c r="K122" s="6">
        <v>2840</v>
      </c>
      <c r="L122" s="6">
        <v>11</v>
      </c>
      <c r="M122" s="6">
        <v>2</v>
      </c>
      <c r="N122" s="10" t="s">
        <v>55</v>
      </c>
      <c r="O122" s="6">
        <v>3</v>
      </c>
      <c r="P122" s="6">
        <v>28</v>
      </c>
      <c r="Q122" s="10" t="s">
        <v>55</v>
      </c>
      <c r="R122" s="6">
        <v>8</v>
      </c>
      <c r="S122" s="6">
        <v>1</v>
      </c>
    </row>
    <row r="123" spans="1:19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130</v>
      </c>
      <c r="F123" s="9" t="s">
        <v>136</v>
      </c>
      <c r="G123" s="6">
        <v>5816</v>
      </c>
      <c r="H123" s="6">
        <v>591</v>
      </c>
      <c r="I123" s="6">
        <v>78</v>
      </c>
      <c r="J123" s="6">
        <v>722</v>
      </c>
      <c r="K123" s="6">
        <v>2280</v>
      </c>
      <c r="L123" s="6">
        <v>1146</v>
      </c>
      <c r="M123" s="6">
        <v>28</v>
      </c>
      <c r="N123" s="6">
        <v>5</v>
      </c>
      <c r="O123" s="6">
        <v>312</v>
      </c>
      <c r="P123" s="6">
        <v>227</v>
      </c>
      <c r="Q123" s="6">
        <v>94</v>
      </c>
      <c r="R123" s="6">
        <v>333</v>
      </c>
      <c r="S123" s="10" t="s">
        <v>55</v>
      </c>
    </row>
    <row r="124" spans="1:19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130</v>
      </c>
      <c r="F124" s="9" t="s">
        <v>137</v>
      </c>
      <c r="G124" s="6">
        <v>8969</v>
      </c>
      <c r="H124" s="6">
        <v>412</v>
      </c>
      <c r="I124" s="6">
        <v>4063</v>
      </c>
      <c r="J124" s="6">
        <v>1890</v>
      </c>
      <c r="K124" s="6">
        <v>727</v>
      </c>
      <c r="L124" s="6">
        <v>25</v>
      </c>
      <c r="M124" s="6">
        <v>31</v>
      </c>
      <c r="N124" s="6">
        <v>131</v>
      </c>
      <c r="O124" s="6">
        <v>734</v>
      </c>
      <c r="P124" s="6">
        <v>90</v>
      </c>
      <c r="Q124" s="6">
        <v>779</v>
      </c>
      <c r="R124" s="6">
        <v>86</v>
      </c>
      <c r="S124" s="6">
        <v>1</v>
      </c>
    </row>
    <row r="125" spans="1:19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130</v>
      </c>
      <c r="F125" s="9" t="s">
        <v>138</v>
      </c>
      <c r="G125" s="6">
        <v>11585</v>
      </c>
      <c r="H125" s="6">
        <v>400</v>
      </c>
      <c r="I125" s="6">
        <v>56</v>
      </c>
      <c r="J125" s="6">
        <v>363</v>
      </c>
      <c r="K125" s="6">
        <v>398</v>
      </c>
      <c r="L125" s="6">
        <v>9326</v>
      </c>
      <c r="M125" s="6">
        <v>57</v>
      </c>
      <c r="N125" s="6">
        <v>19</v>
      </c>
      <c r="O125" s="6">
        <v>73</v>
      </c>
      <c r="P125" s="6">
        <v>112</v>
      </c>
      <c r="Q125" s="6">
        <v>17</v>
      </c>
      <c r="R125" s="6">
        <v>764</v>
      </c>
      <c r="S125" s="10" t="s">
        <v>55</v>
      </c>
    </row>
    <row r="126" spans="1:19">
      <c r="A126" s="9" t="s">
        <v>27</v>
      </c>
      <c r="B126" s="9" t="s">
        <v>57</v>
      </c>
      <c r="C126" s="9" t="s">
        <v>58</v>
      </c>
      <c r="D126" s="9" t="s">
        <v>53</v>
      </c>
      <c r="E126" s="9" t="s">
        <v>130</v>
      </c>
      <c r="F126" s="9" t="s">
        <v>139</v>
      </c>
      <c r="G126" s="6">
        <v>8128</v>
      </c>
      <c r="H126" s="6">
        <v>284</v>
      </c>
      <c r="I126" s="6">
        <v>356</v>
      </c>
      <c r="J126" s="6">
        <v>773</v>
      </c>
      <c r="K126" s="6">
        <v>483</v>
      </c>
      <c r="L126" s="6">
        <v>4422</v>
      </c>
      <c r="M126" s="6">
        <v>102</v>
      </c>
      <c r="N126" s="6">
        <v>388</v>
      </c>
      <c r="O126" s="6">
        <v>156</v>
      </c>
      <c r="P126" s="6">
        <v>343</v>
      </c>
      <c r="Q126" s="6">
        <v>11</v>
      </c>
      <c r="R126" s="6">
        <v>810</v>
      </c>
      <c r="S126" s="10" t="s">
        <v>55</v>
      </c>
    </row>
    <row r="127" spans="1:19">
      <c r="A127" s="9" t="s">
        <v>27</v>
      </c>
      <c r="B127" s="9" t="s">
        <v>57</v>
      </c>
      <c r="C127" s="9" t="s">
        <v>58</v>
      </c>
      <c r="D127" s="9" t="s">
        <v>53</v>
      </c>
      <c r="E127" s="9" t="s">
        <v>130</v>
      </c>
      <c r="F127" s="9" t="s">
        <v>140</v>
      </c>
      <c r="G127" s="6">
        <v>15687</v>
      </c>
      <c r="H127" s="6">
        <v>184</v>
      </c>
      <c r="I127" s="6">
        <v>12471</v>
      </c>
      <c r="J127" s="6">
        <v>1704</v>
      </c>
      <c r="K127" s="6">
        <v>57</v>
      </c>
      <c r="L127" s="6">
        <v>279</v>
      </c>
      <c r="M127" s="6">
        <v>61</v>
      </c>
      <c r="N127" s="6">
        <v>94</v>
      </c>
      <c r="O127" s="6">
        <v>54</v>
      </c>
      <c r="P127" s="6">
        <v>378</v>
      </c>
      <c r="Q127" s="6">
        <v>12</v>
      </c>
      <c r="R127" s="6">
        <v>387</v>
      </c>
      <c r="S127" s="6">
        <v>6</v>
      </c>
    </row>
    <row r="128" spans="1:19">
      <c r="A128" s="9" t="s">
        <v>27</v>
      </c>
      <c r="B128" s="9" t="s">
        <v>57</v>
      </c>
      <c r="C128" s="9" t="s">
        <v>58</v>
      </c>
      <c r="D128" s="9" t="s">
        <v>53</v>
      </c>
      <c r="E128" s="9" t="s">
        <v>130</v>
      </c>
      <c r="F128" s="9" t="s">
        <v>141</v>
      </c>
      <c r="G128" s="6">
        <v>31488</v>
      </c>
      <c r="H128" s="6">
        <v>670</v>
      </c>
      <c r="I128" s="6">
        <v>15814</v>
      </c>
      <c r="J128" s="6">
        <v>3189</v>
      </c>
      <c r="K128" s="6">
        <v>117</v>
      </c>
      <c r="L128" s="6">
        <v>9027</v>
      </c>
      <c r="M128" s="6">
        <v>328</v>
      </c>
      <c r="N128" s="6">
        <v>62</v>
      </c>
      <c r="O128" s="6">
        <v>417</v>
      </c>
      <c r="P128" s="6">
        <v>1227</v>
      </c>
      <c r="Q128" s="6">
        <v>59</v>
      </c>
      <c r="R128" s="6">
        <v>572</v>
      </c>
      <c r="S128" s="6">
        <v>6</v>
      </c>
    </row>
    <row r="129" spans="1:19">
      <c r="A129" s="9" t="s">
        <v>27</v>
      </c>
      <c r="B129" s="9" t="s">
        <v>57</v>
      </c>
      <c r="C129" s="9" t="s">
        <v>58</v>
      </c>
      <c r="D129" s="9" t="s">
        <v>53</v>
      </c>
      <c r="E129" s="9" t="s">
        <v>130</v>
      </c>
      <c r="F129" s="9" t="s">
        <v>142</v>
      </c>
      <c r="G129" s="6">
        <v>6060</v>
      </c>
      <c r="H129" s="6">
        <v>291</v>
      </c>
      <c r="I129" s="6">
        <v>426</v>
      </c>
      <c r="J129" s="6">
        <v>2906</v>
      </c>
      <c r="K129" s="6">
        <v>707</v>
      </c>
      <c r="L129" s="6">
        <v>19</v>
      </c>
      <c r="M129" s="6">
        <v>2</v>
      </c>
      <c r="N129" s="6">
        <v>53</v>
      </c>
      <c r="O129" s="6">
        <v>187</v>
      </c>
      <c r="P129" s="6">
        <v>28</v>
      </c>
      <c r="Q129" s="6">
        <v>6</v>
      </c>
      <c r="R129" s="6">
        <v>1433</v>
      </c>
      <c r="S129" s="6">
        <v>2</v>
      </c>
    </row>
    <row r="130" spans="1:19">
      <c r="A130" s="9" t="s">
        <v>27</v>
      </c>
      <c r="B130" s="9" t="s">
        <v>57</v>
      </c>
      <c r="C130" s="9" t="s">
        <v>58</v>
      </c>
      <c r="D130" s="9" t="s">
        <v>53</v>
      </c>
      <c r="E130" s="9" t="s">
        <v>130</v>
      </c>
      <c r="F130" s="9" t="s">
        <v>143</v>
      </c>
      <c r="G130" s="6">
        <v>22864</v>
      </c>
      <c r="H130" s="6">
        <v>851</v>
      </c>
      <c r="I130" s="6">
        <v>2070</v>
      </c>
      <c r="J130" s="6">
        <v>3945</v>
      </c>
      <c r="K130" s="6">
        <v>807</v>
      </c>
      <c r="L130" s="6">
        <v>416</v>
      </c>
      <c r="M130" s="6">
        <v>3699</v>
      </c>
      <c r="N130" s="6">
        <v>73</v>
      </c>
      <c r="O130" s="6">
        <v>3886</v>
      </c>
      <c r="P130" s="6">
        <v>1304</v>
      </c>
      <c r="Q130" s="6">
        <v>293</v>
      </c>
      <c r="R130" s="6">
        <v>5465</v>
      </c>
      <c r="S130" s="6">
        <v>55</v>
      </c>
    </row>
    <row r="131" spans="1:19">
      <c r="A131" s="9" t="s">
        <v>27</v>
      </c>
      <c r="B131" s="9" t="s">
        <v>57</v>
      </c>
      <c r="C131" s="9" t="s">
        <v>58</v>
      </c>
      <c r="D131" s="9" t="s">
        <v>53</v>
      </c>
      <c r="E131" s="9" t="s">
        <v>130</v>
      </c>
      <c r="F131" s="9" t="s">
        <v>144</v>
      </c>
      <c r="G131" s="6">
        <v>25521</v>
      </c>
      <c r="H131" s="6">
        <v>860</v>
      </c>
      <c r="I131" s="6">
        <v>1519</v>
      </c>
      <c r="J131" s="6">
        <v>12576</v>
      </c>
      <c r="K131" s="10" t="s">
        <v>55</v>
      </c>
      <c r="L131" s="6">
        <v>5</v>
      </c>
      <c r="M131" s="6">
        <v>9825</v>
      </c>
      <c r="N131" s="6">
        <v>66</v>
      </c>
      <c r="O131" s="6">
        <v>71</v>
      </c>
      <c r="P131" s="6">
        <v>124</v>
      </c>
      <c r="Q131" s="6">
        <v>195</v>
      </c>
      <c r="R131" s="6">
        <v>280</v>
      </c>
      <c r="S131" s="10" t="s">
        <v>55</v>
      </c>
    </row>
    <row r="132" spans="1:19">
      <c r="A132" s="9" t="s">
        <v>27</v>
      </c>
      <c r="B132" s="9" t="s">
        <v>57</v>
      </c>
      <c r="C132" s="9" t="s">
        <v>58</v>
      </c>
      <c r="D132" s="9" t="s">
        <v>53</v>
      </c>
      <c r="E132" s="9" t="s">
        <v>55</v>
      </c>
      <c r="F132" s="9" t="s">
        <v>145</v>
      </c>
      <c r="G132" s="6">
        <v>3208</v>
      </c>
      <c r="H132" s="6">
        <v>9</v>
      </c>
      <c r="I132" s="6">
        <v>37</v>
      </c>
      <c r="J132" s="6">
        <v>142</v>
      </c>
      <c r="K132" s="6">
        <v>59</v>
      </c>
      <c r="L132" s="6">
        <v>7</v>
      </c>
      <c r="M132" s="6">
        <v>3</v>
      </c>
      <c r="N132" s="6">
        <v>2</v>
      </c>
      <c r="O132" s="6">
        <v>35</v>
      </c>
      <c r="P132" s="6">
        <v>12</v>
      </c>
      <c r="Q132" s="6">
        <v>1</v>
      </c>
      <c r="R132" s="6">
        <v>49</v>
      </c>
      <c r="S132" s="6">
        <v>2852</v>
      </c>
    </row>
    <row r="133" spans="1:19">
      <c r="A133" s="9" t="s">
        <v>27</v>
      </c>
      <c r="B133" s="9" t="s">
        <v>57</v>
      </c>
      <c r="C133" s="9" t="s">
        <v>58</v>
      </c>
      <c r="D133" s="9" t="s">
        <v>53</v>
      </c>
      <c r="E133" s="9" t="s">
        <v>55</v>
      </c>
      <c r="F133" s="9" t="s">
        <v>146</v>
      </c>
      <c r="G133" s="6">
        <v>9523</v>
      </c>
      <c r="H133" s="6">
        <v>279</v>
      </c>
      <c r="I133" s="6">
        <v>113</v>
      </c>
      <c r="J133" s="6">
        <v>470</v>
      </c>
      <c r="K133" s="6">
        <v>131</v>
      </c>
      <c r="L133" s="6">
        <v>17</v>
      </c>
      <c r="M133" s="6">
        <v>8</v>
      </c>
      <c r="N133" s="6">
        <v>7440</v>
      </c>
      <c r="O133" s="6">
        <v>250</v>
      </c>
      <c r="P133" s="6">
        <v>160</v>
      </c>
      <c r="Q133" s="6">
        <v>28</v>
      </c>
      <c r="R133" s="6">
        <v>627</v>
      </c>
      <c r="S133" s="10" t="s">
        <v>55</v>
      </c>
    </row>
    <row r="134" spans="1:19">
      <c r="A134" s="9" t="s">
        <v>27</v>
      </c>
      <c r="B134" s="9" t="s">
        <v>57</v>
      </c>
      <c r="C134" s="9" t="s">
        <v>58</v>
      </c>
      <c r="D134" s="9" t="s">
        <v>53</v>
      </c>
      <c r="E134" s="9" t="s">
        <v>55</v>
      </c>
      <c r="F134" s="9" t="s">
        <v>147</v>
      </c>
      <c r="G134" s="6">
        <v>107042</v>
      </c>
      <c r="H134" s="6">
        <v>4129</v>
      </c>
      <c r="I134" s="6">
        <v>9061</v>
      </c>
      <c r="J134" s="6">
        <v>8379</v>
      </c>
      <c r="K134" s="6">
        <v>5170</v>
      </c>
      <c r="L134" s="6">
        <v>37</v>
      </c>
      <c r="M134" s="6">
        <v>112</v>
      </c>
      <c r="N134" s="6">
        <v>306</v>
      </c>
      <c r="O134" s="6">
        <v>46507</v>
      </c>
      <c r="P134" s="6">
        <v>4017</v>
      </c>
      <c r="Q134" s="6">
        <v>26207</v>
      </c>
      <c r="R134" s="6">
        <v>3117</v>
      </c>
      <c r="S134" s="10" t="s">
        <v>55</v>
      </c>
    </row>
    <row r="135" spans="1:19">
      <c r="A135" s="9" t="s">
        <v>27</v>
      </c>
      <c r="B135" s="9" t="s">
        <v>57</v>
      </c>
      <c r="C135" s="9" t="s">
        <v>58</v>
      </c>
      <c r="D135" s="9" t="s">
        <v>53</v>
      </c>
      <c r="E135" s="9" t="s">
        <v>55</v>
      </c>
      <c r="F135" s="9" t="s">
        <v>148</v>
      </c>
      <c r="G135" s="6">
        <v>224785</v>
      </c>
      <c r="H135" s="6">
        <v>8119</v>
      </c>
      <c r="I135" s="6">
        <v>42762</v>
      </c>
      <c r="J135" s="6">
        <v>39810</v>
      </c>
      <c r="K135" s="6">
        <v>35048</v>
      </c>
      <c r="L135" s="6">
        <v>24985</v>
      </c>
      <c r="M135" s="6">
        <v>14355</v>
      </c>
      <c r="N135" s="6">
        <v>1014</v>
      </c>
      <c r="O135" s="6">
        <v>13693</v>
      </c>
      <c r="P135" s="6">
        <v>20703</v>
      </c>
      <c r="Q135" s="6">
        <v>2762</v>
      </c>
      <c r="R135" s="6">
        <v>21457</v>
      </c>
      <c r="S135" s="6">
        <v>77</v>
      </c>
    </row>
    <row r="136" spans="1:19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55</v>
      </c>
      <c r="F136" s="9" t="s">
        <v>6</v>
      </c>
      <c r="G136" s="6">
        <v>333726</v>
      </c>
      <c r="H136" s="6">
        <v>2593</v>
      </c>
      <c r="I136" s="6">
        <v>77955</v>
      </c>
      <c r="J136" s="6">
        <v>87260</v>
      </c>
      <c r="K136" s="6">
        <v>38905</v>
      </c>
      <c r="L136" s="6">
        <v>63948</v>
      </c>
      <c r="M136" s="6">
        <v>1316</v>
      </c>
      <c r="N136" s="6">
        <v>6012</v>
      </c>
      <c r="O136" s="6">
        <v>28885</v>
      </c>
      <c r="P136" s="6">
        <v>760</v>
      </c>
      <c r="Q136" s="6">
        <v>824</v>
      </c>
      <c r="R136" s="6">
        <v>22412</v>
      </c>
      <c r="S136" s="6">
        <v>2856</v>
      </c>
    </row>
    <row r="137" spans="1:19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122</v>
      </c>
      <c r="F137" s="9" t="s">
        <v>123</v>
      </c>
      <c r="G137" s="6">
        <v>7644</v>
      </c>
      <c r="H137" s="6">
        <v>41</v>
      </c>
      <c r="I137" s="6">
        <v>14</v>
      </c>
      <c r="J137" s="6">
        <v>885</v>
      </c>
      <c r="K137" s="6">
        <v>87</v>
      </c>
      <c r="L137" s="6">
        <v>20</v>
      </c>
      <c r="M137" s="10" t="s">
        <v>55</v>
      </c>
      <c r="N137" s="6">
        <v>5415</v>
      </c>
      <c r="O137" s="6">
        <v>148</v>
      </c>
      <c r="P137" s="6">
        <v>2</v>
      </c>
      <c r="Q137" s="10" t="s">
        <v>55</v>
      </c>
      <c r="R137" s="6">
        <v>1032</v>
      </c>
      <c r="S137" s="10" t="s">
        <v>55</v>
      </c>
    </row>
    <row r="138" spans="1:19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122</v>
      </c>
      <c r="F138" s="9" t="s">
        <v>124</v>
      </c>
      <c r="G138" s="6">
        <v>7344</v>
      </c>
      <c r="H138" s="6">
        <v>37</v>
      </c>
      <c r="I138" s="6">
        <v>10</v>
      </c>
      <c r="J138" s="6">
        <v>661</v>
      </c>
      <c r="K138" s="6">
        <v>83</v>
      </c>
      <c r="L138" s="6">
        <v>20</v>
      </c>
      <c r="M138" s="10" t="s">
        <v>55</v>
      </c>
      <c r="N138" s="6">
        <v>5363</v>
      </c>
      <c r="O138" s="6">
        <v>140</v>
      </c>
      <c r="P138" s="6">
        <v>2</v>
      </c>
      <c r="Q138" s="10" t="s">
        <v>55</v>
      </c>
      <c r="R138" s="6">
        <v>1028</v>
      </c>
      <c r="S138" s="10" t="s">
        <v>55</v>
      </c>
    </row>
    <row r="139" spans="1:19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122</v>
      </c>
      <c r="F139" s="9" t="s">
        <v>125</v>
      </c>
      <c r="G139" s="6">
        <v>328</v>
      </c>
      <c r="H139" s="6">
        <v>7</v>
      </c>
      <c r="I139" s="10" t="s">
        <v>55</v>
      </c>
      <c r="J139" s="6">
        <v>86</v>
      </c>
      <c r="K139" s="6">
        <v>7</v>
      </c>
      <c r="L139" s="6">
        <v>5</v>
      </c>
      <c r="M139" s="10" t="s">
        <v>55</v>
      </c>
      <c r="N139" s="6">
        <v>171</v>
      </c>
      <c r="O139" s="6">
        <v>27</v>
      </c>
      <c r="P139" s="10" t="s">
        <v>55</v>
      </c>
      <c r="Q139" s="10" t="s">
        <v>55</v>
      </c>
      <c r="R139" s="6">
        <v>25</v>
      </c>
      <c r="S139" s="10" t="s">
        <v>55</v>
      </c>
    </row>
    <row r="140" spans="1:19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126</v>
      </c>
      <c r="F140" s="9" t="s">
        <v>127</v>
      </c>
      <c r="G140" s="6">
        <v>54</v>
      </c>
      <c r="H140" s="6">
        <v>3</v>
      </c>
      <c r="I140" s="10" t="s">
        <v>55</v>
      </c>
      <c r="J140" s="6">
        <v>40</v>
      </c>
      <c r="K140" s="10" t="s">
        <v>55</v>
      </c>
      <c r="L140" s="6">
        <v>1</v>
      </c>
      <c r="M140" s="10" t="s">
        <v>55</v>
      </c>
      <c r="N140" s="10" t="s">
        <v>55</v>
      </c>
      <c r="O140" s="6">
        <v>3</v>
      </c>
      <c r="P140" s="6">
        <v>2</v>
      </c>
      <c r="Q140" s="10" t="s">
        <v>55</v>
      </c>
      <c r="R140" s="6">
        <v>5</v>
      </c>
      <c r="S140" s="10" t="s">
        <v>55</v>
      </c>
    </row>
    <row r="141" spans="1:19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126</v>
      </c>
      <c r="F141" s="9" t="s">
        <v>128</v>
      </c>
      <c r="G141" s="6">
        <v>9799</v>
      </c>
      <c r="H141" s="6">
        <v>359</v>
      </c>
      <c r="I141" s="6">
        <v>282</v>
      </c>
      <c r="J141" s="6">
        <v>7627</v>
      </c>
      <c r="K141" s="6">
        <v>264</v>
      </c>
      <c r="L141" s="6">
        <v>38</v>
      </c>
      <c r="M141" s="6">
        <v>2</v>
      </c>
      <c r="N141" s="6">
        <v>16</v>
      </c>
      <c r="O141" s="6">
        <v>345</v>
      </c>
      <c r="P141" s="6">
        <v>34</v>
      </c>
      <c r="Q141" s="6">
        <v>694</v>
      </c>
      <c r="R141" s="6">
        <v>138</v>
      </c>
      <c r="S141" s="10" t="s">
        <v>55</v>
      </c>
    </row>
    <row r="142" spans="1:19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126</v>
      </c>
      <c r="F142" s="9" t="s">
        <v>129</v>
      </c>
      <c r="G142" s="6">
        <v>32970</v>
      </c>
      <c r="H142" s="6">
        <v>219</v>
      </c>
      <c r="I142" s="6">
        <v>808</v>
      </c>
      <c r="J142" s="6">
        <v>7543</v>
      </c>
      <c r="K142" s="6">
        <v>492</v>
      </c>
      <c r="L142" s="6">
        <v>52</v>
      </c>
      <c r="M142" s="6">
        <v>3</v>
      </c>
      <c r="N142" s="6">
        <v>34</v>
      </c>
      <c r="O142" s="6">
        <v>21298</v>
      </c>
      <c r="P142" s="6">
        <v>30</v>
      </c>
      <c r="Q142" s="6">
        <v>17</v>
      </c>
      <c r="R142" s="6">
        <v>2474</v>
      </c>
      <c r="S142" s="10" t="s">
        <v>55</v>
      </c>
    </row>
    <row r="143" spans="1:19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130</v>
      </c>
      <c r="F143" s="9" t="s">
        <v>131</v>
      </c>
      <c r="G143" s="6">
        <v>512</v>
      </c>
      <c r="H143" s="6">
        <v>3</v>
      </c>
      <c r="I143" s="6">
        <v>30</v>
      </c>
      <c r="J143" s="6">
        <v>410</v>
      </c>
      <c r="K143" s="6">
        <v>40</v>
      </c>
      <c r="L143" s="10" t="s">
        <v>55</v>
      </c>
      <c r="M143" s="10" t="s">
        <v>55</v>
      </c>
      <c r="N143" s="10" t="s">
        <v>55</v>
      </c>
      <c r="O143" s="6">
        <v>5</v>
      </c>
      <c r="P143" s="6">
        <v>8</v>
      </c>
      <c r="Q143" s="6">
        <v>10</v>
      </c>
      <c r="R143" s="6">
        <v>6</v>
      </c>
      <c r="S143" s="10" t="s">
        <v>55</v>
      </c>
    </row>
    <row r="144" spans="1:19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130</v>
      </c>
      <c r="F144" s="9" t="s">
        <v>132</v>
      </c>
      <c r="G144" s="6">
        <v>2920</v>
      </c>
      <c r="H144" s="6">
        <v>28</v>
      </c>
      <c r="I144" s="6">
        <v>1162</v>
      </c>
      <c r="J144" s="6">
        <v>1378</v>
      </c>
      <c r="K144" s="6">
        <v>228</v>
      </c>
      <c r="L144" s="6">
        <v>14</v>
      </c>
      <c r="M144" s="10" t="s">
        <v>55</v>
      </c>
      <c r="N144" s="10" t="s">
        <v>55</v>
      </c>
      <c r="O144" s="6">
        <v>78</v>
      </c>
      <c r="P144" s="10" t="s">
        <v>55</v>
      </c>
      <c r="Q144" s="6">
        <v>2</v>
      </c>
      <c r="R144" s="6">
        <v>29</v>
      </c>
      <c r="S144" s="6">
        <v>1</v>
      </c>
    </row>
    <row r="145" spans="1:19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130</v>
      </c>
      <c r="F145" s="9" t="s">
        <v>133</v>
      </c>
      <c r="G145" s="6">
        <v>5124</v>
      </c>
      <c r="H145" s="6">
        <v>90</v>
      </c>
      <c r="I145" s="6">
        <v>14</v>
      </c>
      <c r="J145" s="6">
        <v>2794</v>
      </c>
      <c r="K145" s="6">
        <v>67</v>
      </c>
      <c r="L145" s="6">
        <v>109</v>
      </c>
      <c r="M145" s="6">
        <v>4</v>
      </c>
      <c r="N145" s="10" t="s">
        <v>55</v>
      </c>
      <c r="O145" s="6">
        <v>63</v>
      </c>
      <c r="P145" s="6">
        <v>446</v>
      </c>
      <c r="Q145" s="6">
        <v>7</v>
      </c>
      <c r="R145" s="6">
        <v>1527</v>
      </c>
      <c r="S145" s="6">
        <v>3</v>
      </c>
    </row>
    <row r="146" spans="1:19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130</v>
      </c>
      <c r="F146" s="9" t="s">
        <v>134</v>
      </c>
      <c r="G146" s="6">
        <v>58492</v>
      </c>
      <c r="H146" s="6">
        <v>473</v>
      </c>
      <c r="I146" s="6">
        <v>1574</v>
      </c>
      <c r="J146" s="6">
        <v>14076</v>
      </c>
      <c r="K146" s="6">
        <v>30461</v>
      </c>
      <c r="L146" s="6">
        <v>474</v>
      </c>
      <c r="M146" s="6">
        <v>2</v>
      </c>
      <c r="N146" s="6">
        <v>109</v>
      </c>
      <c r="O146" s="6">
        <v>4999</v>
      </c>
      <c r="P146" s="6">
        <v>29</v>
      </c>
      <c r="Q146" s="6">
        <v>22</v>
      </c>
      <c r="R146" s="6">
        <v>6273</v>
      </c>
      <c r="S146" s="10" t="s">
        <v>55</v>
      </c>
    </row>
    <row r="147" spans="1:19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130</v>
      </c>
      <c r="F147" s="9" t="s">
        <v>135</v>
      </c>
      <c r="G147" s="6">
        <v>8641</v>
      </c>
      <c r="H147" s="6">
        <v>41</v>
      </c>
      <c r="I147" s="6">
        <v>48</v>
      </c>
      <c r="J147" s="6">
        <v>4794</v>
      </c>
      <c r="K147" s="6">
        <v>3700</v>
      </c>
      <c r="L147" s="6">
        <v>38</v>
      </c>
      <c r="M147" s="10" t="s">
        <v>55</v>
      </c>
      <c r="N147" s="10" t="s">
        <v>55</v>
      </c>
      <c r="O147" s="6">
        <v>4</v>
      </c>
      <c r="P147" s="10" t="s">
        <v>55</v>
      </c>
      <c r="Q147" s="10" t="s">
        <v>55</v>
      </c>
      <c r="R147" s="6">
        <v>16</v>
      </c>
      <c r="S147" s="10" t="s">
        <v>55</v>
      </c>
    </row>
    <row r="148" spans="1:19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130</v>
      </c>
      <c r="F148" s="9" t="s">
        <v>136</v>
      </c>
      <c r="G148" s="6">
        <v>4496</v>
      </c>
      <c r="H148" s="6">
        <v>266</v>
      </c>
      <c r="I148" s="6">
        <v>81</v>
      </c>
      <c r="J148" s="6">
        <v>2196</v>
      </c>
      <c r="K148" s="6">
        <v>783</v>
      </c>
      <c r="L148" s="6">
        <v>871</v>
      </c>
      <c r="M148" s="10" t="s">
        <v>55</v>
      </c>
      <c r="N148" s="6">
        <v>3</v>
      </c>
      <c r="O148" s="6">
        <v>37</v>
      </c>
      <c r="P148" s="6">
        <v>10</v>
      </c>
      <c r="Q148" s="6">
        <v>4</v>
      </c>
      <c r="R148" s="6">
        <v>245</v>
      </c>
      <c r="S148" s="10" t="s">
        <v>55</v>
      </c>
    </row>
    <row r="149" spans="1:19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130</v>
      </c>
      <c r="F149" s="9" t="s">
        <v>137</v>
      </c>
      <c r="G149" s="6">
        <v>6188</v>
      </c>
      <c r="H149" s="6">
        <v>59</v>
      </c>
      <c r="I149" s="6">
        <v>1070</v>
      </c>
      <c r="J149" s="6">
        <v>3892</v>
      </c>
      <c r="K149" s="6">
        <v>121</v>
      </c>
      <c r="L149" s="6">
        <v>377</v>
      </c>
      <c r="M149" s="10" t="s">
        <v>55</v>
      </c>
      <c r="N149" s="6">
        <v>115</v>
      </c>
      <c r="O149" s="6">
        <v>424</v>
      </c>
      <c r="P149" s="6">
        <v>5</v>
      </c>
      <c r="Q149" s="6">
        <v>40</v>
      </c>
      <c r="R149" s="6">
        <v>84</v>
      </c>
      <c r="S149" s="6">
        <v>1</v>
      </c>
    </row>
    <row r="150" spans="1:19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130</v>
      </c>
      <c r="F150" s="9" t="s">
        <v>138</v>
      </c>
      <c r="G150" s="6">
        <v>22618</v>
      </c>
      <c r="H150" s="6">
        <v>154</v>
      </c>
      <c r="I150" s="6">
        <v>361</v>
      </c>
      <c r="J150" s="6">
        <v>892</v>
      </c>
      <c r="K150" s="6">
        <v>1071</v>
      </c>
      <c r="L150" s="6">
        <v>17870</v>
      </c>
      <c r="M150" s="6">
        <v>1</v>
      </c>
      <c r="N150" s="6">
        <v>8</v>
      </c>
      <c r="O150" s="6">
        <v>224</v>
      </c>
      <c r="P150" s="6">
        <v>4</v>
      </c>
      <c r="Q150" s="10" t="s">
        <v>55</v>
      </c>
      <c r="R150" s="6">
        <v>2033</v>
      </c>
      <c r="S150" s="10" t="s">
        <v>55</v>
      </c>
    </row>
    <row r="151" spans="1:19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130</v>
      </c>
      <c r="F151" s="9" t="s">
        <v>139</v>
      </c>
      <c r="G151" s="6">
        <v>12183</v>
      </c>
      <c r="H151" s="6">
        <v>67</v>
      </c>
      <c r="I151" s="6">
        <v>381</v>
      </c>
      <c r="J151" s="6">
        <v>1696</v>
      </c>
      <c r="K151" s="6">
        <v>907</v>
      </c>
      <c r="L151" s="6">
        <v>7394</v>
      </c>
      <c r="M151" s="6">
        <v>25</v>
      </c>
      <c r="N151" s="6">
        <v>41</v>
      </c>
      <c r="O151" s="6">
        <v>227</v>
      </c>
      <c r="P151" s="6">
        <v>49</v>
      </c>
      <c r="Q151" s="10" t="s">
        <v>55</v>
      </c>
      <c r="R151" s="6">
        <v>1396</v>
      </c>
      <c r="S151" s="10" t="s">
        <v>55</v>
      </c>
    </row>
    <row r="152" spans="1:19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130</v>
      </c>
      <c r="F152" s="9" t="s">
        <v>140</v>
      </c>
      <c r="G152" s="6">
        <v>20994</v>
      </c>
      <c r="H152" s="6">
        <v>55</v>
      </c>
      <c r="I152" s="6">
        <v>14337</v>
      </c>
      <c r="J152" s="6">
        <v>4028</v>
      </c>
      <c r="K152" s="6">
        <v>53</v>
      </c>
      <c r="L152" s="6">
        <v>2096</v>
      </c>
      <c r="M152" s="6">
        <v>16</v>
      </c>
      <c r="N152" s="6">
        <v>35</v>
      </c>
      <c r="O152" s="6">
        <v>42</v>
      </c>
      <c r="P152" s="6">
        <v>14</v>
      </c>
      <c r="Q152" s="10" t="s">
        <v>55</v>
      </c>
      <c r="R152" s="6">
        <v>310</v>
      </c>
      <c r="S152" s="6">
        <v>8</v>
      </c>
    </row>
    <row r="153" spans="1:19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130</v>
      </c>
      <c r="F153" s="9" t="s">
        <v>141</v>
      </c>
      <c r="G153" s="6">
        <v>105148</v>
      </c>
      <c r="H153" s="6">
        <v>407</v>
      </c>
      <c r="I153" s="6">
        <v>55586</v>
      </c>
      <c r="J153" s="6">
        <v>12965</v>
      </c>
      <c r="K153" s="6">
        <v>98</v>
      </c>
      <c r="L153" s="6">
        <v>33751</v>
      </c>
      <c r="M153" s="6">
        <v>64</v>
      </c>
      <c r="N153" s="6">
        <v>26</v>
      </c>
      <c r="O153" s="6">
        <v>540</v>
      </c>
      <c r="P153" s="6">
        <v>84</v>
      </c>
      <c r="Q153" s="6">
        <v>2</v>
      </c>
      <c r="R153" s="6">
        <v>1610</v>
      </c>
      <c r="S153" s="6">
        <v>15</v>
      </c>
    </row>
    <row r="154" spans="1:19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130</v>
      </c>
      <c r="F154" s="9" t="s">
        <v>142</v>
      </c>
      <c r="G154" s="6">
        <v>3812</v>
      </c>
      <c r="H154" s="6">
        <v>29</v>
      </c>
      <c r="I154" s="6">
        <v>56</v>
      </c>
      <c r="J154" s="6">
        <v>3161</v>
      </c>
      <c r="K154" s="6">
        <v>242</v>
      </c>
      <c r="L154" s="6">
        <v>22</v>
      </c>
      <c r="M154" s="10" t="s">
        <v>55</v>
      </c>
      <c r="N154" s="6">
        <v>13</v>
      </c>
      <c r="O154" s="6">
        <v>17</v>
      </c>
      <c r="P154" s="6">
        <v>5</v>
      </c>
      <c r="Q154" s="10" t="s">
        <v>55</v>
      </c>
      <c r="R154" s="6">
        <v>267</v>
      </c>
      <c r="S154" s="10" t="s">
        <v>55</v>
      </c>
    </row>
    <row r="155" spans="1:19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130</v>
      </c>
      <c r="F155" s="9" t="s">
        <v>143</v>
      </c>
      <c r="G155" s="6">
        <v>17269</v>
      </c>
      <c r="H155" s="6">
        <v>188</v>
      </c>
      <c r="I155" s="6">
        <v>662</v>
      </c>
      <c r="J155" s="6">
        <v>9953</v>
      </c>
      <c r="K155" s="6">
        <v>263</v>
      </c>
      <c r="L155" s="6">
        <v>790</v>
      </c>
      <c r="M155" s="6">
        <v>167</v>
      </c>
      <c r="N155" s="6">
        <v>16</v>
      </c>
      <c r="O155" s="6">
        <v>366</v>
      </c>
      <c r="P155" s="6">
        <v>31</v>
      </c>
      <c r="Q155" s="6">
        <v>16</v>
      </c>
      <c r="R155" s="6">
        <v>4768</v>
      </c>
      <c r="S155" s="6">
        <v>49</v>
      </c>
    </row>
    <row r="156" spans="1:19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130</v>
      </c>
      <c r="F156" s="9" t="s">
        <v>144</v>
      </c>
      <c r="G156" s="6">
        <v>11174</v>
      </c>
      <c r="H156" s="6">
        <v>101</v>
      </c>
      <c r="I156" s="6">
        <v>1476</v>
      </c>
      <c r="J156" s="6">
        <v>8385</v>
      </c>
      <c r="K156" s="10" t="s">
        <v>55</v>
      </c>
      <c r="L156" s="6">
        <v>10</v>
      </c>
      <c r="M156" s="6">
        <v>1032</v>
      </c>
      <c r="N156" s="6">
        <v>10</v>
      </c>
      <c r="O156" s="6">
        <v>17</v>
      </c>
      <c r="P156" s="6">
        <v>5</v>
      </c>
      <c r="Q156" s="6">
        <v>9</v>
      </c>
      <c r="R156" s="6">
        <v>129</v>
      </c>
      <c r="S156" s="10" t="s">
        <v>55</v>
      </c>
    </row>
    <row r="157" spans="1:19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55</v>
      </c>
      <c r="F157" s="9" t="s">
        <v>145</v>
      </c>
      <c r="G157" s="6">
        <v>3360</v>
      </c>
      <c r="H157" s="6">
        <v>3</v>
      </c>
      <c r="I157" s="6">
        <v>13</v>
      </c>
      <c r="J157" s="6">
        <v>459</v>
      </c>
      <c r="K157" s="6">
        <v>21</v>
      </c>
      <c r="L157" s="6">
        <v>16</v>
      </c>
      <c r="M157" s="10" t="s">
        <v>55</v>
      </c>
      <c r="N157" s="10" t="s">
        <v>55</v>
      </c>
      <c r="O157" s="6">
        <v>21</v>
      </c>
      <c r="P157" s="6">
        <v>2</v>
      </c>
      <c r="Q157" s="6">
        <v>1</v>
      </c>
      <c r="R157" s="6">
        <v>45</v>
      </c>
      <c r="S157" s="6">
        <v>2779</v>
      </c>
    </row>
    <row r="158" spans="1:19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55</v>
      </c>
      <c r="F158" s="9" t="s">
        <v>146</v>
      </c>
      <c r="G158" s="6">
        <v>7972</v>
      </c>
      <c r="H158" s="6">
        <v>48</v>
      </c>
      <c r="I158" s="6">
        <v>14</v>
      </c>
      <c r="J158" s="6">
        <v>971</v>
      </c>
      <c r="K158" s="6">
        <v>94</v>
      </c>
      <c r="L158" s="6">
        <v>25</v>
      </c>
      <c r="M158" s="10" t="s">
        <v>55</v>
      </c>
      <c r="N158" s="6">
        <v>5586</v>
      </c>
      <c r="O158" s="6">
        <v>175</v>
      </c>
      <c r="P158" s="6">
        <v>2</v>
      </c>
      <c r="Q158" s="10" t="s">
        <v>55</v>
      </c>
      <c r="R158" s="6">
        <v>1057</v>
      </c>
      <c r="S158" s="10" t="s">
        <v>55</v>
      </c>
    </row>
    <row r="159" spans="1:19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55</v>
      </c>
      <c r="F159" s="9" t="s">
        <v>147</v>
      </c>
      <c r="G159" s="6">
        <v>42823</v>
      </c>
      <c r="H159" s="6">
        <v>581</v>
      </c>
      <c r="I159" s="6">
        <v>1090</v>
      </c>
      <c r="J159" s="6">
        <v>15210</v>
      </c>
      <c r="K159" s="6">
        <v>756</v>
      </c>
      <c r="L159" s="6">
        <v>91</v>
      </c>
      <c r="M159" s="6">
        <v>5</v>
      </c>
      <c r="N159" s="6">
        <v>50</v>
      </c>
      <c r="O159" s="6">
        <v>21646</v>
      </c>
      <c r="P159" s="6">
        <v>66</v>
      </c>
      <c r="Q159" s="6">
        <v>711</v>
      </c>
      <c r="R159" s="6">
        <v>2617</v>
      </c>
      <c r="S159" s="10" t="s">
        <v>55</v>
      </c>
    </row>
    <row r="160" spans="1:19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55</v>
      </c>
      <c r="F160" s="9" t="s">
        <v>148</v>
      </c>
      <c r="G160" s="6">
        <v>279571</v>
      </c>
      <c r="H160" s="6">
        <v>1961</v>
      </c>
      <c r="I160" s="6">
        <v>76838</v>
      </c>
      <c r="J160" s="6">
        <v>70620</v>
      </c>
      <c r="K160" s="6">
        <v>38034</v>
      </c>
      <c r="L160" s="6">
        <v>63816</v>
      </c>
      <c r="M160" s="6">
        <v>1311</v>
      </c>
      <c r="N160" s="6">
        <v>376</v>
      </c>
      <c r="O160" s="6">
        <v>7043</v>
      </c>
      <c r="P160" s="6">
        <v>690</v>
      </c>
      <c r="Q160" s="6">
        <v>112</v>
      </c>
      <c r="R160" s="6">
        <v>18693</v>
      </c>
      <c r="S160" s="6">
        <v>77</v>
      </c>
    </row>
    <row r="161" spans="1:19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55</v>
      </c>
      <c r="F161" s="9" t="s">
        <v>6</v>
      </c>
      <c r="G161" s="6">
        <v>46011</v>
      </c>
      <c r="H161" s="6">
        <v>1021</v>
      </c>
      <c r="I161" s="6">
        <v>7830</v>
      </c>
      <c r="J161" s="6">
        <v>8724</v>
      </c>
      <c r="K161" s="6">
        <v>4561</v>
      </c>
      <c r="L161" s="6">
        <v>5821</v>
      </c>
      <c r="M161" s="6">
        <v>722</v>
      </c>
      <c r="N161" s="6">
        <v>2066</v>
      </c>
      <c r="O161" s="6">
        <v>6805</v>
      </c>
      <c r="P161" s="6">
        <v>2138</v>
      </c>
      <c r="Q161" s="6">
        <v>2136</v>
      </c>
      <c r="R161" s="6">
        <v>4053</v>
      </c>
      <c r="S161" s="6">
        <v>134</v>
      </c>
    </row>
    <row r="162" spans="1:19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122</v>
      </c>
      <c r="F162" s="9" t="s">
        <v>123</v>
      </c>
      <c r="G162" s="6">
        <v>2376</v>
      </c>
      <c r="H162" s="6">
        <v>24</v>
      </c>
      <c r="I162" s="6">
        <v>2</v>
      </c>
      <c r="J162" s="6">
        <v>104</v>
      </c>
      <c r="K162" s="6">
        <v>6</v>
      </c>
      <c r="L162" s="6">
        <v>1</v>
      </c>
      <c r="M162" s="10" t="s">
        <v>55</v>
      </c>
      <c r="N162" s="6">
        <v>1966</v>
      </c>
      <c r="O162" s="6">
        <v>33</v>
      </c>
      <c r="P162" s="6">
        <v>4</v>
      </c>
      <c r="Q162" s="6">
        <v>3</v>
      </c>
      <c r="R162" s="6">
        <v>233</v>
      </c>
      <c r="S162" s="10" t="s">
        <v>55</v>
      </c>
    </row>
    <row r="163" spans="1:19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122</v>
      </c>
      <c r="F163" s="9" t="s">
        <v>124</v>
      </c>
      <c r="G163" s="6">
        <v>2245</v>
      </c>
      <c r="H163" s="6">
        <v>16</v>
      </c>
      <c r="I163" s="10" t="s">
        <v>55</v>
      </c>
      <c r="J163" s="6">
        <v>74</v>
      </c>
      <c r="K163" s="6">
        <v>5</v>
      </c>
      <c r="L163" s="6">
        <v>1</v>
      </c>
      <c r="M163" s="10" t="s">
        <v>55</v>
      </c>
      <c r="N163" s="6">
        <v>1888</v>
      </c>
      <c r="O163" s="6">
        <v>28</v>
      </c>
      <c r="P163" s="6">
        <v>2</v>
      </c>
      <c r="Q163" s="6">
        <v>2</v>
      </c>
      <c r="R163" s="6">
        <v>229</v>
      </c>
      <c r="S163" s="10" t="s">
        <v>55</v>
      </c>
    </row>
    <row r="164" spans="1:19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122</v>
      </c>
      <c r="F164" s="9" t="s">
        <v>125</v>
      </c>
      <c r="G164" s="6">
        <v>11</v>
      </c>
      <c r="H164" s="10" t="s">
        <v>55</v>
      </c>
      <c r="I164" s="10" t="s">
        <v>55</v>
      </c>
      <c r="J164" s="6">
        <v>2</v>
      </c>
      <c r="K164" s="6">
        <v>1</v>
      </c>
      <c r="L164" s="10" t="s">
        <v>55</v>
      </c>
      <c r="M164" s="10" t="s">
        <v>55</v>
      </c>
      <c r="N164" s="6">
        <v>8</v>
      </c>
      <c r="O164" s="10" t="s">
        <v>55</v>
      </c>
      <c r="P164" s="10" t="s">
        <v>55</v>
      </c>
      <c r="Q164" s="10" t="s">
        <v>55</v>
      </c>
      <c r="R164" s="10" t="s">
        <v>55</v>
      </c>
      <c r="S164" s="10" t="s">
        <v>55</v>
      </c>
    </row>
    <row r="165" spans="1:19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126</v>
      </c>
      <c r="F165" s="9" t="s">
        <v>127</v>
      </c>
      <c r="G165" s="6">
        <v>34</v>
      </c>
      <c r="H165" s="10" t="s">
        <v>55</v>
      </c>
      <c r="I165" s="10" t="s">
        <v>55</v>
      </c>
      <c r="J165" s="6">
        <v>9</v>
      </c>
      <c r="K165" s="6">
        <v>3</v>
      </c>
      <c r="L165" s="10" t="s">
        <v>55</v>
      </c>
      <c r="M165" s="10" t="s">
        <v>55</v>
      </c>
      <c r="N165" s="10" t="s">
        <v>55</v>
      </c>
      <c r="O165" s="6">
        <v>3</v>
      </c>
      <c r="P165" s="6">
        <v>15</v>
      </c>
      <c r="Q165" s="6">
        <v>2</v>
      </c>
      <c r="R165" s="6">
        <v>2</v>
      </c>
      <c r="S165" s="10" t="s">
        <v>55</v>
      </c>
    </row>
    <row r="166" spans="1:19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126</v>
      </c>
      <c r="F166" s="9" t="s">
        <v>128</v>
      </c>
      <c r="G166" s="6">
        <v>3625</v>
      </c>
      <c r="H166" s="6">
        <v>192</v>
      </c>
      <c r="I166" s="6">
        <v>223</v>
      </c>
      <c r="J166" s="6">
        <v>661</v>
      </c>
      <c r="K166" s="6">
        <v>96</v>
      </c>
      <c r="L166" s="6">
        <v>2</v>
      </c>
      <c r="M166" s="6">
        <v>2</v>
      </c>
      <c r="N166" s="6">
        <v>22</v>
      </c>
      <c r="O166" s="6">
        <v>302</v>
      </c>
      <c r="P166" s="6">
        <v>185</v>
      </c>
      <c r="Q166" s="6">
        <v>1887</v>
      </c>
      <c r="R166" s="6">
        <v>53</v>
      </c>
      <c r="S166" s="10" t="s">
        <v>55</v>
      </c>
    </row>
    <row r="167" spans="1:19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126</v>
      </c>
      <c r="F167" s="9" t="s">
        <v>129</v>
      </c>
      <c r="G167" s="6">
        <v>7184</v>
      </c>
      <c r="H167" s="6">
        <v>135</v>
      </c>
      <c r="I167" s="6">
        <v>268</v>
      </c>
      <c r="J167" s="6">
        <v>994</v>
      </c>
      <c r="K167" s="6">
        <v>135</v>
      </c>
      <c r="L167" s="6">
        <v>5</v>
      </c>
      <c r="M167" s="6">
        <v>17</v>
      </c>
      <c r="N167" s="6">
        <v>7</v>
      </c>
      <c r="O167" s="6">
        <v>4933</v>
      </c>
      <c r="P167" s="6">
        <v>206</v>
      </c>
      <c r="Q167" s="6">
        <v>44</v>
      </c>
      <c r="R167" s="6">
        <v>440</v>
      </c>
      <c r="S167" s="10" t="s">
        <v>55</v>
      </c>
    </row>
    <row r="168" spans="1:19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130</v>
      </c>
      <c r="F168" s="9" t="s">
        <v>131</v>
      </c>
      <c r="G168" s="6">
        <v>191</v>
      </c>
      <c r="H168" s="6">
        <v>4</v>
      </c>
      <c r="I168" s="6">
        <v>28</v>
      </c>
      <c r="J168" s="6">
        <v>73</v>
      </c>
      <c r="K168" s="6">
        <v>6</v>
      </c>
      <c r="L168" s="6">
        <v>1</v>
      </c>
      <c r="M168" s="10" t="s">
        <v>55</v>
      </c>
      <c r="N168" s="10" t="s">
        <v>55</v>
      </c>
      <c r="O168" s="6">
        <v>14</v>
      </c>
      <c r="P168" s="6">
        <v>34</v>
      </c>
      <c r="Q168" s="6">
        <v>28</v>
      </c>
      <c r="R168" s="6">
        <v>3</v>
      </c>
      <c r="S168" s="10" t="s">
        <v>55</v>
      </c>
    </row>
    <row r="169" spans="1:19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130</v>
      </c>
      <c r="F169" s="9" t="s">
        <v>132</v>
      </c>
      <c r="G169" s="6">
        <v>184</v>
      </c>
      <c r="H169" s="6">
        <v>6</v>
      </c>
      <c r="I169" s="6">
        <v>93</v>
      </c>
      <c r="J169" s="6">
        <v>51</v>
      </c>
      <c r="K169" s="6">
        <v>17</v>
      </c>
      <c r="L169" s="6">
        <v>1</v>
      </c>
      <c r="M169" s="10" t="s">
        <v>55</v>
      </c>
      <c r="N169" s="10" t="s">
        <v>55</v>
      </c>
      <c r="O169" s="6">
        <v>5</v>
      </c>
      <c r="P169" s="6">
        <v>2</v>
      </c>
      <c r="Q169" s="6">
        <v>7</v>
      </c>
      <c r="R169" s="6">
        <v>2</v>
      </c>
      <c r="S169" s="10" t="s">
        <v>55</v>
      </c>
    </row>
    <row r="170" spans="1:19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130</v>
      </c>
      <c r="F170" s="9" t="s">
        <v>133</v>
      </c>
      <c r="G170" s="6">
        <v>2853</v>
      </c>
      <c r="H170" s="6">
        <v>55</v>
      </c>
      <c r="I170" s="6">
        <v>15</v>
      </c>
      <c r="J170" s="6">
        <v>577</v>
      </c>
      <c r="K170" s="6">
        <v>20</v>
      </c>
      <c r="L170" s="6">
        <v>12</v>
      </c>
      <c r="M170" s="6">
        <v>23</v>
      </c>
      <c r="N170" s="6">
        <v>2</v>
      </c>
      <c r="O170" s="6">
        <v>54</v>
      </c>
      <c r="P170" s="6">
        <v>1363</v>
      </c>
      <c r="Q170" s="6">
        <v>33</v>
      </c>
      <c r="R170" s="6">
        <v>698</v>
      </c>
      <c r="S170" s="6">
        <v>1</v>
      </c>
    </row>
    <row r="171" spans="1:19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130</v>
      </c>
      <c r="F171" s="9" t="s">
        <v>134</v>
      </c>
      <c r="G171" s="6">
        <v>7886</v>
      </c>
      <c r="H171" s="6">
        <v>219</v>
      </c>
      <c r="I171" s="6">
        <v>178</v>
      </c>
      <c r="J171" s="6">
        <v>1538</v>
      </c>
      <c r="K171" s="6">
        <v>3552</v>
      </c>
      <c r="L171" s="6">
        <v>61</v>
      </c>
      <c r="M171" s="6">
        <v>8</v>
      </c>
      <c r="N171" s="6">
        <v>25</v>
      </c>
      <c r="O171" s="6">
        <v>961</v>
      </c>
      <c r="P171" s="6">
        <v>69</v>
      </c>
      <c r="Q171" s="6">
        <v>56</v>
      </c>
      <c r="R171" s="6">
        <v>1219</v>
      </c>
      <c r="S171" s="10" t="s">
        <v>55</v>
      </c>
    </row>
    <row r="172" spans="1:19">
      <c r="A172" s="9" t="s">
        <v>56</v>
      </c>
      <c r="B172" s="9" t="s">
        <v>57</v>
      </c>
      <c r="C172" s="9" t="s">
        <v>59</v>
      </c>
      <c r="D172" s="9" t="s">
        <v>6</v>
      </c>
      <c r="E172" s="9" t="s">
        <v>130</v>
      </c>
      <c r="F172" s="9" t="s">
        <v>135</v>
      </c>
      <c r="G172" s="6">
        <v>791</v>
      </c>
      <c r="H172" s="6">
        <v>13</v>
      </c>
      <c r="I172" s="6">
        <v>3</v>
      </c>
      <c r="J172" s="6">
        <v>423</v>
      </c>
      <c r="K172" s="6">
        <v>348</v>
      </c>
      <c r="L172" s="6">
        <v>4</v>
      </c>
      <c r="M172" s="10" t="s">
        <v>55</v>
      </c>
      <c r="N172" s="10" t="s">
        <v>55</v>
      </c>
      <c r="O172" s="10" t="s">
        <v>55</v>
      </c>
      <c r="P172" s="10" t="s">
        <v>55</v>
      </c>
      <c r="Q172" s="10" t="s">
        <v>55</v>
      </c>
      <c r="R172" s="10" t="s">
        <v>55</v>
      </c>
      <c r="S172" s="10" t="s">
        <v>55</v>
      </c>
    </row>
    <row r="173" spans="1:19">
      <c r="A173" s="9" t="s">
        <v>56</v>
      </c>
      <c r="B173" s="9" t="s">
        <v>57</v>
      </c>
      <c r="C173" s="9" t="s">
        <v>59</v>
      </c>
      <c r="D173" s="9" t="s">
        <v>6</v>
      </c>
      <c r="E173" s="9" t="s">
        <v>130</v>
      </c>
      <c r="F173" s="9" t="s">
        <v>136</v>
      </c>
      <c r="G173" s="6">
        <v>462</v>
      </c>
      <c r="H173" s="6">
        <v>36</v>
      </c>
      <c r="I173" s="6">
        <v>7</v>
      </c>
      <c r="J173" s="6">
        <v>156</v>
      </c>
      <c r="K173" s="6">
        <v>109</v>
      </c>
      <c r="L173" s="6">
        <v>74</v>
      </c>
      <c r="M173" s="6">
        <v>1</v>
      </c>
      <c r="N173" s="10" t="s">
        <v>55</v>
      </c>
      <c r="O173" s="6">
        <v>29</v>
      </c>
      <c r="P173" s="6">
        <v>23</v>
      </c>
      <c r="Q173" s="6">
        <v>5</v>
      </c>
      <c r="R173" s="6">
        <v>22</v>
      </c>
      <c r="S173" s="10" t="s">
        <v>55</v>
      </c>
    </row>
    <row r="174" spans="1:19">
      <c r="A174" s="9" t="s">
        <v>56</v>
      </c>
      <c r="B174" s="9" t="s">
        <v>57</v>
      </c>
      <c r="C174" s="9" t="s">
        <v>59</v>
      </c>
      <c r="D174" s="9" t="s">
        <v>6</v>
      </c>
      <c r="E174" s="9" t="s">
        <v>130</v>
      </c>
      <c r="F174" s="9" t="s">
        <v>137</v>
      </c>
      <c r="G174" s="6">
        <v>729</v>
      </c>
      <c r="H174" s="6">
        <v>21</v>
      </c>
      <c r="I174" s="6">
        <v>226</v>
      </c>
      <c r="J174" s="6">
        <v>319</v>
      </c>
      <c r="K174" s="6">
        <v>14</v>
      </c>
      <c r="L174" s="6">
        <v>20</v>
      </c>
      <c r="M174" s="6">
        <v>2</v>
      </c>
      <c r="N174" s="6">
        <v>10</v>
      </c>
      <c r="O174" s="6">
        <v>67</v>
      </c>
      <c r="P174" s="6">
        <v>6</v>
      </c>
      <c r="Q174" s="6">
        <v>34</v>
      </c>
      <c r="R174" s="6">
        <v>10</v>
      </c>
      <c r="S174" s="10" t="s">
        <v>55</v>
      </c>
    </row>
    <row r="175" spans="1:19">
      <c r="A175" s="9" t="s">
        <v>56</v>
      </c>
      <c r="B175" s="9" t="s">
        <v>57</v>
      </c>
      <c r="C175" s="9" t="s">
        <v>59</v>
      </c>
      <c r="D175" s="9" t="s">
        <v>6</v>
      </c>
      <c r="E175" s="9" t="s">
        <v>130</v>
      </c>
      <c r="F175" s="9" t="s">
        <v>138</v>
      </c>
      <c r="G175" s="6">
        <v>1638</v>
      </c>
      <c r="H175" s="6">
        <v>22</v>
      </c>
      <c r="I175" s="6">
        <v>17</v>
      </c>
      <c r="J175" s="6">
        <v>59</v>
      </c>
      <c r="K175" s="6">
        <v>59</v>
      </c>
      <c r="L175" s="6">
        <v>1290</v>
      </c>
      <c r="M175" s="6">
        <v>1</v>
      </c>
      <c r="N175" s="6">
        <v>1</v>
      </c>
      <c r="O175" s="6">
        <v>13</v>
      </c>
      <c r="P175" s="6">
        <v>5</v>
      </c>
      <c r="Q175" s="10" t="s">
        <v>55</v>
      </c>
      <c r="R175" s="6">
        <v>171</v>
      </c>
      <c r="S175" s="10" t="s">
        <v>55</v>
      </c>
    </row>
    <row r="176" spans="1:19">
      <c r="A176" s="9" t="s">
        <v>56</v>
      </c>
      <c r="B176" s="9" t="s">
        <v>57</v>
      </c>
      <c r="C176" s="9" t="s">
        <v>59</v>
      </c>
      <c r="D176" s="9" t="s">
        <v>6</v>
      </c>
      <c r="E176" s="9" t="s">
        <v>130</v>
      </c>
      <c r="F176" s="9" t="s">
        <v>139</v>
      </c>
      <c r="G176" s="6">
        <v>1275</v>
      </c>
      <c r="H176" s="6">
        <v>19</v>
      </c>
      <c r="I176" s="6">
        <v>40</v>
      </c>
      <c r="J176" s="6">
        <v>142</v>
      </c>
      <c r="K176" s="6">
        <v>82</v>
      </c>
      <c r="L176" s="6">
        <v>748</v>
      </c>
      <c r="M176" s="6">
        <v>4</v>
      </c>
      <c r="N176" s="6">
        <v>14</v>
      </c>
      <c r="O176" s="6">
        <v>23</v>
      </c>
      <c r="P176" s="6">
        <v>16</v>
      </c>
      <c r="Q176" s="6">
        <v>1</v>
      </c>
      <c r="R176" s="6">
        <v>186</v>
      </c>
      <c r="S176" s="10" t="s">
        <v>55</v>
      </c>
    </row>
    <row r="177" spans="1:19">
      <c r="A177" s="9" t="s">
        <v>56</v>
      </c>
      <c r="B177" s="9" t="s">
        <v>57</v>
      </c>
      <c r="C177" s="9" t="s">
        <v>59</v>
      </c>
      <c r="D177" s="9" t="s">
        <v>6</v>
      </c>
      <c r="E177" s="9" t="s">
        <v>130</v>
      </c>
      <c r="F177" s="9" t="s">
        <v>140</v>
      </c>
      <c r="G177" s="6">
        <v>2093</v>
      </c>
      <c r="H177" s="6">
        <v>7</v>
      </c>
      <c r="I177" s="6">
        <v>1572</v>
      </c>
      <c r="J177" s="6">
        <v>304</v>
      </c>
      <c r="K177" s="6">
        <v>4</v>
      </c>
      <c r="L177" s="6">
        <v>119</v>
      </c>
      <c r="M177" s="6">
        <v>3</v>
      </c>
      <c r="N177" s="6">
        <v>1</v>
      </c>
      <c r="O177" s="6">
        <v>8</v>
      </c>
      <c r="P177" s="6">
        <v>25</v>
      </c>
      <c r="Q177" s="6">
        <v>1</v>
      </c>
      <c r="R177" s="6">
        <v>49</v>
      </c>
      <c r="S177" s="10" t="s">
        <v>55</v>
      </c>
    </row>
    <row r="178" spans="1:19">
      <c r="A178" s="9" t="s">
        <v>56</v>
      </c>
      <c r="B178" s="9" t="s">
        <v>57</v>
      </c>
      <c r="C178" s="9" t="s">
        <v>59</v>
      </c>
      <c r="D178" s="9" t="s">
        <v>6</v>
      </c>
      <c r="E178" s="9" t="s">
        <v>130</v>
      </c>
      <c r="F178" s="9" t="s">
        <v>141</v>
      </c>
      <c r="G178" s="6">
        <v>9735</v>
      </c>
      <c r="H178" s="6">
        <v>82</v>
      </c>
      <c r="I178" s="6">
        <v>4764</v>
      </c>
      <c r="J178" s="6">
        <v>1097</v>
      </c>
      <c r="K178" s="6">
        <v>4</v>
      </c>
      <c r="L178" s="6">
        <v>3407</v>
      </c>
      <c r="M178" s="6">
        <v>30</v>
      </c>
      <c r="N178" s="6">
        <v>4</v>
      </c>
      <c r="O178" s="6">
        <v>80</v>
      </c>
      <c r="P178" s="6">
        <v>76</v>
      </c>
      <c r="Q178" s="6">
        <v>4</v>
      </c>
      <c r="R178" s="6">
        <v>184</v>
      </c>
      <c r="S178" s="6">
        <v>3</v>
      </c>
    </row>
    <row r="179" spans="1:19">
      <c r="A179" s="9" t="s">
        <v>56</v>
      </c>
      <c r="B179" s="9" t="s">
        <v>57</v>
      </c>
      <c r="C179" s="9" t="s">
        <v>59</v>
      </c>
      <c r="D179" s="9" t="s">
        <v>6</v>
      </c>
      <c r="E179" s="9" t="s">
        <v>130</v>
      </c>
      <c r="F179" s="9" t="s">
        <v>142</v>
      </c>
      <c r="G179" s="6">
        <v>558</v>
      </c>
      <c r="H179" s="6">
        <v>30</v>
      </c>
      <c r="I179" s="6">
        <v>27</v>
      </c>
      <c r="J179" s="6">
        <v>353</v>
      </c>
      <c r="K179" s="6">
        <v>72</v>
      </c>
      <c r="L179" s="6">
        <v>1</v>
      </c>
      <c r="M179" s="10" t="s">
        <v>55</v>
      </c>
      <c r="N179" s="6">
        <v>1</v>
      </c>
      <c r="O179" s="6">
        <v>18</v>
      </c>
      <c r="P179" s="10" t="s">
        <v>55</v>
      </c>
      <c r="Q179" s="10" t="s">
        <v>55</v>
      </c>
      <c r="R179" s="6">
        <v>56</v>
      </c>
      <c r="S179" s="10" t="s">
        <v>55</v>
      </c>
    </row>
    <row r="180" spans="1:19">
      <c r="A180" s="9" t="s">
        <v>56</v>
      </c>
      <c r="B180" s="9" t="s">
        <v>57</v>
      </c>
      <c r="C180" s="9" t="s">
        <v>59</v>
      </c>
      <c r="D180" s="9" t="s">
        <v>6</v>
      </c>
      <c r="E180" s="9" t="s">
        <v>130</v>
      </c>
      <c r="F180" s="9" t="s">
        <v>143</v>
      </c>
      <c r="G180" s="6">
        <v>2303</v>
      </c>
      <c r="H180" s="6">
        <v>72</v>
      </c>
      <c r="I180" s="6">
        <v>178</v>
      </c>
      <c r="J180" s="6">
        <v>642</v>
      </c>
      <c r="K180" s="6">
        <v>33</v>
      </c>
      <c r="L180" s="6">
        <v>71</v>
      </c>
      <c r="M180" s="6">
        <v>239</v>
      </c>
      <c r="N180" s="6">
        <v>2</v>
      </c>
      <c r="O180" s="6">
        <v>255</v>
      </c>
      <c r="P180" s="6">
        <v>99</v>
      </c>
      <c r="Q180" s="6">
        <v>18</v>
      </c>
      <c r="R180" s="6">
        <v>692</v>
      </c>
      <c r="S180" s="6">
        <v>2</v>
      </c>
    </row>
    <row r="181" spans="1:19">
      <c r="A181" s="9" t="s">
        <v>56</v>
      </c>
      <c r="B181" s="9" t="s">
        <v>57</v>
      </c>
      <c r="C181" s="9" t="s">
        <v>59</v>
      </c>
      <c r="D181" s="9" t="s">
        <v>6</v>
      </c>
      <c r="E181" s="9" t="s">
        <v>130</v>
      </c>
      <c r="F181" s="9" t="s">
        <v>144</v>
      </c>
      <c r="G181" s="6">
        <v>1911</v>
      </c>
      <c r="H181" s="6">
        <v>84</v>
      </c>
      <c r="I181" s="6">
        <v>186</v>
      </c>
      <c r="J181" s="6">
        <v>1206</v>
      </c>
      <c r="K181" s="10" t="s">
        <v>55</v>
      </c>
      <c r="L181" s="6">
        <v>1</v>
      </c>
      <c r="M181" s="6">
        <v>392</v>
      </c>
      <c r="N181" s="6">
        <v>3</v>
      </c>
      <c r="O181" s="6">
        <v>2</v>
      </c>
      <c r="P181" s="6">
        <v>9</v>
      </c>
      <c r="Q181" s="6">
        <v>13</v>
      </c>
      <c r="R181" s="6">
        <v>15</v>
      </c>
      <c r="S181" s="10" t="s">
        <v>55</v>
      </c>
    </row>
    <row r="182" spans="1:19">
      <c r="A182" s="9" t="s">
        <v>56</v>
      </c>
      <c r="B182" s="9" t="s">
        <v>57</v>
      </c>
      <c r="C182" s="9" t="s">
        <v>59</v>
      </c>
      <c r="D182" s="9" t="s">
        <v>6</v>
      </c>
      <c r="E182" s="9" t="s">
        <v>55</v>
      </c>
      <c r="F182" s="9" t="s">
        <v>145</v>
      </c>
      <c r="G182" s="6">
        <v>172</v>
      </c>
      <c r="H182" s="10" t="s">
        <v>55</v>
      </c>
      <c r="I182" s="6">
        <v>3</v>
      </c>
      <c r="J182" s="6">
        <v>14</v>
      </c>
      <c r="K182" s="10" t="s">
        <v>55</v>
      </c>
      <c r="L182" s="6">
        <v>3</v>
      </c>
      <c r="M182" s="10" t="s">
        <v>55</v>
      </c>
      <c r="N182" s="10" t="s">
        <v>55</v>
      </c>
      <c r="O182" s="6">
        <v>5</v>
      </c>
      <c r="P182" s="6">
        <v>1</v>
      </c>
      <c r="Q182" s="10" t="s">
        <v>55</v>
      </c>
      <c r="R182" s="6">
        <v>18</v>
      </c>
      <c r="S182" s="6">
        <v>128</v>
      </c>
    </row>
    <row r="183" spans="1:19">
      <c r="A183" s="9" t="s">
        <v>56</v>
      </c>
      <c r="B183" s="9" t="s">
        <v>57</v>
      </c>
      <c r="C183" s="9" t="s">
        <v>59</v>
      </c>
      <c r="D183" s="9" t="s">
        <v>6</v>
      </c>
      <c r="E183" s="9" t="s">
        <v>55</v>
      </c>
      <c r="F183" s="9" t="s">
        <v>146</v>
      </c>
      <c r="G183" s="6">
        <v>2387</v>
      </c>
      <c r="H183" s="6">
        <v>24</v>
      </c>
      <c r="I183" s="6">
        <v>2</v>
      </c>
      <c r="J183" s="6">
        <v>106</v>
      </c>
      <c r="K183" s="6">
        <v>7</v>
      </c>
      <c r="L183" s="6">
        <v>1</v>
      </c>
      <c r="M183" s="10" t="s">
        <v>55</v>
      </c>
      <c r="N183" s="6">
        <v>1974</v>
      </c>
      <c r="O183" s="6">
        <v>33</v>
      </c>
      <c r="P183" s="6">
        <v>4</v>
      </c>
      <c r="Q183" s="6">
        <v>3</v>
      </c>
      <c r="R183" s="6">
        <v>233</v>
      </c>
      <c r="S183" s="10" t="s">
        <v>55</v>
      </c>
    </row>
    <row r="184" spans="1:19">
      <c r="A184" s="9" t="s">
        <v>56</v>
      </c>
      <c r="B184" s="9" t="s">
        <v>57</v>
      </c>
      <c r="C184" s="9" t="s">
        <v>59</v>
      </c>
      <c r="D184" s="9" t="s">
        <v>6</v>
      </c>
      <c r="E184" s="9" t="s">
        <v>55</v>
      </c>
      <c r="F184" s="9" t="s">
        <v>147</v>
      </c>
      <c r="G184" s="6">
        <v>10843</v>
      </c>
      <c r="H184" s="6">
        <v>327</v>
      </c>
      <c r="I184" s="6">
        <v>491</v>
      </c>
      <c r="J184" s="6">
        <v>1664</v>
      </c>
      <c r="K184" s="6">
        <v>234</v>
      </c>
      <c r="L184" s="6">
        <v>7</v>
      </c>
      <c r="M184" s="6">
        <v>19</v>
      </c>
      <c r="N184" s="6">
        <v>29</v>
      </c>
      <c r="O184" s="6">
        <v>5238</v>
      </c>
      <c r="P184" s="6">
        <v>406</v>
      </c>
      <c r="Q184" s="6">
        <v>1933</v>
      </c>
      <c r="R184" s="6">
        <v>495</v>
      </c>
      <c r="S184" s="10" t="s">
        <v>55</v>
      </c>
    </row>
    <row r="185" spans="1:19">
      <c r="A185" s="9" t="s">
        <v>56</v>
      </c>
      <c r="B185" s="9" t="s">
        <v>57</v>
      </c>
      <c r="C185" s="9" t="s">
        <v>59</v>
      </c>
      <c r="D185" s="9" t="s">
        <v>6</v>
      </c>
      <c r="E185" s="9" t="s">
        <v>55</v>
      </c>
      <c r="F185" s="9" t="s">
        <v>148</v>
      </c>
      <c r="G185" s="6">
        <v>32609</v>
      </c>
      <c r="H185" s="6">
        <v>670</v>
      </c>
      <c r="I185" s="6">
        <v>7334</v>
      </c>
      <c r="J185" s="6">
        <v>6940</v>
      </c>
      <c r="K185" s="6">
        <v>4320</v>
      </c>
      <c r="L185" s="6">
        <v>5810</v>
      </c>
      <c r="M185" s="6">
        <v>703</v>
      </c>
      <c r="N185" s="6">
        <v>63</v>
      </c>
      <c r="O185" s="6">
        <v>1529</v>
      </c>
      <c r="P185" s="6">
        <v>1727</v>
      </c>
      <c r="Q185" s="6">
        <v>200</v>
      </c>
      <c r="R185" s="6">
        <v>3307</v>
      </c>
      <c r="S185" s="6">
        <v>6</v>
      </c>
    </row>
    <row r="186" spans="1:19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55</v>
      </c>
      <c r="F186" s="9" t="s">
        <v>6</v>
      </c>
      <c r="G186" s="6">
        <v>22828</v>
      </c>
      <c r="H186" s="6">
        <v>842</v>
      </c>
      <c r="I186" s="6">
        <v>2868</v>
      </c>
      <c r="J186" s="6">
        <v>3067</v>
      </c>
      <c r="K186" s="6">
        <v>2021</v>
      </c>
      <c r="L186" s="6">
        <v>1480</v>
      </c>
      <c r="M186" s="6">
        <v>683</v>
      </c>
      <c r="N186" s="6">
        <v>580</v>
      </c>
      <c r="O186" s="6">
        <v>4943</v>
      </c>
      <c r="P186" s="6">
        <v>2094</v>
      </c>
      <c r="Q186" s="6">
        <v>2089</v>
      </c>
      <c r="R186" s="6">
        <v>2084</v>
      </c>
      <c r="S186" s="6">
        <v>77</v>
      </c>
    </row>
    <row r="187" spans="1:19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122</v>
      </c>
      <c r="F187" s="9" t="s">
        <v>123</v>
      </c>
      <c r="G187" s="6">
        <v>649</v>
      </c>
      <c r="H187" s="6">
        <v>20</v>
      </c>
      <c r="I187" s="6">
        <v>2</v>
      </c>
      <c r="J187" s="6">
        <v>34</v>
      </c>
      <c r="K187" s="6">
        <v>2</v>
      </c>
      <c r="L187" s="6">
        <v>1</v>
      </c>
      <c r="M187" s="10" t="s">
        <v>55</v>
      </c>
      <c r="N187" s="6">
        <v>512</v>
      </c>
      <c r="O187" s="6">
        <v>9</v>
      </c>
      <c r="P187" s="6">
        <v>4</v>
      </c>
      <c r="Q187" s="6">
        <v>3</v>
      </c>
      <c r="R187" s="6">
        <v>62</v>
      </c>
      <c r="S187" s="10" t="s">
        <v>55</v>
      </c>
    </row>
    <row r="188" spans="1:19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122</v>
      </c>
      <c r="F188" s="9" t="s">
        <v>124</v>
      </c>
      <c r="G188" s="6">
        <v>541</v>
      </c>
      <c r="H188" s="6">
        <v>13</v>
      </c>
      <c r="I188" s="10" t="s">
        <v>55</v>
      </c>
      <c r="J188" s="6">
        <v>19</v>
      </c>
      <c r="K188" s="6">
        <v>1</v>
      </c>
      <c r="L188" s="6">
        <v>1</v>
      </c>
      <c r="M188" s="10" t="s">
        <v>55</v>
      </c>
      <c r="N188" s="6">
        <v>440</v>
      </c>
      <c r="O188" s="6">
        <v>5</v>
      </c>
      <c r="P188" s="6">
        <v>2</v>
      </c>
      <c r="Q188" s="6">
        <v>2</v>
      </c>
      <c r="R188" s="6">
        <v>58</v>
      </c>
      <c r="S188" s="10" t="s">
        <v>55</v>
      </c>
    </row>
    <row r="189" spans="1:19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122</v>
      </c>
      <c r="F189" s="9" t="s">
        <v>125</v>
      </c>
      <c r="G189" s="6">
        <v>8</v>
      </c>
      <c r="H189" s="10" t="s">
        <v>55</v>
      </c>
      <c r="I189" s="10" t="s">
        <v>55</v>
      </c>
      <c r="J189" s="6">
        <v>1</v>
      </c>
      <c r="K189" s="10" t="s">
        <v>55</v>
      </c>
      <c r="L189" s="10" t="s">
        <v>55</v>
      </c>
      <c r="M189" s="10" t="s">
        <v>55</v>
      </c>
      <c r="N189" s="6">
        <v>7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10" t="s">
        <v>55</v>
      </c>
    </row>
    <row r="190" spans="1:19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126</v>
      </c>
      <c r="F190" s="9" t="s">
        <v>127</v>
      </c>
      <c r="G190" s="6">
        <v>29</v>
      </c>
      <c r="H190" s="10" t="s">
        <v>55</v>
      </c>
      <c r="I190" s="10" t="s">
        <v>55</v>
      </c>
      <c r="J190" s="6">
        <v>4</v>
      </c>
      <c r="K190" s="6">
        <v>3</v>
      </c>
      <c r="L190" s="10" t="s">
        <v>55</v>
      </c>
      <c r="M190" s="10" t="s">
        <v>55</v>
      </c>
      <c r="N190" s="10" t="s">
        <v>55</v>
      </c>
      <c r="O190" s="6">
        <v>3</v>
      </c>
      <c r="P190" s="6">
        <v>15</v>
      </c>
      <c r="Q190" s="6">
        <v>2</v>
      </c>
      <c r="R190" s="6">
        <v>2</v>
      </c>
      <c r="S190" s="10" t="s">
        <v>55</v>
      </c>
    </row>
    <row r="191" spans="1:19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126</v>
      </c>
      <c r="F191" s="9" t="s">
        <v>128</v>
      </c>
      <c r="G191" s="6">
        <v>2979</v>
      </c>
      <c r="H191" s="6">
        <v>164</v>
      </c>
      <c r="I191" s="6">
        <v>207</v>
      </c>
      <c r="J191" s="6">
        <v>150</v>
      </c>
      <c r="K191" s="6">
        <v>83</v>
      </c>
      <c r="L191" s="6">
        <v>1</v>
      </c>
      <c r="M191" s="6">
        <v>2</v>
      </c>
      <c r="N191" s="6">
        <v>22</v>
      </c>
      <c r="O191" s="6">
        <v>288</v>
      </c>
      <c r="P191" s="6">
        <v>181</v>
      </c>
      <c r="Q191" s="6">
        <v>1850</v>
      </c>
      <c r="R191" s="6">
        <v>31</v>
      </c>
      <c r="S191" s="10" t="s">
        <v>55</v>
      </c>
    </row>
    <row r="192" spans="1:19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126</v>
      </c>
      <c r="F192" s="9" t="s">
        <v>129</v>
      </c>
      <c r="G192" s="6">
        <v>5117</v>
      </c>
      <c r="H192" s="6">
        <v>120</v>
      </c>
      <c r="I192" s="6">
        <v>241</v>
      </c>
      <c r="J192" s="6">
        <v>452</v>
      </c>
      <c r="K192" s="6">
        <v>114</v>
      </c>
      <c r="L192" s="6">
        <v>2</v>
      </c>
      <c r="M192" s="6">
        <v>16</v>
      </c>
      <c r="N192" s="6">
        <v>6</v>
      </c>
      <c r="O192" s="6">
        <v>3673</v>
      </c>
      <c r="P192" s="6">
        <v>204</v>
      </c>
      <c r="Q192" s="6">
        <v>40</v>
      </c>
      <c r="R192" s="6">
        <v>249</v>
      </c>
      <c r="S192" s="10" t="s">
        <v>55</v>
      </c>
    </row>
    <row r="193" spans="1:19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130</v>
      </c>
      <c r="F193" s="9" t="s">
        <v>131</v>
      </c>
      <c r="G193" s="6">
        <v>163</v>
      </c>
      <c r="H193" s="6">
        <v>4</v>
      </c>
      <c r="I193" s="6">
        <v>25</v>
      </c>
      <c r="J193" s="6">
        <v>53</v>
      </c>
      <c r="K193" s="6">
        <v>3</v>
      </c>
      <c r="L193" s="6">
        <v>1</v>
      </c>
      <c r="M193" s="10" t="s">
        <v>55</v>
      </c>
      <c r="N193" s="10" t="s">
        <v>55</v>
      </c>
      <c r="O193" s="6">
        <v>14</v>
      </c>
      <c r="P193" s="6">
        <v>33</v>
      </c>
      <c r="Q193" s="6">
        <v>27</v>
      </c>
      <c r="R193" s="6">
        <v>3</v>
      </c>
      <c r="S193" s="10" t="s">
        <v>55</v>
      </c>
    </row>
    <row r="194" spans="1:19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130</v>
      </c>
      <c r="F194" s="9" t="s">
        <v>132</v>
      </c>
      <c r="G194" s="6">
        <v>118</v>
      </c>
      <c r="H194" s="6">
        <v>5</v>
      </c>
      <c r="I194" s="6">
        <v>70</v>
      </c>
      <c r="J194" s="6">
        <v>19</v>
      </c>
      <c r="K194" s="6">
        <v>10</v>
      </c>
      <c r="L194" s="10" t="s">
        <v>55</v>
      </c>
      <c r="M194" s="10" t="s">
        <v>55</v>
      </c>
      <c r="N194" s="10" t="s">
        <v>55</v>
      </c>
      <c r="O194" s="6">
        <v>3</v>
      </c>
      <c r="P194" s="6">
        <v>2</v>
      </c>
      <c r="Q194" s="6">
        <v>7</v>
      </c>
      <c r="R194" s="6">
        <v>2</v>
      </c>
      <c r="S194" s="10" t="s">
        <v>55</v>
      </c>
    </row>
    <row r="195" spans="1:19">
      <c r="A195" s="9" t="s">
        <v>56</v>
      </c>
      <c r="B195" s="9" t="s">
        <v>57</v>
      </c>
      <c r="C195" s="9" t="s">
        <v>59</v>
      </c>
      <c r="D195" s="9" t="s">
        <v>53</v>
      </c>
      <c r="E195" s="9" t="s">
        <v>130</v>
      </c>
      <c r="F195" s="9" t="s">
        <v>133</v>
      </c>
      <c r="G195" s="6">
        <v>2336</v>
      </c>
      <c r="H195" s="6">
        <v>51</v>
      </c>
      <c r="I195" s="6">
        <v>14</v>
      </c>
      <c r="J195" s="6">
        <v>275</v>
      </c>
      <c r="K195" s="6">
        <v>17</v>
      </c>
      <c r="L195" s="6">
        <v>5</v>
      </c>
      <c r="M195" s="6">
        <v>23</v>
      </c>
      <c r="N195" s="6">
        <v>2</v>
      </c>
      <c r="O195" s="6">
        <v>44</v>
      </c>
      <c r="P195" s="6">
        <v>1339</v>
      </c>
      <c r="Q195" s="6">
        <v>31</v>
      </c>
      <c r="R195" s="6">
        <v>534</v>
      </c>
      <c r="S195" s="6">
        <v>1</v>
      </c>
    </row>
    <row r="196" spans="1:19">
      <c r="A196" s="9" t="s">
        <v>56</v>
      </c>
      <c r="B196" s="9" t="s">
        <v>57</v>
      </c>
      <c r="C196" s="9" t="s">
        <v>59</v>
      </c>
      <c r="D196" s="9" t="s">
        <v>53</v>
      </c>
      <c r="E196" s="9" t="s">
        <v>130</v>
      </c>
      <c r="F196" s="9" t="s">
        <v>134</v>
      </c>
      <c r="G196" s="6">
        <v>3370</v>
      </c>
      <c r="H196" s="6">
        <v>178</v>
      </c>
      <c r="I196" s="6">
        <v>93</v>
      </c>
      <c r="J196" s="6">
        <v>428</v>
      </c>
      <c r="K196" s="6">
        <v>1436</v>
      </c>
      <c r="L196" s="6">
        <v>17</v>
      </c>
      <c r="M196" s="6">
        <v>8</v>
      </c>
      <c r="N196" s="6">
        <v>4</v>
      </c>
      <c r="O196" s="6">
        <v>536</v>
      </c>
      <c r="P196" s="6">
        <v>66</v>
      </c>
      <c r="Q196" s="6">
        <v>55</v>
      </c>
      <c r="R196" s="6">
        <v>549</v>
      </c>
      <c r="S196" s="10" t="s">
        <v>55</v>
      </c>
    </row>
    <row r="197" spans="1:19">
      <c r="A197" s="9" t="s">
        <v>56</v>
      </c>
      <c r="B197" s="9" t="s">
        <v>57</v>
      </c>
      <c r="C197" s="9" t="s">
        <v>59</v>
      </c>
      <c r="D197" s="9" t="s">
        <v>53</v>
      </c>
      <c r="E197" s="9" t="s">
        <v>130</v>
      </c>
      <c r="F197" s="9" t="s">
        <v>135</v>
      </c>
      <c r="G197" s="6">
        <v>265</v>
      </c>
      <c r="H197" s="6">
        <v>12</v>
      </c>
      <c r="I197" s="6">
        <v>2</v>
      </c>
      <c r="J197" s="6">
        <v>112</v>
      </c>
      <c r="K197" s="6">
        <v>139</v>
      </c>
      <c r="L197" s="10" t="s">
        <v>55</v>
      </c>
      <c r="M197" s="10" t="s">
        <v>55</v>
      </c>
      <c r="N197" s="10" t="s">
        <v>55</v>
      </c>
      <c r="O197" s="10" t="s">
        <v>55</v>
      </c>
      <c r="P197" s="10" t="s">
        <v>55</v>
      </c>
      <c r="Q197" s="10" t="s">
        <v>55</v>
      </c>
      <c r="R197" s="10" t="s">
        <v>55</v>
      </c>
      <c r="S197" s="10" t="s">
        <v>55</v>
      </c>
    </row>
    <row r="198" spans="1:19">
      <c r="A198" s="9" t="s">
        <v>56</v>
      </c>
      <c r="B198" s="9" t="s">
        <v>57</v>
      </c>
      <c r="C198" s="9" t="s">
        <v>59</v>
      </c>
      <c r="D198" s="9" t="s">
        <v>53</v>
      </c>
      <c r="E198" s="9" t="s">
        <v>130</v>
      </c>
      <c r="F198" s="9" t="s">
        <v>136</v>
      </c>
      <c r="G198" s="6">
        <v>250</v>
      </c>
      <c r="H198" s="6">
        <v>25</v>
      </c>
      <c r="I198" s="6">
        <v>4</v>
      </c>
      <c r="J198" s="6">
        <v>36</v>
      </c>
      <c r="K198" s="6">
        <v>81</v>
      </c>
      <c r="L198" s="6">
        <v>37</v>
      </c>
      <c r="M198" s="6">
        <v>1</v>
      </c>
      <c r="N198" s="10" t="s">
        <v>55</v>
      </c>
      <c r="O198" s="6">
        <v>26</v>
      </c>
      <c r="P198" s="6">
        <v>22</v>
      </c>
      <c r="Q198" s="6">
        <v>5</v>
      </c>
      <c r="R198" s="6">
        <v>13</v>
      </c>
      <c r="S198" s="10" t="s">
        <v>55</v>
      </c>
    </row>
    <row r="199" spans="1:19">
      <c r="A199" s="9" t="s">
        <v>56</v>
      </c>
      <c r="B199" s="9" t="s">
        <v>57</v>
      </c>
      <c r="C199" s="9" t="s">
        <v>59</v>
      </c>
      <c r="D199" s="9" t="s">
        <v>53</v>
      </c>
      <c r="E199" s="9" t="s">
        <v>130</v>
      </c>
      <c r="F199" s="9" t="s">
        <v>137</v>
      </c>
      <c r="G199" s="6">
        <v>428</v>
      </c>
      <c r="H199" s="6">
        <v>17</v>
      </c>
      <c r="I199" s="6">
        <v>186</v>
      </c>
      <c r="J199" s="6">
        <v>110</v>
      </c>
      <c r="K199" s="6">
        <v>13</v>
      </c>
      <c r="L199" s="6">
        <v>2</v>
      </c>
      <c r="M199" s="6">
        <v>2</v>
      </c>
      <c r="N199" s="6">
        <v>3</v>
      </c>
      <c r="O199" s="6">
        <v>51</v>
      </c>
      <c r="P199" s="6">
        <v>6</v>
      </c>
      <c r="Q199" s="6">
        <v>33</v>
      </c>
      <c r="R199" s="6">
        <v>5</v>
      </c>
      <c r="S199" s="10" t="s">
        <v>55</v>
      </c>
    </row>
    <row r="200" spans="1:19">
      <c r="A200" s="9" t="s">
        <v>56</v>
      </c>
      <c r="B200" s="9" t="s">
        <v>57</v>
      </c>
      <c r="C200" s="9" t="s">
        <v>59</v>
      </c>
      <c r="D200" s="9" t="s">
        <v>53</v>
      </c>
      <c r="E200" s="9" t="s">
        <v>130</v>
      </c>
      <c r="F200" s="9" t="s">
        <v>138</v>
      </c>
      <c r="G200" s="6">
        <v>472</v>
      </c>
      <c r="H200" s="6">
        <v>16</v>
      </c>
      <c r="I200" s="6">
        <v>4</v>
      </c>
      <c r="J200" s="6">
        <v>13</v>
      </c>
      <c r="K200" s="6">
        <v>15</v>
      </c>
      <c r="L200" s="6">
        <v>371</v>
      </c>
      <c r="M200" s="6">
        <v>1</v>
      </c>
      <c r="N200" s="6">
        <v>1</v>
      </c>
      <c r="O200" s="6">
        <v>1</v>
      </c>
      <c r="P200" s="6">
        <v>5</v>
      </c>
      <c r="Q200" s="10" t="s">
        <v>55</v>
      </c>
      <c r="R200" s="6">
        <v>45</v>
      </c>
      <c r="S200" s="10" t="s">
        <v>55</v>
      </c>
    </row>
    <row r="201" spans="1:19">
      <c r="A201" s="9" t="s">
        <v>56</v>
      </c>
      <c r="B201" s="9" t="s">
        <v>57</v>
      </c>
      <c r="C201" s="9" t="s">
        <v>59</v>
      </c>
      <c r="D201" s="9" t="s">
        <v>53</v>
      </c>
      <c r="E201" s="9" t="s">
        <v>130</v>
      </c>
      <c r="F201" s="9" t="s">
        <v>139</v>
      </c>
      <c r="G201" s="6">
        <v>494</v>
      </c>
      <c r="H201" s="6">
        <v>16</v>
      </c>
      <c r="I201" s="6">
        <v>16</v>
      </c>
      <c r="J201" s="6">
        <v>51</v>
      </c>
      <c r="K201" s="6">
        <v>24</v>
      </c>
      <c r="L201" s="6">
        <v>298</v>
      </c>
      <c r="M201" s="6">
        <v>4</v>
      </c>
      <c r="N201" s="6">
        <v>14</v>
      </c>
      <c r="O201" s="6">
        <v>5</v>
      </c>
      <c r="P201" s="6">
        <v>16</v>
      </c>
      <c r="Q201" s="6">
        <v>1</v>
      </c>
      <c r="R201" s="6">
        <v>49</v>
      </c>
      <c r="S201" s="10" t="s">
        <v>55</v>
      </c>
    </row>
    <row r="202" spans="1:19">
      <c r="A202" s="9" t="s">
        <v>56</v>
      </c>
      <c r="B202" s="9" t="s">
        <v>57</v>
      </c>
      <c r="C202" s="9" t="s">
        <v>59</v>
      </c>
      <c r="D202" s="9" t="s">
        <v>53</v>
      </c>
      <c r="E202" s="9" t="s">
        <v>130</v>
      </c>
      <c r="F202" s="9" t="s">
        <v>140</v>
      </c>
      <c r="G202" s="6">
        <v>942</v>
      </c>
      <c r="H202" s="6">
        <v>5</v>
      </c>
      <c r="I202" s="6">
        <v>777</v>
      </c>
      <c r="J202" s="6">
        <v>79</v>
      </c>
      <c r="K202" s="10" t="s">
        <v>55</v>
      </c>
      <c r="L202" s="6">
        <v>13</v>
      </c>
      <c r="M202" s="6">
        <v>3</v>
      </c>
      <c r="N202" s="6">
        <v>1</v>
      </c>
      <c r="O202" s="6">
        <v>6</v>
      </c>
      <c r="P202" s="6">
        <v>23</v>
      </c>
      <c r="Q202" s="6">
        <v>1</v>
      </c>
      <c r="R202" s="6">
        <v>34</v>
      </c>
      <c r="S202" s="10" t="s">
        <v>55</v>
      </c>
    </row>
    <row r="203" spans="1:19">
      <c r="A203" s="9" t="s">
        <v>56</v>
      </c>
      <c r="B203" s="9" t="s">
        <v>57</v>
      </c>
      <c r="C203" s="9" t="s">
        <v>59</v>
      </c>
      <c r="D203" s="9" t="s">
        <v>53</v>
      </c>
      <c r="E203" s="9" t="s">
        <v>130</v>
      </c>
      <c r="F203" s="9" t="s">
        <v>141</v>
      </c>
      <c r="G203" s="6">
        <v>2091</v>
      </c>
      <c r="H203" s="6">
        <v>49</v>
      </c>
      <c r="I203" s="6">
        <v>972</v>
      </c>
      <c r="J203" s="6">
        <v>175</v>
      </c>
      <c r="K203" s="6">
        <v>4</v>
      </c>
      <c r="L203" s="6">
        <v>716</v>
      </c>
      <c r="M203" s="6">
        <v>26</v>
      </c>
      <c r="N203" s="6">
        <v>4</v>
      </c>
      <c r="O203" s="6">
        <v>29</v>
      </c>
      <c r="P203" s="6">
        <v>71</v>
      </c>
      <c r="Q203" s="6">
        <v>4</v>
      </c>
      <c r="R203" s="6">
        <v>39</v>
      </c>
      <c r="S203" s="6">
        <v>2</v>
      </c>
    </row>
    <row r="204" spans="1:19">
      <c r="A204" s="9" t="s">
        <v>56</v>
      </c>
      <c r="B204" s="9" t="s">
        <v>57</v>
      </c>
      <c r="C204" s="9" t="s">
        <v>59</v>
      </c>
      <c r="D204" s="9" t="s">
        <v>53</v>
      </c>
      <c r="E204" s="9" t="s">
        <v>130</v>
      </c>
      <c r="F204" s="9" t="s">
        <v>142</v>
      </c>
      <c r="G204" s="6">
        <v>337</v>
      </c>
      <c r="H204" s="6">
        <v>29</v>
      </c>
      <c r="I204" s="6">
        <v>23</v>
      </c>
      <c r="J204" s="6">
        <v>168</v>
      </c>
      <c r="K204" s="6">
        <v>52</v>
      </c>
      <c r="L204" s="10" t="s">
        <v>55</v>
      </c>
      <c r="M204" s="10" t="s">
        <v>55</v>
      </c>
      <c r="N204" s="10" t="s">
        <v>55</v>
      </c>
      <c r="O204" s="6">
        <v>17</v>
      </c>
      <c r="P204" s="10" t="s">
        <v>55</v>
      </c>
      <c r="Q204" s="10" t="s">
        <v>55</v>
      </c>
      <c r="R204" s="6">
        <v>48</v>
      </c>
      <c r="S204" s="10" t="s">
        <v>55</v>
      </c>
    </row>
    <row r="205" spans="1:19">
      <c r="A205" s="9" t="s">
        <v>56</v>
      </c>
      <c r="B205" s="9" t="s">
        <v>57</v>
      </c>
      <c r="C205" s="9" t="s">
        <v>59</v>
      </c>
      <c r="D205" s="9" t="s">
        <v>53</v>
      </c>
      <c r="E205" s="9" t="s">
        <v>130</v>
      </c>
      <c r="F205" s="9" t="s">
        <v>143</v>
      </c>
      <c r="G205" s="6">
        <v>1397</v>
      </c>
      <c r="H205" s="6">
        <v>57</v>
      </c>
      <c r="I205" s="6">
        <v>135</v>
      </c>
      <c r="J205" s="6">
        <v>179</v>
      </c>
      <c r="K205" s="6">
        <v>25</v>
      </c>
      <c r="L205" s="6">
        <v>16</v>
      </c>
      <c r="M205" s="6">
        <v>234</v>
      </c>
      <c r="N205" s="6">
        <v>1</v>
      </c>
      <c r="O205" s="6">
        <v>234</v>
      </c>
      <c r="P205" s="6">
        <v>98</v>
      </c>
      <c r="Q205" s="6">
        <v>18</v>
      </c>
      <c r="R205" s="6">
        <v>398</v>
      </c>
      <c r="S205" s="6">
        <v>2</v>
      </c>
    </row>
    <row r="206" spans="1:19">
      <c r="A206" s="9" t="s">
        <v>56</v>
      </c>
      <c r="B206" s="9" t="s">
        <v>57</v>
      </c>
      <c r="C206" s="9" t="s">
        <v>59</v>
      </c>
      <c r="D206" s="9" t="s">
        <v>53</v>
      </c>
      <c r="E206" s="9" t="s">
        <v>130</v>
      </c>
      <c r="F206" s="9" t="s">
        <v>144</v>
      </c>
      <c r="G206" s="6">
        <v>1293</v>
      </c>
      <c r="H206" s="6">
        <v>74</v>
      </c>
      <c r="I206" s="6">
        <v>94</v>
      </c>
      <c r="J206" s="6">
        <v>727</v>
      </c>
      <c r="K206" s="10" t="s">
        <v>55</v>
      </c>
      <c r="L206" s="10" t="s">
        <v>55</v>
      </c>
      <c r="M206" s="6">
        <v>363</v>
      </c>
      <c r="N206" s="6">
        <v>3</v>
      </c>
      <c r="O206" s="6">
        <v>2</v>
      </c>
      <c r="P206" s="6">
        <v>8</v>
      </c>
      <c r="Q206" s="6">
        <v>12</v>
      </c>
      <c r="R206" s="6">
        <v>10</v>
      </c>
      <c r="S206" s="10" t="s">
        <v>55</v>
      </c>
    </row>
    <row r="207" spans="1:19">
      <c r="A207" s="9" t="s">
        <v>56</v>
      </c>
      <c r="B207" s="9" t="s">
        <v>57</v>
      </c>
      <c r="C207" s="9" t="s">
        <v>59</v>
      </c>
      <c r="D207" s="9" t="s">
        <v>53</v>
      </c>
      <c r="E207" s="9" t="s">
        <v>55</v>
      </c>
      <c r="F207" s="9" t="s">
        <v>145</v>
      </c>
      <c r="G207" s="6">
        <v>90</v>
      </c>
      <c r="H207" s="10" t="s">
        <v>55</v>
      </c>
      <c r="I207" s="6">
        <v>3</v>
      </c>
      <c r="J207" s="6">
        <v>1</v>
      </c>
      <c r="K207" s="10" t="s">
        <v>55</v>
      </c>
      <c r="L207" s="10" t="s">
        <v>55</v>
      </c>
      <c r="M207" s="10" t="s">
        <v>55</v>
      </c>
      <c r="N207" s="10" t="s">
        <v>55</v>
      </c>
      <c r="O207" s="6">
        <v>2</v>
      </c>
      <c r="P207" s="6">
        <v>1</v>
      </c>
      <c r="Q207" s="10" t="s">
        <v>55</v>
      </c>
      <c r="R207" s="6">
        <v>11</v>
      </c>
      <c r="S207" s="6">
        <v>72</v>
      </c>
    </row>
    <row r="208" spans="1:19">
      <c r="A208" s="9" t="s">
        <v>56</v>
      </c>
      <c r="B208" s="9" t="s">
        <v>57</v>
      </c>
      <c r="C208" s="9" t="s">
        <v>59</v>
      </c>
      <c r="D208" s="9" t="s">
        <v>53</v>
      </c>
      <c r="E208" s="9" t="s">
        <v>55</v>
      </c>
      <c r="F208" s="9" t="s">
        <v>146</v>
      </c>
      <c r="G208" s="6">
        <v>657</v>
      </c>
      <c r="H208" s="6">
        <v>20</v>
      </c>
      <c r="I208" s="6">
        <v>2</v>
      </c>
      <c r="J208" s="6">
        <v>35</v>
      </c>
      <c r="K208" s="6">
        <v>2</v>
      </c>
      <c r="L208" s="6">
        <v>1</v>
      </c>
      <c r="M208" s="10" t="s">
        <v>55</v>
      </c>
      <c r="N208" s="6">
        <v>519</v>
      </c>
      <c r="O208" s="6">
        <v>9</v>
      </c>
      <c r="P208" s="6">
        <v>4</v>
      </c>
      <c r="Q208" s="6">
        <v>3</v>
      </c>
      <c r="R208" s="6">
        <v>62</v>
      </c>
      <c r="S208" s="10" t="s">
        <v>55</v>
      </c>
    </row>
    <row r="209" spans="1:19">
      <c r="A209" s="9" t="s">
        <v>56</v>
      </c>
      <c r="B209" s="9" t="s">
        <v>57</v>
      </c>
      <c r="C209" s="9" t="s">
        <v>59</v>
      </c>
      <c r="D209" s="9" t="s">
        <v>53</v>
      </c>
      <c r="E209" s="9" t="s">
        <v>55</v>
      </c>
      <c r="F209" s="9" t="s">
        <v>147</v>
      </c>
      <c r="G209" s="6">
        <v>8125</v>
      </c>
      <c r="H209" s="6">
        <v>284</v>
      </c>
      <c r="I209" s="6">
        <v>448</v>
      </c>
      <c r="J209" s="6">
        <v>606</v>
      </c>
      <c r="K209" s="6">
        <v>200</v>
      </c>
      <c r="L209" s="6">
        <v>3</v>
      </c>
      <c r="M209" s="6">
        <v>18</v>
      </c>
      <c r="N209" s="6">
        <v>28</v>
      </c>
      <c r="O209" s="6">
        <v>3964</v>
      </c>
      <c r="P209" s="6">
        <v>400</v>
      </c>
      <c r="Q209" s="6">
        <v>1892</v>
      </c>
      <c r="R209" s="6">
        <v>282</v>
      </c>
      <c r="S209" s="10" t="s">
        <v>55</v>
      </c>
    </row>
    <row r="210" spans="1:19">
      <c r="A210" s="9" t="s">
        <v>56</v>
      </c>
      <c r="B210" s="9" t="s">
        <v>57</v>
      </c>
      <c r="C210" s="9" t="s">
        <v>59</v>
      </c>
      <c r="D210" s="9" t="s">
        <v>53</v>
      </c>
      <c r="E210" s="9" t="s">
        <v>55</v>
      </c>
      <c r="F210" s="9" t="s">
        <v>148</v>
      </c>
      <c r="G210" s="6">
        <v>13956</v>
      </c>
      <c r="H210" s="6">
        <v>538</v>
      </c>
      <c r="I210" s="6">
        <v>2415</v>
      </c>
      <c r="J210" s="6">
        <v>2425</v>
      </c>
      <c r="K210" s="6">
        <v>1819</v>
      </c>
      <c r="L210" s="6">
        <v>1476</v>
      </c>
      <c r="M210" s="6">
        <v>665</v>
      </c>
      <c r="N210" s="6">
        <v>33</v>
      </c>
      <c r="O210" s="6">
        <v>968</v>
      </c>
      <c r="P210" s="6">
        <v>1689</v>
      </c>
      <c r="Q210" s="6">
        <v>194</v>
      </c>
      <c r="R210" s="6">
        <v>1729</v>
      </c>
      <c r="S210" s="6">
        <v>5</v>
      </c>
    </row>
    <row r="211" spans="1:19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55</v>
      </c>
      <c r="F211" s="9" t="s">
        <v>6</v>
      </c>
      <c r="G211" s="6">
        <v>23183</v>
      </c>
      <c r="H211" s="6">
        <v>179</v>
      </c>
      <c r="I211" s="6">
        <v>4962</v>
      </c>
      <c r="J211" s="6">
        <v>5657</v>
      </c>
      <c r="K211" s="6">
        <v>2540</v>
      </c>
      <c r="L211" s="6">
        <v>4341</v>
      </c>
      <c r="M211" s="6">
        <v>39</v>
      </c>
      <c r="N211" s="6">
        <v>1486</v>
      </c>
      <c r="O211" s="6">
        <v>1862</v>
      </c>
      <c r="P211" s="6">
        <v>44</v>
      </c>
      <c r="Q211" s="6">
        <v>47</v>
      </c>
      <c r="R211" s="6">
        <v>1969</v>
      </c>
      <c r="S211" s="6">
        <v>57</v>
      </c>
    </row>
    <row r="212" spans="1:19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122</v>
      </c>
      <c r="F212" s="9" t="s">
        <v>123</v>
      </c>
      <c r="G212" s="6">
        <v>1727</v>
      </c>
      <c r="H212" s="6">
        <v>4</v>
      </c>
      <c r="I212" s="10" t="s">
        <v>55</v>
      </c>
      <c r="J212" s="6">
        <v>70</v>
      </c>
      <c r="K212" s="6">
        <v>4</v>
      </c>
      <c r="L212" s="10" t="s">
        <v>55</v>
      </c>
      <c r="M212" s="10" t="s">
        <v>55</v>
      </c>
      <c r="N212" s="6">
        <v>1454</v>
      </c>
      <c r="O212" s="6">
        <v>24</v>
      </c>
      <c r="P212" s="10" t="s">
        <v>55</v>
      </c>
      <c r="Q212" s="10" t="s">
        <v>55</v>
      </c>
      <c r="R212" s="6">
        <v>171</v>
      </c>
      <c r="S212" s="10" t="s">
        <v>55</v>
      </c>
    </row>
    <row r="213" spans="1:19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122</v>
      </c>
      <c r="F213" s="9" t="s">
        <v>124</v>
      </c>
      <c r="G213" s="6">
        <v>1704</v>
      </c>
      <c r="H213" s="6">
        <v>3</v>
      </c>
      <c r="I213" s="10" t="s">
        <v>55</v>
      </c>
      <c r="J213" s="6">
        <v>55</v>
      </c>
      <c r="K213" s="6">
        <v>4</v>
      </c>
      <c r="L213" s="10" t="s">
        <v>55</v>
      </c>
      <c r="M213" s="10" t="s">
        <v>55</v>
      </c>
      <c r="N213" s="6">
        <v>1448</v>
      </c>
      <c r="O213" s="6">
        <v>23</v>
      </c>
      <c r="P213" s="10" t="s">
        <v>55</v>
      </c>
      <c r="Q213" s="10" t="s">
        <v>55</v>
      </c>
      <c r="R213" s="6">
        <v>171</v>
      </c>
      <c r="S213" s="10" t="s">
        <v>55</v>
      </c>
    </row>
    <row r="214" spans="1:19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122</v>
      </c>
      <c r="F214" s="9" t="s">
        <v>125</v>
      </c>
      <c r="G214" s="6">
        <v>3</v>
      </c>
      <c r="H214" s="10" t="s">
        <v>55</v>
      </c>
      <c r="I214" s="10" t="s">
        <v>55</v>
      </c>
      <c r="J214" s="6">
        <v>1</v>
      </c>
      <c r="K214" s="6">
        <v>1</v>
      </c>
      <c r="L214" s="10" t="s">
        <v>55</v>
      </c>
      <c r="M214" s="10" t="s">
        <v>55</v>
      </c>
      <c r="N214" s="6">
        <v>1</v>
      </c>
      <c r="O214" s="10" t="s">
        <v>55</v>
      </c>
      <c r="P214" s="10" t="s">
        <v>55</v>
      </c>
      <c r="Q214" s="10" t="s">
        <v>55</v>
      </c>
      <c r="R214" s="10" t="s">
        <v>55</v>
      </c>
      <c r="S214" s="10" t="s">
        <v>55</v>
      </c>
    </row>
    <row r="215" spans="1:19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126</v>
      </c>
      <c r="F215" s="9" t="s">
        <v>127</v>
      </c>
      <c r="G215" s="6">
        <v>5</v>
      </c>
      <c r="H215" s="10" t="s">
        <v>55</v>
      </c>
      <c r="I215" s="10" t="s">
        <v>55</v>
      </c>
      <c r="J215" s="6">
        <v>5</v>
      </c>
      <c r="K215" s="10" t="s">
        <v>55</v>
      </c>
      <c r="L215" s="10" t="s">
        <v>55</v>
      </c>
      <c r="M215" s="10" t="s">
        <v>55</v>
      </c>
      <c r="N215" s="10" t="s">
        <v>55</v>
      </c>
      <c r="O215" s="10" t="s">
        <v>55</v>
      </c>
      <c r="P215" s="10" t="s">
        <v>55</v>
      </c>
      <c r="Q215" s="10" t="s">
        <v>55</v>
      </c>
      <c r="R215" s="10" t="s">
        <v>55</v>
      </c>
      <c r="S215" s="10" t="s">
        <v>55</v>
      </c>
    </row>
    <row r="216" spans="1:19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126</v>
      </c>
      <c r="F216" s="9" t="s">
        <v>128</v>
      </c>
      <c r="G216" s="6">
        <v>646</v>
      </c>
      <c r="H216" s="6">
        <v>28</v>
      </c>
      <c r="I216" s="6">
        <v>16</v>
      </c>
      <c r="J216" s="6">
        <v>511</v>
      </c>
      <c r="K216" s="6">
        <v>13</v>
      </c>
      <c r="L216" s="6">
        <v>1</v>
      </c>
      <c r="M216" s="10" t="s">
        <v>55</v>
      </c>
      <c r="N216" s="10" t="s">
        <v>55</v>
      </c>
      <c r="O216" s="6">
        <v>14</v>
      </c>
      <c r="P216" s="6">
        <v>4</v>
      </c>
      <c r="Q216" s="6">
        <v>37</v>
      </c>
      <c r="R216" s="6">
        <v>22</v>
      </c>
      <c r="S216" s="10" t="s">
        <v>55</v>
      </c>
    </row>
    <row r="217" spans="1:19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126</v>
      </c>
      <c r="F217" s="9" t="s">
        <v>129</v>
      </c>
      <c r="G217" s="6">
        <v>2067</v>
      </c>
      <c r="H217" s="6">
        <v>15</v>
      </c>
      <c r="I217" s="6">
        <v>27</v>
      </c>
      <c r="J217" s="6">
        <v>542</v>
      </c>
      <c r="K217" s="6">
        <v>21</v>
      </c>
      <c r="L217" s="6">
        <v>3</v>
      </c>
      <c r="M217" s="6">
        <v>1</v>
      </c>
      <c r="N217" s="6">
        <v>1</v>
      </c>
      <c r="O217" s="6">
        <v>1260</v>
      </c>
      <c r="P217" s="6">
        <v>2</v>
      </c>
      <c r="Q217" s="6">
        <v>4</v>
      </c>
      <c r="R217" s="6">
        <v>191</v>
      </c>
      <c r="S217" s="10" t="s">
        <v>55</v>
      </c>
    </row>
    <row r="218" spans="1:19">
      <c r="A218" s="9" t="s">
        <v>56</v>
      </c>
      <c r="B218" s="9" t="s">
        <v>57</v>
      </c>
      <c r="C218" s="9" t="s">
        <v>59</v>
      </c>
      <c r="D218" s="9" t="s">
        <v>54</v>
      </c>
      <c r="E218" s="9" t="s">
        <v>130</v>
      </c>
      <c r="F218" s="9" t="s">
        <v>131</v>
      </c>
      <c r="G218" s="6">
        <v>28</v>
      </c>
      <c r="H218" s="10" t="s">
        <v>55</v>
      </c>
      <c r="I218" s="6">
        <v>3</v>
      </c>
      <c r="J218" s="6">
        <v>20</v>
      </c>
      <c r="K218" s="6">
        <v>3</v>
      </c>
      <c r="L218" s="10" t="s">
        <v>55</v>
      </c>
      <c r="M218" s="10" t="s">
        <v>55</v>
      </c>
      <c r="N218" s="10" t="s">
        <v>55</v>
      </c>
      <c r="O218" s="10" t="s">
        <v>55</v>
      </c>
      <c r="P218" s="6">
        <v>1</v>
      </c>
      <c r="Q218" s="6">
        <v>1</v>
      </c>
      <c r="R218" s="10" t="s">
        <v>55</v>
      </c>
      <c r="S218" s="10" t="s">
        <v>55</v>
      </c>
    </row>
    <row r="219" spans="1:19">
      <c r="A219" s="9" t="s">
        <v>56</v>
      </c>
      <c r="B219" s="9" t="s">
        <v>57</v>
      </c>
      <c r="C219" s="9" t="s">
        <v>59</v>
      </c>
      <c r="D219" s="9" t="s">
        <v>54</v>
      </c>
      <c r="E219" s="9" t="s">
        <v>130</v>
      </c>
      <c r="F219" s="9" t="s">
        <v>132</v>
      </c>
      <c r="G219" s="6">
        <v>66</v>
      </c>
      <c r="H219" s="6">
        <v>1</v>
      </c>
      <c r="I219" s="6">
        <v>23</v>
      </c>
      <c r="J219" s="6">
        <v>32</v>
      </c>
      <c r="K219" s="6">
        <v>7</v>
      </c>
      <c r="L219" s="6">
        <v>1</v>
      </c>
      <c r="M219" s="10" t="s">
        <v>55</v>
      </c>
      <c r="N219" s="10" t="s">
        <v>55</v>
      </c>
      <c r="O219" s="6">
        <v>2</v>
      </c>
      <c r="P219" s="10" t="s">
        <v>55</v>
      </c>
      <c r="Q219" s="10" t="s">
        <v>55</v>
      </c>
      <c r="R219" s="10" t="s">
        <v>55</v>
      </c>
      <c r="S219" s="10" t="s">
        <v>55</v>
      </c>
    </row>
    <row r="220" spans="1:19">
      <c r="A220" s="9" t="s">
        <v>56</v>
      </c>
      <c r="B220" s="9" t="s">
        <v>57</v>
      </c>
      <c r="C220" s="9" t="s">
        <v>59</v>
      </c>
      <c r="D220" s="9" t="s">
        <v>54</v>
      </c>
      <c r="E220" s="9" t="s">
        <v>130</v>
      </c>
      <c r="F220" s="9" t="s">
        <v>133</v>
      </c>
      <c r="G220" s="6">
        <v>517</v>
      </c>
      <c r="H220" s="6">
        <v>4</v>
      </c>
      <c r="I220" s="6">
        <v>1</v>
      </c>
      <c r="J220" s="6">
        <v>302</v>
      </c>
      <c r="K220" s="6">
        <v>3</v>
      </c>
      <c r="L220" s="6">
        <v>7</v>
      </c>
      <c r="M220" s="10" t="s">
        <v>55</v>
      </c>
      <c r="N220" s="10" t="s">
        <v>55</v>
      </c>
      <c r="O220" s="6">
        <v>10</v>
      </c>
      <c r="P220" s="6">
        <v>24</v>
      </c>
      <c r="Q220" s="6">
        <v>2</v>
      </c>
      <c r="R220" s="6">
        <v>164</v>
      </c>
      <c r="S220" s="10" t="s">
        <v>55</v>
      </c>
    </row>
    <row r="221" spans="1:19">
      <c r="A221" s="9" t="s">
        <v>56</v>
      </c>
      <c r="B221" s="9" t="s">
        <v>57</v>
      </c>
      <c r="C221" s="9" t="s">
        <v>59</v>
      </c>
      <c r="D221" s="9" t="s">
        <v>54</v>
      </c>
      <c r="E221" s="9" t="s">
        <v>130</v>
      </c>
      <c r="F221" s="9" t="s">
        <v>134</v>
      </c>
      <c r="G221" s="6">
        <v>4516</v>
      </c>
      <c r="H221" s="6">
        <v>41</v>
      </c>
      <c r="I221" s="6">
        <v>85</v>
      </c>
      <c r="J221" s="6">
        <v>1110</v>
      </c>
      <c r="K221" s="6">
        <v>2116</v>
      </c>
      <c r="L221" s="6">
        <v>44</v>
      </c>
      <c r="M221" s="10" t="s">
        <v>55</v>
      </c>
      <c r="N221" s="6">
        <v>21</v>
      </c>
      <c r="O221" s="6">
        <v>425</v>
      </c>
      <c r="P221" s="6">
        <v>3</v>
      </c>
      <c r="Q221" s="6">
        <v>1</v>
      </c>
      <c r="R221" s="6">
        <v>670</v>
      </c>
      <c r="S221" s="10" t="s">
        <v>55</v>
      </c>
    </row>
    <row r="222" spans="1:19">
      <c r="A222" s="9" t="s">
        <v>56</v>
      </c>
      <c r="B222" s="9" t="s">
        <v>57</v>
      </c>
      <c r="C222" s="9" t="s">
        <v>59</v>
      </c>
      <c r="D222" s="9" t="s">
        <v>54</v>
      </c>
      <c r="E222" s="9" t="s">
        <v>130</v>
      </c>
      <c r="F222" s="9" t="s">
        <v>135</v>
      </c>
      <c r="G222" s="6">
        <v>526</v>
      </c>
      <c r="H222" s="6">
        <v>1</v>
      </c>
      <c r="I222" s="6">
        <v>1</v>
      </c>
      <c r="J222" s="6">
        <v>311</v>
      </c>
      <c r="K222" s="6">
        <v>209</v>
      </c>
      <c r="L222" s="6">
        <v>4</v>
      </c>
      <c r="M222" s="10" t="s">
        <v>55</v>
      </c>
      <c r="N222" s="10" t="s">
        <v>55</v>
      </c>
      <c r="O222" s="10" t="s">
        <v>55</v>
      </c>
      <c r="P222" s="10" t="s">
        <v>55</v>
      </c>
      <c r="Q222" s="10" t="s">
        <v>55</v>
      </c>
      <c r="R222" s="10" t="s">
        <v>55</v>
      </c>
      <c r="S222" s="10" t="s">
        <v>55</v>
      </c>
    </row>
    <row r="223" spans="1:19">
      <c r="A223" s="9" t="s">
        <v>56</v>
      </c>
      <c r="B223" s="9" t="s">
        <v>57</v>
      </c>
      <c r="C223" s="9" t="s">
        <v>59</v>
      </c>
      <c r="D223" s="9" t="s">
        <v>54</v>
      </c>
      <c r="E223" s="9" t="s">
        <v>130</v>
      </c>
      <c r="F223" s="9" t="s">
        <v>136</v>
      </c>
      <c r="G223" s="6">
        <v>212</v>
      </c>
      <c r="H223" s="6">
        <v>11</v>
      </c>
      <c r="I223" s="6">
        <v>3</v>
      </c>
      <c r="J223" s="6">
        <v>120</v>
      </c>
      <c r="K223" s="6">
        <v>28</v>
      </c>
      <c r="L223" s="6">
        <v>37</v>
      </c>
      <c r="M223" s="10" t="s">
        <v>55</v>
      </c>
      <c r="N223" s="10" t="s">
        <v>55</v>
      </c>
      <c r="O223" s="6">
        <v>3</v>
      </c>
      <c r="P223" s="6">
        <v>1</v>
      </c>
      <c r="Q223" s="10" t="s">
        <v>55</v>
      </c>
      <c r="R223" s="6">
        <v>9</v>
      </c>
      <c r="S223" s="10" t="s">
        <v>55</v>
      </c>
    </row>
    <row r="224" spans="1:19">
      <c r="A224" s="9" t="s">
        <v>56</v>
      </c>
      <c r="B224" s="9" t="s">
        <v>57</v>
      </c>
      <c r="C224" s="9" t="s">
        <v>59</v>
      </c>
      <c r="D224" s="9" t="s">
        <v>54</v>
      </c>
      <c r="E224" s="9" t="s">
        <v>130</v>
      </c>
      <c r="F224" s="9" t="s">
        <v>137</v>
      </c>
      <c r="G224" s="6">
        <v>301</v>
      </c>
      <c r="H224" s="6">
        <v>4</v>
      </c>
      <c r="I224" s="6">
        <v>40</v>
      </c>
      <c r="J224" s="6">
        <v>209</v>
      </c>
      <c r="K224" s="6">
        <v>1</v>
      </c>
      <c r="L224" s="6">
        <v>18</v>
      </c>
      <c r="M224" s="10" t="s">
        <v>55</v>
      </c>
      <c r="N224" s="6">
        <v>7</v>
      </c>
      <c r="O224" s="6">
        <v>16</v>
      </c>
      <c r="P224" s="10" t="s">
        <v>55</v>
      </c>
      <c r="Q224" s="6">
        <v>1</v>
      </c>
      <c r="R224" s="6">
        <v>5</v>
      </c>
      <c r="S224" s="10" t="s">
        <v>55</v>
      </c>
    </row>
    <row r="225" spans="1:19">
      <c r="A225" s="9" t="s">
        <v>56</v>
      </c>
      <c r="B225" s="9" t="s">
        <v>57</v>
      </c>
      <c r="C225" s="9" t="s">
        <v>59</v>
      </c>
      <c r="D225" s="9" t="s">
        <v>54</v>
      </c>
      <c r="E225" s="9" t="s">
        <v>130</v>
      </c>
      <c r="F225" s="9" t="s">
        <v>138</v>
      </c>
      <c r="G225" s="6">
        <v>1166</v>
      </c>
      <c r="H225" s="6">
        <v>6</v>
      </c>
      <c r="I225" s="6">
        <v>13</v>
      </c>
      <c r="J225" s="6">
        <v>46</v>
      </c>
      <c r="K225" s="6">
        <v>44</v>
      </c>
      <c r="L225" s="6">
        <v>919</v>
      </c>
      <c r="M225" s="10" t="s">
        <v>55</v>
      </c>
      <c r="N225" s="10" t="s">
        <v>55</v>
      </c>
      <c r="O225" s="6">
        <v>12</v>
      </c>
      <c r="P225" s="10" t="s">
        <v>55</v>
      </c>
      <c r="Q225" s="10" t="s">
        <v>55</v>
      </c>
      <c r="R225" s="6">
        <v>126</v>
      </c>
      <c r="S225" s="10" t="s">
        <v>55</v>
      </c>
    </row>
    <row r="226" spans="1:19">
      <c r="A226" s="9" t="s">
        <v>56</v>
      </c>
      <c r="B226" s="9" t="s">
        <v>57</v>
      </c>
      <c r="C226" s="9" t="s">
        <v>59</v>
      </c>
      <c r="D226" s="9" t="s">
        <v>54</v>
      </c>
      <c r="E226" s="9" t="s">
        <v>130</v>
      </c>
      <c r="F226" s="9" t="s">
        <v>139</v>
      </c>
      <c r="G226" s="6">
        <v>781</v>
      </c>
      <c r="H226" s="6">
        <v>3</v>
      </c>
      <c r="I226" s="6">
        <v>24</v>
      </c>
      <c r="J226" s="6">
        <v>91</v>
      </c>
      <c r="K226" s="6">
        <v>58</v>
      </c>
      <c r="L226" s="6">
        <v>450</v>
      </c>
      <c r="M226" s="10" t="s">
        <v>55</v>
      </c>
      <c r="N226" s="10" t="s">
        <v>55</v>
      </c>
      <c r="O226" s="6">
        <v>18</v>
      </c>
      <c r="P226" s="10" t="s">
        <v>55</v>
      </c>
      <c r="Q226" s="10" t="s">
        <v>55</v>
      </c>
      <c r="R226" s="6">
        <v>137</v>
      </c>
      <c r="S226" s="10" t="s">
        <v>55</v>
      </c>
    </row>
    <row r="227" spans="1:19">
      <c r="A227" s="9" t="s">
        <v>56</v>
      </c>
      <c r="B227" s="9" t="s">
        <v>57</v>
      </c>
      <c r="C227" s="9" t="s">
        <v>59</v>
      </c>
      <c r="D227" s="9" t="s">
        <v>54</v>
      </c>
      <c r="E227" s="9" t="s">
        <v>130</v>
      </c>
      <c r="F227" s="9" t="s">
        <v>140</v>
      </c>
      <c r="G227" s="6">
        <v>1151</v>
      </c>
      <c r="H227" s="6">
        <v>2</v>
      </c>
      <c r="I227" s="6">
        <v>795</v>
      </c>
      <c r="J227" s="6">
        <v>225</v>
      </c>
      <c r="K227" s="6">
        <v>4</v>
      </c>
      <c r="L227" s="6">
        <v>106</v>
      </c>
      <c r="M227" s="10" t="s">
        <v>55</v>
      </c>
      <c r="N227" s="10" t="s">
        <v>55</v>
      </c>
      <c r="O227" s="6">
        <v>2</v>
      </c>
      <c r="P227" s="6">
        <v>2</v>
      </c>
      <c r="Q227" s="10" t="s">
        <v>55</v>
      </c>
      <c r="R227" s="6">
        <v>15</v>
      </c>
      <c r="S227" s="10" t="s">
        <v>55</v>
      </c>
    </row>
    <row r="228" spans="1:19">
      <c r="A228" s="9" t="s">
        <v>56</v>
      </c>
      <c r="B228" s="9" t="s">
        <v>57</v>
      </c>
      <c r="C228" s="9" t="s">
        <v>59</v>
      </c>
      <c r="D228" s="9" t="s">
        <v>54</v>
      </c>
      <c r="E228" s="9" t="s">
        <v>130</v>
      </c>
      <c r="F228" s="9" t="s">
        <v>141</v>
      </c>
      <c r="G228" s="6">
        <v>7644</v>
      </c>
      <c r="H228" s="6">
        <v>33</v>
      </c>
      <c r="I228" s="6">
        <v>3792</v>
      </c>
      <c r="J228" s="6">
        <v>922</v>
      </c>
      <c r="K228" s="10" t="s">
        <v>55</v>
      </c>
      <c r="L228" s="6">
        <v>2691</v>
      </c>
      <c r="M228" s="6">
        <v>4</v>
      </c>
      <c r="N228" s="10" t="s">
        <v>55</v>
      </c>
      <c r="O228" s="6">
        <v>51</v>
      </c>
      <c r="P228" s="6">
        <v>5</v>
      </c>
      <c r="Q228" s="10" t="s">
        <v>55</v>
      </c>
      <c r="R228" s="6">
        <v>145</v>
      </c>
      <c r="S228" s="6">
        <v>1</v>
      </c>
    </row>
    <row r="229" spans="1:19">
      <c r="A229" s="9" t="s">
        <v>56</v>
      </c>
      <c r="B229" s="9" t="s">
        <v>57</v>
      </c>
      <c r="C229" s="9" t="s">
        <v>59</v>
      </c>
      <c r="D229" s="9" t="s">
        <v>54</v>
      </c>
      <c r="E229" s="9" t="s">
        <v>130</v>
      </c>
      <c r="F229" s="9" t="s">
        <v>142</v>
      </c>
      <c r="G229" s="6">
        <v>221</v>
      </c>
      <c r="H229" s="6">
        <v>1</v>
      </c>
      <c r="I229" s="6">
        <v>4</v>
      </c>
      <c r="J229" s="6">
        <v>185</v>
      </c>
      <c r="K229" s="6">
        <v>20</v>
      </c>
      <c r="L229" s="6">
        <v>1</v>
      </c>
      <c r="M229" s="10" t="s">
        <v>55</v>
      </c>
      <c r="N229" s="6">
        <v>1</v>
      </c>
      <c r="O229" s="6">
        <v>1</v>
      </c>
      <c r="P229" s="10" t="s">
        <v>55</v>
      </c>
      <c r="Q229" s="10" t="s">
        <v>55</v>
      </c>
      <c r="R229" s="6">
        <v>8</v>
      </c>
      <c r="S229" s="10" t="s">
        <v>55</v>
      </c>
    </row>
    <row r="230" spans="1:19">
      <c r="A230" s="9" t="s">
        <v>56</v>
      </c>
      <c r="B230" s="9" t="s">
        <v>57</v>
      </c>
      <c r="C230" s="9" t="s">
        <v>59</v>
      </c>
      <c r="D230" s="9" t="s">
        <v>54</v>
      </c>
      <c r="E230" s="9" t="s">
        <v>130</v>
      </c>
      <c r="F230" s="9" t="s">
        <v>143</v>
      </c>
      <c r="G230" s="6">
        <v>906</v>
      </c>
      <c r="H230" s="6">
        <v>15</v>
      </c>
      <c r="I230" s="6">
        <v>43</v>
      </c>
      <c r="J230" s="6">
        <v>463</v>
      </c>
      <c r="K230" s="6">
        <v>8</v>
      </c>
      <c r="L230" s="6">
        <v>55</v>
      </c>
      <c r="M230" s="6">
        <v>5</v>
      </c>
      <c r="N230" s="6">
        <v>1</v>
      </c>
      <c r="O230" s="6">
        <v>21</v>
      </c>
      <c r="P230" s="6">
        <v>1</v>
      </c>
      <c r="Q230" s="10" t="s">
        <v>55</v>
      </c>
      <c r="R230" s="6">
        <v>294</v>
      </c>
      <c r="S230" s="10" t="s">
        <v>55</v>
      </c>
    </row>
    <row r="231" spans="1:19">
      <c r="A231" s="9" t="s">
        <v>56</v>
      </c>
      <c r="B231" s="9" t="s">
        <v>57</v>
      </c>
      <c r="C231" s="9" t="s">
        <v>59</v>
      </c>
      <c r="D231" s="9" t="s">
        <v>54</v>
      </c>
      <c r="E231" s="9" t="s">
        <v>130</v>
      </c>
      <c r="F231" s="9" t="s">
        <v>144</v>
      </c>
      <c r="G231" s="6">
        <v>618</v>
      </c>
      <c r="H231" s="6">
        <v>10</v>
      </c>
      <c r="I231" s="6">
        <v>92</v>
      </c>
      <c r="J231" s="6">
        <v>479</v>
      </c>
      <c r="K231" s="10" t="s">
        <v>55</v>
      </c>
      <c r="L231" s="6">
        <v>1</v>
      </c>
      <c r="M231" s="6">
        <v>29</v>
      </c>
      <c r="N231" s="10" t="s">
        <v>55</v>
      </c>
      <c r="O231" s="10" t="s">
        <v>55</v>
      </c>
      <c r="P231" s="6">
        <v>1</v>
      </c>
      <c r="Q231" s="6">
        <v>1</v>
      </c>
      <c r="R231" s="6">
        <v>5</v>
      </c>
      <c r="S231" s="10" t="s">
        <v>55</v>
      </c>
    </row>
    <row r="232" spans="1:19">
      <c r="A232" s="9" t="s">
        <v>56</v>
      </c>
      <c r="B232" s="9" t="s">
        <v>57</v>
      </c>
      <c r="C232" s="9" t="s">
        <v>59</v>
      </c>
      <c r="D232" s="9" t="s">
        <v>54</v>
      </c>
      <c r="E232" s="9" t="s">
        <v>55</v>
      </c>
      <c r="F232" s="9" t="s">
        <v>145</v>
      </c>
      <c r="G232" s="6">
        <v>82</v>
      </c>
      <c r="H232" s="10" t="s">
        <v>55</v>
      </c>
      <c r="I232" s="10" t="s">
        <v>55</v>
      </c>
      <c r="J232" s="6">
        <v>13</v>
      </c>
      <c r="K232" s="10" t="s">
        <v>55</v>
      </c>
      <c r="L232" s="6">
        <v>3</v>
      </c>
      <c r="M232" s="10" t="s">
        <v>55</v>
      </c>
      <c r="N232" s="10" t="s">
        <v>55</v>
      </c>
      <c r="O232" s="6">
        <v>3</v>
      </c>
      <c r="P232" s="10" t="s">
        <v>55</v>
      </c>
      <c r="Q232" s="10" t="s">
        <v>55</v>
      </c>
      <c r="R232" s="6">
        <v>7</v>
      </c>
      <c r="S232" s="6">
        <v>56</v>
      </c>
    </row>
    <row r="233" spans="1:19">
      <c r="A233" s="9" t="s">
        <v>56</v>
      </c>
      <c r="B233" s="9" t="s">
        <v>57</v>
      </c>
      <c r="C233" s="9" t="s">
        <v>59</v>
      </c>
      <c r="D233" s="9" t="s">
        <v>54</v>
      </c>
      <c r="E233" s="9" t="s">
        <v>55</v>
      </c>
      <c r="F233" s="9" t="s">
        <v>146</v>
      </c>
      <c r="G233" s="6">
        <v>1730</v>
      </c>
      <c r="H233" s="6">
        <v>4</v>
      </c>
      <c r="I233" s="10" t="s">
        <v>55</v>
      </c>
      <c r="J233" s="6">
        <v>71</v>
      </c>
      <c r="K233" s="6">
        <v>5</v>
      </c>
      <c r="L233" s="10" t="s">
        <v>55</v>
      </c>
      <c r="M233" s="10" t="s">
        <v>55</v>
      </c>
      <c r="N233" s="6">
        <v>1455</v>
      </c>
      <c r="O233" s="6">
        <v>24</v>
      </c>
      <c r="P233" s="10" t="s">
        <v>55</v>
      </c>
      <c r="Q233" s="10" t="s">
        <v>55</v>
      </c>
      <c r="R233" s="6">
        <v>171</v>
      </c>
      <c r="S233" s="10" t="s">
        <v>55</v>
      </c>
    </row>
    <row r="234" spans="1:19">
      <c r="A234" s="9" t="s">
        <v>56</v>
      </c>
      <c r="B234" s="9" t="s">
        <v>57</v>
      </c>
      <c r="C234" s="9" t="s">
        <v>59</v>
      </c>
      <c r="D234" s="9" t="s">
        <v>54</v>
      </c>
      <c r="E234" s="9" t="s">
        <v>55</v>
      </c>
      <c r="F234" s="9" t="s">
        <v>147</v>
      </c>
      <c r="G234" s="6">
        <v>2718</v>
      </c>
      <c r="H234" s="6">
        <v>43</v>
      </c>
      <c r="I234" s="6">
        <v>43</v>
      </c>
      <c r="J234" s="6">
        <v>1058</v>
      </c>
      <c r="K234" s="6">
        <v>34</v>
      </c>
      <c r="L234" s="6">
        <v>4</v>
      </c>
      <c r="M234" s="6">
        <v>1</v>
      </c>
      <c r="N234" s="6">
        <v>1</v>
      </c>
      <c r="O234" s="6">
        <v>1274</v>
      </c>
      <c r="P234" s="6">
        <v>6</v>
      </c>
      <c r="Q234" s="6">
        <v>41</v>
      </c>
      <c r="R234" s="6">
        <v>213</v>
      </c>
      <c r="S234" s="10" t="s">
        <v>55</v>
      </c>
    </row>
    <row r="235" spans="1:19">
      <c r="A235" s="9" t="s">
        <v>56</v>
      </c>
      <c r="B235" s="9" t="s">
        <v>57</v>
      </c>
      <c r="C235" s="9" t="s">
        <v>59</v>
      </c>
      <c r="D235" s="9" t="s">
        <v>54</v>
      </c>
      <c r="E235" s="9" t="s">
        <v>55</v>
      </c>
      <c r="F235" s="9" t="s">
        <v>148</v>
      </c>
      <c r="G235" s="6">
        <v>18653</v>
      </c>
      <c r="H235" s="6">
        <v>132</v>
      </c>
      <c r="I235" s="6">
        <v>4919</v>
      </c>
      <c r="J235" s="6">
        <v>4515</v>
      </c>
      <c r="K235" s="6">
        <v>2501</v>
      </c>
      <c r="L235" s="6">
        <v>4334</v>
      </c>
      <c r="M235" s="6">
        <v>38</v>
      </c>
      <c r="N235" s="6">
        <v>30</v>
      </c>
      <c r="O235" s="6">
        <v>561</v>
      </c>
      <c r="P235" s="6">
        <v>38</v>
      </c>
      <c r="Q235" s="6">
        <v>6</v>
      </c>
      <c r="R235" s="6">
        <v>1578</v>
      </c>
      <c r="S235" s="6">
        <v>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28" orientation="portrait" r:id="rId1"/>
</worksheet>
</file>

<file path=xl/worksheets/sheet2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E498EDA-D54B-4D83-8933-27F12DDCFCD3}">
  <sheetPr>
    <pageSetUpPr fitToPage="1"/>
  </sheetPr>
  <dimension ref="A1:Q217"/>
  <sheetViews>
    <sheetView zoomScaleNormal="100" workbookViewId="0">
      <pane xSplit="5" ySplit="10" topLeftCell="F11" activePane="bottomRight" state="frozen"/>
      <selection activeCell="E5" sqref="E5"/>
      <selection pane="topRight" activeCell="E5" sqref="E5"/>
      <selection pane="bottomLeft" activeCell="E5" sqref="E5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0" style="11" customWidth="1"/>
    <col min="6" max="16384" width="12.625" style="11"/>
  </cols>
  <sheetData>
    <row r="1" spans="1:17" s="1" customFormat="1">
      <c r="A1" s="1" t="s">
        <v>0</v>
      </c>
    </row>
    <row r="2" spans="1:17" s="1" customFormat="1">
      <c r="A2" s="1" t="s">
        <v>179</v>
      </c>
    </row>
    <row r="3" spans="1:17" s="1" customFormat="1"/>
    <row r="4" spans="1:17" s="1" customFormat="1" hidden="1"/>
    <row r="5" spans="1:17" s="1" customFormat="1"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</row>
    <row r="6" spans="1:17" s="1" customFormat="1" ht="36">
      <c r="F6" s="3" t="s">
        <v>180</v>
      </c>
      <c r="G6" s="3" t="s">
        <v>180</v>
      </c>
      <c r="H6" s="3" t="s">
        <v>180</v>
      </c>
      <c r="I6" s="3" t="s">
        <v>180</v>
      </c>
      <c r="J6" s="3" t="s">
        <v>180</v>
      </c>
      <c r="K6" s="3" t="s">
        <v>180</v>
      </c>
      <c r="L6" s="3" t="s">
        <v>180</v>
      </c>
      <c r="M6" s="3" t="s">
        <v>180</v>
      </c>
      <c r="N6" s="3" t="s">
        <v>180</v>
      </c>
      <c r="O6" s="3" t="s">
        <v>180</v>
      </c>
      <c r="P6" s="3" t="s">
        <v>180</v>
      </c>
      <c r="Q6" s="3" t="s">
        <v>180</v>
      </c>
    </row>
    <row r="7" spans="1:17" s="1" customFormat="1">
      <c r="F7" s="3">
        <v>1</v>
      </c>
      <c r="G7" s="3">
        <v>1</v>
      </c>
      <c r="H7" s="3">
        <v>2</v>
      </c>
      <c r="I7" s="3">
        <v>2</v>
      </c>
      <c r="J7" s="3">
        <v>2</v>
      </c>
      <c r="K7" s="3">
        <v>2</v>
      </c>
      <c r="L7" s="3">
        <v>2</v>
      </c>
      <c r="M7" s="3">
        <v>2</v>
      </c>
      <c r="N7" s="3">
        <v>2</v>
      </c>
      <c r="O7" s="3">
        <v>1</v>
      </c>
      <c r="P7" s="3">
        <v>1</v>
      </c>
      <c r="Q7" s="3">
        <v>1</v>
      </c>
    </row>
    <row r="8" spans="1:17" s="1" customFormat="1" ht="24">
      <c r="F8" s="3" t="s">
        <v>6</v>
      </c>
      <c r="G8" s="3" t="s">
        <v>181</v>
      </c>
      <c r="H8" s="3" t="s">
        <v>182</v>
      </c>
      <c r="I8" s="3" t="s">
        <v>183</v>
      </c>
      <c r="J8" s="3" t="s">
        <v>184</v>
      </c>
      <c r="K8" s="3" t="s">
        <v>185</v>
      </c>
      <c r="L8" s="3" t="s">
        <v>186</v>
      </c>
      <c r="M8" s="3" t="s">
        <v>187</v>
      </c>
      <c r="N8" s="3" t="s">
        <v>188</v>
      </c>
      <c r="O8" s="3" t="s">
        <v>189</v>
      </c>
      <c r="P8" s="3" t="s">
        <v>190</v>
      </c>
      <c r="Q8" s="3" t="s">
        <v>191</v>
      </c>
    </row>
    <row r="9" spans="1:17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</row>
    <row r="10" spans="1:17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5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</row>
    <row r="11" spans="1:17">
      <c r="A11" s="5" t="s">
        <v>27</v>
      </c>
      <c r="B11" s="5" t="s">
        <v>28</v>
      </c>
      <c r="C11" s="5" t="s">
        <v>29</v>
      </c>
      <c r="D11" s="5" t="s">
        <v>6</v>
      </c>
      <c r="E11" s="5" t="s">
        <v>30</v>
      </c>
      <c r="F11" s="6">
        <v>108258569</v>
      </c>
      <c r="G11" s="6">
        <v>100763239</v>
      </c>
      <c r="H11" s="6">
        <v>804293</v>
      </c>
      <c r="I11" s="6">
        <v>11264129</v>
      </c>
      <c r="J11" s="6">
        <v>37845056</v>
      </c>
      <c r="K11" s="6">
        <v>13890514</v>
      </c>
      <c r="L11" s="6">
        <v>19839068</v>
      </c>
      <c r="M11" s="6">
        <v>2060874</v>
      </c>
      <c r="N11" s="6">
        <v>15059305</v>
      </c>
      <c r="O11" s="6">
        <v>7398324</v>
      </c>
      <c r="P11" s="6">
        <v>94455</v>
      </c>
      <c r="Q11" s="6">
        <v>2551</v>
      </c>
    </row>
    <row r="12" spans="1:17">
      <c r="A12" s="9" t="s">
        <v>27</v>
      </c>
      <c r="B12" s="9" t="s">
        <v>28</v>
      </c>
      <c r="C12" s="9" t="s">
        <v>29</v>
      </c>
      <c r="D12" s="9" t="s">
        <v>6</v>
      </c>
      <c r="E12" s="9" t="s">
        <v>31</v>
      </c>
      <c r="F12" s="6">
        <v>5617440</v>
      </c>
      <c r="G12" s="6">
        <v>531395</v>
      </c>
      <c r="H12" s="6">
        <v>302</v>
      </c>
      <c r="I12" s="6">
        <v>79717</v>
      </c>
      <c r="J12" s="6">
        <v>451327</v>
      </c>
      <c r="K12" s="6">
        <v>1</v>
      </c>
      <c r="L12" s="10" t="s">
        <v>55</v>
      </c>
      <c r="M12" s="10" t="s">
        <v>55</v>
      </c>
      <c r="N12" s="6">
        <v>48</v>
      </c>
      <c r="O12" s="6">
        <v>5081758</v>
      </c>
      <c r="P12" s="6">
        <v>1760</v>
      </c>
      <c r="Q12" s="6">
        <v>2527</v>
      </c>
    </row>
    <row r="13" spans="1:17">
      <c r="A13" s="9" t="s">
        <v>27</v>
      </c>
      <c r="B13" s="9" t="s">
        <v>28</v>
      </c>
      <c r="C13" s="9" t="s">
        <v>29</v>
      </c>
      <c r="D13" s="9" t="s">
        <v>6</v>
      </c>
      <c r="E13" s="9" t="s">
        <v>32</v>
      </c>
      <c r="F13" s="6">
        <v>5931306</v>
      </c>
      <c r="G13" s="6">
        <v>3857934</v>
      </c>
      <c r="H13" s="6">
        <v>1084</v>
      </c>
      <c r="I13" s="6">
        <v>132896</v>
      </c>
      <c r="J13" s="6">
        <v>1581823</v>
      </c>
      <c r="K13" s="6">
        <v>658956</v>
      </c>
      <c r="L13" s="6">
        <v>880475</v>
      </c>
      <c r="M13" s="6">
        <v>15654</v>
      </c>
      <c r="N13" s="6">
        <v>587046</v>
      </c>
      <c r="O13" s="6">
        <v>2070737</v>
      </c>
      <c r="P13" s="6">
        <v>2632</v>
      </c>
      <c r="Q13" s="6">
        <v>3</v>
      </c>
    </row>
    <row r="14" spans="1:17">
      <c r="A14" s="9" t="s">
        <v>27</v>
      </c>
      <c r="B14" s="9" t="s">
        <v>28</v>
      </c>
      <c r="C14" s="9" t="s">
        <v>29</v>
      </c>
      <c r="D14" s="9" t="s">
        <v>6</v>
      </c>
      <c r="E14" s="9" t="s">
        <v>33</v>
      </c>
      <c r="F14" s="6">
        <v>6031964</v>
      </c>
      <c r="G14" s="6">
        <v>5915724</v>
      </c>
      <c r="H14" s="6">
        <v>1424</v>
      </c>
      <c r="I14" s="6">
        <v>180518</v>
      </c>
      <c r="J14" s="6">
        <v>1463125</v>
      </c>
      <c r="K14" s="6">
        <v>843372</v>
      </c>
      <c r="L14" s="6">
        <v>1987256</v>
      </c>
      <c r="M14" s="6">
        <v>224893</v>
      </c>
      <c r="N14" s="6">
        <v>1215136</v>
      </c>
      <c r="O14" s="6">
        <v>113518</v>
      </c>
      <c r="P14" s="6">
        <v>2721</v>
      </c>
      <c r="Q14" s="6">
        <v>1</v>
      </c>
    </row>
    <row r="15" spans="1:17">
      <c r="A15" s="9" t="s">
        <v>27</v>
      </c>
      <c r="B15" s="9" t="s">
        <v>28</v>
      </c>
      <c r="C15" s="9" t="s">
        <v>29</v>
      </c>
      <c r="D15" s="9" t="s">
        <v>6</v>
      </c>
      <c r="E15" s="9" t="s">
        <v>34</v>
      </c>
      <c r="F15" s="6">
        <v>6484594</v>
      </c>
      <c r="G15" s="6">
        <v>6439406</v>
      </c>
      <c r="H15" s="6">
        <v>1976</v>
      </c>
      <c r="I15" s="6">
        <v>245507</v>
      </c>
      <c r="J15" s="6">
        <v>1698433</v>
      </c>
      <c r="K15" s="6">
        <v>1017035</v>
      </c>
      <c r="L15" s="6">
        <v>1999926</v>
      </c>
      <c r="M15" s="6">
        <v>280511</v>
      </c>
      <c r="N15" s="6">
        <v>1196018</v>
      </c>
      <c r="O15" s="6">
        <v>41785</v>
      </c>
      <c r="P15" s="6">
        <v>3402</v>
      </c>
      <c r="Q15" s="6">
        <v>1</v>
      </c>
    </row>
    <row r="16" spans="1:17">
      <c r="A16" s="9" t="s">
        <v>27</v>
      </c>
      <c r="B16" s="9" t="s">
        <v>28</v>
      </c>
      <c r="C16" s="9" t="s">
        <v>29</v>
      </c>
      <c r="D16" s="9" t="s">
        <v>6</v>
      </c>
      <c r="E16" s="9" t="s">
        <v>35</v>
      </c>
      <c r="F16" s="6">
        <v>7311567</v>
      </c>
      <c r="G16" s="6">
        <v>7283015</v>
      </c>
      <c r="H16" s="6">
        <v>2245</v>
      </c>
      <c r="I16" s="6">
        <v>323153</v>
      </c>
      <c r="J16" s="6">
        <v>2074581</v>
      </c>
      <c r="K16" s="6">
        <v>1289650</v>
      </c>
      <c r="L16" s="6">
        <v>2010230</v>
      </c>
      <c r="M16" s="6">
        <v>299919</v>
      </c>
      <c r="N16" s="6">
        <v>1283237</v>
      </c>
      <c r="O16" s="6">
        <v>24758</v>
      </c>
      <c r="P16" s="6">
        <v>3794</v>
      </c>
      <c r="Q16" s="10" t="s">
        <v>55</v>
      </c>
    </row>
    <row r="17" spans="1:17">
      <c r="A17" s="9" t="s">
        <v>27</v>
      </c>
      <c r="B17" s="9" t="s">
        <v>28</v>
      </c>
      <c r="C17" s="9" t="s">
        <v>29</v>
      </c>
      <c r="D17" s="9" t="s">
        <v>6</v>
      </c>
      <c r="E17" s="9" t="s">
        <v>36</v>
      </c>
      <c r="F17" s="6">
        <v>8291077</v>
      </c>
      <c r="G17" s="6">
        <v>8268891</v>
      </c>
      <c r="H17" s="6">
        <v>2707</v>
      </c>
      <c r="I17" s="6">
        <v>343907</v>
      </c>
      <c r="J17" s="6">
        <v>2594956</v>
      </c>
      <c r="K17" s="6">
        <v>1685505</v>
      </c>
      <c r="L17" s="6">
        <v>2011850</v>
      </c>
      <c r="M17" s="6">
        <v>287319</v>
      </c>
      <c r="N17" s="6">
        <v>1342647</v>
      </c>
      <c r="O17" s="6">
        <v>17828</v>
      </c>
      <c r="P17" s="6">
        <v>4357</v>
      </c>
      <c r="Q17" s="6">
        <v>1</v>
      </c>
    </row>
    <row r="18" spans="1:17">
      <c r="A18" s="9" t="s">
        <v>27</v>
      </c>
      <c r="B18" s="9" t="s">
        <v>28</v>
      </c>
      <c r="C18" s="9" t="s">
        <v>29</v>
      </c>
      <c r="D18" s="9" t="s">
        <v>6</v>
      </c>
      <c r="E18" s="9" t="s">
        <v>37</v>
      </c>
      <c r="F18" s="6">
        <v>9650293</v>
      </c>
      <c r="G18" s="6">
        <v>9630129</v>
      </c>
      <c r="H18" s="6">
        <v>3456</v>
      </c>
      <c r="I18" s="6">
        <v>460020</v>
      </c>
      <c r="J18" s="6">
        <v>3437469</v>
      </c>
      <c r="K18" s="6">
        <v>2019554</v>
      </c>
      <c r="L18" s="6">
        <v>1993536</v>
      </c>
      <c r="M18" s="6">
        <v>255015</v>
      </c>
      <c r="N18" s="6">
        <v>1461079</v>
      </c>
      <c r="O18" s="6">
        <v>15062</v>
      </c>
      <c r="P18" s="6">
        <v>5102</v>
      </c>
      <c r="Q18" s="10" t="s">
        <v>55</v>
      </c>
    </row>
    <row r="19" spans="1:17">
      <c r="A19" s="9" t="s">
        <v>27</v>
      </c>
      <c r="B19" s="9" t="s">
        <v>28</v>
      </c>
      <c r="C19" s="9" t="s">
        <v>29</v>
      </c>
      <c r="D19" s="9" t="s">
        <v>6</v>
      </c>
      <c r="E19" s="9" t="s">
        <v>38</v>
      </c>
      <c r="F19" s="6">
        <v>8539851</v>
      </c>
      <c r="G19" s="6">
        <v>8524214</v>
      </c>
      <c r="H19" s="6">
        <v>3417</v>
      </c>
      <c r="I19" s="6">
        <v>429258</v>
      </c>
      <c r="J19" s="6">
        <v>3391507</v>
      </c>
      <c r="K19" s="6">
        <v>1598489</v>
      </c>
      <c r="L19" s="6">
        <v>1711743</v>
      </c>
      <c r="M19" s="6">
        <v>188017</v>
      </c>
      <c r="N19" s="6">
        <v>1201783</v>
      </c>
      <c r="O19" s="6">
        <v>10881</v>
      </c>
      <c r="P19" s="6">
        <v>4753</v>
      </c>
      <c r="Q19" s="6">
        <v>3</v>
      </c>
    </row>
    <row r="20" spans="1:17">
      <c r="A20" s="9" t="s">
        <v>27</v>
      </c>
      <c r="B20" s="9" t="s">
        <v>28</v>
      </c>
      <c r="C20" s="9" t="s">
        <v>29</v>
      </c>
      <c r="D20" s="9" t="s">
        <v>6</v>
      </c>
      <c r="E20" s="9" t="s">
        <v>39</v>
      </c>
      <c r="F20" s="6">
        <v>7767482</v>
      </c>
      <c r="G20" s="6">
        <v>7754474</v>
      </c>
      <c r="H20" s="6">
        <v>3246</v>
      </c>
      <c r="I20" s="6">
        <v>360394</v>
      </c>
      <c r="J20" s="6">
        <v>3336336</v>
      </c>
      <c r="K20" s="6">
        <v>1354670</v>
      </c>
      <c r="L20" s="6">
        <v>1636461</v>
      </c>
      <c r="M20" s="6">
        <v>154736</v>
      </c>
      <c r="N20" s="6">
        <v>908631</v>
      </c>
      <c r="O20" s="6">
        <v>7756</v>
      </c>
      <c r="P20" s="6">
        <v>5246</v>
      </c>
      <c r="Q20" s="6">
        <v>6</v>
      </c>
    </row>
    <row r="21" spans="1:17">
      <c r="A21" s="9" t="s">
        <v>27</v>
      </c>
      <c r="B21" s="9" t="s">
        <v>28</v>
      </c>
      <c r="C21" s="9" t="s">
        <v>29</v>
      </c>
      <c r="D21" s="9" t="s">
        <v>6</v>
      </c>
      <c r="E21" s="9" t="s">
        <v>40</v>
      </c>
      <c r="F21" s="6">
        <v>7297190</v>
      </c>
      <c r="G21" s="6">
        <v>7286366</v>
      </c>
      <c r="H21" s="6">
        <v>4308</v>
      </c>
      <c r="I21" s="6">
        <v>476174</v>
      </c>
      <c r="J21" s="6">
        <v>3167072</v>
      </c>
      <c r="K21" s="6">
        <v>1143191</v>
      </c>
      <c r="L21" s="6">
        <v>1628782</v>
      </c>
      <c r="M21" s="6">
        <v>116925</v>
      </c>
      <c r="N21" s="6">
        <v>749914</v>
      </c>
      <c r="O21" s="6">
        <v>4912</v>
      </c>
      <c r="P21" s="6">
        <v>5912</v>
      </c>
      <c r="Q21" s="10" t="s">
        <v>55</v>
      </c>
    </row>
    <row r="22" spans="1:17">
      <c r="A22" s="9" t="s">
        <v>27</v>
      </c>
      <c r="B22" s="9" t="s">
        <v>28</v>
      </c>
      <c r="C22" s="9" t="s">
        <v>29</v>
      </c>
      <c r="D22" s="9" t="s">
        <v>6</v>
      </c>
      <c r="E22" s="9" t="s">
        <v>41</v>
      </c>
      <c r="F22" s="6">
        <v>8075268</v>
      </c>
      <c r="G22" s="6">
        <v>8064174</v>
      </c>
      <c r="H22" s="6">
        <v>6333</v>
      </c>
      <c r="I22" s="6">
        <v>1081174</v>
      </c>
      <c r="J22" s="6">
        <v>3747154</v>
      </c>
      <c r="K22" s="6">
        <v>877126</v>
      </c>
      <c r="L22" s="6">
        <v>1387684</v>
      </c>
      <c r="M22" s="6">
        <v>91280</v>
      </c>
      <c r="N22" s="6">
        <v>873423</v>
      </c>
      <c r="O22" s="6">
        <v>3637</v>
      </c>
      <c r="P22" s="6">
        <v>7456</v>
      </c>
      <c r="Q22" s="6">
        <v>1</v>
      </c>
    </row>
    <row r="23" spans="1:17">
      <c r="A23" s="9" t="s">
        <v>27</v>
      </c>
      <c r="B23" s="9" t="s">
        <v>28</v>
      </c>
      <c r="C23" s="9" t="s">
        <v>29</v>
      </c>
      <c r="D23" s="9" t="s">
        <v>6</v>
      </c>
      <c r="E23" s="9" t="s">
        <v>42</v>
      </c>
      <c r="F23" s="6">
        <v>9011795</v>
      </c>
      <c r="G23" s="6">
        <v>9000784</v>
      </c>
      <c r="H23" s="6">
        <v>9217</v>
      </c>
      <c r="I23" s="6">
        <v>1767930</v>
      </c>
      <c r="J23" s="6">
        <v>4121584</v>
      </c>
      <c r="K23" s="6">
        <v>693714</v>
      </c>
      <c r="L23" s="6">
        <v>1187785</v>
      </c>
      <c r="M23" s="6">
        <v>73602</v>
      </c>
      <c r="N23" s="6">
        <v>1146952</v>
      </c>
      <c r="O23" s="6">
        <v>2604</v>
      </c>
      <c r="P23" s="6">
        <v>8404</v>
      </c>
      <c r="Q23" s="6">
        <v>3</v>
      </c>
    </row>
    <row r="24" spans="1:17">
      <c r="A24" s="9" t="s">
        <v>27</v>
      </c>
      <c r="B24" s="9" t="s">
        <v>28</v>
      </c>
      <c r="C24" s="9" t="s">
        <v>29</v>
      </c>
      <c r="D24" s="9" t="s">
        <v>6</v>
      </c>
      <c r="E24" s="9" t="s">
        <v>43</v>
      </c>
      <c r="F24" s="6">
        <v>6930928</v>
      </c>
      <c r="G24" s="6">
        <v>6921143</v>
      </c>
      <c r="H24" s="6">
        <v>20159</v>
      </c>
      <c r="I24" s="6">
        <v>1993569</v>
      </c>
      <c r="J24" s="6">
        <v>2823270</v>
      </c>
      <c r="K24" s="6">
        <v>331453</v>
      </c>
      <c r="L24" s="6">
        <v>676718</v>
      </c>
      <c r="M24" s="6">
        <v>39815</v>
      </c>
      <c r="N24" s="6">
        <v>1036159</v>
      </c>
      <c r="O24" s="6">
        <v>1572</v>
      </c>
      <c r="P24" s="6">
        <v>8212</v>
      </c>
      <c r="Q24" s="6">
        <v>1</v>
      </c>
    </row>
    <row r="25" spans="1:17">
      <c r="A25" s="9" t="s">
        <v>27</v>
      </c>
      <c r="B25" s="9" t="s">
        <v>28</v>
      </c>
      <c r="C25" s="9" t="s">
        <v>29</v>
      </c>
      <c r="D25" s="9" t="s">
        <v>6</v>
      </c>
      <c r="E25" s="9" t="s">
        <v>44</v>
      </c>
      <c r="F25" s="6">
        <v>5296728</v>
      </c>
      <c r="G25" s="6">
        <v>5285915</v>
      </c>
      <c r="H25" s="6">
        <v>61422</v>
      </c>
      <c r="I25" s="6">
        <v>1774922</v>
      </c>
      <c r="J25" s="6">
        <v>1961302</v>
      </c>
      <c r="K25" s="6">
        <v>195657</v>
      </c>
      <c r="L25" s="6">
        <v>403091</v>
      </c>
      <c r="M25" s="6">
        <v>18925</v>
      </c>
      <c r="N25" s="6">
        <v>870596</v>
      </c>
      <c r="O25" s="6">
        <v>981</v>
      </c>
      <c r="P25" s="6">
        <v>9832</v>
      </c>
      <c r="Q25" s="10" t="s">
        <v>55</v>
      </c>
    </row>
    <row r="26" spans="1:17">
      <c r="A26" s="9" t="s">
        <v>27</v>
      </c>
      <c r="B26" s="9" t="s">
        <v>28</v>
      </c>
      <c r="C26" s="9" t="s">
        <v>29</v>
      </c>
      <c r="D26" s="9" t="s">
        <v>6</v>
      </c>
      <c r="E26" s="9" t="s">
        <v>45</v>
      </c>
      <c r="F26" s="6">
        <v>3669823</v>
      </c>
      <c r="G26" s="6">
        <v>3659424</v>
      </c>
      <c r="H26" s="6">
        <v>279791</v>
      </c>
      <c r="I26" s="6">
        <v>1114433</v>
      </c>
      <c r="J26" s="6">
        <v>1257373</v>
      </c>
      <c r="K26" s="6">
        <v>106984</v>
      </c>
      <c r="L26" s="6">
        <v>230951</v>
      </c>
      <c r="M26" s="6">
        <v>10725</v>
      </c>
      <c r="N26" s="6">
        <v>659167</v>
      </c>
      <c r="O26" s="6">
        <v>368</v>
      </c>
      <c r="P26" s="6">
        <v>10028</v>
      </c>
      <c r="Q26" s="6">
        <v>3</v>
      </c>
    </row>
    <row r="27" spans="1:17">
      <c r="A27" s="9" t="s">
        <v>27</v>
      </c>
      <c r="B27" s="9" t="s">
        <v>28</v>
      </c>
      <c r="C27" s="9" t="s">
        <v>29</v>
      </c>
      <c r="D27" s="9" t="s">
        <v>6</v>
      </c>
      <c r="E27" s="9" t="s">
        <v>46</v>
      </c>
      <c r="F27" s="6">
        <v>1779016</v>
      </c>
      <c r="G27" s="6">
        <v>1771669</v>
      </c>
      <c r="H27" s="6">
        <v>276503</v>
      </c>
      <c r="I27" s="6">
        <v>389046</v>
      </c>
      <c r="J27" s="6">
        <v>591478</v>
      </c>
      <c r="K27" s="6">
        <v>59064</v>
      </c>
      <c r="L27" s="6">
        <v>76860</v>
      </c>
      <c r="M27" s="6">
        <v>3088</v>
      </c>
      <c r="N27" s="6">
        <v>375630</v>
      </c>
      <c r="O27" s="6">
        <v>125</v>
      </c>
      <c r="P27" s="6">
        <v>7221</v>
      </c>
      <c r="Q27" s="6">
        <v>1</v>
      </c>
    </row>
    <row r="28" spans="1:17">
      <c r="A28" s="9" t="s">
        <v>27</v>
      </c>
      <c r="B28" s="9" t="s">
        <v>28</v>
      </c>
      <c r="C28" s="9" t="s">
        <v>29</v>
      </c>
      <c r="D28" s="9" t="s">
        <v>6</v>
      </c>
      <c r="E28" s="9" t="s">
        <v>47</v>
      </c>
      <c r="F28" s="6">
        <v>572247</v>
      </c>
      <c r="G28" s="6">
        <v>568582</v>
      </c>
      <c r="H28" s="6">
        <v>126703</v>
      </c>
      <c r="I28" s="6">
        <v>111511</v>
      </c>
      <c r="J28" s="6">
        <v>146266</v>
      </c>
      <c r="K28" s="6">
        <v>16093</v>
      </c>
      <c r="L28" s="6">
        <v>15720</v>
      </c>
      <c r="M28" s="6">
        <v>450</v>
      </c>
      <c r="N28" s="6">
        <v>151839</v>
      </c>
      <c r="O28" s="6">
        <v>42</v>
      </c>
      <c r="P28" s="6">
        <v>3623</v>
      </c>
      <c r="Q28" s="10" t="s">
        <v>55</v>
      </c>
    </row>
    <row r="29" spans="1:17">
      <c r="A29" s="9" t="s">
        <v>27</v>
      </c>
      <c r="B29" s="9" t="s">
        <v>28</v>
      </c>
      <c r="C29" s="9" t="s">
        <v>29</v>
      </c>
      <c r="D29" s="9" t="s">
        <v>6</v>
      </c>
      <c r="E29" s="9" t="s">
        <v>48</v>
      </c>
      <c r="F29" s="6">
        <v>72922764</v>
      </c>
      <c r="G29" s="6">
        <v>65491548</v>
      </c>
      <c r="H29" s="6">
        <v>24165</v>
      </c>
      <c r="I29" s="6">
        <v>3031544</v>
      </c>
      <c r="J29" s="6">
        <v>23196629</v>
      </c>
      <c r="K29" s="6">
        <v>11610423</v>
      </c>
      <c r="L29" s="6">
        <v>15860259</v>
      </c>
      <c r="M29" s="6">
        <v>1822989</v>
      </c>
      <c r="N29" s="6">
        <v>9945539</v>
      </c>
      <c r="O29" s="6">
        <v>7388995</v>
      </c>
      <c r="P29" s="6">
        <v>39679</v>
      </c>
      <c r="Q29" s="6">
        <v>2542</v>
      </c>
    </row>
    <row r="30" spans="1:17">
      <c r="A30" s="9" t="s">
        <v>27</v>
      </c>
      <c r="B30" s="9" t="s">
        <v>28</v>
      </c>
      <c r="C30" s="9" t="s">
        <v>29</v>
      </c>
      <c r="D30" s="9" t="s">
        <v>6</v>
      </c>
      <c r="E30" s="9" t="s">
        <v>49</v>
      </c>
      <c r="F30" s="6">
        <v>35335805</v>
      </c>
      <c r="G30" s="6">
        <v>35271691</v>
      </c>
      <c r="H30" s="6">
        <v>780128</v>
      </c>
      <c r="I30" s="6">
        <v>8232585</v>
      </c>
      <c r="J30" s="6">
        <v>14648427</v>
      </c>
      <c r="K30" s="6">
        <v>2280091</v>
      </c>
      <c r="L30" s="6">
        <v>3978809</v>
      </c>
      <c r="M30" s="6">
        <v>237885</v>
      </c>
      <c r="N30" s="6">
        <v>5113766</v>
      </c>
      <c r="O30" s="6">
        <v>9329</v>
      </c>
      <c r="P30" s="6">
        <v>54776</v>
      </c>
      <c r="Q30" s="6">
        <v>9</v>
      </c>
    </row>
    <row r="31" spans="1:17">
      <c r="A31" s="9" t="s">
        <v>27</v>
      </c>
      <c r="B31" s="9" t="s">
        <v>28</v>
      </c>
      <c r="C31" s="9" t="s">
        <v>29</v>
      </c>
      <c r="D31" s="9" t="s">
        <v>6</v>
      </c>
      <c r="E31" s="9" t="s">
        <v>50</v>
      </c>
      <c r="F31" s="6">
        <v>18248742</v>
      </c>
      <c r="G31" s="6">
        <v>18206733</v>
      </c>
      <c r="H31" s="6">
        <v>764578</v>
      </c>
      <c r="I31" s="6">
        <v>5383481</v>
      </c>
      <c r="J31" s="6">
        <v>6779689</v>
      </c>
      <c r="K31" s="6">
        <v>709251</v>
      </c>
      <c r="L31" s="6">
        <v>1403340</v>
      </c>
      <c r="M31" s="6">
        <v>73003</v>
      </c>
      <c r="N31" s="6">
        <v>3093391</v>
      </c>
      <c r="O31" s="6">
        <v>3088</v>
      </c>
      <c r="P31" s="6">
        <v>38916</v>
      </c>
      <c r="Q31" s="6">
        <v>5</v>
      </c>
    </row>
    <row r="32" spans="1:17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1</v>
      </c>
      <c r="F32" s="6">
        <v>6021086</v>
      </c>
      <c r="G32" s="6">
        <v>5999675</v>
      </c>
      <c r="H32" s="6">
        <v>682997</v>
      </c>
      <c r="I32" s="6">
        <v>1614990</v>
      </c>
      <c r="J32" s="6">
        <v>1995117</v>
      </c>
      <c r="K32" s="6">
        <v>182141</v>
      </c>
      <c r="L32" s="6">
        <v>323531</v>
      </c>
      <c r="M32" s="6">
        <v>14263</v>
      </c>
      <c r="N32" s="6">
        <v>1186636</v>
      </c>
      <c r="O32" s="6">
        <v>535</v>
      </c>
      <c r="P32" s="6">
        <v>20872</v>
      </c>
      <c r="Q32" s="6">
        <v>4</v>
      </c>
    </row>
    <row r="33" spans="1:17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2</v>
      </c>
      <c r="F33" s="6">
        <v>75380592</v>
      </c>
      <c r="G33" s="6">
        <v>73024327</v>
      </c>
      <c r="H33" s="6">
        <v>30196</v>
      </c>
      <c r="I33" s="6">
        <v>4033001</v>
      </c>
      <c r="J33" s="6">
        <v>26492456</v>
      </c>
      <c r="K33" s="6">
        <v>12487548</v>
      </c>
      <c r="L33" s="6">
        <v>17247943</v>
      </c>
      <c r="M33" s="6">
        <v>1914269</v>
      </c>
      <c r="N33" s="6">
        <v>10818914</v>
      </c>
      <c r="O33" s="6">
        <v>2310874</v>
      </c>
      <c r="P33" s="6">
        <v>45375</v>
      </c>
      <c r="Q33" s="6">
        <v>16</v>
      </c>
    </row>
    <row r="34" spans="1:17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30</v>
      </c>
      <c r="F34" s="6">
        <v>52098467</v>
      </c>
      <c r="G34" s="6">
        <v>48260443</v>
      </c>
      <c r="H34" s="6">
        <v>199044</v>
      </c>
      <c r="I34" s="6">
        <v>5193830</v>
      </c>
      <c r="J34" s="6">
        <v>17577324</v>
      </c>
      <c r="K34" s="6">
        <v>3738914</v>
      </c>
      <c r="L34" s="6">
        <v>12538610</v>
      </c>
      <c r="M34" s="6">
        <v>1569780</v>
      </c>
      <c r="N34" s="6">
        <v>7442941</v>
      </c>
      <c r="O34" s="6">
        <v>3797566</v>
      </c>
      <c r="P34" s="6">
        <v>39131</v>
      </c>
      <c r="Q34" s="6">
        <v>1327</v>
      </c>
    </row>
    <row r="35" spans="1:17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31</v>
      </c>
      <c r="F35" s="6">
        <v>2880029</v>
      </c>
      <c r="G35" s="6">
        <v>316556</v>
      </c>
      <c r="H35" s="6">
        <v>170</v>
      </c>
      <c r="I35" s="6">
        <v>47012</v>
      </c>
      <c r="J35" s="6">
        <v>269330</v>
      </c>
      <c r="K35" s="10" t="s">
        <v>55</v>
      </c>
      <c r="L35" s="10" t="s">
        <v>55</v>
      </c>
      <c r="M35" s="10" t="s">
        <v>55</v>
      </c>
      <c r="N35" s="6">
        <v>44</v>
      </c>
      <c r="O35" s="6">
        <v>2561154</v>
      </c>
      <c r="P35" s="6">
        <v>1004</v>
      </c>
      <c r="Q35" s="6">
        <v>1315</v>
      </c>
    </row>
    <row r="36" spans="1:17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32</v>
      </c>
      <c r="F36" s="6">
        <v>3017869</v>
      </c>
      <c r="G36" s="6">
        <v>1912416</v>
      </c>
      <c r="H36" s="6">
        <v>582</v>
      </c>
      <c r="I36" s="6">
        <v>77488</v>
      </c>
      <c r="J36" s="6">
        <v>878567</v>
      </c>
      <c r="K36" s="6">
        <v>210296</v>
      </c>
      <c r="L36" s="6">
        <v>420576</v>
      </c>
      <c r="M36" s="6">
        <v>11231</v>
      </c>
      <c r="N36" s="6">
        <v>313676</v>
      </c>
      <c r="O36" s="6">
        <v>1104005</v>
      </c>
      <c r="P36" s="6">
        <v>1445</v>
      </c>
      <c r="Q36" s="6">
        <v>3</v>
      </c>
    </row>
    <row r="37" spans="1:17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33</v>
      </c>
      <c r="F37" s="6">
        <v>3074087</v>
      </c>
      <c r="G37" s="6">
        <v>3003702</v>
      </c>
      <c r="H37" s="6">
        <v>745</v>
      </c>
      <c r="I37" s="6">
        <v>98193</v>
      </c>
      <c r="J37" s="6">
        <v>807245</v>
      </c>
      <c r="K37" s="6">
        <v>276453</v>
      </c>
      <c r="L37" s="6">
        <v>992856</v>
      </c>
      <c r="M37" s="6">
        <v>163854</v>
      </c>
      <c r="N37" s="6">
        <v>664356</v>
      </c>
      <c r="O37" s="6">
        <v>68984</v>
      </c>
      <c r="P37" s="6">
        <v>1400</v>
      </c>
      <c r="Q37" s="6">
        <v>1</v>
      </c>
    </row>
    <row r="38" spans="1:17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34</v>
      </c>
      <c r="F38" s="6">
        <v>3297031</v>
      </c>
      <c r="G38" s="6">
        <v>3271918</v>
      </c>
      <c r="H38" s="6">
        <v>1041</v>
      </c>
      <c r="I38" s="6">
        <v>131705</v>
      </c>
      <c r="J38" s="6">
        <v>900118</v>
      </c>
      <c r="K38" s="6">
        <v>333621</v>
      </c>
      <c r="L38" s="6">
        <v>1054495</v>
      </c>
      <c r="M38" s="6">
        <v>204688</v>
      </c>
      <c r="N38" s="6">
        <v>646250</v>
      </c>
      <c r="O38" s="6">
        <v>23342</v>
      </c>
      <c r="P38" s="6">
        <v>1770</v>
      </c>
      <c r="Q38" s="6">
        <v>1</v>
      </c>
    </row>
    <row r="39" spans="1:17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35</v>
      </c>
      <c r="F39" s="6">
        <v>3696855</v>
      </c>
      <c r="G39" s="6">
        <v>3682438</v>
      </c>
      <c r="H39" s="6">
        <v>1147</v>
      </c>
      <c r="I39" s="6">
        <v>191629</v>
      </c>
      <c r="J39" s="6">
        <v>1081964</v>
      </c>
      <c r="K39" s="6">
        <v>409123</v>
      </c>
      <c r="L39" s="6">
        <v>1091878</v>
      </c>
      <c r="M39" s="6">
        <v>217087</v>
      </c>
      <c r="N39" s="6">
        <v>689610</v>
      </c>
      <c r="O39" s="6">
        <v>12520</v>
      </c>
      <c r="P39" s="6">
        <v>1897</v>
      </c>
      <c r="Q39" s="10" t="s">
        <v>55</v>
      </c>
    </row>
    <row r="40" spans="1:17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36</v>
      </c>
      <c r="F40" s="6">
        <v>4189446</v>
      </c>
      <c r="G40" s="6">
        <v>4179443</v>
      </c>
      <c r="H40" s="6">
        <v>1332</v>
      </c>
      <c r="I40" s="6">
        <v>219235</v>
      </c>
      <c r="J40" s="6">
        <v>1371866</v>
      </c>
      <c r="K40" s="6">
        <v>488317</v>
      </c>
      <c r="L40" s="6">
        <v>1165066</v>
      </c>
      <c r="M40" s="6">
        <v>211383</v>
      </c>
      <c r="N40" s="6">
        <v>722244</v>
      </c>
      <c r="O40" s="6">
        <v>7687</v>
      </c>
      <c r="P40" s="6">
        <v>2316</v>
      </c>
      <c r="Q40" s="10" t="s">
        <v>55</v>
      </c>
    </row>
    <row r="41" spans="1:17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37</v>
      </c>
      <c r="F41" s="6">
        <v>4862990</v>
      </c>
      <c r="G41" s="6">
        <v>4854582</v>
      </c>
      <c r="H41" s="6">
        <v>1635</v>
      </c>
      <c r="I41" s="6">
        <v>289160</v>
      </c>
      <c r="J41" s="6">
        <v>1751758</v>
      </c>
      <c r="K41" s="6">
        <v>572178</v>
      </c>
      <c r="L41" s="6">
        <v>1259472</v>
      </c>
      <c r="M41" s="6">
        <v>191680</v>
      </c>
      <c r="N41" s="6">
        <v>788699</v>
      </c>
      <c r="O41" s="6">
        <v>5758</v>
      </c>
      <c r="P41" s="6">
        <v>2650</v>
      </c>
      <c r="Q41" s="10" t="s">
        <v>55</v>
      </c>
    </row>
    <row r="42" spans="1:17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38</v>
      </c>
      <c r="F42" s="6">
        <v>4277003</v>
      </c>
      <c r="G42" s="6">
        <v>4270651</v>
      </c>
      <c r="H42" s="6">
        <v>1526</v>
      </c>
      <c r="I42" s="6">
        <v>268730</v>
      </c>
      <c r="J42" s="6">
        <v>1620030</v>
      </c>
      <c r="K42" s="6">
        <v>412173</v>
      </c>
      <c r="L42" s="6">
        <v>1162466</v>
      </c>
      <c r="M42" s="6">
        <v>146773</v>
      </c>
      <c r="N42" s="6">
        <v>658953</v>
      </c>
      <c r="O42" s="6">
        <v>3845</v>
      </c>
      <c r="P42" s="6">
        <v>2506</v>
      </c>
      <c r="Q42" s="6">
        <v>1</v>
      </c>
    </row>
    <row r="43" spans="1:17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39</v>
      </c>
      <c r="F43" s="6">
        <v>3865303</v>
      </c>
      <c r="G43" s="6">
        <v>3859589</v>
      </c>
      <c r="H43" s="6">
        <v>1491</v>
      </c>
      <c r="I43" s="6">
        <v>221685</v>
      </c>
      <c r="J43" s="6">
        <v>1543260</v>
      </c>
      <c r="K43" s="6">
        <v>307999</v>
      </c>
      <c r="L43" s="6">
        <v>1163094</v>
      </c>
      <c r="M43" s="6">
        <v>123451</v>
      </c>
      <c r="N43" s="6">
        <v>498609</v>
      </c>
      <c r="O43" s="6">
        <v>2901</v>
      </c>
      <c r="P43" s="6">
        <v>2810</v>
      </c>
      <c r="Q43" s="6">
        <v>3</v>
      </c>
    </row>
    <row r="44" spans="1:17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40</v>
      </c>
      <c r="F44" s="6">
        <v>3592903</v>
      </c>
      <c r="G44" s="6">
        <v>3587391</v>
      </c>
      <c r="H44" s="6">
        <v>1929</v>
      </c>
      <c r="I44" s="6">
        <v>271881</v>
      </c>
      <c r="J44" s="6">
        <v>1423244</v>
      </c>
      <c r="K44" s="6">
        <v>228648</v>
      </c>
      <c r="L44" s="6">
        <v>1170113</v>
      </c>
      <c r="M44" s="6">
        <v>94833</v>
      </c>
      <c r="N44" s="6">
        <v>396743</v>
      </c>
      <c r="O44" s="6">
        <v>2371</v>
      </c>
      <c r="P44" s="6">
        <v>3141</v>
      </c>
      <c r="Q44" s="10" t="s">
        <v>55</v>
      </c>
    </row>
    <row r="45" spans="1:17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41</v>
      </c>
      <c r="F45" s="6">
        <v>3910060</v>
      </c>
      <c r="G45" s="6">
        <v>3904208</v>
      </c>
      <c r="H45" s="6">
        <v>2801</v>
      </c>
      <c r="I45" s="6">
        <v>545341</v>
      </c>
      <c r="J45" s="6">
        <v>1633034</v>
      </c>
      <c r="K45" s="6">
        <v>182756</v>
      </c>
      <c r="L45" s="6">
        <v>1029452</v>
      </c>
      <c r="M45" s="6">
        <v>77120</v>
      </c>
      <c r="N45" s="6">
        <v>433704</v>
      </c>
      <c r="O45" s="6">
        <v>2072</v>
      </c>
      <c r="P45" s="6">
        <v>3780</v>
      </c>
      <c r="Q45" s="10" t="s">
        <v>55</v>
      </c>
    </row>
    <row r="46" spans="1:17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42</v>
      </c>
      <c r="F46" s="6">
        <v>4249286</v>
      </c>
      <c r="G46" s="6">
        <v>4243996</v>
      </c>
      <c r="H46" s="6">
        <v>3732</v>
      </c>
      <c r="I46" s="6">
        <v>813578</v>
      </c>
      <c r="J46" s="6">
        <v>1765159</v>
      </c>
      <c r="K46" s="6">
        <v>147842</v>
      </c>
      <c r="L46" s="6">
        <v>920363</v>
      </c>
      <c r="M46" s="6">
        <v>63714</v>
      </c>
      <c r="N46" s="6">
        <v>529608</v>
      </c>
      <c r="O46" s="6">
        <v>1410</v>
      </c>
      <c r="P46" s="6">
        <v>3879</v>
      </c>
      <c r="Q46" s="6">
        <v>1</v>
      </c>
    </row>
    <row r="47" spans="1:17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43</v>
      </c>
      <c r="F47" s="6">
        <v>3092860</v>
      </c>
      <c r="G47" s="6">
        <v>3088780</v>
      </c>
      <c r="H47" s="6">
        <v>5989</v>
      </c>
      <c r="I47" s="6">
        <v>834211</v>
      </c>
      <c r="J47" s="6">
        <v>1166467</v>
      </c>
      <c r="K47" s="6">
        <v>72950</v>
      </c>
      <c r="L47" s="6">
        <v>533395</v>
      </c>
      <c r="M47" s="6">
        <v>34958</v>
      </c>
      <c r="N47" s="6">
        <v>440810</v>
      </c>
      <c r="O47" s="6">
        <v>828</v>
      </c>
      <c r="P47" s="6">
        <v>3252</v>
      </c>
      <c r="Q47" s="10" t="s">
        <v>55</v>
      </c>
    </row>
    <row r="48" spans="1:17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44</v>
      </c>
      <c r="F48" s="6">
        <v>2196093</v>
      </c>
      <c r="G48" s="6">
        <v>2192525</v>
      </c>
      <c r="H48" s="6">
        <v>14337</v>
      </c>
      <c r="I48" s="6">
        <v>668868</v>
      </c>
      <c r="J48" s="6">
        <v>780798</v>
      </c>
      <c r="K48" s="6">
        <v>45886</v>
      </c>
      <c r="L48" s="6">
        <v>324861</v>
      </c>
      <c r="M48" s="6">
        <v>16539</v>
      </c>
      <c r="N48" s="6">
        <v>341236</v>
      </c>
      <c r="O48" s="6">
        <v>488</v>
      </c>
      <c r="P48" s="6">
        <v>3080</v>
      </c>
      <c r="Q48" s="10" t="s">
        <v>55</v>
      </c>
    </row>
    <row r="49" spans="1:17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45</v>
      </c>
      <c r="F49" s="6">
        <v>1303473</v>
      </c>
      <c r="G49" s="6">
        <v>1300842</v>
      </c>
      <c r="H49" s="6">
        <v>75615</v>
      </c>
      <c r="I49" s="6">
        <v>384755</v>
      </c>
      <c r="J49" s="6">
        <v>409112</v>
      </c>
      <c r="K49" s="6">
        <v>26713</v>
      </c>
      <c r="L49" s="6">
        <v>184697</v>
      </c>
      <c r="M49" s="6">
        <v>9373</v>
      </c>
      <c r="N49" s="6">
        <v>210577</v>
      </c>
      <c r="O49" s="6">
        <v>149</v>
      </c>
      <c r="P49" s="6">
        <v>2480</v>
      </c>
      <c r="Q49" s="6">
        <v>2</v>
      </c>
    </row>
    <row r="50" spans="1:17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46</v>
      </c>
      <c r="F50" s="6">
        <v>491303</v>
      </c>
      <c r="G50" s="6">
        <v>489952</v>
      </c>
      <c r="H50" s="6">
        <v>65685</v>
      </c>
      <c r="I50" s="6">
        <v>108988</v>
      </c>
      <c r="J50" s="6">
        <v>149964</v>
      </c>
      <c r="K50" s="6">
        <v>19869</v>
      </c>
      <c r="L50" s="6">
        <v>56005</v>
      </c>
      <c r="M50" s="6">
        <v>2724</v>
      </c>
      <c r="N50" s="6">
        <v>86717</v>
      </c>
      <c r="O50" s="6">
        <v>45</v>
      </c>
      <c r="P50" s="6">
        <v>1306</v>
      </c>
      <c r="Q50" s="10" t="s">
        <v>55</v>
      </c>
    </row>
    <row r="51" spans="1:17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47</v>
      </c>
      <c r="F51" s="6">
        <v>101876</v>
      </c>
      <c r="G51" s="6">
        <v>101454</v>
      </c>
      <c r="H51" s="6">
        <v>19287</v>
      </c>
      <c r="I51" s="6">
        <v>21371</v>
      </c>
      <c r="J51" s="6">
        <v>25408</v>
      </c>
      <c r="K51" s="6">
        <v>4090</v>
      </c>
      <c r="L51" s="6">
        <v>9821</v>
      </c>
      <c r="M51" s="6">
        <v>372</v>
      </c>
      <c r="N51" s="6">
        <v>21105</v>
      </c>
      <c r="O51" s="6">
        <v>7</v>
      </c>
      <c r="P51" s="6">
        <v>415</v>
      </c>
      <c r="Q51" s="10" t="s">
        <v>55</v>
      </c>
    </row>
    <row r="52" spans="1:17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48</v>
      </c>
      <c r="F52" s="6">
        <v>36753516</v>
      </c>
      <c r="G52" s="6">
        <v>32938686</v>
      </c>
      <c r="H52" s="6">
        <v>11598</v>
      </c>
      <c r="I52" s="6">
        <v>1816718</v>
      </c>
      <c r="J52" s="6">
        <v>11647382</v>
      </c>
      <c r="K52" s="6">
        <v>3238808</v>
      </c>
      <c r="L52" s="6">
        <v>9480016</v>
      </c>
      <c r="M52" s="6">
        <v>1364980</v>
      </c>
      <c r="N52" s="6">
        <v>5379184</v>
      </c>
      <c r="O52" s="6">
        <v>3792567</v>
      </c>
      <c r="P52" s="6">
        <v>20939</v>
      </c>
      <c r="Q52" s="6">
        <v>1324</v>
      </c>
    </row>
    <row r="53" spans="1:17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49</v>
      </c>
      <c r="F53" s="6">
        <v>15344951</v>
      </c>
      <c r="G53" s="6">
        <v>15321757</v>
      </c>
      <c r="H53" s="6">
        <v>187446</v>
      </c>
      <c r="I53" s="6">
        <v>3377112</v>
      </c>
      <c r="J53" s="6">
        <v>5929942</v>
      </c>
      <c r="K53" s="6">
        <v>500106</v>
      </c>
      <c r="L53" s="6">
        <v>3058594</v>
      </c>
      <c r="M53" s="6">
        <v>204800</v>
      </c>
      <c r="N53" s="6">
        <v>2063757</v>
      </c>
      <c r="O53" s="6">
        <v>4999</v>
      </c>
      <c r="P53" s="6">
        <v>18192</v>
      </c>
      <c r="Q53" s="6">
        <v>3</v>
      </c>
    </row>
    <row r="54" spans="1:17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50</v>
      </c>
      <c r="F54" s="6">
        <v>7185605</v>
      </c>
      <c r="G54" s="6">
        <v>7173553</v>
      </c>
      <c r="H54" s="6">
        <v>180913</v>
      </c>
      <c r="I54" s="6">
        <v>2018193</v>
      </c>
      <c r="J54" s="6">
        <v>2531749</v>
      </c>
      <c r="K54" s="6">
        <v>169508</v>
      </c>
      <c r="L54" s="6">
        <v>1108779</v>
      </c>
      <c r="M54" s="6">
        <v>63966</v>
      </c>
      <c r="N54" s="6">
        <v>1100445</v>
      </c>
      <c r="O54" s="6">
        <v>1517</v>
      </c>
      <c r="P54" s="6">
        <v>10533</v>
      </c>
      <c r="Q54" s="6">
        <v>2</v>
      </c>
    </row>
    <row r="55" spans="1:17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51</v>
      </c>
      <c r="F55" s="6">
        <v>1896652</v>
      </c>
      <c r="G55" s="6">
        <v>1892248</v>
      </c>
      <c r="H55" s="6">
        <v>160587</v>
      </c>
      <c r="I55" s="6">
        <v>515114</v>
      </c>
      <c r="J55" s="6">
        <v>584484</v>
      </c>
      <c r="K55" s="6">
        <v>50672</v>
      </c>
      <c r="L55" s="6">
        <v>250523</v>
      </c>
      <c r="M55" s="6">
        <v>12469</v>
      </c>
      <c r="N55" s="6">
        <v>318399</v>
      </c>
      <c r="O55" s="6">
        <v>201</v>
      </c>
      <c r="P55" s="6">
        <v>4201</v>
      </c>
      <c r="Q55" s="6">
        <v>2</v>
      </c>
    </row>
    <row r="56" spans="1:17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52</v>
      </c>
      <c r="F56" s="6">
        <v>37783547</v>
      </c>
      <c r="G56" s="6">
        <v>36526338</v>
      </c>
      <c r="H56" s="6">
        <v>14229</v>
      </c>
      <c r="I56" s="6">
        <v>2315047</v>
      </c>
      <c r="J56" s="6">
        <v>13011086</v>
      </c>
      <c r="K56" s="6">
        <v>3421564</v>
      </c>
      <c r="L56" s="6">
        <v>10509468</v>
      </c>
      <c r="M56" s="6">
        <v>1442100</v>
      </c>
      <c r="N56" s="6">
        <v>5812844</v>
      </c>
      <c r="O56" s="6">
        <v>1233485</v>
      </c>
      <c r="P56" s="6">
        <v>23715</v>
      </c>
      <c r="Q56" s="6">
        <v>9</v>
      </c>
    </row>
    <row r="57" spans="1:17">
      <c r="A57" s="9" t="s">
        <v>27</v>
      </c>
      <c r="B57" s="9" t="s">
        <v>28</v>
      </c>
      <c r="C57" s="9" t="s">
        <v>29</v>
      </c>
      <c r="D57" s="9" t="s">
        <v>54</v>
      </c>
      <c r="E57" s="9" t="s">
        <v>30</v>
      </c>
      <c r="F57" s="6">
        <v>56160102</v>
      </c>
      <c r="G57" s="6">
        <v>52502796</v>
      </c>
      <c r="H57" s="6">
        <v>605249</v>
      </c>
      <c r="I57" s="6">
        <v>6070299</v>
      </c>
      <c r="J57" s="6">
        <v>20267732</v>
      </c>
      <c r="K57" s="6">
        <v>10151600</v>
      </c>
      <c r="L57" s="6">
        <v>7300458</v>
      </c>
      <c r="M57" s="6">
        <v>491094</v>
      </c>
      <c r="N57" s="6">
        <v>7616364</v>
      </c>
      <c r="O57" s="6">
        <v>3600758</v>
      </c>
      <c r="P57" s="6">
        <v>55324</v>
      </c>
      <c r="Q57" s="6">
        <v>1224</v>
      </c>
    </row>
    <row r="58" spans="1:17">
      <c r="A58" s="9" t="s">
        <v>27</v>
      </c>
      <c r="B58" s="9" t="s">
        <v>28</v>
      </c>
      <c r="C58" s="9" t="s">
        <v>29</v>
      </c>
      <c r="D58" s="9" t="s">
        <v>54</v>
      </c>
      <c r="E58" s="9" t="s">
        <v>31</v>
      </c>
      <c r="F58" s="6">
        <v>2737411</v>
      </c>
      <c r="G58" s="6">
        <v>214839</v>
      </c>
      <c r="H58" s="6">
        <v>132</v>
      </c>
      <c r="I58" s="6">
        <v>32705</v>
      </c>
      <c r="J58" s="6">
        <v>181997</v>
      </c>
      <c r="K58" s="6">
        <v>1</v>
      </c>
      <c r="L58" s="10" t="s">
        <v>55</v>
      </c>
      <c r="M58" s="10" t="s">
        <v>55</v>
      </c>
      <c r="N58" s="6">
        <v>4</v>
      </c>
      <c r="O58" s="6">
        <v>2520604</v>
      </c>
      <c r="P58" s="6">
        <v>756</v>
      </c>
      <c r="Q58" s="6">
        <v>1212</v>
      </c>
    </row>
    <row r="59" spans="1:17">
      <c r="A59" s="9" t="s">
        <v>27</v>
      </c>
      <c r="B59" s="9" t="s">
        <v>28</v>
      </c>
      <c r="C59" s="9" t="s">
        <v>29</v>
      </c>
      <c r="D59" s="9" t="s">
        <v>54</v>
      </c>
      <c r="E59" s="9" t="s">
        <v>32</v>
      </c>
      <c r="F59" s="6">
        <v>2913437</v>
      </c>
      <c r="G59" s="6">
        <v>1945518</v>
      </c>
      <c r="H59" s="6">
        <v>502</v>
      </c>
      <c r="I59" s="6">
        <v>55408</v>
      </c>
      <c r="J59" s="6">
        <v>703256</v>
      </c>
      <c r="K59" s="6">
        <v>448660</v>
      </c>
      <c r="L59" s="6">
        <v>459899</v>
      </c>
      <c r="M59" s="6">
        <v>4423</v>
      </c>
      <c r="N59" s="6">
        <v>273370</v>
      </c>
      <c r="O59" s="6">
        <v>966732</v>
      </c>
      <c r="P59" s="6">
        <v>1187</v>
      </c>
      <c r="Q59" s="10" t="s">
        <v>55</v>
      </c>
    </row>
    <row r="60" spans="1:17">
      <c r="A60" s="9" t="s">
        <v>27</v>
      </c>
      <c r="B60" s="9" t="s">
        <v>28</v>
      </c>
      <c r="C60" s="9" t="s">
        <v>29</v>
      </c>
      <c r="D60" s="9" t="s">
        <v>54</v>
      </c>
      <c r="E60" s="9" t="s">
        <v>33</v>
      </c>
      <c r="F60" s="6">
        <v>2957877</v>
      </c>
      <c r="G60" s="6">
        <v>2912022</v>
      </c>
      <c r="H60" s="6">
        <v>679</v>
      </c>
      <c r="I60" s="6">
        <v>82325</v>
      </c>
      <c r="J60" s="6">
        <v>655880</v>
      </c>
      <c r="K60" s="6">
        <v>566919</v>
      </c>
      <c r="L60" s="6">
        <v>994400</v>
      </c>
      <c r="M60" s="6">
        <v>61039</v>
      </c>
      <c r="N60" s="6">
        <v>550780</v>
      </c>
      <c r="O60" s="6">
        <v>44534</v>
      </c>
      <c r="P60" s="6">
        <v>1321</v>
      </c>
      <c r="Q60" s="10" t="s">
        <v>55</v>
      </c>
    </row>
    <row r="61" spans="1:17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34</v>
      </c>
      <c r="F61" s="6">
        <v>3187563</v>
      </c>
      <c r="G61" s="6">
        <v>3167488</v>
      </c>
      <c r="H61" s="6">
        <v>935</v>
      </c>
      <c r="I61" s="6">
        <v>113802</v>
      </c>
      <c r="J61" s="6">
        <v>798315</v>
      </c>
      <c r="K61" s="6">
        <v>683414</v>
      </c>
      <c r="L61" s="6">
        <v>945431</v>
      </c>
      <c r="M61" s="6">
        <v>75823</v>
      </c>
      <c r="N61" s="6">
        <v>549768</v>
      </c>
      <c r="O61" s="6">
        <v>18443</v>
      </c>
      <c r="P61" s="6">
        <v>1632</v>
      </c>
      <c r="Q61" s="10" t="s">
        <v>55</v>
      </c>
    </row>
    <row r="62" spans="1:17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35</v>
      </c>
      <c r="F62" s="6">
        <v>3614712</v>
      </c>
      <c r="G62" s="6">
        <v>3600577</v>
      </c>
      <c r="H62" s="6">
        <v>1098</v>
      </c>
      <c r="I62" s="6">
        <v>131524</v>
      </c>
      <c r="J62" s="6">
        <v>992617</v>
      </c>
      <c r="K62" s="6">
        <v>880527</v>
      </c>
      <c r="L62" s="6">
        <v>918352</v>
      </c>
      <c r="M62" s="6">
        <v>82832</v>
      </c>
      <c r="N62" s="6">
        <v>593627</v>
      </c>
      <c r="O62" s="6">
        <v>12238</v>
      </c>
      <c r="P62" s="6">
        <v>1897</v>
      </c>
      <c r="Q62" s="10" t="s">
        <v>55</v>
      </c>
    </row>
    <row r="63" spans="1:17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36</v>
      </c>
      <c r="F63" s="6">
        <v>4101631</v>
      </c>
      <c r="G63" s="6">
        <v>4089448</v>
      </c>
      <c r="H63" s="6">
        <v>1375</v>
      </c>
      <c r="I63" s="6">
        <v>124672</v>
      </c>
      <c r="J63" s="6">
        <v>1223090</v>
      </c>
      <c r="K63" s="6">
        <v>1197188</v>
      </c>
      <c r="L63" s="6">
        <v>846784</v>
      </c>
      <c r="M63" s="6">
        <v>75936</v>
      </c>
      <c r="N63" s="6">
        <v>620403</v>
      </c>
      <c r="O63" s="6">
        <v>10141</v>
      </c>
      <c r="P63" s="6">
        <v>2041</v>
      </c>
      <c r="Q63" s="6">
        <v>1</v>
      </c>
    </row>
    <row r="64" spans="1:17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37</v>
      </c>
      <c r="F64" s="6">
        <v>4787303</v>
      </c>
      <c r="G64" s="6">
        <v>4775547</v>
      </c>
      <c r="H64" s="6">
        <v>1821</v>
      </c>
      <c r="I64" s="6">
        <v>170860</v>
      </c>
      <c r="J64" s="6">
        <v>1685711</v>
      </c>
      <c r="K64" s="6">
        <v>1447376</v>
      </c>
      <c r="L64" s="6">
        <v>734064</v>
      </c>
      <c r="M64" s="6">
        <v>63335</v>
      </c>
      <c r="N64" s="6">
        <v>672380</v>
      </c>
      <c r="O64" s="6">
        <v>9304</v>
      </c>
      <c r="P64" s="6">
        <v>2452</v>
      </c>
      <c r="Q64" s="10" t="s">
        <v>55</v>
      </c>
    </row>
    <row r="65" spans="1:17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38</v>
      </c>
      <c r="F65" s="6">
        <v>4262848</v>
      </c>
      <c r="G65" s="6">
        <v>4253563</v>
      </c>
      <c r="H65" s="6">
        <v>1891</v>
      </c>
      <c r="I65" s="6">
        <v>160528</v>
      </c>
      <c r="J65" s="6">
        <v>1771477</v>
      </c>
      <c r="K65" s="6">
        <v>1186316</v>
      </c>
      <c r="L65" s="6">
        <v>549277</v>
      </c>
      <c r="M65" s="6">
        <v>41244</v>
      </c>
      <c r="N65" s="6">
        <v>542830</v>
      </c>
      <c r="O65" s="6">
        <v>7036</v>
      </c>
      <c r="P65" s="6">
        <v>2247</v>
      </c>
      <c r="Q65" s="6">
        <v>2</v>
      </c>
    </row>
    <row r="66" spans="1:17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39</v>
      </c>
      <c r="F66" s="6">
        <v>3902179</v>
      </c>
      <c r="G66" s="6">
        <v>3894885</v>
      </c>
      <c r="H66" s="6">
        <v>1755</v>
      </c>
      <c r="I66" s="6">
        <v>138709</v>
      </c>
      <c r="J66" s="6">
        <v>1793076</v>
      </c>
      <c r="K66" s="6">
        <v>1046671</v>
      </c>
      <c r="L66" s="6">
        <v>473367</v>
      </c>
      <c r="M66" s="6">
        <v>31285</v>
      </c>
      <c r="N66" s="6">
        <v>410022</v>
      </c>
      <c r="O66" s="6">
        <v>4855</v>
      </c>
      <c r="P66" s="6">
        <v>2436</v>
      </c>
      <c r="Q66" s="6">
        <v>3</v>
      </c>
    </row>
    <row r="67" spans="1:17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40</v>
      </c>
      <c r="F67" s="6">
        <v>3704287</v>
      </c>
      <c r="G67" s="6">
        <v>3698975</v>
      </c>
      <c r="H67" s="6">
        <v>2379</v>
      </c>
      <c r="I67" s="6">
        <v>204293</v>
      </c>
      <c r="J67" s="6">
        <v>1743828</v>
      </c>
      <c r="K67" s="6">
        <v>914543</v>
      </c>
      <c r="L67" s="6">
        <v>458669</v>
      </c>
      <c r="M67" s="6">
        <v>22092</v>
      </c>
      <c r="N67" s="6">
        <v>353171</v>
      </c>
      <c r="O67" s="6">
        <v>2541</v>
      </c>
      <c r="P67" s="6">
        <v>2771</v>
      </c>
      <c r="Q67" s="10" t="s">
        <v>55</v>
      </c>
    </row>
    <row r="68" spans="1:17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41</v>
      </c>
      <c r="F68" s="6">
        <v>4165208</v>
      </c>
      <c r="G68" s="6">
        <v>4159966</v>
      </c>
      <c r="H68" s="6">
        <v>3532</v>
      </c>
      <c r="I68" s="6">
        <v>535833</v>
      </c>
      <c r="J68" s="6">
        <v>2114120</v>
      </c>
      <c r="K68" s="6">
        <v>694370</v>
      </c>
      <c r="L68" s="6">
        <v>358232</v>
      </c>
      <c r="M68" s="6">
        <v>14160</v>
      </c>
      <c r="N68" s="6">
        <v>439719</v>
      </c>
      <c r="O68" s="6">
        <v>1565</v>
      </c>
      <c r="P68" s="6">
        <v>3676</v>
      </c>
      <c r="Q68" s="6">
        <v>1</v>
      </c>
    </row>
    <row r="69" spans="1:17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42</v>
      </c>
      <c r="F69" s="6">
        <v>4762509</v>
      </c>
      <c r="G69" s="6">
        <v>4756788</v>
      </c>
      <c r="H69" s="6">
        <v>5485</v>
      </c>
      <c r="I69" s="6">
        <v>954352</v>
      </c>
      <c r="J69" s="6">
        <v>2356425</v>
      </c>
      <c r="K69" s="6">
        <v>545872</v>
      </c>
      <c r="L69" s="6">
        <v>267422</v>
      </c>
      <c r="M69" s="6">
        <v>9888</v>
      </c>
      <c r="N69" s="6">
        <v>617344</v>
      </c>
      <c r="O69" s="6">
        <v>1194</v>
      </c>
      <c r="P69" s="6">
        <v>4525</v>
      </c>
      <c r="Q69" s="6">
        <v>2</v>
      </c>
    </row>
    <row r="70" spans="1:17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43</v>
      </c>
      <c r="F70" s="6">
        <v>3838068</v>
      </c>
      <c r="G70" s="6">
        <v>3832363</v>
      </c>
      <c r="H70" s="6">
        <v>14170</v>
      </c>
      <c r="I70" s="6">
        <v>1159358</v>
      </c>
      <c r="J70" s="6">
        <v>1656803</v>
      </c>
      <c r="K70" s="6">
        <v>258503</v>
      </c>
      <c r="L70" s="6">
        <v>143323</v>
      </c>
      <c r="M70" s="6">
        <v>4857</v>
      </c>
      <c r="N70" s="6">
        <v>595349</v>
      </c>
      <c r="O70" s="6">
        <v>744</v>
      </c>
      <c r="P70" s="6">
        <v>4960</v>
      </c>
      <c r="Q70" s="6">
        <v>1</v>
      </c>
    </row>
    <row r="71" spans="1:17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44</v>
      </c>
      <c r="F71" s="6">
        <v>3100635</v>
      </c>
      <c r="G71" s="6">
        <v>3093390</v>
      </c>
      <c r="H71" s="6">
        <v>47085</v>
      </c>
      <c r="I71" s="6">
        <v>1106054</v>
      </c>
      <c r="J71" s="6">
        <v>1180504</v>
      </c>
      <c r="K71" s="6">
        <v>149771</v>
      </c>
      <c r="L71" s="6">
        <v>78230</v>
      </c>
      <c r="M71" s="6">
        <v>2386</v>
      </c>
      <c r="N71" s="6">
        <v>529360</v>
      </c>
      <c r="O71" s="6">
        <v>493</v>
      </c>
      <c r="P71" s="6">
        <v>6752</v>
      </c>
      <c r="Q71" s="10" t="s">
        <v>55</v>
      </c>
    </row>
    <row r="72" spans="1:17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45</v>
      </c>
      <c r="F72" s="6">
        <v>2366350</v>
      </c>
      <c r="G72" s="6">
        <v>2358582</v>
      </c>
      <c r="H72" s="6">
        <v>204176</v>
      </c>
      <c r="I72" s="6">
        <v>729678</v>
      </c>
      <c r="J72" s="6">
        <v>848261</v>
      </c>
      <c r="K72" s="6">
        <v>80271</v>
      </c>
      <c r="L72" s="6">
        <v>46254</v>
      </c>
      <c r="M72" s="6">
        <v>1352</v>
      </c>
      <c r="N72" s="6">
        <v>448590</v>
      </c>
      <c r="O72" s="6">
        <v>219</v>
      </c>
      <c r="P72" s="6">
        <v>7548</v>
      </c>
      <c r="Q72" s="6">
        <v>1</v>
      </c>
    </row>
    <row r="73" spans="1:17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46</v>
      </c>
      <c r="F73" s="6">
        <v>1287713</v>
      </c>
      <c r="G73" s="6">
        <v>1281717</v>
      </c>
      <c r="H73" s="6">
        <v>210818</v>
      </c>
      <c r="I73" s="6">
        <v>280058</v>
      </c>
      <c r="J73" s="6">
        <v>441514</v>
      </c>
      <c r="K73" s="6">
        <v>39195</v>
      </c>
      <c r="L73" s="6">
        <v>20855</v>
      </c>
      <c r="M73" s="6">
        <v>364</v>
      </c>
      <c r="N73" s="6">
        <v>288913</v>
      </c>
      <c r="O73" s="6">
        <v>80</v>
      </c>
      <c r="P73" s="6">
        <v>5915</v>
      </c>
      <c r="Q73" s="6">
        <v>1</v>
      </c>
    </row>
    <row r="74" spans="1:17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47</v>
      </c>
      <c r="F74" s="6">
        <v>470371</v>
      </c>
      <c r="G74" s="6">
        <v>467128</v>
      </c>
      <c r="H74" s="6">
        <v>107416</v>
      </c>
      <c r="I74" s="6">
        <v>90140</v>
      </c>
      <c r="J74" s="6">
        <v>120858</v>
      </c>
      <c r="K74" s="6">
        <v>12003</v>
      </c>
      <c r="L74" s="6">
        <v>5899</v>
      </c>
      <c r="M74" s="6">
        <v>78</v>
      </c>
      <c r="N74" s="6">
        <v>130734</v>
      </c>
      <c r="O74" s="6">
        <v>35</v>
      </c>
      <c r="P74" s="6">
        <v>3208</v>
      </c>
      <c r="Q74" s="10" t="s">
        <v>55</v>
      </c>
    </row>
    <row r="75" spans="1:17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48</v>
      </c>
      <c r="F75" s="6">
        <v>36169248</v>
      </c>
      <c r="G75" s="6">
        <v>32552862</v>
      </c>
      <c r="H75" s="6">
        <v>12567</v>
      </c>
      <c r="I75" s="6">
        <v>1214826</v>
      </c>
      <c r="J75" s="6">
        <v>11549247</v>
      </c>
      <c r="K75" s="6">
        <v>8371615</v>
      </c>
      <c r="L75" s="6">
        <v>6380243</v>
      </c>
      <c r="M75" s="6">
        <v>458009</v>
      </c>
      <c r="N75" s="6">
        <v>4566355</v>
      </c>
      <c r="O75" s="6">
        <v>3596428</v>
      </c>
      <c r="P75" s="6">
        <v>18740</v>
      </c>
      <c r="Q75" s="6">
        <v>1218</v>
      </c>
    </row>
    <row r="76" spans="1:17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49</v>
      </c>
      <c r="F76" s="6">
        <v>19990854</v>
      </c>
      <c r="G76" s="6">
        <v>19949934</v>
      </c>
      <c r="H76" s="6">
        <v>592682</v>
      </c>
      <c r="I76" s="6">
        <v>4855473</v>
      </c>
      <c r="J76" s="6">
        <v>8718485</v>
      </c>
      <c r="K76" s="6">
        <v>1779985</v>
      </c>
      <c r="L76" s="6">
        <v>920215</v>
      </c>
      <c r="M76" s="6">
        <v>33085</v>
      </c>
      <c r="N76" s="6">
        <v>3050009</v>
      </c>
      <c r="O76" s="6">
        <v>4330</v>
      </c>
      <c r="P76" s="6">
        <v>36584</v>
      </c>
      <c r="Q76" s="6">
        <v>6</v>
      </c>
    </row>
    <row r="77" spans="1:17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50</v>
      </c>
      <c r="F77" s="6">
        <v>11063137</v>
      </c>
      <c r="G77" s="6">
        <v>11033180</v>
      </c>
      <c r="H77" s="6">
        <v>583665</v>
      </c>
      <c r="I77" s="6">
        <v>3365288</v>
      </c>
      <c r="J77" s="6">
        <v>4247940</v>
      </c>
      <c r="K77" s="6">
        <v>539743</v>
      </c>
      <c r="L77" s="6">
        <v>294561</v>
      </c>
      <c r="M77" s="6">
        <v>9037</v>
      </c>
      <c r="N77" s="6">
        <v>1992946</v>
      </c>
      <c r="O77" s="6">
        <v>1571</v>
      </c>
      <c r="P77" s="6">
        <v>28383</v>
      </c>
      <c r="Q77" s="6">
        <v>3</v>
      </c>
    </row>
    <row r="78" spans="1:17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51</v>
      </c>
      <c r="F78" s="6">
        <v>4124434</v>
      </c>
      <c r="G78" s="6">
        <v>4107427</v>
      </c>
      <c r="H78" s="6">
        <v>522410</v>
      </c>
      <c r="I78" s="6">
        <v>1099876</v>
      </c>
      <c r="J78" s="6">
        <v>1410633</v>
      </c>
      <c r="K78" s="6">
        <v>131469</v>
      </c>
      <c r="L78" s="6">
        <v>73008</v>
      </c>
      <c r="M78" s="6">
        <v>1794</v>
      </c>
      <c r="N78" s="6">
        <v>868237</v>
      </c>
      <c r="O78" s="6">
        <v>334</v>
      </c>
      <c r="P78" s="6">
        <v>16671</v>
      </c>
      <c r="Q78" s="6">
        <v>2</v>
      </c>
    </row>
    <row r="79" spans="1:17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52</v>
      </c>
      <c r="F79" s="6">
        <v>37597045</v>
      </c>
      <c r="G79" s="6">
        <v>36497989</v>
      </c>
      <c r="H79" s="6">
        <v>15967</v>
      </c>
      <c r="I79" s="6">
        <v>1717954</v>
      </c>
      <c r="J79" s="6">
        <v>13481370</v>
      </c>
      <c r="K79" s="6">
        <v>9065984</v>
      </c>
      <c r="L79" s="6">
        <v>6738475</v>
      </c>
      <c r="M79" s="6">
        <v>472169</v>
      </c>
      <c r="N79" s="6">
        <v>5006070</v>
      </c>
      <c r="O79" s="6">
        <v>1077389</v>
      </c>
      <c r="P79" s="6">
        <v>21660</v>
      </c>
      <c r="Q79" s="6">
        <v>7</v>
      </c>
    </row>
    <row r="80" spans="1:17">
      <c r="A80" s="9" t="s">
        <v>27</v>
      </c>
      <c r="B80" s="9" t="s">
        <v>57</v>
      </c>
      <c r="C80" s="9" t="s">
        <v>58</v>
      </c>
      <c r="D80" s="9" t="s">
        <v>6</v>
      </c>
      <c r="E80" s="9" t="s">
        <v>30</v>
      </c>
      <c r="F80" s="6">
        <v>1484736</v>
      </c>
      <c r="G80" s="6">
        <v>1387180</v>
      </c>
      <c r="H80" s="6">
        <v>17874</v>
      </c>
      <c r="I80" s="6">
        <v>204956</v>
      </c>
      <c r="J80" s="6">
        <v>631388</v>
      </c>
      <c r="K80" s="6">
        <v>177614</v>
      </c>
      <c r="L80" s="6">
        <v>209231</v>
      </c>
      <c r="M80" s="6">
        <v>16894</v>
      </c>
      <c r="N80" s="6">
        <v>129223</v>
      </c>
      <c r="O80" s="6">
        <v>95557</v>
      </c>
      <c r="P80" s="6">
        <v>1990</v>
      </c>
      <c r="Q80" s="6">
        <v>9</v>
      </c>
    </row>
    <row r="81" spans="1:17">
      <c r="A81" s="9" t="s">
        <v>27</v>
      </c>
      <c r="B81" s="9" t="s">
        <v>57</v>
      </c>
      <c r="C81" s="9" t="s">
        <v>58</v>
      </c>
      <c r="D81" s="9" t="s">
        <v>6</v>
      </c>
      <c r="E81" s="9" t="s">
        <v>31</v>
      </c>
      <c r="F81" s="6">
        <v>79371</v>
      </c>
      <c r="G81" s="6">
        <v>8082</v>
      </c>
      <c r="H81" s="6">
        <v>6</v>
      </c>
      <c r="I81" s="6">
        <v>1068</v>
      </c>
      <c r="J81" s="6">
        <v>7008</v>
      </c>
      <c r="K81" s="10" t="s">
        <v>55</v>
      </c>
      <c r="L81" s="10" t="s">
        <v>55</v>
      </c>
      <c r="M81" s="10" t="s">
        <v>55</v>
      </c>
      <c r="N81" s="10" t="s">
        <v>55</v>
      </c>
      <c r="O81" s="6">
        <v>71272</v>
      </c>
      <c r="P81" s="6">
        <v>9</v>
      </c>
      <c r="Q81" s="6">
        <v>8</v>
      </c>
    </row>
    <row r="82" spans="1:17">
      <c r="A82" s="9" t="s">
        <v>27</v>
      </c>
      <c r="B82" s="9" t="s">
        <v>57</v>
      </c>
      <c r="C82" s="9" t="s">
        <v>58</v>
      </c>
      <c r="D82" s="9" t="s">
        <v>6</v>
      </c>
      <c r="E82" s="9" t="s">
        <v>32</v>
      </c>
      <c r="F82" s="6">
        <v>69827</v>
      </c>
      <c r="G82" s="6">
        <v>48118</v>
      </c>
      <c r="H82" s="6">
        <v>19</v>
      </c>
      <c r="I82" s="6">
        <v>1974</v>
      </c>
      <c r="J82" s="6">
        <v>24764</v>
      </c>
      <c r="K82" s="6">
        <v>8293</v>
      </c>
      <c r="L82" s="6">
        <v>8621</v>
      </c>
      <c r="M82" s="6">
        <v>113</v>
      </c>
      <c r="N82" s="6">
        <v>4334</v>
      </c>
      <c r="O82" s="6">
        <v>21672</v>
      </c>
      <c r="P82" s="6">
        <v>37</v>
      </c>
      <c r="Q82" s="10" t="s">
        <v>55</v>
      </c>
    </row>
    <row r="83" spans="1:17">
      <c r="A83" s="9" t="s">
        <v>27</v>
      </c>
      <c r="B83" s="9" t="s">
        <v>57</v>
      </c>
      <c r="C83" s="9" t="s">
        <v>58</v>
      </c>
      <c r="D83" s="9" t="s">
        <v>6</v>
      </c>
      <c r="E83" s="9" t="s">
        <v>33</v>
      </c>
      <c r="F83" s="6">
        <v>71763</v>
      </c>
      <c r="G83" s="6">
        <v>70579</v>
      </c>
      <c r="H83" s="6">
        <v>26</v>
      </c>
      <c r="I83" s="6">
        <v>2930</v>
      </c>
      <c r="J83" s="6">
        <v>25761</v>
      </c>
      <c r="K83" s="6">
        <v>11571</v>
      </c>
      <c r="L83" s="6">
        <v>19978</v>
      </c>
      <c r="M83" s="6">
        <v>1479</v>
      </c>
      <c r="N83" s="6">
        <v>8834</v>
      </c>
      <c r="O83" s="6">
        <v>1148</v>
      </c>
      <c r="P83" s="6">
        <v>36</v>
      </c>
      <c r="Q83" s="10" t="s">
        <v>55</v>
      </c>
    </row>
    <row r="84" spans="1:17">
      <c r="A84" s="9" t="s">
        <v>27</v>
      </c>
      <c r="B84" s="9" t="s">
        <v>57</v>
      </c>
      <c r="C84" s="9" t="s">
        <v>58</v>
      </c>
      <c r="D84" s="9" t="s">
        <v>6</v>
      </c>
      <c r="E84" s="9" t="s">
        <v>34</v>
      </c>
      <c r="F84" s="6">
        <v>83016</v>
      </c>
      <c r="G84" s="6">
        <v>82479</v>
      </c>
      <c r="H84" s="6">
        <v>15</v>
      </c>
      <c r="I84" s="6">
        <v>3980</v>
      </c>
      <c r="J84" s="6">
        <v>31822</v>
      </c>
      <c r="K84" s="6">
        <v>14161</v>
      </c>
      <c r="L84" s="6">
        <v>21037</v>
      </c>
      <c r="M84" s="6">
        <v>2007</v>
      </c>
      <c r="N84" s="6">
        <v>9457</v>
      </c>
      <c r="O84" s="6">
        <v>486</v>
      </c>
      <c r="P84" s="6">
        <v>51</v>
      </c>
      <c r="Q84" s="10" t="s">
        <v>55</v>
      </c>
    </row>
    <row r="85" spans="1:17">
      <c r="A85" s="9" t="s">
        <v>27</v>
      </c>
      <c r="B85" s="9" t="s">
        <v>57</v>
      </c>
      <c r="C85" s="9" t="s">
        <v>58</v>
      </c>
      <c r="D85" s="9" t="s">
        <v>6</v>
      </c>
      <c r="E85" s="9" t="s">
        <v>35</v>
      </c>
      <c r="F85" s="6">
        <v>97054</v>
      </c>
      <c r="G85" s="6">
        <v>96675</v>
      </c>
      <c r="H85" s="6">
        <v>22</v>
      </c>
      <c r="I85" s="6">
        <v>5608</v>
      </c>
      <c r="J85" s="6">
        <v>39294</v>
      </c>
      <c r="K85" s="6">
        <v>17701</v>
      </c>
      <c r="L85" s="6">
        <v>21471</v>
      </c>
      <c r="M85" s="6">
        <v>2458</v>
      </c>
      <c r="N85" s="6">
        <v>10121</v>
      </c>
      <c r="O85" s="6">
        <v>332</v>
      </c>
      <c r="P85" s="6">
        <v>47</v>
      </c>
      <c r="Q85" s="10" t="s">
        <v>55</v>
      </c>
    </row>
    <row r="86" spans="1:17">
      <c r="A86" s="9" t="s">
        <v>27</v>
      </c>
      <c r="B86" s="9" t="s">
        <v>57</v>
      </c>
      <c r="C86" s="9" t="s">
        <v>58</v>
      </c>
      <c r="D86" s="9" t="s">
        <v>6</v>
      </c>
      <c r="E86" s="9" t="s">
        <v>36</v>
      </c>
      <c r="F86" s="6">
        <v>106373</v>
      </c>
      <c r="G86" s="6">
        <v>106098</v>
      </c>
      <c r="H86" s="6">
        <v>23</v>
      </c>
      <c r="I86" s="6">
        <v>5349</v>
      </c>
      <c r="J86" s="6">
        <v>45405</v>
      </c>
      <c r="K86" s="6">
        <v>20361</v>
      </c>
      <c r="L86" s="6">
        <v>21918</v>
      </c>
      <c r="M86" s="6">
        <v>2515</v>
      </c>
      <c r="N86" s="6">
        <v>10527</v>
      </c>
      <c r="O86" s="6">
        <v>203</v>
      </c>
      <c r="P86" s="6">
        <v>72</v>
      </c>
      <c r="Q86" s="10" t="s">
        <v>55</v>
      </c>
    </row>
    <row r="87" spans="1:17">
      <c r="A87" s="9" t="s">
        <v>27</v>
      </c>
      <c r="B87" s="9" t="s">
        <v>57</v>
      </c>
      <c r="C87" s="9" t="s">
        <v>58</v>
      </c>
      <c r="D87" s="9" t="s">
        <v>6</v>
      </c>
      <c r="E87" s="9" t="s">
        <v>37</v>
      </c>
      <c r="F87" s="6">
        <v>112345</v>
      </c>
      <c r="G87" s="6">
        <v>112135</v>
      </c>
      <c r="H87" s="6">
        <v>37</v>
      </c>
      <c r="I87" s="6">
        <v>5106</v>
      </c>
      <c r="J87" s="6">
        <v>50417</v>
      </c>
      <c r="K87" s="6">
        <v>22898</v>
      </c>
      <c r="L87" s="6">
        <v>21186</v>
      </c>
      <c r="M87" s="6">
        <v>2231</v>
      </c>
      <c r="N87" s="6">
        <v>10260</v>
      </c>
      <c r="O87" s="6">
        <v>149</v>
      </c>
      <c r="P87" s="6">
        <v>61</v>
      </c>
      <c r="Q87" s="10" t="s">
        <v>55</v>
      </c>
    </row>
    <row r="88" spans="1:17">
      <c r="A88" s="9" t="s">
        <v>27</v>
      </c>
      <c r="B88" s="9" t="s">
        <v>57</v>
      </c>
      <c r="C88" s="9" t="s">
        <v>58</v>
      </c>
      <c r="D88" s="9" t="s">
        <v>6</v>
      </c>
      <c r="E88" s="9" t="s">
        <v>38</v>
      </c>
      <c r="F88" s="6">
        <v>101844</v>
      </c>
      <c r="G88" s="6">
        <v>101700</v>
      </c>
      <c r="H88" s="6">
        <v>32</v>
      </c>
      <c r="I88" s="6">
        <v>5016</v>
      </c>
      <c r="J88" s="6">
        <v>51429</v>
      </c>
      <c r="K88" s="6">
        <v>18730</v>
      </c>
      <c r="L88" s="6">
        <v>16409</v>
      </c>
      <c r="M88" s="6">
        <v>1582</v>
      </c>
      <c r="N88" s="6">
        <v>8502</v>
      </c>
      <c r="O88" s="6">
        <v>91</v>
      </c>
      <c r="P88" s="6">
        <v>53</v>
      </c>
      <c r="Q88" s="10" t="s">
        <v>55</v>
      </c>
    </row>
    <row r="89" spans="1:17">
      <c r="A89" s="9" t="s">
        <v>27</v>
      </c>
      <c r="B89" s="9" t="s">
        <v>57</v>
      </c>
      <c r="C89" s="9" t="s">
        <v>58</v>
      </c>
      <c r="D89" s="9" t="s">
        <v>6</v>
      </c>
      <c r="E89" s="9" t="s">
        <v>39</v>
      </c>
      <c r="F89" s="6">
        <v>106541</v>
      </c>
      <c r="G89" s="6">
        <v>106389</v>
      </c>
      <c r="H89" s="6">
        <v>34</v>
      </c>
      <c r="I89" s="6">
        <v>5254</v>
      </c>
      <c r="J89" s="6">
        <v>57727</v>
      </c>
      <c r="K89" s="6">
        <v>17806</v>
      </c>
      <c r="L89" s="6">
        <v>16607</v>
      </c>
      <c r="M89" s="6">
        <v>1367</v>
      </c>
      <c r="N89" s="6">
        <v>7594</v>
      </c>
      <c r="O89" s="6">
        <v>58</v>
      </c>
      <c r="P89" s="6">
        <v>94</v>
      </c>
      <c r="Q89" s="10" t="s">
        <v>55</v>
      </c>
    </row>
    <row r="90" spans="1:17">
      <c r="A90" s="9" t="s">
        <v>27</v>
      </c>
      <c r="B90" s="9" t="s">
        <v>57</v>
      </c>
      <c r="C90" s="9" t="s">
        <v>58</v>
      </c>
      <c r="D90" s="9" t="s">
        <v>6</v>
      </c>
      <c r="E90" s="9" t="s">
        <v>40</v>
      </c>
      <c r="F90" s="6">
        <v>116064</v>
      </c>
      <c r="G90" s="6">
        <v>115866</v>
      </c>
      <c r="H90" s="6">
        <v>62</v>
      </c>
      <c r="I90" s="6">
        <v>9921</v>
      </c>
      <c r="J90" s="6">
        <v>61793</v>
      </c>
      <c r="K90" s="6">
        <v>16474</v>
      </c>
      <c r="L90" s="6">
        <v>18954</v>
      </c>
      <c r="M90" s="6">
        <v>1076</v>
      </c>
      <c r="N90" s="6">
        <v>7586</v>
      </c>
      <c r="O90" s="6">
        <v>48</v>
      </c>
      <c r="P90" s="6">
        <v>150</v>
      </c>
      <c r="Q90" s="10" t="s">
        <v>55</v>
      </c>
    </row>
    <row r="91" spans="1:17">
      <c r="A91" s="9" t="s">
        <v>27</v>
      </c>
      <c r="B91" s="9" t="s">
        <v>57</v>
      </c>
      <c r="C91" s="9" t="s">
        <v>58</v>
      </c>
      <c r="D91" s="9" t="s">
        <v>6</v>
      </c>
      <c r="E91" s="9" t="s">
        <v>41</v>
      </c>
      <c r="F91" s="6">
        <v>129764</v>
      </c>
      <c r="G91" s="6">
        <v>129548</v>
      </c>
      <c r="H91" s="6">
        <v>139</v>
      </c>
      <c r="I91" s="6">
        <v>22529</v>
      </c>
      <c r="J91" s="6">
        <v>67987</v>
      </c>
      <c r="K91" s="6">
        <v>12307</v>
      </c>
      <c r="L91" s="6">
        <v>16678</v>
      </c>
      <c r="M91" s="6">
        <v>868</v>
      </c>
      <c r="N91" s="6">
        <v>9040</v>
      </c>
      <c r="O91" s="6">
        <v>37</v>
      </c>
      <c r="P91" s="6">
        <v>179</v>
      </c>
      <c r="Q91" s="10" t="s">
        <v>55</v>
      </c>
    </row>
    <row r="92" spans="1:17">
      <c r="A92" s="9" t="s">
        <v>27</v>
      </c>
      <c r="B92" s="9" t="s">
        <v>57</v>
      </c>
      <c r="C92" s="9" t="s">
        <v>58</v>
      </c>
      <c r="D92" s="9" t="s">
        <v>6</v>
      </c>
      <c r="E92" s="9" t="s">
        <v>42</v>
      </c>
      <c r="F92" s="6">
        <v>128314</v>
      </c>
      <c r="G92" s="6">
        <v>128070</v>
      </c>
      <c r="H92" s="6">
        <v>186</v>
      </c>
      <c r="I92" s="6">
        <v>32108</v>
      </c>
      <c r="J92" s="6">
        <v>64285</v>
      </c>
      <c r="K92" s="6">
        <v>8662</v>
      </c>
      <c r="L92" s="6">
        <v>11970</v>
      </c>
      <c r="M92" s="6">
        <v>623</v>
      </c>
      <c r="N92" s="6">
        <v>10236</v>
      </c>
      <c r="O92" s="6">
        <v>25</v>
      </c>
      <c r="P92" s="6">
        <v>219</v>
      </c>
      <c r="Q92" s="10" t="s">
        <v>55</v>
      </c>
    </row>
    <row r="93" spans="1:17">
      <c r="A93" s="9" t="s">
        <v>27</v>
      </c>
      <c r="B93" s="9" t="s">
        <v>57</v>
      </c>
      <c r="C93" s="9" t="s">
        <v>58</v>
      </c>
      <c r="D93" s="9" t="s">
        <v>6</v>
      </c>
      <c r="E93" s="9" t="s">
        <v>43</v>
      </c>
      <c r="F93" s="6">
        <v>92608</v>
      </c>
      <c r="G93" s="6">
        <v>92430</v>
      </c>
      <c r="H93" s="6">
        <v>390</v>
      </c>
      <c r="I93" s="6">
        <v>33757</v>
      </c>
      <c r="J93" s="6">
        <v>38909</v>
      </c>
      <c r="K93" s="6">
        <v>3767</v>
      </c>
      <c r="L93" s="6">
        <v>6908</v>
      </c>
      <c r="M93" s="6">
        <v>288</v>
      </c>
      <c r="N93" s="6">
        <v>8411</v>
      </c>
      <c r="O93" s="6">
        <v>12</v>
      </c>
      <c r="P93" s="6">
        <v>166</v>
      </c>
      <c r="Q93" s="10" t="s">
        <v>55</v>
      </c>
    </row>
    <row r="94" spans="1:17">
      <c r="A94" s="9" t="s">
        <v>27</v>
      </c>
      <c r="B94" s="9" t="s">
        <v>57</v>
      </c>
      <c r="C94" s="9" t="s">
        <v>58</v>
      </c>
      <c r="D94" s="9" t="s">
        <v>6</v>
      </c>
      <c r="E94" s="9" t="s">
        <v>44</v>
      </c>
      <c r="F94" s="6">
        <v>80999</v>
      </c>
      <c r="G94" s="6">
        <v>80765</v>
      </c>
      <c r="H94" s="6">
        <v>1489</v>
      </c>
      <c r="I94" s="6">
        <v>35243</v>
      </c>
      <c r="J94" s="6">
        <v>29123</v>
      </c>
      <c r="K94" s="6">
        <v>2395</v>
      </c>
      <c r="L94" s="6">
        <v>4144</v>
      </c>
      <c r="M94" s="6">
        <v>160</v>
      </c>
      <c r="N94" s="6">
        <v>8211</v>
      </c>
      <c r="O94" s="6">
        <v>14</v>
      </c>
      <c r="P94" s="6">
        <v>220</v>
      </c>
      <c r="Q94" s="10" t="s">
        <v>55</v>
      </c>
    </row>
    <row r="95" spans="1:17">
      <c r="A95" s="9" t="s">
        <v>27</v>
      </c>
      <c r="B95" s="9" t="s">
        <v>57</v>
      </c>
      <c r="C95" s="9" t="s">
        <v>58</v>
      </c>
      <c r="D95" s="9" t="s">
        <v>6</v>
      </c>
      <c r="E95" s="9" t="s">
        <v>45</v>
      </c>
      <c r="F95" s="6">
        <v>63319</v>
      </c>
      <c r="G95" s="6">
        <v>63039</v>
      </c>
      <c r="H95" s="6">
        <v>6451</v>
      </c>
      <c r="I95" s="6">
        <v>23718</v>
      </c>
      <c r="J95" s="6">
        <v>21090</v>
      </c>
      <c r="K95" s="6">
        <v>1455</v>
      </c>
      <c r="L95" s="6">
        <v>2369</v>
      </c>
      <c r="M95" s="6">
        <v>93</v>
      </c>
      <c r="N95" s="6">
        <v>7863</v>
      </c>
      <c r="O95" s="6">
        <v>6</v>
      </c>
      <c r="P95" s="6">
        <v>273</v>
      </c>
      <c r="Q95" s="6">
        <v>1</v>
      </c>
    </row>
    <row r="96" spans="1:17">
      <c r="A96" s="9" t="s">
        <v>27</v>
      </c>
      <c r="B96" s="9" t="s">
        <v>57</v>
      </c>
      <c r="C96" s="9" t="s">
        <v>58</v>
      </c>
      <c r="D96" s="9" t="s">
        <v>6</v>
      </c>
      <c r="E96" s="9" t="s">
        <v>46</v>
      </c>
      <c r="F96" s="6">
        <v>33610</v>
      </c>
      <c r="G96" s="6">
        <v>33404</v>
      </c>
      <c r="H96" s="6">
        <v>5990</v>
      </c>
      <c r="I96" s="6">
        <v>8787</v>
      </c>
      <c r="J96" s="6">
        <v>11473</v>
      </c>
      <c r="K96" s="6">
        <v>801</v>
      </c>
      <c r="L96" s="6">
        <v>758</v>
      </c>
      <c r="M96" s="6">
        <v>33</v>
      </c>
      <c r="N96" s="6">
        <v>5562</v>
      </c>
      <c r="O96" s="6">
        <v>3</v>
      </c>
      <c r="P96" s="6">
        <v>203</v>
      </c>
      <c r="Q96" s="10" t="s">
        <v>55</v>
      </c>
    </row>
    <row r="97" spans="1:17">
      <c r="A97" s="9" t="s">
        <v>27</v>
      </c>
      <c r="B97" s="9" t="s">
        <v>57</v>
      </c>
      <c r="C97" s="9" t="s">
        <v>58</v>
      </c>
      <c r="D97" s="9" t="s">
        <v>6</v>
      </c>
      <c r="E97" s="9" t="s">
        <v>47</v>
      </c>
      <c r="F97" s="6">
        <v>11924</v>
      </c>
      <c r="G97" s="6">
        <v>11803</v>
      </c>
      <c r="H97" s="6">
        <v>2953</v>
      </c>
      <c r="I97" s="6">
        <v>2608</v>
      </c>
      <c r="J97" s="6">
        <v>3101</v>
      </c>
      <c r="K97" s="6">
        <v>232</v>
      </c>
      <c r="L97" s="6">
        <v>223</v>
      </c>
      <c r="M97" s="6">
        <v>1</v>
      </c>
      <c r="N97" s="6">
        <v>2685</v>
      </c>
      <c r="O97" s="6">
        <v>1</v>
      </c>
      <c r="P97" s="6">
        <v>120</v>
      </c>
      <c r="Q97" s="10" t="s">
        <v>55</v>
      </c>
    </row>
    <row r="98" spans="1:17">
      <c r="A98" s="9" t="s">
        <v>27</v>
      </c>
      <c r="B98" s="9" t="s">
        <v>57</v>
      </c>
      <c r="C98" s="9" t="s">
        <v>58</v>
      </c>
      <c r="D98" s="9" t="s">
        <v>6</v>
      </c>
      <c r="E98" s="9" t="s">
        <v>48</v>
      </c>
      <c r="F98" s="6">
        <v>944198</v>
      </c>
      <c r="G98" s="6">
        <v>848121</v>
      </c>
      <c r="H98" s="6">
        <v>276</v>
      </c>
      <c r="I98" s="6">
        <v>46206</v>
      </c>
      <c r="J98" s="6">
        <v>395420</v>
      </c>
      <c r="K98" s="6">
        <v>147995</v>
      </c>
      <c r="L98" s="6">
        <v>166181</v>
      </c>
      <c r="M98" s="6">
        <v>14828</v>
      </c>
      <c r="N98" s="6">
        <v>77215</v>
      </c>
      <c r="O98" s="6">
        <v>95459</v>
      </c>
      <c r="P98" s="6">
        <v>610</v>
      </c>
      <c r="Q98" s="6">
        <v>8</v>
      </c>
    </row>
    <row r="99" spans="1:17">
      <c r="A99" s="9" t="s">
        <v>27</v>
      </c>
      <c r="B99" s="9" t="s">
        <v>57</v>
      </c>
      <c r="C99" s="9" t="s">
        <v>58</v>
      </c>
      <c r="D99" s="9" t="s">
        <v>6</v>
      </c>
      <c r="E99" s="9" t="s">
        <v>49</v>
      </c>
      <c r="F99" s="6">
        <v>540538</v>
      </c>
      <c r="G99" s="6">
        <v>539059</v>
      </c>
      <c r="H99" s="6">
        <v>17598</v>
      </c>
      <c r="I99" s="6">
        <v>158750</v>
      </c>
      <c r="J99" s="6">
        <v>235968</v>
      </c>
      <c r="K99" s="6">
        <v>29619</v>
      </c>
      <c r="L99" s="6">
        <v>43050</v>
      </c>
      <c r="M99" s="6">
        <v>2066</v>
      </c>
      <c r="N99" s="6">
        <v>52008</v>
      </c>
      <c r="O99" s="6">
        <v>98</v>
      </c>
      <c r="P99" s="6">
        <v>1380</v>
      </c>
      <c r="Q99" s="6">
        <v>1</v>
      </c>
    </row>
    <row r="100" spans="1:17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50</v>
      </c>
      <c r="F100" s="6">
        <v>282460</v>
      </c>
      <c r="G100" s="6">
        <v>281441</v>
      </c>
      <c r="H100" s="6">
        <v>17273</v>
      </c>
      <c r="I100" s="6">
        <v>104113</v>
      </c>
      <c r="J100" s="6">
        <v>103696</v>
      </c>
      <c r="K100" s="6">
        <v>8650</v>
      </c>
      <c r="L100" s="6">
        <v>14402</v>
      </c>
      <c r="M100" s="6">
        <v>575</v>
      </c>
      <c r="N100" s="6">
        <v>32732</v>
      </c>
      <c r="O100" s="6">
        <v>36</v>
      </c>
      <c r="P100" s="6">
        <v>982</v>
      </c>
      <c r="Q100" s="6">
        <v>1</v>
      </c>
    </row>
    <row r="101" spans="1:17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51</v>
      </c>
      <c r="F101" s="6">
        <v>108853</v>
      </c>
      <c r="G101" s="6">
        <v>108246</v>
      </c>
      <c r="H101" s="6">
        <v>15394</v>
      </c>
      <c r="I101" s="6">
        <v>35113</v>
      </c>
      <c r="J101" s="6">
        <v>35664</v>
      </c>
      <c r="K101" s="6">
        <v>2488</v>
      </c>
      <c r="L101" s="6">
        <v>3350</v>
      </c>
      <c r="M101" s="6">
        <v>127</v>
      </c>
      <c r="N101" s="6">
        <v>16110</v>
      </c>
      <c r="O101" s="6">
        <v>10</v>
      </c>
      <c r="P101" s="6">
        <v>596</v>
      </c>
      <c r="Q101" s="6">
        <v>1</v>
      </c>
    </row>
    <row r="102" spans="1:17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52</v>
      </c>
      <c r="F102" s="6">
        <v>994591</v>
      </c>
      <c r="G102" s="6">
        <v>969587</v>
      </c>
      <c r="H102" s="6">
        <v>409</v>
      </c>
      <c r="I102" s="6">
        <v>67667</v>
      </c>
      <c r="J102" s="6">
        <v>456399</v>
      </c>
      <c r="K102" s="6">
        <v>160302</v>
      </c>
      <c r="L102" s="6">
        <v>182859</v>
      </c>
      <c r="M102" s="6">
        <v>15696</v>
      </c>
      <c r="N102" s="6">
        <v>86255</v>
      </c>
      <c r="O102" s="6">
        <v>24224</v>
      </c>
      <c r="P102" s="6">
        <v>780</v>
      </c>
      <c r="Q102" s="10" t="s">
        <v>55</v>
      </c>
    </row>
    <row r="103" spans="1:17">
      <c r="A103" s="9" t="s">
        <v>27</v>
      </c>
      <c r="B103" s="9" t="s">
        <v>57</v>
      </c>
      <c r="C103" s="9" t="s">
        <v>58</v>
      </c>
      <c r="D103" s="9" t="s">
        <v>53</v>
      </c>
      <c r="E103" s="9" t="s">
        <v>30</v>
      </c>
      <c r="F103" s="6">
        <v>691836</v>
      </c>
      <c r="G103" s="6">
        <v>642248</v>
      </c>
      <c r="H103" s="6">
        <v>4355</v>
      </c>
      <c r="I103" s="6">
        <v>92449</v>
      </c>
      <c r="J103" s="6">
        <v>289077</v>
      </c>
      <c r="K103" s="6">
        <v>48338</v>
      </c>
      <c r="L103" s="6">
        <v>135340</v>
      </c>
      <c r="M103" s="6">
        <v>12753</v>
      </c>
      <c r="N103" s="6">
        <v>59936</v>
      </c>
      <c r="O103" s="6">
        <v>48824</v>
      </c>
      <c r="P103" s="6">
        <v>762</v>
      </c>
      <c r="Q103" s="6">
        <v>2</v>
      </c>
    </row>
    <row r="104" spans="1:17">
      <c r="A104" s="9" t="s">
        <v>27</v>
      </c>
      <c r="B104" s="9" t="s">
        <v>57</v>
      </c>
      <c r="C104" s="9" t="s">
        <v>58</v>
      </c>
      <c r="D104" s="9" t="s">
        <v>53</v>
      </c>
      <c r="E104" s="9" t="s">
        <v>31</v>
      </c>
      <c r="F104" s="6">
        <v>40826</v>
      </c>
      <c r="G104" s="6">
        <v>4614</v>
      </c>
      <c r="H104" s="6">
        <v>4</v>
      </c>
      <c r="I104" s="6">
        <v>619</v>
      </c>
      <c r="J104" s="6">
        <v>3991</v>
      </c>
      <c r="K104" s="10" t="s">
        <v>55</v>
      </c>
      <c r="L104" s="10" t="s">
        <v>55</v>
      </c>
      <c r="M104" s="10" t="s">
        <v>55</v>
      </c>
      <c r="N104" s="10" t="s">
        <v>55</v>
      </c>
      <c r="O104" s="6">
        <v>36206</v>
      </c>
      <c r="P104" s="6">
        <v>5</v>
      </c>
      <c r="Q104" s="6">
        <v>1</v>
      </c>
    </row>
    <row r="105" spans="1:17">
      <c r="A105" s="9" t="s">
        <v>27</v>
      </c>
      <c r="B105" s="9" t="s">
        <v>57</v>
      </c>
      <c r="C105" s="9" t="s">
        <v>58</v>
      </c>
      <c r="D105" s="9" t="s">
        <v>53</v>
      </c>
      <c r="E105" s="9" t="s">
        <v>32</v>
      </c>
      <c r="F105" s="6">
        <v>34749</v>
      </c>
      <c r="G105" s="6">
        <v>23485</v>
      </c>
      <c r="H105" s="6">
        <v>7</v>
      </c>
      <c r="I105" s="6">
        <v>1081</v>
      </c>
      <c r="J105" s="6">
        <v>13203</v>
      </c>
      <c r="K105" s="6">
        <v>2780</v>
      </c>
      <c r="L105" s="6">
        <v>4016</v>
      </c>
      <c r="M105" s="6">
        <v>79</v>
      </c>
      <c r="N105" s="6">
        <v>2319</v>
      </c>
      <c r="O105" s="6">
        <v>11241</v>
      </c>
      <c r="P105" s="6">
        <v>23</v>
      </c>
      <c r="Q105" s="10" t="s">
        <v>55</v>
      </c>
    </row>
    <row r="106" spans="1:17">
      <c r="A106" s="9" t="s">
        <v>27</v>
      </c>
      <c r="B106" s="9" t="s">
        <v>57</v>
      </c>
      <c r="C106" s="9" t="s">
        <v>58</v>
      </c>
      <c r="D106" s="9" t="s">
        <v>53</v>
      </c>
      <c r="E106" s="9" t="s">
        <v>33</v>
      </c>
      <c r="F106" s="6">
        <v>35403</v>
      </c>
      <c r="G106" s="6">
        <v>34676</v>
      </c>
      <c r="H106" s="6">
        <v>7</v>
      </c>
      <c r="I106" s="6">
        <v>1598</v>
      </c>
      <c r="J106" s="6">
        <v>13756</v>
      </c>
      <c r="K106" s="6">
        <v>4050</v>
      </c>
      <c r="L106" s="6">
        <v>9454</v>
      </c>
      <c r="M106" s="6">
        <v>1016</v>
      </c>
      <c r="N106" s="6">
        <v>4795</v>
      </c>
      <c r="O106" s="6">
        <v>709</v>
      </c>
      <c r="P106" s="6">
        <v>18</v>
      </c>
      <c r="Q106" s="10" t="s">
        <v>55</v>
      </c>
    </row>
    <row r="107" spans="1:17">
      <c r="A107" s="9" t="s">
        <v>27</v>
      </c>
      <c r="B107" s="9" t="s">
        <v>57</v>
      </c>
      <c r="C107" s="9" t="s">
        <v>58</v>
      </c>
      <c r="D107" s="9" t="s">
        <v>53</v>
      </c>
      <c r="E107" s="9" t="s">
        <v>34</v>
      </c>
      <c r="F107" s="6">
        <v>40814</v>
      </c>
      <c r="G107" s="6">
        <v>40531</v>
      </c>
      <c r="H107" s="6">
        <v>3</v>
      </c>
      <c r="I107" s="6">
        <v>2038</v>
      </c>
      <c r="J107" s="6">
        <v>16376</v>
      </c>
      <c r="K107" s="6">
        <v>4962</v>
      </c>
      <c r="L107" s="6">
        <v>10780</v>
      </c>
      <c r="M107" s="6">
        <v>1434</v>
      </c>
      <c r="N107" s="6">
        <v>4938</v>
      </c>
      <c r="O107" s="6">
        <v>255</v>
      </c>
      <c r="P107" s="6">
        <v>28</v>
      </c>
      <c r="Q107" s="10" t="s">
        <v>55</v>
      </c>
    </row>
    <row r="108" spans="1:17">
      <c r="A108" s="9" t="s">
        <v>27</v>
      </c>
      <c r="B108" s="9" t="s">
        <v>57</v>
      </c>
      <c r="C108" s="9" t="s">
        <v>58</v>
      </c>
      <c r="D108" s="9" t="s">
        <v>53</v>
      </c>
      <c r="E108" s="9" t="s">
        <v>35</v>
      </c>
      <c r="F108" s="6">
        <v>47873</v>
      </c>
      <c r="G108" s="6">
        <v>47695</v>
      </c>
      <c r="H108" s="6">
        <v>14</v>
      </c>
      <c r="I108" s="6">
        <v>3274</v>
      </c>
      <c r="J108" s="6">
        <v>19958</v>
      </c>
      <c r="K108" s="6">
        <v>5840</v>
      </c>
      <c r="L108" s="6">
        <v>11593</v>
      </c>
      <c r="M108" s="6">
        <v>1707</v>
      </c>
      <c r="N108" s="6">
        <v>5309</v>
      </c>
      <c r="O108" s="6">
        <v>160</v>
      </c>
      <c r="P108" s="6">
        <v>18</v>
      </c>
      <c r="Q108" s="10" t="s">
        <v>55</v>
      </c>
    </row>
    <row r="109" spans="1:17">
      <c r="A109" s="9" t="s">
        <v>27</v>
      </c>
      <c r="B109" s="9" t="s">
        <v>57</v>
      </c>
      <c r="C109" s="9" t="s">
        <v>58</v>
      </c>
      <c r="D109" s="9" t="s">
        <v>53</v>
      </c>
      <c r="E109" s="9" t="s">
        <v>36</v>
      </c>
      <c r="F109" s="6">
        <v>52642</v>
      </c>
      <c r="G109" s="6">
        <v>52518</v>
      </c>
      <c r="H109" s="6">
        <v>13</v>
      </c>
      <c r="I109" s="6">
        <v>3411</v>
      </c>
      <c r="J109" s="6">
        <v>23112</v>
      </c>
      <c r="K109" s="6">
        <v>5952</v>
      </c>
      <c r="L109" s="6">
        <v>12664</v>
      </c>
      <c r="M109" s="6">
        <v>1830</v>
      </c>
      <c r="N109" s="6">
        <v>5536</v>
      </c>
      <c r="O109" s="6">
        <v>84</v>
      </c>
      <c r="P109" s="6">
        <v>40</v>
      </c>
      <c r="Q109" s="10" t="s">
        <v>55</v>
      </c>
    </row>
    <row r="110" spans="1:17">
      <c r="A110" s="9" t="s">
        <v>27</v>
      </c>
      <c r="B110" s="9" t="s">
        <v>57</v>
      </c>
      <c r="C110" s="9" t="s">
        <v>58</v>
      </c>
      <c r="D110" s="9" t="s">
        <v>53</v>
      </c>
      <c r="E110" s="9" t="s">
        <v>37</v>
      </c>
      <c r="F110" s="6">
        <v>55101</v>
      </c>
      <c r="G110" s="6">
        <v>55015</v>
      </c>
      <c r="H110" s="6">
        <v>18</v>
      </c>
      <c r="I110" s="6">
        <v>3248</v>
      </c>
      <c r="J110" s="6">
        <v>25078</v>
      </c>
      <c r="K110" s="6">
        <v>6012</v>
      </c>
      <c r="L110" s="6">
        <v>13616</v>
      </c>
      <c r="M110" s="6">
        <v>1717</v>
      </c>
      <c r="N110" s="6">
        <v>5326</v>
      </c>
      <c r="O110" s="6">
        <v>55</v>
      </c>
      <c r="P110" s="6">
        <v>31</v>
      </c>
      <c r="Q110" s="10" t="s">
        <v>55</v>
      </c>
    </row>
    <row r="111" spans="1:17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38</v>
      </c>
      <c r="F111" s="6">
        <v>48527</v>
      </c>
      <c r="G111" s="6">
        <v>48472</v>
      </c>
      <c r="H111" s="6">
        <v>17</v>
      </c>
      <c r="I111" s="6">
        <v>3178</v>
      </c>
      <c r="J111" s="6">
        <v>23733</v>
      </c>
      <c r="K111" s="6">
        <v>4153</v>
      </c>
      <c r="L111" s="6">
        <v>11654</v>
      </c>
      <c r="M111" s="6">
        <v>1252</v>
      </c>
      <c r="N111" s="6">
        <v>4485</v>
      </c>
      <c r="O111" s="6">
        <v>26</v>
      </c>
      <c r="P111" s="6">
        <v>29</v>
      </c>
      <c r="Q111" s="10" t="s">
        <v>55</v>
      </c>
    </row>
    <row r="112" spans="1:17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39</v>
      </c>
      <c r="F112" s="6">
        <v>50787</v>
      </c>
      <c r="G112" s="6">
        <v>50715</v>
      </c>
      <c r="H112" s="6">
        <v>23</v>
      </c>
      <c r="I112" s="6">
        <v>3288</v>
      </c>
      <c r="J112" s="6">
        <v>26371</v>
      </c>
      <c r="K112" s="6">
        <v>3658</v>
      </c>
      <c r="L112" s="6">
        <v>12383</v>
      </c>
      <c r="M112" s="6">
        <v>1037</v>
      </c>
      <c r="N112" s="6">
        <v>3955</v>
      </c>
      <c r="O112" s="6">
        <v>20</v>
      </c>
      <c r="P112" s="6">
        <v>52</v>
      </c>
      <c r="Q112" s="10" t="s">
        <v>55</v>
      </c>
    </row>
    <row r="113" spans="1:17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40</v>
      </c>
      <c r="F113" s="6">
        <v>55927</v>
      </c>
      <c r="G113" s="6">
        <v>55832</v>
      </c>
      <c r="H113" s="6">
        <v>35</v>
      </c>
      <c r="I113" s="6">
        <v>5687</v>
      </c>
      <c r="J113" s="6">
        <v>27720</v>
      </c>
      <c r="K113" s="6">
        <v>3046</v>
      </c>
      <c r="L113" s="6">
        <v>14597</v>
      </c>
      <c r="M113" s="6">
        <v>845</v>
      </c>
      <c r="N113" s="6">
        <v>3902</v>
      </c>
      <c r="O113" s="6">
        <v>17</v>
      </c>
      <c r="P113" s="6">
        <v>78</v>
      </c>
      <c r="Q113" s="10" t="s">
        <v>55</v>
      </c>
    </row>
    <row r="114" spans="1:17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41</v>
      </c>
      <c r="F114" s="6">
        <v>62734</v>
      </c>
      <c r="G114" s="6">
        <v>62626</v>
      </c>
      <c r="H114" s="6">
        <v>71</v>
      </c>
      <c r="I114" s="6">
        <v>11675</v>
      </c>
      <c r="J114" s="6">
        <v>29901</v>
      </c>
      <c r="K114" s="6">
        <v>2516</v>
      </c>
      <c r="L114" s="6">
        <v>13390</v>
      </c>
      <c r="M114" s="6">
        <v>762</v>
      </c>
      <c r="N114" s="6">
        <v>4311</v>
      </c>
      <c r="O114" s="6">
        <v>21</v>
      </c>
      <c r="P114" s="6">
        <v>87</v>
      </c>
      <c r="Q114" s="10" t="s">
        <v>55</v>
      </c>
    </row>
    <row r="115" spans="1:17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42</v>
      </c>
      <c r="F115" s="6">
        <v>60885</v>
      </c>
      <c r="G115" s="6">
        <v>60777</v>
      </c>
      <c r="H115" s="6">
        <v>69</v>
      </c>
      <c r="I115" s="6">
        <v>15145</v>
      </c>
      <c r="J115" s="6">
        <v>28198</v>
      </c>
      <c r="K115" s="6">
        <v>2398</v>
      </c>
      <c r="L115" s="6">
        <v>9786</v>
      </c>
      <c r="M115" s="6">
        <v>551</v>
      </c>
      <c r="N115" s="6">
        <v>4630</v>
      </c>
      <c r="O115" s="6">
        <v>14</v>
      </c>
      <c r="P115" s="6">
        <v>94</v>
      </c>
      <c r="Q115" s="10" t="s">
        <v>55</v>
      </c>
    </row>
    <row r="116" spans="1:17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43</v>
      </c>
      <c r="F116" s="6">
        <v>40059</v>
      </c>
      <c r="G116" s="6">
        <v>39988</v>
      </c>
      <c r="H116" s="6">
        <v>119</v>
      </c>
      <c r="I116" s="6">
        <v>13767</v>
      </c>
      <c r="J116" s="6">
        <v>15805</v>
      </c>
      <c r="K116" s="6">
        <v>1062</v>
      </c>
      <c r="L116" s="6">
        <v>5558</v>
      </c>
      <c r="M116" s="6">
        <v>256</v>
      </c>
      <c r="N116" s="6">
        <v>3421</v>
      </c>
      <c r="O116" s="6">
        <v>4</v>
      </c>
      <c r="P116" s="6">
        <v>67</v>
      </c>
      <c r="Q116" s="10" t="s">
        <v>55</v>
      </c>
    </row>
    <row r="117" spans="1:17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44</v>
      </c>
      <c r="F117" s="6">
        <v>32217</v>
      </c>
      <c r="G117" s="6">
        <v>32137</v>
      </c>
      <c r="H117" s="6">
        <v>332</v>
      </c>
      <c r="I117" s="6">
        <v>13133</v>
      </c>
      <c r="J117" s="6">
        <v>11246</v>
      </c>
      <c r="K117" s="6">
        <v>842</v>
      </c>
      <c r="L117" s="6">
        <v>3357</v>
      </c>
      <c r="M117" s="6">
        <v>149</v>
      </c>
      <c r="N117" s="6">
        <v>3078</v>
      </c>
      <c r="O117" s="6">
        <v>8</v>
      </c>
      <c r="P117" s="6">
        <v>72</v>
      </c>
      <c r="Q117" s="10" t="s">
        <v>55</v>
      </c>
    </row>
    <row r="118" spans="1:17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45</v>
      </c>
      <c r="F118" s="6">
        <v>22066</v>
      </c>
      <c r="G118" s="6">
        <v>21997</v>
      </c>
      <c r="H118" s="6">
        <v>1776</v>
      </c>
      <c r="I118" s="6">
        <v>8346</v>
      </c>
      <c r="J118" s="6">
        <v>7010</v>
      </c>
      <c r="K118" s="6">
        <v>640</v>
      </c>
      <c r="L118" s="6">
        <v>1814</v>
      </c>
      <c r="M118" s="6">
        <v>87</v>
      </c>
      <c r="N118" s="6">
        <v>2324</v>
      </c>
      <c r="O118" s="6">
        <v>3</v>
      </c>
      <c r="P118" s="6">
        <v>65</v>
      </c>
      <c r="Q118" s="6">
        <v>1</v>
      </c>
    </row>
    <row r="119" spans="1:17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46</v>
      </c>
      <c r="F119" s="6">
        <v>9200</v>
      </c>
      <c r="G119" s="6">
        <v>9161</v>
      </c>
      <c r="H119" s="6">
        <v>1441</v>
      </c>
      <c r="I119" s="6">
        <v>2498</v>
      </c>
      <c r="J119" s="6">
        <v>3034</v>
      </c>
      <c r="K119" s="6">
        <v>357</v>
      </c>
      <c r="L119" s="6">
        <v>544</v>
      </c>
      <c r="M119" s="6">
        <v>31</v>
      </c>
      <c r="N119" s="6">
        <v>1256</v>
      </c>
      <c r="O119" s="6">
        <v>1</v>
      </c>
      <c r="P119" s="6">
        <v>38</v>
      </c>
      <c r="Q119" s="10" t="s">
        <v>55</v>
      </c>
    </row>
    <row r="120" spans="1:17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47</v>
      </c>
      <c r="F120" s="6">
        <v>2026</v>
      </c>
      <c r="G120" s="6">
        <v>2009</v>
      </c>
      <c r="H120" s="6">
        <v>406</v>
      </c>
      <c r="I120" s="6">
        <v>463</v>
      </c>
      <c r="J120" s="6">
        <v>585</v>
      </c>
      <c r="K120" s="6">
        <v>70</v>
      </c>
      <c r="L120" s="6">
        <v>134</v>
      </c>
      <c r="M120" s="10" t="s">
        <v>55</v>
      </c>
      <c r="N120" s="6">
        <v>351</v>
      </c>
      <c r="O120" s="10" t="s">
        <v>55</v>
      </c>
      <c r="P120" s="6">
        <v>17</v>
      </c>
      <c r="Q120" s="10" t="s">
        <v>55</v>
      </c>
    </row>
    <row r="121" spans="1:17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48</v>
      </c>
      <c r="F121" s="6">
        <v>462649</v>
      </c>
      <c r="G121" s="6">
        <v>413553</v>
      </c>
      <c r="H121" s="6">
        <v>141</v>
      </c>
      <c r="I121" s="6">
        <v>27422</v>
      </c>
      <c r="J121" s="6">
        <v>193298</v>
      </c>
      <c r="K121" s="6">
        <v>40453</v>
      </c>
      <c r="L121" s="6">
        <v>100757</v>
      </c>
      <c r="M121" s="6">
        <v>10917</v>
      </c>
      <c r="N121" s="6">
        <v>40565</v>
      </c>
      <c r="O121" s="6">
        <v>48773</v>
      </c>
      <c r="P121" s="6">
        <v>322</v>
      </c>
      <c r="Q121" s="6">
        <v>1</v>
      </c>
    </row>
    <row r="122" spans="1:17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49</v>
      </c>
      <c r="F122" s="6">
        <v>229187</v>
      </c>
      <c r="G122" s="6">
        <v>228695</v>
      </c>
      <c r="H122" s="6">
        <v>4214</v>
      </c>
      <c r="I122" s="6">
        <v>65027</v>
      </c>
      <c r="J122" s="6">
        <v>95779</v>
      </c>
      <c r="K122" s="6">
        <v>7885</v>
      </c>
      <c r="L122" s="6">
        <v>34583</v>
      </c>
      <c r="M122" s="6">
        <v>1836</v>
      </c>
      <c r="N122" s="6">
        <v>19371</v>
      </c>
      <c r="O122" s="6">
        <v>51</v>
      </c>
      <c r="P122" s="6">
        <v>440</v>
      </c>
      <c r="Q122" s="6">
        <v>1</v>
      </c>
    </row>
    <row r="123" spans="1:17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50</v>
      </c>
      <c r="F123" s="6">
        <v>105568</v>
      </c>
      <c r="G123" s="6">
        <v>105292</v>
      </c>
      <c r="H123" s="6">
        <v>4074</v>
      </c>
      <c r="I123" s="6">
        <v>38207</v>
      </c>
      <c r="J123" s="6">
        <v>37680</v>
      </c>
      <c r="K123" s="6">
        <v>2971</v>
      </c>
      <c r="L123" s="6">
        <v>11407</v>
      </c>
      <c r="M123" s="6">
        <v>523</v>
      </c>
      <c r="N123" s="6">
        <v>10430</v>
      </c>
      <c r="O123" s="6">
        <v>16</v>
      </c>
      <c r="P123" s="6">
        <v>259</v>
      </c>
      <c r="Q123" s="6">
        <v>1</v>
      </c>
    </row>
    <row r="124" spans="1:17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51</v>
      </c>
      <c r="F124" s="6">
        <v>33292</v>
      </c>
      <c r="G124" s="6">
        <v>33167</v>
      </c>
      <c r="H124" s="6">
        <v>3623</v>
      </c>
      <c r="I124" s="6">
        <v>11307</v>
      </c>
      <c r="J124" s="6">
        <v>10629</v>
      </c>
      <c r="K124" s="6">
        <v>1067</v>
      </c>
      <c r="L124" s="6">
        <v>2492</v>
      </c>
      <c r="M124" s="6">
        <v>118</v>
      </c>
      <c r="N124" s="6">
        <v>3931</v>
      </c>
      <c r="O124" s="6">
        <v>4</v>
      </c>
      <c r="P124" s="6">
        <v>120</v>
      </c>
      <c r="Q124" s="6">
        <v>1</v>
      </c>
    </row>
    <row r="125" spans="1:17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52</v>
      </c>
      <c r="F125" s="6">
        <v>484557</v>
      </c>
      <c r="G125" s="6">
        <v>471565</v>
      </c>
      <c r="H125" s="6">
        <v>208</v>
      </c>
      <c r="I125" s="6">
        <v>38478</v>
      </c>
      <c r="J125" s="6">
        <v>219208</v>
      </c>
      <c r="K125" s="6">
        <v>42969</v>
      </c>
      <c r="L125" s="6">
        <v>114147</v>
      </c>
      <c r="M125" s="6">
        <v>11679</v>
      </c>
      <c r="N125" s="6">
        <v>44876</v>
      </c>
      <c r="O125" s="6">
        <v>12588</v>
      </c>
      <c r="P125" s="6">
        <v>404</v>
      </c>
      <c r="Q125" s="10" t="s">
        <v>55</v>
      </c>
    </row>
    <row r="126" spans="1:17">
      <c r="A126" s="9" t="s">
        <v>27</v>
      </c>
      <c r="B126" s="9" t="s">
        <v>57</v>
      </c>
      <c r="C126" s="9" t="s">
        <v>58</v>
      </c>
      <c r="D126" s="9" t="s">
        <v>54</v>
      </c>
      <c r="E126" s="9" t="s">
        <v>30</v>
      </c>
      <c r="F126" s="6">
        <v>792900</v>
      </c>
      <c r="G126" s="6">
        <v>744932</v>
      </c>
      <c r="H126" s="6">
        <v>13519</v>
      </c>
      <c r="I126" s="6">
        <v>112507</v>
      </c>
      <c r="J126" s="6">
        <v>342311</v>
      </c>
      <c r="K126" s="6">
        <v>129276</v>
      </c>
      <c r="L126" s="6">
        <v>73891</v>
      </c>
      <c r="M126" s="6">
        <v>4141</v>
      </c>
      <c r="N126" s="6">
        <v>69287</v>
      </c>
      <c r="O126" s="6">
        <v>46733</v>
      </c>
      <c r="P126" s="6">
        <v>1228</v>
      </c>
      <c r="Q126" s="6">
        <v>7</v>
      </c>
    </row>
    <row r="127" spans="1:17">
      <c r="A127" s="9" t="s">
        <v>27</v>
      </c>
      <c r="B127" s="9" t="s">
        <v>57</v>
      </c>
      <c r="C127" s="9" t="s">
        <v>58</v>
      </c>
      <c r="D127" s="9" t="s">
        <v>54</v>
      </c>
      <c r="E127" s="9" t="s">
        <v>31</v>
      </c>
      <c r="F127" s="6">
        <v>38545</v>
      </c>
      <c r="G127" s="6">
        <v>3468</v>
      </c>
      <c r="H127" s="6">
        <v>2</v>
      </c>
      <c r="I127" s="6">
        <v>449</v>
      </c>
      <c r="J127" s="6">
        <v>3017</v>
      </c>
      <c r="K127" s="10" t="s">
        <v>55</v>
      </c>
      <c r="L127" s="10" t="s">
        <v>55</v>
      </c>
      <c r="M127" s="10" t="s">
        <v>55</v>
      </c>
      <c r="N127" s="10" t="s">
        <v>55</v>
      </c>
      <c r="O127" s="6">
        <v>35066</v>
      </c>
      <c r="P127" s="6">
        <v>4</v>
      </c>
      <c r="Q127" s="6">
        <v>7</v>
      </c>
    </row>
    <row r="128" spans="1:17">
      <c r="A128" s="9" t="s">
        <v>27</v>
      </c>
      <c r="B128" s="9" t="s">
        <v>57</v>
      </c>
      <c r="C128" s="9" t="s">
        <v>58</v>
      </c>
      <c r="D128" s="9" t="s">
        <v>54</v>
      </c>
      <c r="E128" s="9" t="s">
        <v>32</v>
      </c>
      <c r="F128" s="6">
        <v>35078</v>
      </c>
      <c r="G128" s="6">
        <v>24633</v>
      </c>
      <c r="H128" s="6">
        <v>12</v>
      </c>
      <c r="I128" s="6">
        <v>893</v>
      </c>
      <c r="J128" s="6">
        <v>11561</v>
      </c>
      <c r="K128" s="6">
        <v>5513</v>
      </c>
      <c r="L128" s="6">
        <v>4605</v>
      </c>
      <c r="M128" s="6">
        <v>34</v>
      </c>
      <c r="N128" s="6">
        <v>2015</v>
      </c>
      <c r="O128" s="6">
        <v>10431</v>
      </c>
      <c r="P128" s="6">
        <v>14</v>
      </c>
      <c r="Q128" s="10" t="s">
        <v>55</v>
      </c>
    </row>
    <row r="129" spans="1:17">
      <c r="A129" s="9" t="s">
        <v>27</v>
      </c>
      <c r="B129" s="9" t="s">
        <v>57</v>
      </c>
      <c r="C129" s="9" t="s">
        <v>58</v>
      </c>
      <c r="D129" s="9" t="s">
        <v>54</v>
      </c>
      <c r="E129" s="9" t="s">
        <v>33</v>
      </c>
      <c r="F129" s="6">
        <v>36360</v>
      </c>
      <c r="G129" s="6">
        <v>35903</v>
      </c>
      <c r="H129" s="6">
        <v>19</v>
      </c>
      <c r="I129" s="6">
        <v>1332</v>
      </c>
      <c r="J129" s="6">
        <v>12005</v>
      </c>
      <c r="K129" s="6">
        <v>7521</v>
      </c>
      <c r="L129" s="6">
        <v>10524</v>
      </c>
      <c r="M129" s="6">
        <v>463</v>
      </c>
      <c r="N129" s="6">
        <v>4039</v>
      </c>
      <c r="O129" s="6">
        <v>439</v>
      </c>
      <c r="P129" s="6">
        <v>18</v>
      </c>
      <c r="Q129" s="10" t="s">
        <v>55</v>
      </c>
    </row>
    <row r="130" spans="1:17">
      <c r="A130" s="9" t="s">
        <v>27</v>
      </c>
      <c r="B130" s="9" t="s">
        <v>57</v>
      </c>
      <c r="C130" s="9" t="s">
        <v>58</v>
      </c>
      <c r="D130" s="9" t="s">
        <v>54</v>
      </c>
      <c r="E130" s="9" t="s">
        <v>34</v>
      </c>
      <c r="F130" s="6">
        <v>42202</v>
      </c>
      <c r="G130" s="6">
        <v>41948</v>
      </c>
      <c r="H130" s="6">
        <v>12</v>
      </c>
      <c r="I130" s="6">
        <v>1942</v>
      </c>
      <c r="J130" s="6">
        <v>15446</v>
      </c>
      <c r="K130" s="6">
        <v>9199</v>
      </c>
      <c r="L130" s="6">
        <v>10257</v>
      </c>
      <c r="M130" s="6">
        <v>573</v>
      </c>
      <c r="N130" s="6">
        <v>4519</v>
      </c>
      <c r="O130" s="6">
        <v>231</v>
      </c>
      <c r="P130" s="6">
        <v>23</v>
      </c>
      <c r="Q130" s="10" t="s">
        <v>55</v>
      </c>
    </row>
    <row r="131" spans="1:17">
      <c r="A131" s="9" t="s">
        <v>27</v>
      </c>
      <c r="B131" s="9" t="s">
        <v>57</v>
      </c>
      <c r="C131" s="9" t="s">
        <v>58</v>
      </c>
      <c r="D131" s="9" t="s">
        <v>54</v>
      </c>
      <c r="E131" s="9" t="s">
        <v>35</v>
      </c>
      <c r="F131" s="6">
        <v>49181</v>
      </c>
      <c r="G131" s="6">
        <v>48980</v>
      </c>
      <c r="H131" s="6">
        <v>8</v>
      </c>
      <c r="I131" s="6">
        <v>2334</v>
      </c>
      <c r="J131" s="6">
        <v>19336</v>
      </c>
      <c r="K131" s="6">
        <v>11861</v>
      </c>
      <c r="L131" s="6">
        <v>9878</v>
      </c>
      <c r="M131" s="6">
        <v>751</v>
      </c>
      <c r="N131" s="6">
        <v>4812</v>
      </c>
      <c r="O131" s="6">
        <v>172</v>
      </c>
      <c r="P131" s="6">
        <v>29</v>
      </c>
      <c r="Q131" s="10" t="s">
        <v>55</v>
      </c>
    </row>
    <row r="132" spans="1:17">
      <c r="A132" s="9" t="s">
        <v>27</v>
      </c>
      <c r="B132" s="9" t="s">
        <v>57</v>
      </c>
      <c r="C132" s="9" t="s">
        <v>58</v>
      </c>
      <c r="D132" s="9" t="s">
        <v>54</v>
      </c>
      <c r="E132" s="9" t="s">
        <v>36</v>
      </c>
      <c r="F132" s="6">
        <v>53731</v>
      </c>
      <c r="G132" s="6">
        <v>53580</v>
      </c>
      <c r="H132" s="6">
        <v>10</v>
      </c>
      <c r="I132" s="6">
        <v>1938</v>
      </c>
      <c r="J132" s="6">
        <v>22293</v>
      </c>
      <c r="K132" s="6">
        <v>14409</v>
      </c>
      <c r="L132" s="6">
        <v>9254</v>
      </c>
      <c r="M132" s="6">
        <v>685</v>
      </c>
      <c r="N132" s="6">
        <v>4991</v>
      </c>
      <c r="O132" s="6">
        <v>119</v>
      </c>
      <c r="P132" s="6">
        <v>32</v>
      </c>
      <c r="Q132" s="10" t="s">
        <v>55</v>
      </c>
    </row>
    <row r="133" spans="1:17">
      <c r="A133" s="9" t="s">
        <v>27</v>
      </c>
      <c r="B133" s="9" t="s">
        <v>57</v>
      </c>
      <c r="C133" s="9" t="s">
        <v>58</v>
      </c>
      <c r="D133" s="9" t="s">
        <v>54</v>
      </c>
      <c r="E133" s="9" t="s">
        <v>37</v>
      </c>
      <c r="F133" s="6">
        <v>57244</v>
      </c>
      <c r="G133" s="6">
        <v>57120</v>
      </c>
      <c r="H133" s="6">
        <v>19</v>
      </c>
      <c r="I133" s="6">
        <v>1858</v>
      </c>
      <c r="J133" s="6">
        <v>25339</v>
      </c>
      <c r="K133" s="6">
        <v>16886</v>
      </c>
      <c r="L133" s="6">
        <v>7570</v>
      </c>
      <c r="M133" s="6">
        <v>514</v>
      </c>
      <c r="N133" s="6">
        <v>4934</v>
      </c>
      <c r="O133" s="6">
        <v>94</v>
      </c>
      <c r="P133" s="6">
        <v>30</v>
      </c>
      <c r="Q133" s="10" t="s">
        <v>55</v>
      </c>
    </row>
    <row r="134" spans="1:17">
      <c r="A134" s="9" t="s">
        <v>27</v>
      </c>
      <c r="B134" s="9" t="s">
        <v>57</v>
      </c>
      <c r="C134" s="9" t="s">
        <v>58</v>
      </c>
      <c r="D134" s="9" t="s">
        <v>54</v>
      </c>
      <c r="E134" s="9" t="s">
        <v>38</v>
      </c>
      <c r="F134" s="6">
        <v>53317</v>
      </c>
      <c r="G134" s="6">
        <v>53228</v>
      </c>
      <c r="H134" s="6">
        <v>15</v>
      </c>
      <c r="I134" s="6">
        <v>1838</v>
      </c>
      <c r="J134" s="6">
        <v>27696</v>
      </c>
      <c r="K134" s="6">
        <v>14577</v>
      </c>
      <c r="L134" s="6">
        <v>4755</v>
      </c>
      <c r="M134" s="6">
        <v>330</v>
      </c>
      <c r="N134" s="6">
        <v>4017</v>
      </c>
      <c r="O134" s="6">
        <v>65</v>
      </c>
      <c r="P134" s="6">
        <v>24</v>
      </c>
      <c r="Q134" s="10" t="s">
        <v>55</v>
      </c>
    </row>
    <row r="135" spans="1:17">
      <c r="A135" s="9" t="s">
        <v>27</v>
      </c>
      <c r="B135" s="9" t="s">
        <v>57</v>
      </c>
      <c r="C135" s="9" t="s">
        <v>58</v>
      </c>
      <c r="D135" s="9" t="s">
        <v>54</v>
      </c>
      <c r="E135" s="9" t="s">
        <v>39</v>
      </c>
      <c r="F135" s="6">
        <v>55754</v>
      </c>
      <c r="G135" s="6">
        <v>55674</v>
      </c>
      <c r="H135" s="6">
        <v>11</v>
      </c>
      <c r="I135" s="6">
        <v>1966</v>
      </c>
      <c r="J135" s="6">
        <v>31356</v>
      </c>
      <c r="K135" s="6">
        <v>14148</v>
      </c>
      <c r="L135" s="6">
        <v>4224</v>
      </c>
      <c r="M135" s="6">
        <v>330</v>
      </c>
      <c r="N135" s="6">
        <v>3639</v>
      </c>
      <c r="O135" s="6">
        <v>38</v>
      </c>
      <c r="P135" s="6">
        <v>42</v>
      </c>
      <c r="Q135" s="10" t="s">
        <v>55</v>
      </c>
    </row>
    <row r="136" spans="1:17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40</v>
      </c>
      <c r="F136" s="6">
        <v>60137</v>
      </c>
      <c r="G136" s="6">
        <v>60034</v>
      </c>
      <c r="H136" s="6">
        <v>27</v>
      </c>
      <c r="I136" s="6">
        <v>4234</v>
      </c>
      <c r="J136" s="6">
        <v>34073</v>
      </c>
      <c r="K136" s="6">
        <v>13428</v>
      </c>
      <c r="L136" s="6">
        <v>4357</v>
      </c>
      <c r="M136" s="6">
        <v>231</v>
      </c>
      <c r="N136" s="6">
        <v>3684</v>
      </c>
      <c r="O136" s="6">
        <v>31</v>
      </c>
      <c r="P136" s="6">
        <v>72</v>
      </c>
      <c r="Q136" s="10" t="s">
        <v>55</v>
      </c>
    </row>
    <row r="137" spans="1:17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41</v>
      </c>
      <c r="F137" s="6">
        <v>67030</v>
      </c>
      <c r="G137" s="6">
        <v>66922</v>
      </c>
      <c r="H137" s="6">
        <v>68</v>
      </c>
      <c r="I137" s="6">
        <v>10854</v>
      </c>
      <c r="J137" s="6">
        <v>38086</v>
      </c>
      <c r="K137" s="6">
        <v>9791</v>
      </c>
      <c r="L137" s="6">
        <v>3288</v>
      </c>
      <c r="M137" s="6">
        <v>106</v>
      </c>
      <c r="N137" s="6">
        <v>4729</v>
      </c>
      <c r="O137" s="6">
        <v>16</v>
      </c>
      <c r="P137" s="6">
        <v>92</v>
      </c>
      <c r="Q137" s="10" t="s">
        <v>55</v>
      </c>
    </row>
    <row r="138" spans="1:17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42</v>
      </c>
      <c r="F138" s="6">
        <v>67429</v>
      </c>
      <c r="G138" s="6">
        <v>67293</v>
      </c>
      <c r="H138" s="6">
        <v>117</v>
      </c>
      <c r="I138" s="6">
        <v>16963</v>
      </c>
      <c r="J138" s="6">
        <v>36087</v>
      </c>
      <c r="K138" s="6">
        <v>6264</v>
      </c>
      <c r="L138" s="6">
        <v>2184</v>
      </c>
      <c r="M138" s="6">
        <v>72</v>
      </c>
      <c r="N138" s="6">
        <v>5606</v>
      </c>
      <c r="O138" s="6">
        <v>11</v>
      </c>
      <c r="P138" s="6">
        <v>125</v>
      </c>
      <c r="Q138" s="10" t="s">
        <v>55</v>
      </c>
    </row>
    <row r="139" spans="1:17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43</v>
      </c>
      <c r="F139" s="6">
        <v>52549</v>
      </c>
      <c r="G139" s="6">
        <v>52442</v>
      </c>
      <c r="H139" s="6">
        <v>271</v>
      </c>
      <c r="I139" s="6">
        <v>19990</v>
      </c>
      <c r="J139" s="6">
        <v>23104</v>
      </c>
      <c r="K139" s="6">
        <v>2705</v>
      </c>
      <c r="L139" s="6">
        <v>1350</v>
      </c>
      <c r="M139" s="6">
        <v>32</v>
      </c>
      <c r="N139" s="6">
        <v>4990</v>
      </c>
      <c r="O139" s="6">
        <v>8</v>
      </c>
      <c r="P139" s="6">
        <v>99</v>
      </c>
      <c r="Q139" s="10" t="s">
        <v>55</v>
      </c>
    </row>
    <row r="140" spans="1:17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44</v>
      </c>
      <c r="F140" s="6">
        <v>48782</v>
      </c>
      <c r="G140" s="6">
        <v>48628</v>
      </c>
      <c r="H140" s="6">
        <v>1157</v>
      </c>
      <c r="I140" s="6">
        <v>22110</v>
      </c>
      <c r="J140" s="6">
        <v>17877</v>
      </c>
      <c r="K140" s="6">
        <v>1553</v>
      </c>
      <c r="L140" s="6">
        <v>787</v>
      </c>
      <c r="M140" s="6">
        <v>11</v>
      </c>
      <c r="N140" s="6">
        <v>5133</v>
      </c>
      <c r="O140" s="6">
        <v>6</v>
      </c>
      <c r="P140" s="6">
        <v>148</v>
      </c>
      <c r="Q140" s="10" t="s">
        <v>55</v>
      </c>
    </row>
    <row r="141" spans="1:17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45</v>
      </c>
      <c r="F141" s="6">
        <v>41253</v>
      </c>
      <c r="G141" s="6">
        <v>41042</v>
      </c>
      <c r="H141" s="6">
        <v>4675</v>
      </c>
      <c r="I141" s="6">
        <v>15372</v>
      </c>
      <c r="J141" s="6">
        <v>14080</v>
      </c>
      <c r="K141" s="6">
        <v>815</v>
      </c>
      <c r="L141" s="6">
        <v>555</v>
      </c>
      <c r="M141" s="6">
        <v>6</v>
      </c>
      <c r="N141" s="6">
        <v>5539</v>
      </c>
      <c r="O141" s="6">
        <v>3</v>
      </c>
      <c r="P141" s="6">
        <v>208</v>
      </c>
      <c r="Q141" s="10" t="s">
        <v>55</v>
      </c>
    </row>
    <row r="142" spans="1:17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46</v>
      </c>
      <c r="F142" s="6">
        <v>24410</v>
      </c>
      <c r="G142" s="6">
        <v>24243</v>
      </c>
      <c r="H142" s="6">
        <v>4549</v>
      </c>
      <c r="I142" s="6">
        <v>6289</v>
      </c>
      <c r="J142" s="6">
        <v>8439</v>
      </c>
      <c r="K142" s="6">
        <v>444</v>
      </c>
      <c r="L142" s="6">
        <v>214</v>
      </c>
      <c r="M142" s="6">
        <v>2</v>
      </c>
      <c r="N142" s="6">
        <v>4306</v>
      </c>
      <c r="O142" s="6">
        <v>2</v>
      </c>
      <c r="P142" s="6">
        <v>165</v>
      </c>
      <c r="Q142" s="10" t="s">
        <v>55</v>
      </c>
    </row>
    <row r="143" spans="1:17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47</v>
      </c>
      <c r="F143" s="6">
        <v>9898</v>
      </c>
      <c r="G143" s="6">
        <v>9794</v>
      </c>
      <c r="H143" s="6">
        <v>2547</v>
      </c>
      <c r="I143" s="6">
        <v>2145</v>
      </c>
      <c r="J143" s="6">
        <v>2516</v>
      </c>
      <c r="K143" s="6">
        <v>162</v>
      </c>
      <c r="L143" s="6">
        <v>89</v>
      </c>
      <c r="M143" s="6">
        <v>1</v>
      </c>
      <c r="N143" s="6">
        <v>2334</v>
      </c>
      <c r="O143" s="6">
        <v>1</v>
      </c>
      <c r="P143" s="6">
        <v>103</v>
      </c>
      <c r="Q143" s="10" t="s">
        <v>55</v>
      </c>
    </row>
    <row r="144" spans="1:17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48</v>
      </c>
      <c r="F144" s="6">
        <v>481549</v>
      </c>
      <c r="G144" s="6">
        <v>434568</v>
      </c>
      <c r="H144" s="6">
        <v>135</v>
      </c>
      <c r="I144" s="6">
        <v>18784</v>
      </c>
      <c r="J144" s="6">
        <v>202122</v>
      </c>
      <c r="K144" s="6">
        <v>107542</v>
      </c>
      <c r="L144" s="6">
        <v>65424</v>
      </c>
      <c r="M144" s="6">
        <v>3911</v>
      </c>
      <c r="N144" s="6">
        <v>36650</v>
      </c>
      <c r="O144" s="6">
        <v>46686</v>
      </c>
      <c r="P144" s="6">
        <v>288</v>
      </c>
      <c r="Q144" s="6">
        <v>7</v>
      </c>
    </row>
    <row r="145" spans="1:17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49</v>
      </c>
      <c r="F145" s="6">
        <v>311351</v>
      </c>
      <c r="G145" s="6">
        <v>310364</v>
      </c>
      <c r="H145" s="6">
        <v>13384</v>
      </c>
      <c r="I145" s="6">
        <v>93723</v>
      </c>
      <c r="J145" s="6">
        <v>140189</v>
      </c>
      <c r="K145" s="6">
        <v>21734</v>
      </c>
      <c r="L145" s="6">
        <v>8467</v>
      </c>
      <c r="M145" s="6">
        <v>230</v>
      </c>
      <c r="N145" s="6">
        <v>32637</v>
      </c>
      <c r="O145" s="6">
        <v>47</v>
      </c>
      <c r="P145" s="6">
        <v>940</v>
      </c>
      <c r="Q145" s="10" t="s">
        <v>55</v>
      </c>
    </row>
    <row r="146" spans="1:17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50</v>
      </c>
      <c r="F146" s="6">
        <v>176892</v>
      </c>
      <c r="G146" s="6">
        <v>176149</v>
      </c>
      <c r="H146" s="6">
        <v>13199</v>
      </c>
      <c r="I146" s="6">
        <v>65906</v>
      </c>
      <c r="J146" s="6">
        <v>66016</v>
      </c>
      <c r="K146" s="6">
        <v>5679</v>
      </c>
      <c r="L146" s="6">
        <v>2995</v>
      </c>
      <c r="M146" s="6">
        <v>52</v>
      </c>
      <c r="N146" s="6">
        <v>22302</v>
      </c>
      <c r="O146" s="6">
        <v>20</v>
      </c>
      <c r="P146" s="6">
        <v>723</v>
      </c>
      <c r="Q146" s="10" t="s">
        <v>55</v>
      </c>
    </row>
    <row r="147" spans="1:17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51</v>
      </c>
      <c r="F147" s="6">
        <v>75561</v>
      </c>
      <c r="G147" s="6">
        <v>75079</v>
      </c>
      <c r="H147" s="6">
        <v>11771</v>
      </c>
      <c r="I147" s="6">
        <v>23806</v>
      </c>
      <c r="J147" s="6">
        <v>25035</v>
      </c>
      <c r="K147" s="6">
        <v>1421</v>
      </c>
      <c r="L147" s="6">
        <v>858</v>
      </c>
      <c r="M147" s="6">
        <v>9</v>
      </c>
      <c r="N147" s="6">
        <v>12179</v>
      </c>
      <c r="O147" s="6">
        <v>6</v>
      </c>
      <c r="P147" s="6">
        <v>476</v>
      </c>
      <c r="Q147" s="10" t="s">
        <v>55</v>
      </c>
    </row>
    <row r="148" spans="1:17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52</v>
      </c>
      <c r="F148" s="6">
        <v>510034</v>
      </c>
      <c r="G148" s="6">
        <v>498022</v>
      </c>
      <c r="H148" s="6">
        <v>201</v>
      </c>
      <c r="I148" s="6">
        <v>29189</v>
      </c>
      <c r="J148" s="6">
        <v>237191</v>
      </c>
      <c r="K148" s="6">
        <v>117333</v>
      </c>
      <c r="L148" s="6">
        <v>68712</v>
      </c>
      <c r="M148" s="6">
        <v>4017</v>
      </c>
      <c r="N148" s="6">
        <v>41379</v>
      </c>
      <c r="O148" s="6">
        <v>11636</v>
      </c>
      <c r="P148" s="6">
        <v>376</v>
      </c>
      <c r="Q148" s="10" t="s">
        <v>55</v>
      </c>
    </row>
    <row r="149" spans="1:17">
      <c r="A149" s="9" t="s">
        <v>56</v>
      </c>
      <c r="B149" s="9" t="s">
        <v>57</v>
      </c>
      <c r="C149" s="9" t="s">
        <v>59</v>
      </c>
      <c r="D149" s="9" t="s">
        <v>6</v>
      </c>
      <c r="E149" s="9" t="s">
        <v>30</v>
      </c>
      <c r="F149" s="6">
        <v>107177</v>
      </c>
      <c r="G149" s="6">
        <v>101022</v>
      </c>
      <c r="H149" s="6">
        <v>2084</v>
      </c>
      <c r="I149" s="6">
        <v>18003</v>
      </c>
      <c r="J149" s="6">
        <v>51609</v>
      </c>
      <c r="K149" s="6">
        <v>11440</v>
      </c>
      <c r="L149" s="6">
        <v>10864</v>
      </c>
      <c r="M149" s="6">
        <v>712</v>
      </c>
      <c r="N149" s="6">
        <v>6310</v>
      </c>
      <c r="O149" s="6">
        <v>6056</v>
      </c>
      <c r="P149" s="6">
        <v>99</v>
      </c>
      <c r="Q149" s="10" t="s">
        <v>55</v>
      </c>
    </row>
    <row r="150" spans="1:17">
      <c r="A150" s="9" t="s">
        <v>56</v>
      </c>
      <c r="B150" s="9" t="s">
        <v>57</v>
      </c>
      <c r="C150" s="9" t="s">
        <v>59</v>
      </c>
      <c r="D150" s="9" t="s">
        <v>6</v>
      </c>
      <c r="E150" s="9" t="s">
        <v>31</v>
      </c>
      <c r="F150" s="6">
        <v>5769</v>
      </c>
      <c r="G150" s="6">
        <v>622</v>
      </c>
      <c r="H150" s="6">
        <v>1</v>
      </c>
      <c r="I150" s="6">
        <v>73</v>
      </c>
      <c r="J150" s="6">
        <v>548</v>
      </c>
      <c r="K150" s="10" t="s">
        <v>55</v>
      </c>
      <c r="L150" s="10" t="s">
        <v>55</v>
      </c>
      <c r="M150" s="10" t="s">
        <v>55</v>
      </c>
      <c r="N150" s="10" t="s">
        <v>55</v>
      </c>
      <c r="O150" s="6">
        <v>5146</v>
      </c>
      <c r="P150" s="6">
        <v>1</v>
      </c>
      <c r="Q150" s="10" t="s">
        <v>55</v>
      </c>
    </row>
    <row r="151" spans="1:17">
      <c r="A151" s="9" t="s">
        <v>56</v>
      </c>
      <c r="B151" s="9" t="s">
        <v>57</v>
      </c>
      <c r="C151" s="9" t="s">
        <v>59</v>
      </c>
      <c r="D151" s="9" t="s">
        <v>6</v>
      </c>
      <c r="E151" s="9" t="s">
        <v>32</v>
      </c>
      <c r="F151" s="6">
        <v>4392</v>
      </c>
      <c r="G151" s="6">
        <v>3571</v>
      </c>
      <c r="H151" s="6">
        <v>3</v>
      </c>
      <c r="I151" s="6">
        <v>166</v>
      </c>
      <c r="J151" s="6">
        <v>2176</v>
      </c>
      <c r="K151" s="6">
        <v>550</v>
      </c>
      <c r="L151" s="6">
        <v>424</v>
      </c>
      <c r="M151" s="6">
        <v>5</v>
      </c>
      <c r="N151" s="6">
        <v>247</v>
      </c>
      <c r="O151" s="6">
        <v>821</v>
      </c>
      <c r="P151" s="10" t="s">
        <v>55</v>
      </c>
      <c r="Q151" s="10" t="s">
        <v>55</v>
      </c>
    </row>
    <row r="152" spans="1:17">
      <c r="A152" s="9" t="s">
        <v>56</v>
      </c>
      <c r="B152" s="9" t="s">
        <v>57</v>
      </c>
      <c r="C152" s="9" t="s">
        <v>59</v>
      </c>
      <c r="D152" s="9" t="s">
        <v>6</v>
      </c>
      <c r="E152" s="9" t="s">
        <v>33</v>
      </c>
      <c r="F152" s="6">
        <v>4790</v>
      </c>
      <c r="G152" s="6">
        <v>4751</v>
      </c>
      <c r="H152" s="6">
        <v>6</v>
      </c>
      <c r="I152" s="6">
        <v>203</v>
      </c>
      <c r="J152" s="6">
        <v>2170</v>
      </c>
      <c r="K152" s="6">
        <v>801</v>
      </c>
      <c r="L152" s="6">
        <v>1002</v>
      </c>
      <c r="M152" s="6">
        <v>71</v>
      </c>
      <c r="N152" s="6">
        <v>498</v>
      </c>
      <c r="O152" s="6">
        <v>35</v>
      </c>
      <c r="P152" s="6">
        <v>4</v>
      </c>
      <c r="Q152" s="10" t="s">
        <v>55</v>
      </c>
    </row>
    <row r="153" spans="1:17">
      <c r="A153" s="9" t="s">
        <v>56</v>
      </c>
      <c r="B153" s="9" t="s">
        <v>57</v>
      </c>
      <c r="C153" s="9" t="s">
        <v>59</v>
      </c>
      <c r="D153" s="9" t="s">
        <v>6</v>
      </c>
      <c r="E153" s="9" t="s">
        <v>34</v>
      </c>
      <c r="F153" s="6">
        <v>5519</v>
      </c>
      <c r="G153" s="6">
        <v>5492</v>
      </c>
      <c r="H153" s="6">
        <v>3</v>
      </c>
      <c r="I153" s="6">
        <v>292</v>
      </c>
      <c r="J153" s="6">
        <v>2614</v>
      </c>
      <c r="K153" s="6">
        <v>939</v>
      </c>
      <c r="L153" s="6">
        <v>1007</v>
      </c>
      <c r="M153" s="6">
        <v>103</v>
      </c>
      <c r="N153" s="6">
        <v>534</v>
      </c>
      <c r="O153" s="6">
        <v>22</v>
      </c>
      <c r="P153" s="6">
        <v>5</v>
      </c>
      <c r="Q153" s="10" t="s">
        <v>55</v>
      </c>
    </row>
    <row r="154" spans="1:17">
      <c r="A154" s="9" t="s">
        <v>56</v>
      </c>
      <c r="B154" s="9" t="s">
        <v>57</v>
      </c>
      <c r="C154" s="9" t="s">
        <v>59</v>
      </c>
      <c r="D154" s="9" t="s">
        <v>6</v>
      </c>
      <c r="E154" s="9" t="s">
        <v>35</v>
      </c>
      <c r="F154" s="6">
        <v>6360</v>
      </c>
      <c r="G154" s="6">
        <v>6343</v>
      </c>
      <c r="H154" s="6">
        <v>4</v>
      </c>
      <c r="I154" s="6">
        <v>426</v>
      </c>
      <c r="J154" s="6">
        <v>3158</v>
      </c>
      <c r="K154" s="6">
        <v>1112</v>
      </c>
      <c r="L154" s="6">
        <v>1025</v>
      </c>
      <c r="M154" s="6">
        <v>96</v>
      </c>
      <c r="N154" s="6">
        <v>522</v>
      </c>
      <c r="O154" s="6">
        <v>14</v>
      </c>
      <c r="P154" s="6">
        <v>3</v>
      </c>
      <c r="Q154" s="10" t="s">
        <v>55</v>
      </c>
    </row>
    <row r="155" spans="1:17">
      <c r="A155" s="9" t="s">
        <v>56</v>
      </c>
      <c r="B155" s="9" t="s">
        <v>57</v>
      </c>
      <c r="C155" s="9" t="s">
        <v>59</v>
      </c>
      <c r="D155" s="9" t="s">
        <v>6</v>
      </c>
      <c r="E155" s="9" t="s">
        <v>36</v>
      </c>
      <c r="F155" s="6">
        <v>6914</v>
      </c>
      <c r="G155" s="6">
        <v>6907</v>
      </c>
      <c r="H155" s="6">
        <v>1</v>
      </c>
      <c r="I155" s="6">
        <v>385</v>
      </c>
      <c r="J155" s="6">
        <v>3533</v>
      </c>
      <c r="K155" s="6">
        <v>1276</v>
      </c>
      <c r="L155" s="6">
        <v>1043</v>
      </c>
      <c r="M155" s="6">
        <v>90</v>
      </c>
      <c r="N155" s="6">
        <v>579</v>
      </c>
      <c r="O155" s="6">
        <v>6</v>
      </c>
      <c r="P155" s="6">
        <v>1</v>
      </c>
      <c r="Q155" s="10" t="s">
        <v>55</v>
      </c>
    </row>
    <row r="156" spans="1:17">
      <c r="A156" s="9" t="s">
        <v>56</v>
      </c>
      <c r="B156" s="9" t="s">
        <v>57</v>
      </c>
      <c r="C156" s="9" t="s">
        <v>59</v>
      </c>
      <c r="D156" s="9" t="s">
        <v>6</v>
      </c>
      <c r="E156" s="9" t="s">
        <v>37</v>
      </c>
      <c r="F156" s="6">
        <v>7620</v>
      </c>
      <c r="G156" s="6">
        <v>7610</v>
      </c>
      <c r="H156" s="6">
        <v>1</v>
      </c>
      <c r="I156" s="6">
        <v>406</v>
      </c>
      <c r="J156" s="6">
        <v>4131</v>
      </c>
      <c r="K156" s="6">
        <v>1392</v>
      </c>
      <c r="L156" s="6">
        <v>1077</v>
      </c>
      <c r="M156" s="6">
        <v>87</v>
      </c>
      <c r="N156" s="6">
        <v>516</v>
      </c>
      <c r="O156" s="6">
        <v>8</v>
      </c>
      <c r="P156" s="6">
        <v>2</v>
      </c>
      <c r="Q156" s="10" t="s">
        <v>55</v>
      </c>
    </row>
    <row r="157" spans="1:17">
      <c r="A157" s="9" t="s">
        <v>56</v>
      </c>
      <c r="B157" s="9" t="s">
        <v>57</v>
      </c>
      <c r="C157" s="9" t="s">
        <v>59</v>
      </c>
      <c r="D157" s="9" t="s">
        <v>6</v>
      </c>
      <c r="E157" s="9" t="s">
        <v>38</v>
      </c>
      <c r="F157" s="6">
        <v>7331</v>
      </c>
      <c r="G157" s="6">
        <v>7328</v>
      </c>
      <c r="H157" s="10" t="s">
        <v>55</v>
      </c>
      <c r="I157" s="6">
        <v>400</v>
      </c>
      <c r="J157" s="6">
        <v>4340</v>
      </c>
      <c r="K157" s="6">
        <v>1178</v>
      </c>
      <c r="L157" s="6">
        <v>916</v>
      </c>
      <c r="M157" s="6">
        <v>78</v>
      </c>
      <c r="N157" s="6">
        <v>416</v>
      </c>
      <c r="O157" s="6">
        <v>1</v>
      </c>
      <c r="P157" s="6">
        <v>2</v>
      </c>
      <c r="Q157" s="10" t="s">
        <v>55</v>
      </c>
    </row>
    <row r="158" spans="1:17">
      <c r="A158" s="9" t="s">
        <v>56</v>
      </c>
      <c r="B158" s="9" t="s">
        <v>57</v>
      </c>
      <c r="C158" s="9" t="s">
        <v>59</v>
      </c>
      <c r="D158" s="9" t="s">
        <v>6</v>
      </c>
      <c r="E158" s="9" t="s">
        <v>39</v>
      </c>
      <c r="F158" s="6">
        <v>7793</v>
      </c>
      <c r="G158" s="6">
        <v>7789</v>
      </c>
      <c r="H158" s="6">
        <v>1</v>
      </c>
      <c r="I158" s="6">
        <v>376</v>
      </c>
      <c r="J158" s="6">
        <v>4979</v>
      </c>
      <c r="K158" s="6">
        <v>1115</v>
      </c>
      <c r="L158" s="6">
        <v>904</v>
      </c>
      <c r="M158" s="6">
        <v>54</v>
      </c>
      <c r="N158" s="6">
        <v>360</v>
      </c>
      <c r="O158" s="6">
        <v>1</v>
      </c>
      <c r="P158" s="6">
        <v>3</v>
      </c>
      <c r="Q158" s="10" t="s">
        <v>55</v>
      </c>
    </row>
    <row r="159" spans="1:17">
      <c r="A159" s="9" t="s">
        <v>56</v>
      </c>
      <c r="B159" s="9" t="s">
        <v>57</v>
      </c>
      <c r="C159" s="9" t="s">
        <v>59</v>
      </c>
      <c r="D159" s="9" t="s">
        <v>6</v>
      </c>
      <c r="E159" s="9" t="s">
        <v>40</v>
      </c>
      <c r="F159" s="6">
        <v>8558</v>
      </c>
      <c r="G159" s="6">
        <v>8555</v>
      </c>
      <c r="H159" s="6">
        <v>3</v>
      </c>
      <c r="I159" s="6">
        <v>650</v>
      </c>
      <c r="J159" s="6">
        <v>5262</v>
      </c>
      <c r="K159" s="6">
        <v>1150</v>
      </c>
      <c r="L159" s="6">
        <v>1106</v>
      </c>
      <c r="M159" s="6">
        <v>43</v>
      </c>
      <c r="N159" s="6">
        <v>341</v>
      </c>
      <c r="O159" s="10" t="s">
        <v>55</v>
      </c>
      <c r="P159" s="6">
        <v>3</v>
      </c>
      <c r="Q159" s="10" t="s">
        <v>55</v>
      </c>
    </row>
    <row r="160" spans="1:17">
      <c r="A160" s="9" t="s">
        <v>56</v>
      </c>
      <c r="B160" s="9" t="s">
        <v>57</v>
      </c>
      <c r="C160" s="9" t="s">
        <v>59</v>
      </c>
      <c r="D160" s="9" t="s">
        <v>6</v>
      </c>
      <c r="E160" s="9" t="s">
        <v>41</v>
      </c>
      <c r="F160" s="6">
        <v>9712</v>
      </c>
      <c r="G160" s="6">
        <v>9707</v>
      </c>
      <c r="H160" s="6">
        <v>7</v>
      </c>
      <c r="I160" s="6">
        <v>1844</v>
      </c>
      <c r="J160" s="6">
        <v>5812</v>
      </c>
      <c r="K160" s="6">
        <v>790</v>
      </c>
      <c r="L160" s="6">
        <v>860</v>
      </c>
      <c r="M160" s="6">
        <v>37</v>
      </c>
      <c r="N160" s="6">
        <v>357</v>
      </c>
      <c r="O160" s="6">
        <v>2</v>
      </c>
      <c r="P160" s="6">
        <v>3</v>
      </c>
      <c r="Q160" s="10" t="s">
        <v>55</v>
      </c>
    </row>
    <row r="161" spans="1:17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42</v>
      </c>
      <c r="F161" s="6">
        <v>9800</v>
      </c>
      <c r="G161" s="6">
        <v>9788</v>
      </c>
      <c r="H161" s="6">
        <v>16</v>
      </c>
      <c r="I161" s="6">
        <v>2973</v>
      </c>
      <c r="J161" s="6">
        <v>5209</v>
      </c>
      <c r="K161" s="6">
        <v>530</v>
      </c>
      <c r="L161" s="6">
        <v>683</v>
      </c>
      <c r="M161" s="6">
        <v>28</v>
      </c>
      <c r="N161" s="6">
        <v>349</v>
      </c>
      <c r="O161" s="10" t="s">
        <v>55</v>
      </c>
      <c r="P161" s="6">
        <v>12</v>
      </c>
      <c r="Q161" s="10" t="s">
        <v>55</v>
      </c>
    </row>
    <row r="162" spans="1:17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43</v>
      </c>
      <c r="F162" s="6">
        <v>7564</v>
      </c>
      <c r="G162" s="6">
        <v>7552</v>
      </c>
      <c r="H162" s="6">
        <v>71</v>
      </c>
      <c r="I162" s="6">
        <v>3447</v>
      </c>
      <c r="J162" s="6">
        <v>3064</v>
      </c>
      <c r="K162" s="6">
        <v>288</v>
      </c>
      <c r="L162" s="6">
        <v>378</v>
      </c>
      <c r="M162" s="6">
        <v>9</v>
      </c>
      <c r="N162" s="6">
        <v>295</v>
      </c>
      <c r="O162" s="10" t="s">
        <v>55</v>
      </c>
      <c r="P162" s="6">
        <v>12</v>
      </c>
      <c r="Q162" s="10" t="s">
        <v>55</v>
      </c>
    </row>
    <row r="163" spans="1:17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44</v>
      </c>
      <c r="F163" s="6">
        <v>6531</v>
      </c>
      <c r="G163" s="6">
        <v>6515</v>
      </c>
      <c r="H163" s="6">
        <v>261</v>
      </c>
      <c r="I163" s="6">
        <v>3378</v>
      </c>
      <c r="J163" s="6">
        <v>2117</v>
      </c>
      <c r="K163" s="6">
        <v>164</v>
      </c>
      <c r="L163" s="6">
        <v>240</v>
      </c>
      <c r="M163" s="6">
        <v>6</v>
      </c>
      <c r="N163" s="6">
        <v>349</v>
      </c>
      <c r="O163" s="10" t="s">
        <v>55</v>
      </c>
      <c r="P163" s="6">
        <v>16</v>
      </c>
      <c r="Q163" s="10" t="s">
        <v>55</v>
      </c>
    </row>
    <row r="164" spans="1:17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45</v>
      </c>
      <c r="F164" s="6">
        <v>5155</v>
      </c>
      <c r="G164" s="6">
        <v>5138</v>
      </c>
      <c r="H164" s="6">
        <v>816</v>
      </c>
      <c r="I164" s="6">
        <v>2055</v>
      </c>
      <c r="J164" s="6">
        <v>1526</v>
      </c>
      <c r="K164" s="6">
        <v>103</v>
      </c>
      <c r="L164" s="6">
        <v>152</v>
      </c>
      <c r="M164" s="6">
        <v>4</v>
      </c>
      <c r="N164" s="6">
        <v>482</v>
      </c>
      <c r="O164" s="10" t="s">
        <v>55</v>
      </c>
      <c r="P164" s="6">
        <v>17</v>
      </c>
      <c r="Q164" s="10" t="s">
        <v>55</v>
      </c>
    </row>
    <row r="165" spans="1:17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46</v>
      </c>
      <c r="F165" s="6">
        <v>2579</v>
      </c>
      <c r="G165" s="6">
        <v>2567</v>
      </c>
      <c r="H165" s="6">
        <v>630</v>
      </c>
      <c r="I165" s="6">
        <v>749</v>
      </c>
      <c r="J165" s="6">
        <v>786</v>
      </c>
      <c r="K165" s="6">
        <v>46</v>
      </c>
      <c r="L165" s="6">
        <v>39</v>
      </c>
      <c r="M165" s="6">
        <v>1</v>
      </c>
      <c r="N165" s="6">
        <v>316</v>
      </c>
      <c r="O165" s="10" t="s">
        <v>55</v>
      </c>
      <c r="P165" s="6">
        <v>12</v>
      </c>
      <c r="Q165" s="10" t="s">
        <v>55</v>
      </c>
    </row>
    <row r="166" spans="1:17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47</v>
      </c>
      <c r="F166" s="6">
        <v>790</v>
      </c>
      <c r="G166" s="6">
        <v>787</v>
      </c>
      <c r="H166" s="6">
        <v>260</v>
      </c>
      <c r="I166" s="6">
        <v>180</v>
      </c>
      <c r="J166" s="6">
        <v>184</v>
      </c>
      <c r="K166" s="6">
        <v>6</v>
      </c>
      <c r="L166" s="6">
        <v>8</v>
      </c>
      <c r="M166" s="10" t="s">
        <v>55</v>
      </c>
      <c r="N166" s="6">
        <v>149</v>
      </c>
      <c r="O166" s="10" t="s">
        <v>55</v>
      </c>
      <c r="P166" s="6">
        <v>3</v>
      </c>
      <c r="Q166" s="10" t="s">
        <v>55</v>
      </c>
    </row>
    <row r="167" spans="1:17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48</v>
      </c>
      <c r="F167" s="6">
        <v>65046</v>
      </c>
      <c r="G167" s="6">
        <v>58968</v>
      </c>
      <c r="H167" s="6">
        <v>23</v>
      </c>
      <c r="I167" s="6">
        <v>3377</v>
      </c>
      <c r="J167" s="6">
        <v>32911</v>
      </c>
      <c r="K167" s="6">
        <v>9513</v>
      </c>
      <c r="L167" s="6">
        <v>8504</v>
      </c>
      <c r="M167" s="6">
        <v>627</v>
      </c>
      <c r="N167" s="6">
        <v>4013</v>
      </c>
      <c r="O167" s="6">
        <v>6054</v>
      </c>
      <c r="P167" s="6">
        <v>24</v>
      </c>
      <c r="Q167" s="10" t="s">
        <v>55</v>
      </c>
    </row>
    <row r="168" spans="1:17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49</v>
      </c>
      <c r="F168" s="6">
        <v>42131</v>
      </c>
      <c r="G168" s="6">
        <v>42054</v>
      </c>
      <c r="H168" s="6">
        <v>2061</v>
      </c>
      <c r="I168" s="6">
        <v>14626</v>
      </c>
      <c r="J168" s="6">
        <v>18698</v>
      </c>
      <c r="K168" s="6">
        <v>1927</v>
      </c>
      <c r="L168" s="6">
        <v>2360</v>
      </c>
      <c r="M168" s="6">
        <v>85</v>
      </c>
      <c r="N168" s="6">
        <v>2297</v>
      </c>
      <c r="O168" s="6">
        <v>2</v>
      </c>
      <c r="P168" s="6">
        <v>75</v>
      </c>
      <c r="Q168" s="10" t="s">
        <v>55</v>
      </c>
    </row>
    <row r="169" spans="1:17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50</v>
      </c>
      <c r="F169" s="6">
        <v>22619</v>
      </c>
      <c r="G169" s="6">
        <v>22559</v>
      </c>
      <c r="H169" s="6">
        <v>2038</v>
      </c>
      <c r="I169" s="6">
        <v>9809</v>
      </c>
      <c r="J169" s="6">
        <v>7677</v>
      </c>
      <c r="K169" s="6">
        <v>607</v>
      </c>
      <c r="L169" s="6">
        <v>817</v>
      </c>
      <c r="M169" s="6">
        <v>20</v>
      </c>
      <c r="N169" s="6">
        <v>1591</v>
      </c>
      <c r="O169" s="10" t="s">
        <v>55</v>
      </c>
      <c r="P169" s="6">
        <v>60</v>
      </c>
      <c r="Q169" s="10" t="s">
        <v>55</v>
      </c>
    </row>
    <row r="170" spans="1:17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51</v>
      </c>
      <c r="F170" s="6">
        <v>8524</v>
      </c>
      <c r="G170" s="6">
        <v>8492</v>
      </c>
      <c r="H170" s="6">
        <v>1706</v>
      </c>
      <c r="I170" s="6">
        <v>2984</v>
      </c>
      <c r="J170" s="6">
        <v>2496</v>
      </c>
      <c r="K170" s="6">
        <v>155</v>
      </c>
      <c r="L170" s="6">
        <v>199</v>
      </c>
      <c r="M170" s="6">
        <v>5</v>
      </c>
      <c r="N170" s="6">
        <v>947</v>
      </c>
      <c r="O170" s="10" t="s">
        <v>55</v>
      </c>
      <c r="P170" s="6">
        <v>32</v>
      </c>
      <c r="Q170" s="10" t="s">
        <v>55</v>
      </c>
    </row>
    <row r="171" spans="1:17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52</v>
      </c>
      <c r="F171" s="6">
        <v>68989</v>
      </c>
      <c r="G171" s="6">
        <v>68053</v>
      </c>
      <c r="H171" s="6">
        <v>29</v>
      </c>
      <c r="I171" s="6">
        <v>5148</v>
      </c>
      <c r="J171" s="6">
        <v>38175</v>
      </c>
      <c r="K171" s="6">
        <v>10303</v>
      </c>
      <c r="L171" s="6">
        <v>9364</v>
      </c>
      <c r="M171" s="6">
        <v>664</v>
      </c>
      <c r="N171" s="6">
        <v>4370</v>
      </c>
      <c r="O171" s="6">
        <v>910</v>
      </c>
      <c r="P171" s="6">
        <v>26</v>
      </c>
      <c r="Q171" s="10" t="s">
        <v>55</v>
      </c>
    </row>
    <row r="172" spans="1:17">
      <c r="A172" s="9" t="s">
        <v>56</v>
      </c>
      <c r="B172" s="9" t="s">
        <v>57</v>
      </c>
      <c r="C172" s="9" t="s">
        <v>59</v>
      </c>
      <c r="D172" s="9" t="s">
        <v>53</v>
      </c>
      <c r="E172" s="9" t="s">
        <v>30</v>
      </c>
      <c r="F172" s="6">
        <v>49213</v>
      </c>
      <c r="G172" s="6">
        <v>46169</v>
      </c>
      <c r="H172" s="6">
        <v>464</v>
      </c>
      <c r="I172" s="6">
        <v>7381</v>
      </c>
      <c r="J172" s="6">
        <v>24417</v>
      </c>
      <c r="K172" s="6">
        <v>3330</v>
      </c>
      <c r="L172" s="6">
        <v>7139</v>
      </c>
      <c r="M172" s="6">
        <v>524</v>
      </c>
      <c r="N172" s="6">
        <v>2914</v>
      </c>
      <c r="O172" s="6">
        <v>3010</v>
      </c>
      <c r="P172" s="6">
        <v>34</v>
      </c>
      <c r="Q172" s="10" t="s">
        <v>55</v>
      </c>
    </row>
    <row r="173" spans="1:17">
      <c r="A173" s="9" t="s">
        <v>56</v>
      </c>
      <c r="B173" s="9" t="s">
        <v>57</v>
      </c>
      <c r="C173" s="9" t="s">
        <v>59</v>
      </c>
      <c r="D173" s="9" t="s">
        <v>53</v>
      </c>
      <c r="E173" s="9" t="s">
        <v>31</v>
      </c>
      <c r="F173" s="6">
        <v>2978</v>
      </c>
      <c r="G173" s="6">
        <v>365</v>
      </c>
      <c r="H173" s="6">
        <v>1</v>
      </c>
      <c r="I173" s="6">
        <v>45</v>
      </c>
      <c r="J173" s="6">
        <v>319</v>
      </c>
      <c r="K173" s="10" t="s">
        <v>55</v>
      </c>
      <c r="L173" s="10" t="s">
        <v>55</v>
      </c>
      <c r="M173" s="10" t="s">
        <v>55</v>
      </c>
      <c r="N173" s="10" t="s">
        <v>55</v>
      </c>
      <c r="O173" s="6">
        <v>2613</v>
      </c>
      <c r="P173" s="10" t="s">
        <v>55</v>
      </c>
      <c r="Q173" s="10" t="s">
        <v>55</v>
      </c>
    </row>
    <row r="174" spans="1:17">
      <c r="A174" s="9" t="s">
        <v>56</v>
      </c>
      <c r="B174" s="9" t="s">
        <v>57</v>
      </c>
      <c r="C174" s="9" t="s">
        <v>59</v>
      </c>
      <c r="D174" s="9" t="s">
        <v>53</v>
      </c>
      <c r="E174" s="9" t="s">
        <v>32</v>
      </c>
      <c r="F174" s="6">
        <v>2025</v>
      </c>
      <c r="G174" s="6">
        <v>1661</v>
      </c>
      <c r="H174" s="10" t="s">
        <v>55</v>
      </c>
      <c r="I174" s="6">
        <v>75</v>
      </c>
      <c r="J174" s="6">
        <v>1060</v>
      </c>
      <c r="K174" s="6">
        <v>189</v>
      </c>
      <c r="L174" s="6">
        <v>206</v>
      </c>
      <c r="M174" s="6">
        <v>4</v>
      </c>
      <c r="N174" s="6">
        <v>127</v>
      </c>
      <c r="O174" s="6">
        <v>364</v>
      </c>
      <c r="P174" s="10" t="s">
        <v>55</v>
      </c>
      <c r="Q174" s="10" t="s">
        <v>55</v>
      </c>
    </row>
    <row r="175" spans="1:17">
      <c r="A175" s="9" t="s">
        <v>56</v>
      </c>
      <c r="B175" s="9" t="s">
        <v>57</v>
      </c>
      <c r="C175" s="9" t="s">
        <v>59</v>
      </c>
      <c r="D175" s="9" t="s">
        <v>53</v>
      </c>
      <c r="E175" s="9" t="s">
        <v>33</v>
      </c>
      <c r="F175" s="6">
        <v>2260</v>
      </c>
      <c r="G175" s="6">
        <v>2241</v>
      </c>
      <c r="H175" s="10" t="s">
        <v>55</v>
      </c>
      <c r="I175" s="6">
        <v>111</v>
      </c>
      <c r="J175" s="6">
        <v>1080</v>
      </c>
      <c r="K175" s="6">
        <v>290</v>
      </c>
      <c r="L175" s="6">
        <v>475</v>
      </c>
      <c r="M175" s="6">
        <v>34</v>
      </c>
      <c r="N175" s="6">
        <v>251</v>
      </c>
      <c r="O175" s="6">
        <v>18</v>
      </c>
      <c r="P175" s="6">
        <v>1</v>
      </c>
      <c r="Q175" s="10" t="s">
        <v>55</v>
      </c>
    </row>
    <row r="176" spans="1:17">
      <c r="A176" s="9" t="s">
        <v>56</v>
      </c>
      <c r="B176" s="9" t="s">
        <v>57</v>
      </c>
      <c r="C176" s="9" t="s">
        <v>59</v>
      </c>
      <c r="D176" s="9" t="s">
        <v>53</v>
      </c>
      <c r="E176" s="9" t="s">
        <v>34</v>
      </c>
      <c r="F176" s="6">
        <v>2608</v>
      </c>
      <c r="G176" s="6">
        <v>2598</v>
      </c>
      <c r="H176" s="10" t="s">
        <v>55</v>
      </c>
      <c r="I176" s="6">
        <v>115</v>
      </c>
      <c r="J176" s="6">
        <v>1326</v>
      </c>
      <c r="K176" s="6">
        <v>315</v>
      </c>
      <c r="L176" s="6">
        <v>517</v>
      </c>
      <c r="M176" s="6">
        <v>75</v>
      </c>
      <c r="N176" s="6">
        <v>250</v>
      </c>
      <c r="O176" s="6">
        <v>8</v>
      </c>
      <c r="P176" s="6">
        <v>2</v>
      </c>
      <c r="Q176" s="10" t="s">
        <v>55</v>
      </c>
    </row>
    <row r="177" spans="1:17">
      <c r="A177" s="9" t="s">
        <v>56</v>
      </c>
      <c r="B177" s="9" t="s">
        <v>57</v>
      </c>
      <c r="C177" s="9" t="s">
        <v>59</v>
      </c>
      <c r="D177" s="9" t="s">
        <v>53</v>
      </c>
      <c r="E177" s="9" t="s">
        <v>35</v>
      </c>
      <c r="F177" s="6">
        <v>3096</v>
      </c>
      <c r="G177" s="6">
        <v>3091</v>
      </c>
      <c r="H177" s="6">
        <v>2</v>
      </c>
      <c r="I177" s="6">
        <v>200</v>
      </c>
      <c r="J177" s="6">
        <v>1605</v>
      </c>
      <c r="K177" s="6">
        <v>390</v>
      </c>
      <c r="L177" s="6">
        <v>553</v>
      </c>
      <c r="M177" s="6">
        <v>66</v>
      </c>
      <c r="N177" s="6">
        <v>275</v>
      </c>
      <c r="O177" s="6">
        <v>3</v>
      </c>
      <c r="P177" s="6">
        <v>2</v>
      </c>
      <c r="Q177" s="10" t="s">
        <v>55</v>
      </c>
    </row>
    <row r="178" spans="1:17">
      <c r="A178" s="9" t="s">
        <v>56</v>
      </c>
      <c r="B178" s="9" t="s">
        <v>57</v>
      </c>
      <c r="C178" s="9" t="s">
        <v>59</v>
      </c>
      <c r="D178" s="9" t="s">
        <v>53</v>
      </c>
      <c r="E178" s="9" t="s">
        <v>36</v>
      </c>
      <c r="F178" s="6">
        <v>3404</v>
      </c>
      <c r="G178" s="6">
        <v>3402</v>
      </c>
      <c r="H178" s="6">
        <v>1</v>
      </c>
      <c r="I178" s="6">
        <v>210</v>
      </c>
      <c r="J178" s="6">
        <v>1839</v>
      </c>
      <c r="K178" s="6">
        <v>384</v>
      </c>
      <c r="L178" s="6">
        <v>612</v>
      </c>
      <c r="M178" s="6">
        <v>62</v>
      </c>
      <c r="N178" s="6">
        <v>294</v>
      </c>
      <c r="O178" s="6">
        <v>1</v>
      </c>
      <c r="P178" s="6">
        <v>1</v>
      </c>
      <c r="Q178" s="10" t="s">
        <v>55</v>
      </c>
    </row>
    <row r="179" spans="1:17">
      <c r="A179" s="9" t="s">
        <v>56</v>
      </c>
      <c r="B179" s="9" t="s">
        <v>57</v>
      </c>
      <c r="C179" s="9" t="s">
        <v>59</v>
      </c>
      <c r="D179" s="9" t="s">
        <v>53</v>
      </c>
      <c r="E179" s="9" t="s">
        <v>37</v>
      </c>
      <c r="F179" s="6">
        <v>3711</v>
      </c>
      <c r="G179" s="6">
        <v>3708</v>
      </c>
      <c r="H179" s="10" t="s">
        <v>55</v>
      </c>
      <c r="I179" s="6">
        <v>232</v>
      </c>
      <c r="J179" s="6">
        <v>2101</v>
      </c>
      <c r="K179" s="6">
        <v>359</v>
      </c>
      <c r="L179" s="6">
        <v>695</v>
      </c>
      <c r="M179" s="6">
        <v>62</v>
      </c>
      <c r="N179" s="6">
        <v>259</v>
      </c>
      <c r="O179" s="6">
        <v>2</v>
      </c>
      <c r="P179" s="6">
        <v>1</v>
      </c>
      <c r="Q179" s="10" t="s">
        <v>55</v>
      </c>
    </row>
    <row r="180" spans="1:17">
      <c r="A180" s="9" t="s">
        <v>56</v>
      </c>
      <c r="B180" s="9" t="s">
        <v>57</v>
      </c>
      <c r="C180" s="9" t="s">
        <v>59</v>
      </c>
      <c r="D180" s="9" t="s">
        <v>53</v>
      </c>
      <c r="E180" s="9" t="s">
        <v>38</v>
      </c>
      <c r="F180" s="6">
        <v>3557</v>
      </c>
      <c r="G180" s="6">
        <v>3554</v>
      </c>
      <c r="H180" s="10" t="s">
        <v>55</v>
      </c>
      <c r="I180" s="6">
        <v>238</v>
      </c>
      <c r="J180" s="6">
        <v>2111</v>
      </c>
      <c r="K180" s="6">
        <v>274</v>
      </c>
      <c r="L180" s="6">
        <v>632</v>
      </c>
      <c r="M180" s="6">
        <v>64</v>
      </c>
      <c r="N180" s="6">
        <v>235</v>
      </c>
      <c r="O180" s="6">
        <v>1</v>
      </c>
      <c r="P180" s="6">
        <v>2</v>
      </c>
      <c r="Q180" s="10" t="s">
        <v>55</v>
      </c>
    </row>
    <row r="181" spans="1:17">
      <c r="A181" s="9" t="s">
        <v>56</v>
      </c>
      <c r="B181" s="9" t="s">
        <v>57</v>
      </c>
      <c r="C181" s="9" t="s">
        <v>59</v>
      </c>
      <c r="D181" s="9" t="s">
        <v>53</v>
      </c>
      <c r="E181" s="9" t="s">
        <v>39</v>
      </c>
      <c r="F181" s="6">
        <v>3769</v>
      </c>
      <c r="G181" s="6">
        <v>3767</v>
      </c>
      <c r="H181" s="6">
        <v>1</v>
      </c>
      <c r="I181" s="6">
        <v>217</v>
      </c>
      <c r="J181" s="6">
        <v>2377</v>
      </c>
      <c r="K181" s="6">
        <v>254</v>
      </c>
      <c r="L181" s="6">
        <v>675</v>
      </c>
      <c r="M181" s="6">
        <v>47</v>
      </c>
      <c r="N181" s="6">
        <v>196</v>
      </c>
      <c r="O181" s="10" t="s">
        <v>55</v>
      </c>
      <c r="P181" s="6">
        <v>2</v>
      </c>
      <c r="Q181" s="10" t="s">
        <v>55</v>
      </c>
    </row>
    <row r="182" spans="1:17">
      <c r="A182" s="9" t="s">
        <v>56</v>
      </c>
      <c r="B182" s="9" t="s">
        <v>57</v>
      </c>
      <c r="C182" s="9" t="s">
        <v>59</v>
      </c>
      <c r="D182" s="9" t="s">
        <v>53</v>
      </c>
      <c r="E182" s="9" t="s">
        <v>40</v>
      </c>
      <c r="F182" s="6">
        <v>4158</v>
      </c>
      <c r="G182" s="6">
        <v>4157</v>
      </c>
      <c r="H182" s="6">
        <v>2</v>
      </c>
      <c r="I182" s="6">
        <v>378</v>
      </c>
      <c r="J182" s="6">
        <v>2438</v>
      </c>
      <c r="K182" s="6">
        <v>255</v>
      </c>
      <c r="L182" s="6">
        <v>858</v>
      </c>
      <c r="M182" s="6">
        <v>33</v>
      </c>
      <c r="N182" s="6">
        <v>193</v>
      </c>
      <c r="O182" s="10" t="s">
        <v>55</v>
      </c>
      <c r="P182" s="6">
        <v>1</v>
      </c>
      <c r="Q182" s="10" t="s">
        <v>55</v>
      </c>
    </row>
    <row r="183" spans="1:17">
      <c r="A183" s="9" t="s">
        <v>56</v>
      </c>
      <c r="B183" s="9" t="s">
        <v>57</v>
      </c>
      <c r="C183" s="9" t="s">
        <v>59</v>
      </c>
      <c r="D183" s="9" t="s">
        <v>53</v>
      </c>
      <c r="E183" s="9" t="s">
        <v>41</v>
      </c>
      <c r="F183" s="6">
        <v>4667</v>
      </c>
      <c r="G183" s="6">
        <v>4664</v>
      </c>
      <c r="H183" s="6">
        <v>5</v>
      </c>
      <c r="I183" s="6">
        <v>884</v>
      </c>
      <c r="J183" s="6">
        <v>2645</v>
      </c>
      <c r="K183" s="6">
        <v>188</v>
      </c>
      <c r="L183" s="6">
        <v>709</v>
      </c>
      <c r="M183" s="6">
        <v>35</v>
      </c>
      <c r="N183" s="6">
        <v>198</v>
      </c>
      <c r="O183" s="10" t="s">
        <v>55</v>
      </c>
      <c r="P183" s="6">
        <v>3</v>
      </c>
      <c r="Q183" s="10" t="s">
        <v>55</v>
      </c>
    </row>
    <row r="184" spans="1:17">
      <c r="A184" s="9" t="s">
        <v>56</v>
      </c>
      <c r="B184" s="9" t="s">
        <v>57</v>
      </c>
      <c r="C184" s="9" t="s">
        <v>59</v>
      </c>
      <c r="D184" s="9" t="s">
        <v>53</v>
      </c>
      <c r="E184" s="9" t="s">
        <v>42</v>
      </c>
      <c r="F184" s="6">
        <v>4635</v>
      </c>
      <c r="G184" s="6">
        <v>4631</v>
      </c>
      <c r="H184" s="6">
        <v>3</v>
      </c>
      <c r="I184" s="6">
        <v>1270</v>
      </c>
      <c r="J184" s="6">
        <v>2423</v>
      </c>
      <c r="K184" s="6">
        <v>168</v>
      </c>
      <c r="L184" s="6">
        <v>559</v>
      </c>
      <c r="M184" s="6">
        <v>24</v>
      </c>
      <c r="N184" s="6">
        <v>184</v>
      </c>
      <c r="O184" s="10" t="s">
        <v>55</v>
      </c>
      <c r="P184" s="6">
        <v>4</v>
      </c>
      <c r="Q184" s="10" t="s">
        <v>55</v>
      </c>
    </row>
    <row r="185" spans="1:17">
      <c r="A185" s="9" t="s">
        <v>56</v>
      </c>
      <c r="B185" s="9" t="s">
        <v>57</v>
      </c>
      <c r="C185" s="9" t="s">
        <v>59</v>
      </c>
      <c r="D185" s="9" t="s">
        <v>53</v>
      </c>
      <c r="E185" s="9" t="s">
        <v>43</v>
      </c>
      <c r="F185" s="6">
        <v>3209</v>
      </c>
      <c r="G185" s="6">
        <v>3205</v>
      </c>
      <c r="H185" s="6">
        <v>15</v>
      </c>
      <c r="I185" s="6">
        <v>1282</v>
      </c>
      <c r="J185" s="6">
        <v>1364</v>
      </c>
      <c r="K185" s="6">
        <v>107</v>
      </c>
      <c r="L185" s="6">
        <v>296</v>
      </c>
      <c r="M185" s="6">
        <v>9</v>
      </c>
      <c r="N185" s="6">
        <v>132</v>
      </c>
      <c r="O185" s="10" t="s">
        <v>55</v>
      </c>
      <c r="P185" s="6">
        <v>4</v>
      </c>
      <c r="Q185" s="10" t="s">
        <v>55</v>
      </c>
    </row>
    <row r="186" spans="1:17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44</v>
      </c>
      <c r="F186" s="6">
        <v>2532</v>
      </c>
      <c r="G186" s="6">
        <v>2528</v>
      </c>
      <c r="H186" s="6">
        <v>54</v>
      </c>
      <c r="I186" s="6">
        <v>1155</v>
      </c>
      <c r="J186" s="6">
        <v>927</v>
      </c>
      <c r="K186" s="6">
        <v>74</v>
      </c>
      <c r="L186" s="6">
        <v>196</v>
      </c>
      <c r="M186" s="6">
        <v>5</v>
      </c>
      <c r="N186" s="6">
        <v>117</v>
      </c>
      <c r="O186" s="10" t="s">
        <v>55</v>
      </c>
      <c r="P186" s="6">
        <v>4</v>
      </c>
      <c r="Q186" s="10" t="s">
        <v>55</v>
      </c>
    </row>
    <row r="187" spans="1:17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45</v>
      </c>
      <c r="F187" s="6">
        <v>1771</v>
      </c>
      <c r="G187" s="6">
        <v>1767</v>
      </c>
      <c r="H187" s="6">
        <v>221</v>
      </c>
      <c r="I187" s="6">
        <v>722</v>
      </c>
      <c r="J187" s="6">
        <v>513</v>
      </c>
      <c r="K187" s="6">
        <v>57</v>
      </c>
      <c r="L187" s="6">
        <v>122</v>
      </c>
      <c r="M187" s="6">
        <v>3</v>
      </c>
      <c r="N187" s="6">
        <v>129</v>
      </c>
      <c r="O187" s="10" t="s">
        <v>55</v>
      </c>
      <c r="P187" s="6">
        <v>4</v>
      </c>
      <c r="Q187" s="10" t="s">
        <v>55</v>
      </c>
    </row>
    <row r="188" spans="1:17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46</v>
      </c>
      <c r="F188" s="6">
        <v>708</v>
      </c>
      <c r="G188" s="6">
        <v>706</v>
      </c>
      <c r="H188" s="6">
        <v>124</v>
      </c>
      <c r="I188" s="6">
        <v>213</v>
      </c>
      <c r="J188" s="6">
        <v>251</v>
      </c>
      <c r="K188" s="6">
        <v>25</v>
      </c>
      <c r="L188" s="6">
        <v>28</v>
      </c>
      <c r="M188" s="6">
        <v>1</v>
      </c>
      <c r="N188" s="6">
        <v>64</v>
      </c>
      <c r="O188" s="10" t="s">
        <v>55</v>
      </c>
      <c r="P188" s="6">
        <v>2</v>
      </c>
      <c r="Q188" s="10" t="s">
        <v>55</v>
      </c>
    </row>
    <row r="189" spans="1:17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47</v>
      </c>
      <c r="F189" s="6">
        <v>125</v>
      </c>
      <c r="G189" s="6">
        <v>124</v>
      </c>
      <c r="H189" s="6">
        <v>35</v>
      </c>
      <c r="I189" s="6">
        <v>34</v>
      </c>
      <c r="J189" s="6">
        <v>38</v>
      </c>
      <c r="K189" s="6">
        <v>1</v>
      </c>
      <c r="L189" s="6">
        <v>6</v>
      </c>
      <c r="M189" s="10" t="s">
        <v>55</v>
      </c>
      <c r="N189" s="6">
        <v>10</v>
      </c>
      <c r="O189" s="10" t="s">
        <v>55</v>
      </c>
      <c r="P189" s="6">
        <v>1</v>
      </c>
      <c r="Q189" s="10" t="s">
        <v>55</v>
      </c>
    </row>
    <row r="190" spans="1:17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48</v>
      </c>
      <c r="F190" s="6">
        <v>31566</v>
      </c>
      <c r="G190" s="6">
        <v>28544</v>
      </c>
      <c r="H190" s="6">
        <v>7</v>
      </c>
      <c r="I190" s="6">
        <v>1821</v>
      </c>
      <c r="J190" s="6">
        <v>16256</v>
      </c>
      <c r="K190" s="6">
        <v>2710</v>
      </c>
      <c r="L190" s="6">
        <v>5223</v>
      </c>
      <c r="M190" s="6">
        <v>447</v>
      </c>
      <c r="N190" s="6">
        <v>2080</v>
      </c>
      <c r="O190" s="6">
        <v>3010</v>
      </c>
      <c r="P190" s="6">
        <v>12</v>
      </c>
      <c r="Q190" s="10" t="s">
        <v>55</v>
      </c>
    </row>
    <row r="191" spans="1:17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49</v>
      </c>
      <c r="F191" s="6">
        <v>17647</v>
      </c>
      <c r="G191" s="6">
        <v>17625</v>
      </c>
      <c r="H191" s="6">
        <v>457</v>
      </c>
      <c r="I191" s="6">
        <v>5560</v>
      </c>
      <c r="J191" s="6">
        <v>8161</v>
      </c>
      <c r="K191" s="6">
        <v>620</v>
      </c>
      <c r="L191" s="6">
        <v>1916</v>
      </c>
      <c r="M191" s="6">
        <v>77</v>
      </c>
      <c r="N191" s="6">
        <v>834</v>
      </c>
      <c r="O191" s="10" t="s">
        <v>55</v>
      </c>
      <c r="P191" s="6">
        <v>22</v>
      </c>
      <c r="Q191" s="10" t="s">
        <v>55</v>
      </c>
    </row>
    <row r="192" spans="1:17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50</v>
      </c>
      <c r="F192" s="6">
        <v>8345</v>
      </c>
      <c r="G192" s="6">
        <v>8330</v>
      </c>
      <c r="H192" s="6">
        <v>449</v>
      </c>
      <c r="I192" s="6">
        <v>3406</v>
      </c>
      <c r="J192" s="6">
        <v>3093</v>
      </c>
      <c r="K192" s="6">
        <v>264</v>
      </c>
      <c r="L192" s="6">
        <v>648</v>
      </c>
      <c r="M192" s="6">
        <v>18</v>
      </c>
      <c r="N192" s="6">
        <v>452</v>
      </c>
      <c r="O192" s="10" t="s">
        <v>55</v>
      </c>
      <c r="P192" s="6">
        <v>15</v>
      </c>
      <c r="Q192" s="10" t="s">
        <v>55</v>
      </c>
    </row>
    <row r="193" spans="1:17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51</v>
      </c>
      <c r="F193" s="6">
        <v>2604</v>
      </c>
      <c r="G193" s="6">
        <v>2597</v>
      </c>
      <c r="H193" s="6">
        <v>380</v>
      </c>
      <c r="I193" s="6">
        <v>969</v>
      </c>
      <c r="J193" s="6">
        <v>802</v>
      </c>
      <c r="K193" s="6">
        <v>83</v>
      </c>
      <c r="L193" s="6">
        <v>156</v>
      </c>
      <c r="M193" s="6">
        <v>4</v>
      </c>
      <c r="N193" s="6">
        <v>203</v>
      </c>
      <c r="O193" s="10" t="s">
        <v>55</v>
      </c>
      <c r="P193" s="6">
        <v>7</v>
      </c>
      <c r="Q193" s="10" t="s">
        <v>55</v>
      </c>
    </row>
    <row r="194" spans="1:17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52</v>
      </c>
      <c r="F194" s="6">
        <v>33255</v>
      </c>
      <c r="G194" s="6">
        <v>32843</v>
      </c>
      <c r="H194" s="6">
        <v>11</v>
      </c>
      <c r="I194" s="6">
        <v>2660</v>
      </c>
      <c r="J194" s="6">
        <v>18582</v>
      </c>
      <c r="K194" s="6">
        <v>2898</v>
      </c>
      <c r="L194" s="6">
        <v>5932</v>
      </c>
      <c r="M194" s="6">
        <v>482</v>
      </c>
      <c r="N194" s="6">
        <v>2278</v>
      </c>
      <c r="O194" s="6">
        <v>397</v>
      </c>
      <c r="P194" s="6">
        <v>15</v>
      </c>
      <c r="Q194" s="10" t="s">
        <v>55</v>
      </c>
    </row>
    <row r="195" spans="1:17">
      <c r="A195" s="9" t="s">
        <v>56</v>
      </c>
      <c r="B195" s="9" t="s">
        <v>57</v>
      </c>
      <c r="C195" s="9" t="s">
        <v>59</v>
      </c>
      <c r="D195" s="9" t="s">
        <v>54</v>
      </c>
      <c r="E195" s="9" t="s">
        <v>30</v>
      </c>
      <c r="F195" s="6">
        <v>57964</v>
      </c>
      <c r="G195" s="6">
        <v>54853</v>
      </c>
      <c r="H195" s="6">
        <v>1620</v>
      </c>
      <c r="I195" s="6">
        <v>10622</v>
      </c>
      <c r="J195" s="6">
        <v>27192</v>
      </c>
      <c r="K195" s="6">
        <v>8110</v>
      </c>
      <c r="L195" s="6">
        <v>3725</v>
      </c>
      <c r="M195" s="6">
        <v>188</v>
      </c>
      <c r="N195" s="6">
        <v>3396</v>
      </c>
      <c r="O195" s="6">
        <v>3046</v>
      </c>
      <c r="P195" s="6">
        <v>65</v>
      </c>
      <c r="Q195" s="10" t="s">
        <v>55</v>
      </c>
    </row>
    <row r="196" spans="1:17">
      <c r="A196" s="9" t="s">
        <v>56</v>
      </c>
      <c r="B196" s="9" t="s">
        <v>57</v>
      </c>
      <c r="C196" s="9" t="s">
        <v>59</v>
      </c>
      <c r="D196" s="9" t="s">
        <v>54</v>
      </c>
      <c r="E196" s="9" t="s">
        <v>31</v>
      </c>
      <c r="F196" s="6">
        <v>2791</v>
      </c>
      <c r="G196" s="6">
        <v>257</v>
      </c>
      <c r="H196" s="10" t="s">
        <v>55</v>
      </c>
      <c r="I196" s="6">
        <v>28</v>
      </c>
      <c r="J196" s="6">
        <v>229</v>
      </c>
      <c r="K196" s="10" t="s">
        <v>55</v>
      </c>
      <c r="L196" s="10" t="s">
        <v>55</v>
      </c>
      <c r="M196" s="10" t="s">
        <v>55</v>
      </c>
      <c r="N196" s="10" t="s">
        <v>55</v>
      </c>
      <c r="O196" s="6">
        <v>2533</v>
      </c>
      <c r="P196" s="6">
        <v>1</v>
      </c>
      <c r="Q196" s="10" t="s">
        <v>55</v>
      </c>
    </row>
    <row r="197" spans="1:17">
      <c r="A197" s="9" t="s">
        <v>56</v>
      </c>
      <c r="B197" s="9" t="s">
        <v>57</v>
      </c>
      <c r="C197" s="9" t="s">
        <v>59</v>
      </c>
      <c r="D197" s="9" t="s">
        <v>54</v>
      </c>
      <c r="E197" s="9" t="s">
        <v>32</v>
      </c>
      <c r="F197" s="6">
        <v>2367</v>
      </c>
      <c r="G197" s="6">
        <v>1910</v>
      </c>
      <c r="H197" s="6">
        <v>3</v>
      </c>
      <c r="I197" s="6">
        <v>91</v>
      </c>
      <c r="J197" s="6">
        <v>1116</v>
      </c>
      <c r="K197" s="6">
        <v>361</v>
      </c>
      <c r="L197" s="6">
        <v>218</v>
      </c>
      <c r="M197" s="6">
        <v>1</v>
      </c>
      <c r="N197" s="6">
        <v>120</v>
      </c>
      <c r="O197" s="6">
        <v>457</v>
      </c>
      <c r="P197" s="10" t="s">
        <v>55</v>
      </c>
      <c r="Q197" s="10" t="s">
        <v>55</v>
      </c>
    </row>
    <row r="198" spans="1:17">
      <c r="A198" s="9" t="s">
        <v>56</v>
      </c>
      <c r="B198" s="9" t="s">
        <v>57</v>
      </c>
      <c r="C198" s="9" t="s">
        <v>59</v>
      </c>
      <c r="D198" s="9" t="s">
        <v>54</v>
      </c>
      <c r="E198" s="9" t="s">
        <v>33</v>
      </c>
      <c r="F198" s="6">
        <v>2530</v>
      </c>
      <c r="G198" s="6">
        <v>2510</v>
      </c>
      <c r="H198" s="6">
        <v>6</v>
      </c>
      <c r="I198" s="6">
        <v>92</v>
      </c>
      <c r="J198" s="6">
        <v>1090</v>
      </c>
      <c r="K198" s="6">
        <v>511</v>
      </c>
      <c r="L198" s="6">
        <v>527</v>
      </c>
      <c r="M198" s="6">
        <v>37</v>
      </c>
      <c r="N198" s="6">
        <v>247</v>
      </c>
      <c r="O198" s="6">
        <v>17</v>
      </c>
      <c r="P198" s="6">
        <v>3</v>
      </c>
      <c r="Q198" s="10" t="s">
        <v>55</v>
      </c>
    </row>
    <row r="199" spans="1:17">
      <c r="A199" s="9" t="s">
        <v>56</v>
      </c>
      <c r="B199" s="9" t="s">
        <v>57</v>
      </c>
      <c r="C199" s="9" t="s">
        <v>59</v>
      </c>
      <c r="D199" s="9" t="s">
        <v>54</v>
      </c>
      <c r="E199" s="9" t="s">
        <v>34</v>
      </c>
      <c r="F199" s="6">
        <v>2911</v>
      </c>
      <c r="G199" s="6">
        <v>2894</v>
      </c>
      <c r="H199" s="6">
        <v>3</v>
      </c>
      <c r="I199" s="6">
        <v>177</v>
      </c>
      <c r="J199" s="6">
        <v>1288</v>
      </c>
      <c r="K199" s="6">
        <v>624</v>
      </c>
      <c r="L199" s="6">
        <v>490</v>
      </c>
      <c r="M199" s="6">
        <v>28</v>
      </c>
      <c r="N199" s="6">
        <v>284</v>
      </c>
      <c r="O199" s="6">
        <v>14</v>
      </c>
      <c r="P199" s="6">
        <v>3</v>
      </c>
      <c r="Q199" s="10" t="s">
        <v>55</v>
      </c>
    </row>
    <row r="200" spans="1:17">
      <c r="A200" s="9" t="s">
        <v>56</v>
      </c>
      <c r="B200" s="9" t="s">
        <v>57</v>
      </c>
      <c r="C200" s="9" t="s">
        <v>59</v>
      </c>
      <c r="D200" s="9" t="s">
        <v>54</v>
      </c>
      <c r="E200" s="9" t="s">
        <v>35</v>
      </c>
      <c r="F200" s="6">
        <v>3264</v>
      </c>
      <c r="G200" s="6">
        <v>3252</v>
      </c>
      <c r="H200" s="6">
        <v>2</v>
      </c>
      <c r="I200" s="6">
        <v>226</v>
      </c>
      <c r="J200" s="6">
        <v>1553</v>
      </c>
      <c r="K200" s="6">
        <v>722</v>
      </c>
      <c r="L200" s="6">
        <v>472</v>
      </c>
      <c r="M200" s="6">
        <v>30</v>
      </c>
      <c r="N200" s="6">
        <v>247</v>
      </c>
      <c r="O200" s="6">
        <v>11</v>
      </c>
      <c r="P200" s="6">
        <v>1</v>
      </c>
      <c r="Q200" s="10" t="s">
        <v>55</v>
      </c>
    </row>
    <row r="201" spans="1:17">
      <c r="A201" s="9" t="s">
        <v>56</v>
      </c>
      <c r="B201" s="9" t="s">
        <v>57</v>
      </c>
      <c r="C201" s="9" t="s">
        <v>59</v>
      </c>
      <c r="D201" s="9" t="s">
        <v>54</v>
      </c>
      <c r="E201" s="9" t="s">
        <v>36</v>
      </c>
      <c r="F201" s="6">
        <v>3510</v>
      </c>
      <c r="G201" s="6">
        <v>3505</v>
      </c>
      <c r="H201" s="10" t="s">
        <v>55</v>
      </c>
      <c r="I201" s="6">
        <v>175</v>
      </c>
      <c r="J201" s="6">
        <v>1694</v>
      </c>
      <c r="K201" s="6">
        <v>892</v>
      </c>
      <c r="L201" s="6">
        <v>431</v>
      </c>
      <c r="M201" s="6">
        <v>28</v>
      </c>
      <c r="N201" s="6">
        <v>285</v>
      </c>
      <c r="O201" s="6">
        <v>5</v>
      </c>
      <c r="P201" s="10" t="s">
        <v>55</v>
      </c>
      <c r="Q201" s="10" t="s">
        <v>55</v>
      </c>
    </row>
    <row r="202" spans="1:17">
      <c r="A202" s="9" t="s">
        <v>56</v>
      </c>
      <c r="B202" s="9" t="s">
        <v>57</v>
      </c>
      <c r="C202" s="9" t="s">
        <v>59</v>
      </c>
      <c r="D202" s="9" t="s">
        <v>54</v>
      </c>
      <c r="E202" s="9" t="s">
        <v>37</v>
      </c>
      <c r="F202" s="6">
        <v>3909</v>
      </c>
      <c r="G202" s="6">
        <v>3902</v>
      </c>
      <c r="H202" s="6">
        <v>1</v>
      </c>
      <c r="I202" s="6">
        <v>174</v>
      </c>
      <c r="J202" s="6">
        <v>2030</v>
      </c>
      <c r="K202" s="6">
        <v>1033</v>
      </c>
      <c r="L202" s="6">
        <v>382</v>
      </c>
      <c r="M202" s="6">
        <v>25</v>
      </c>
      <c r="N202" s="6">
        <v>257</v>
      </c>
      <c r="O202" s="6">
        <v>6</v>
      </c>
      <c r="P202" s="6">
        <v>1</v>
      </c>
      <c r="Q202" s="10" t="s">
        <v>55</v>
      </c>
    </row>
    <row r="203" spans="1:17">
      <c r="A203" s="9" t="s">
        <v>56</v>
      </c>
      <c r="B203" s="9" t="s">
        <v>57</v>
      </c>
      <c r="C203" s="9" t="s">
        <v>59</v>
      </c>
      <c r="D203" s="9" t="s">
        <v>54</v>
      </c>
      <c r="E203" s="9" t="s">
        <v>38</v>
      </c>
      <c r="F203" s="6">
        <v>3774</v>
      </c>
      <c r="G203" s="6">
        <v>3774</v>
      </c>
      <c r="H203" s="10" t="s">
        <v>55</v>
      </c>
      <c r="I203" s="6">
        <v>162</v>
      </c>
      <c r="J203" s="6">
        <v>2229</v>
      </c>
      <c r="K203" s="6">
        <v>904</v>
      </c>
      <c r="L203" s="6">
        <v>284</v>
      </c>
      <c r="M203" s="6">
        <v>14</v>
      </c>
      <c r="N203" s="6">
        <v>181</v>
      </c>
      <c r="O203" s="10" t="s">
        <v>55</v>
      </c>
      <c r="P203" s="10" t="s">
        <v>55</v>
      </c>
      <c r="Q203" s="10" t="s">
        <v>55</v>
      </c>
    </row>
    <row r="204" spans="1:17">
      <c r="A204" s="9" t="s">
        <v>56</v>
      </c>
      <c r="B204" s="9" t="s">
        <v>57</v>
      </c>
      <c r="C204" s="9" t="s">
        <v>59</v>
      </c>
      <c r="D204" s="9" t="s">
        <v>54</v>
      </c>
      <c r="E204" s="9" t="s">
        <v>39</v>
      </c>
      <c r="F204" s="6">
        <v>4024</v>
      </c>
      <c r="G204" s="6">
        <v>4022</v>
      </c>
      <c r="H204" s="10" t="s">
        <v>55</v>
      </c>
      <c r="I204" s="6">
        <v>159</v>
      </c>
      <c r="J204" s="6">
        <v>2602</v>
      </c>
      <c r="K204" s="6">
        <v>861</v>
      </c>
      <c r="L204" s="6">
        <v>229</v>
      </c>
      <c r="M204" s="6">
        <v>7</v>
      </c>
      <c r="N204" s="6">
        <v>164</v>
      </c>
      <c r="O204" s="6">
        <v>1</v>
      </c>
      <c r="P204" s="6">
        <v>1</v>
      </c>
      <c r="Q204" s="10" t="s">
        <v>55</v>
      </c>
    </row>
    <row r="205" spans="1:17">
      <c r="A205" s="9" t="s">
        <v>56</v>
      </c>
      <c r="B205" s="9" t="s">
        <v>57</v>
      </c>
      <c r="C205" s="9" t="s">
        <v>59</v>
      </c>
      <c r="D205" s="9" t="s">
        <v>54</v>
      </c>
      <c r="E205" s="9" t="s">
        <v>40</v>
      </c>
      <c r="F205" s="6">
        <v>4400</v>
      </c>
      <c r="G205" s="6">
        <v>4398</v>
      </c>
      <c r="H205" s="6">
        <v>1</v>
      </c>
      <c r="I205" s="6">
        <v>272</v>
      </c>
      <c r="J205" s="6">
        <v>2824</v>
      </c>
      <c r="K205" s="6">
        <v>895</v>
      </c>
      <c r="L205" s="6">
        <v>248</v>
      </c>
      <c r="M205" s="6">
        <v>10</v>
      </c>
      <c r="N205" s="6">
        <v>148</v>
      </c>
      <c r="O205" s="10" t="s">
        <v>55</v>
      </c>
      <c r="P205" s="6">
        <v>2</v>
      </c>
      <c r="Q205" s="10" t="s">
        <v>55</v>
      </c>
    </row>
    <row r="206" spans="1:17">
      <c r="A206" s="9" t="s">
        <v>56</v>
      </c>
      <c r="B206" s="9" t="s">
        <v>57</v>
      </c>
      <c r="C206" s="9" t="s">
        <v>59</v>
      </c>
      <c r="D206" s="9" t="s">
        <v>54</v>
      </c>
      <c r="E206" s="9" t="s">
        <v>41</v>
      </c>
      <c r="F206" s="6">
        <v>5045</v>
      </c>
      <c r="G206" s="6">
        <v>5043</v>
      </c>
      <c r="H206" s="6">
        <v>2</v>
      </c>
      <c r="I206" s="6">
        <v>960</v>
      </c>
      <c r="J206" s="6">
        <v>3167</v>
      </c>
      <c r="K206" s="6">
        <v>602</v>
      </c>
      <c r="L206" s="6">
        <v>151</v>
      </c>
      <c r="M206" s="6">
        <v>2</v>
      </c>
      <c r="N206" s="6">
        <v>159</v>
      </c>
      <c r="O206" s="6">
        <v>2</v>
      </c>
      <c r="P206" s="10" t="s">
        <v>55</v>
      </c>
      <c r="Q206" s="10" t="s">
        <v>55</v>
      </c>
    </row>
    <row r="207" spans="1:17">
      <c r="A207" s="9" t="s">
        <v>56</v>
      </c>
      <c r="B207" s="9" t="s">
        <v>57</v>
      </c>
      <c r="C207" s="9" t="s">
        <v>59</v>
      </c>
      <c r="D207" s="9" t="s">
        <v>54</v>
      </c>
      <c r="E207" s="9" t="s">
        <v>42</v>
      </c>
      <c r="F207" s="6">
        <v>5165</v>
      </c>
      <c r="G207" s="6">
        <v>5157</v>
      </c>
      <c r="H207" s="6">
        <v>13</v>
      </c>
      <c r="I207" s="6">
        <v>1703</v>
      </c>
      <c r="J207" s="6">
        <v>2786</v>
      </c>
      <c r="K207" s="6">
        <v>362</v>
      </c>
      <c r="L207" s="6">
        <v>124</v>
      </c>
      <c r="M207" s="6">
        <v>4</v>
      </c>
      <c r="N207" s="6">
        <v>165</v>
      </c>
      <c r="O207" s="10" t="s">
        <v>55</v>
      </c>
      <c r="P207" s="6">
        <v>8</v>
      </c>
      <c r="Q207" s="10" t="s">
        <v>55</v>
      </c>
    </row>
    <row r="208" spans="1:17">
      <c r="A208" s="9" t="s">
        <v>56</v>
      </c>
      <c r="B208" s="9" t="s">
        <v>57</v>
      </c>
      <c r="C208" s="9" t="s">
        <v>59</v>
      </c>
      <c r="D208" s="9" t="s">
        <v>54</v>
      </c>
      <c r="E208" s="9" t="s">
        <v>43</v>
      </c>
      <c r="F208" s="6">
        <v>4355</v>
      </c>
      <c r="G208" s="6">
        <v>4347</v>
      </c>
      <c r="H208" s="6">
        <v>56</v>
      </c>
      <c r="I208" s="6">
        <v>2165</v>
      </c>
      <c r="J208" s="6">
        <v>1700</v>
      </c>
      <c r="K208" s="6">
        <v>181</v>
      </c>
      <c r="L208" s="6">
        <v>82</v>
      </c>
      <c r="M208" s="10" t="s">
        <v>55</v>
      </c>
      <c r="N208" s="6">
        <v>163</v>
      </c>
      <c r="O208" s="10" t="s">
        <v>55</v>
      </c>
      <c r="P208" s="6">
        <v>8</v>
      </c>
      <c r="Q208" s="10" t="s">
        <v>55</v>
      </c>
    </row>
    <row r="209" spans="1:17">
      <c r="A209" s="9" t="s">
        <v>56</v>
      </c>
      <c r="B209" s="9" t="s">
        <v>57</v>
      </c>
      <c r="C209" s="9" t="s">
        <v>59</v>
      </c>
      <c r="D209" s="9" t="s">
        <v>54</v>
      </c>
      <c r="E209" s="9" t="s">
        <v>44</v>
      </c>
      <c r="F209" s="6">
        <v>3999</v>
      </c>
      <c r="G209" s="6">
        <v>3987</v>
      </c>
      <c r="H209" s="6">
        <v>207</v>
      </c>
      <c r="I209" s="6">
        <v>2223</v>
      </c>
      <c r="J209" s="6">
        <v>1190</v>
      </c>
      <c r="K209" s="6">
        <v>90</v>
      </c>
      <c r="L209" s="6">
        <v>44</v>
      </c>
      <c r="M209" s="6">
        <v>1</v>
      </c>
      <c r="N209" s="6">
        <v>232</v>
      </c>
      <c r="O209" s="10" t="s">
        <v>55</v>
      </c>
      <c r="P209" s="6">
        <v>12</v>
      </c>
      <c r="Q209" s="10" t="s">
        <v>55</v>
      </c>
    </row>
    <row r="210" spans="1:17">
      <c r="A210" s="9" t="s">
        <v>56</v>
      </c>
      <c r="B210" s="9" t="s">
        <v>57</v>
      </c>
      <c r="C210" s="9" t="s">
        <v>59</v>
      </c>
      <c r="D210" s="9" t="s">
        <v>54</v>
      </c>
      <c r="E210" s="9" t="s">
        <v>45</v>
      </c>
      <c r="F210" s="6">
        <v>3384</v>
      </c>
      <c r="G210" s="6">
        <v>3371</v>
      </c>
      <c r="H210" s="6">
        <v>595</v>
      </c>
      <c r="I210" s="6">
        <v>1333</v>
      </c>
      <c r="J210" s="6">
        <v>1013</v>
      </c>
      <c r="K210" s="6">
        <v>46</v>
      </c>
      <c r="L210" s="6">
        <v>30</v>
      </c>
      <c r="M210" s="6">
        <v>1</v>
      </c>
      <c r="N210" s="6">
        <v>353</v>
      </c>
      <c r="O210" s="10" t="s">
        <v>55</v>
      </c>
      <c r="P210" s="6">
        <v>13</v>
      </c>
      <c r="Q210" s="10" t="s">
        <v>55</v>
      </c>
    </row>
    <row r="211" spans="1:17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46</v>
      </c>
      <c r="F211" s="6">
        <v>1871</v>
      </c>
      <c r="G211" s="6">
        <v>1861</v>
      </c>
      <c r="H211" s="6">
        <v>506</v>
      </c>
      <c r="I211" s="6">
        <v>536</v>
      </c>
      <c r="J211" s="6">
        <v>535</v>
      </c>
      <c r="K211" s="6">
        <v>21</v>
      </c>
      <c r="L211" s="6">
        <v>11</v>
      </c>
      <c r="M211" s="10" t="s">
        <v>55</v>
      </c>
      <c r="N211" s="6">
        <v>252</v>
      </c>
      <c r="O211" s="10" t="s">
        <v>55</v>
      </c>
      <c r="P211" s="6">
        <v>10</v>
      </c>
      <c r="Q211" s="10" t="s">
        <v>55</v>
      </c>
    </row>
    <row r="212" spans="1:17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47</v>
      </c>
      <c r="F212" s="6">
        <v>665</v>
      </c>
      <c r="G212" s="6">
        <v>663</v>
      </c>
      <c r="H212" s="6">
        <v>225</v>
      </c>
      <c r="I212" s="6">
        <v>146</v>
      </c>
      <c r="J212" s="6">
        <v>146</v>
      </c>
      <c r="K212" s="6">
        <v>5</v>
      </c>
      <c r="L212" s="6">
        <v>2</v>
      </c>
      <c r="M212" s="10" t="s">
        <v>55</v>
      </c>
      <c r="N212" s="6">
        <v>139</v>
      </c>
      <c r="O212" s="10" t="s">
        <v>55</v>
      </c>
      <c r="P212" s="6">
        <v>2</v>
      </c>
      <c r="Q212" s="10" t="s">
        <v>55</v>
      </c>
    </row>
    <row r="213" spans="1:17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48</v>
      </c>
      <c r="F213" s="6">
        <v>33480</v>
      </c>
      <c r="G213" s="6">
        <v>30424</v>
      </c>
      <c r="H213" s="6">
        <v>16</v>
      </c>
      <c r="I213" s="6">
        <v>1556</v>
      </c>
      <c r="J213" s="6">
        <v>16655</v>
      </c>
      <c r="K213" s="6">
        <v>6803</v>
      </c>
      <c r="L213" s="6">
        <v>3281</v>
      </c>
      <c r="M213" s="6">
        <v>180</v>
      </c>
      <c r="N213" s="6">
        <v>1933</v>
      </c>
      <c r="O213" s="6">
        <v>3044</v>
      </c>
      <c r="P213" s="6">
        <v>12</v>
      </c>
      <c r="Q213" s="10" t="s">
        <v>55</v>
      </c>
    </row>
    <row r="214" spans="1:17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49</v>
      </c>
      <c r="F214" s="6">
        <v>24484</v>
      </c>
      <c r="G214" s="6">
        <v>24429</v>
      </c>
      <c r="H214" s="6">
        <v>1604</v>
      </c>
      <c r="I214" s="6">
        <v>9066</v>
      </c>
      <c r="J214" s="6">
        <v>10537</v>
      </c>
      <c r="K214" s="6">
        <v>1307</v>
      </c>
      <c r="L214" s="6">
        <v>444</v>
      </c>
      <c r="M214" s="6">
        <v>8</v>
      </c>
      <c r="N214" s="6">
        <v>1463</v>
      </c>
      <c r="O214" s="6">
        <v>2</v>
      </c>
      <c r="P214" s="6">
        <v>53</v>
      </c>
      <c r="Q214" s="10" t="s">
        <v>55</v>
      </c>
    </row>
    <row r="215" spans="1:17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50</v>
      </c>
      <c r="F215" s="6">
        <v>14274</v>
      </c>
      <c r="G215" s="6">
        <v>14229</v>
      </c>
      <c r="H215" s="6">
        <v>1589</v>
      </c>
      <c r="I215" s="6">
        <v>6403</v>
      </c>
      <c r="J215" s="6">
        <v>4584</v>
      </c>
      <c r="K215" s="6">
        <v>343</v>
      </c>
      <c r="L215" s="6">
        <v>169</v>
      </c>
      <c r="M215" s="6">
        <v>2</v>
      </c>
      <c r="N215" s="6">
        <v>1139</v>
      </c>
      <c r="O215" s="10" t="s">
        <v>55</v>
      </c>
      <c r="P215" s="6">
        <v>45</v>
      </c>
      <c r="Q215" s="10" t="s">
        <v>55</v>
      </c>
    </row>
    <row r="216" spans="1:17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51</v>
      </c>
      <c r="F216" s="6">
        <v>5920</v>
      </c>
      <c r="G216" s="6">
        <v>5895</v>
      </c>
      <c r="H216" s="6">
        <v>1326</v>
      </c>
      <c r="I216" s="6">
        <v>2015</v>
      </c>
      <c r="J216" s="6">
        <v>1694</v>
      </c>
      <c r="K216" s="6">
        <v>72</v>
      </c>
      <c r="L216" s="6">
        <v>43</v>
      </c>
      <c r="M216" s="6">
        <v>1</v>
      </c>
      <c r="N216" s="6">
        <v>744</v>
      </c>
      <c r="O216" s="10" t="s">
        <v>55</v>
      </c>
      <c r="P216" s="6">
        <v>25</v>
      </c>
      <c r="Q216" s="10" t="s">
        <v>55</v>
      </c>
    </row>
    <row r="217" spans="1:17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52</v>
      </c>
      <c r="F217" s="6">
        <v>35734</v>
      </c>
      <c r="G217" s="6">
        <v>35210</v>
      </c>
      <c r="H217" s="6">
        <v>18</v>
      </c>
      <c r="I217" s="6">
        <v>2488</v>
      </c>
      <c r="J217" s="6">
        <v>19593</v>
      </c>
      <c r="K217" s="6">
        <v>7405</v>
      </c>
      <c r="L217" s="6">
        <v>3432</v>
      </c>
      <c r="M217" s="6">
        <v>182</v>
      </c>
      <c r="N217" s="6">
        <v>2092</v>
      </c>
      <c r="O217" s="6">
        <v>513</v>
      </c>
      <c r="P217" s="6">
        <v>11</v>
      </c>
      <c r="Q217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0" orientation="portrait" r:id="rId1"/>
</worksheet>
</file>

<file path=xl/worksheets/sheet2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2D7D4DB4-7099-4F58-8668-1535503C10CD}">
  <sheetPr>
    <pageSetUpPr fitToPage="1"/>
  </sheetPr>
  <dimension ref="A1:R19"/>
  <sheetViews>
    <sheetView zoomScaleNormal="100" workbookViewId="0">
      <pane xSplit="4" ySplit="10" topLeftCell="E11" activePane="bottomRight" state="frozen"/>
      <selection pane="topRight" activeCell="R1" sqref="R1"/>
      <selection pane="bottomLeft" activeCell="A19" sqref="A19"/>
      <selection pane="bottomRight" activeCell="A8" sqref="A8"/>
    </sheetView>
  </sheetViews>
  <sheetFormatPr defaultColWidth="12.625" defaultRowHeight="12"/>
  <cols>
    <col min="1" max="1" width="8.125" style="11" customWidth="1"/>
    <col min="2" max="2" width="3.75" style="11" customWidth="1"/>
    <col min="3" max="3" width="8.75" style="11" customWidth="1"/>
    <col min="4" max="4" width="11.25" style="11" customWidth="1"/>
    <col min="5" max="16384" width="12.625" style="11"/>
  </cols>
  <sheetData>
    <row r="1" spans="1:18" s="1" customFormat="1">
      <c r="A1" s="1" t="s">
        <v>0</v>
      </c>
    </row>
    <row r="2" spans="1:18" s="1" customFormat="1">
      <c r="A2" s="1" t="s">
        <v>192</v>
      </c>
    </row>
    <row r="3" spans="1:18" s="1" customFormat="1"/>
    <row r="4" spans="1:18" s="1" customFormat="1" hidden="1"/>
    <row r="5" spans="1:18" s="1" customFormat="1">
      <c r="E5" s="3" t="s">
        <v>3</v>
      </c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</row>
    <row r="6" spans="1:18" s="1" customFormat="1" ht="24">
      <c r="E6" s="3" t="s">
        <v>193</v>
      </c>
      <c r="F6" s="3" t="s">
        <v>193</v>
      </c>
      <c r="G6" s="3" t="s">
        <v>193</v>
      </c>
      <c r="H6" s="3" t="s">
        <v>193</v>
      </c>
      <c r="I6" s="3" t="s">
        <v>193</v>
      </c>
      <c r="J6" s="3" t="s">
        <v>193</v>
      </c>
      <c r="K6" s="3" t="s">
        <v>193</v>
      </c>
      <c r="L6" s="3" t="s">
        <v>193</v>
      </c>
      <c r="M6" s="3" t="s">
        <v>193</v>
      </c>
      <c r="N6" s="3" t="s">
        <v>193</v>
      </c>
      <c r="O6" s="3" t="s">
        <v>193</v>
      </c>
      <c r="P6" s="3" t="s">
        <v>193</v>
      </c>
      <c r="Q6" s="3" t="s">
        <v>193</v>
      </c>
      <c r="R6" s="3" t="s">
        <v>193</v>
      </c>
    </row>
    <row r="7" spans="1:18" s="1" customFormat="1">
      <c r="E7" s="3">
        <v>1</v>
      </c>
      <c r="F7" s="3">
        <v>2</v>
      </c>
      <c r="G7" s="3">
        <v>2</v>
      </c>
      <c r="H7" s="3">
        <v>2</v>
      </c>
      <c r="I7" s="3">
        <v>2</v>
      </c>
      <c r="J7" s="3">
        <v>2</v>
      </c>
      <c r="K7" s="3">
        <v>2</v>
      </c>
      <c r="L7" s="3">
        <v>2</v>
      </c>
      <c r="M7" s="3">
        <v>1</v>
      </c>
      <c r="N7" s="3">
        <v>2</v>
      </c>
      <c r="O7" s="3">
        <v>2</v>
      </c>
      <c r="P7" s="3">
        <v>2</v>
      </c>
      <c r="Q7" s="3">
        <v>2</v>
      </c>
      <c r="R7" s="3">
        <v>2</v>
      </c>
    </row>
    <row r="8" spans="1:18" s="1" customFormat="1" ht="36">
      <c r="E8" s="3" t="s">
        <v>194</v>
      </c>
      <c r="F8" s="3" t="s">
        <v>195</v>
      </c>
      <c r="G8" s="3" t="s">
        <v>196</v>
      </c>
      <c r="H8" s="3" t="s">
        <v>197</v>
      </c>
      <c r="I8" s="3" t="s">
        <v>198</v>
      </c>
      <c r="J8" s="3" t="s">
        <v>199</v>
      </c>
      <c r="K8" s="3" t="s">
        <v>200</v>
      </c>
      <c r="L8" s="3" t="s">
        <v>201</v>
      </c>
      <c r="M8" s="3" t="s">
        <v>202</v>
      </c>
      <c r="N8" s="3" t="s">
        <v>203</v>
      </c>
      <c r="O8" s="3" t="s">
        <v>204</v>
      </c>
      <c r="P8" s="3" t="s">
        <v>205</v>
      </c>
      <c r="Q8" s="3" t="s">
        <v>206</v>
      </c>
      <c r="R8" s="3" t="s">
        <v>207</v>
      </c>
    </row>
    <row r="9" spans="1:18" s="1" customFormat="1"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</row>
    <row r="10" spans="1:18" s="1" customFormat="1">
      <c r="A10" s="2" t="s">
        <v>24</v>
      </c>
      <c r="B10" s="2" t="s">
        <v>21</v>
      </c>
      <c r="C10" s="2" t="s">
        <v>22</v>
      </c>
      <c r="D10" s="2" t="s">
        <v>23</v>
      </c>
      <c r="E10" s="2" t="s">
        <v>26</v>
      </c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</row>
    <row r="11" spans="1:18">
      <c r="A11" s="5" t="s">
        <v>6</v>
      </c>
      <c r="B11" s="5" t="s">
        <v>27</v>
      </c>
      <c r="C11" s="5" t="s">
        <v>28</v>
      </c>
      <c r="D11" s="5" t="s">
        <v>29</v>
      </c>
      <c r="E11" s="6">
        <v>16278980</v>
      </c>
      <c r="F11" s="6">
        <v>6212533</v>
      </c>
      <c r="G11" s="6">
        <v>3207720</v>
      </c>
      <c r="H11" s="6">
        <v>3315989</v>
      </c>
      <c r="I11" s="6">
        <v>658731</v>
      </c>
      <c r="J11" s="6">
        <v>2684313</v>
      </c>
      <c r="K11" s="6">
        <v>193937</v>
      </c>
      <c r="L11" s="6">
        <v>5757</v>
      </c>
      <c r="M11" s="6">
        <v>6123667</v>
      </c>
      <c r="N11" s="6">
        <v>948242</v>
      </c>
      <c r="O11" s="6">
        <v>2043128</v>
      </c>
      <c r="P11" s="6">
        <v>635504</v>
      </c>
      <c r="Q11" s="6">
        <v>2496734</v>
      </c>
      <c r="R11" s="6">
        <v>59</v>
      </c>
    </row>
    <row r="12" spans="1:18">
      <c r="A12" s="9" t="s">
        <v>6</v>
      </c>
      <c r="B12" s="9" t="s">
        <v>27</v>
      </c>
      <c r="C12" s="9" t="s">
        <v>57</v>
      </c>
      <c r="D12" s="9" t="s">
        <v>58</v>
      </c>
      <c r="E12" s="6">
        <v>231312</v>
      </c>
      <c r="F12" s="6">
        <v>95770</v>
      </c>
      <c r="G12" s="6">
        <v>48113</v>
      </c>
      <c r="H12" s="6">
        <v>48716</v>
      </c>
      <c r="I12" s="6">
        <v>9802</v>
      </c>
      <c r="J12" s="6">
        <v>27096</v>
      </c>
      <c r="K12" s="6">
        <v>1779</v>
      </c>
      <c r="L12" s="6">
        <v>36</v>
      </c>
      <c r="M12" s="6">
        <v>94415</v>
      </c>
      <c r="N12" s="6">
        <v>8012</v>
      </c>
      <c r="O12" s="6">
        <v>45169</v>
      </c>
      <c r="P12" s="6">
        <v>13166</v>
      </c>
      <c r="Q12" s="6">
        <v>28066</v>
      </c>
      <c r="R12" s="6">
        <v>2</v>
      </c>
    </row>
    <row r="13" spans="1:18">
      <c r="A13" s="9" t="s">
        <v>6</v>
      </c>
      <c r="B13" s="9" t="s">
        <v>56</v>
      </c>
      <c r="C13" s="9" t="s">
        <v>57</v>
      </c>
      <c r="D13" s="9" t="s">
        <v>59</v>
      </c>
      <c r="E13" s="6">
        <v>14893</v>
      </c>
      <c r="F13" s="6">
        <v>6206</v>
      </c>
      <c r="G13" s="6">
        <v>3168</v>
      </c>
      <c r="H13" s="6">
        <v>3631</v>
      </c>
      <c r="I13" s="6">
        <v>1001</v>
      </c>
      <c r="J13" s="6">
        <v>864</v>
      </c>
      <c r="K13" s="6">
        <v>23</v>
      </c>
      <c r="L13" s="10" t="s">
        <v>55</v>
      </c>
      <c r="M13" s="6">
        <v>5934</v>
      </c>
      <c r="N13" s="6">
        <v>286</v>
      </c>
      <c r="O13" s="6">
        <v>3773</v>
      </c>
      <c r="P13" s="6">
        <v>280</v>
      </c>
      <c r="Q13" s="6">
        <v>1595</v>
      </c>
      <c r="R13" s="10" t="s">
        <v>55</v>
      </c>
    </row>
    <row r="14" spans="1:18">
      <c r="A14" s="9" t="s">
        <v>53</v>
      </c>
      <c r="B14" s="9" t="s">
        <v>27</v>
      </c>
      <c r="C14" s="9" t="s">
        <v>28</v>
      </c>
      <c r="D14" s="9" t="s">
        <v>29</v>
      </c>
      <c r="E14" s="6">
        <v>8347109</v>
      </c>
      <c r="F14" s="6">
        <v>3182064</v>
      </c>
      <c r="G14" s="6">
        <v>1644325</v>
      </c>
      <c r="H14" s="6">
        <v>1694046</v>
      </c>
      <c r="I14" s="6">
        <v>259336</v>
      </c>
      <c r="J14" s="6">
        <v>1432938</v>
      </c>
      <c r="K14" s="6">
        <v>131158</v>
      </c>
      <c r="L14" s="6">
        <v>3242</v>
      </c>
      <c r="M14" s="6">
        <v>3126405</v>
      </c>
      <c r="N14" s="6">
        <v>480157</v>
      </c>
      <c r="O14" s="6">
        <v>1053895</v>
      </c>
      <c r="P14" s="6">
        <v>326185</v>
      </c>
      <c r="Q14" s="6">
        <v>1266146</v>
      </c>
      <c r="R14" s="6">
        <v>22</v>
      </c>
    </row>
    <row r="15" spans="1:18">
      <c r="A15" s="9" t="s">
        <v>53</v>
      </c>
      <c r="B15" s="9" t="s">
        <v>27</v>
      </c>
      <c r="C15" s="9" t="s">
        <v>57</v>
      </c>
      <c r="D15" s="9" t="s">
        <v>58</v>
      </c>
      <c r="E15" s="6">
        <v>118485</v>
      </c>
      <c r="F15" s="6">
        <v>49195</v>
      </c>
      <c r="G15" s="6">
        <v>24582</v>
      </c>
      <c r="H15" s="6">
        <v>25151</v>
      </c>
      <c r="I15" s="6">
        <v>4201</v>
      </c>
      <c r="J15" s="6">
        <v>14082</v>
      </c>
      <c r="K15" s="6">
        <v>1265</v>
      </c>
      <c r="L15" s="6">
        <v>9</v>
      </c>
      <c r="M15" s="6">
        <v>47863</v>
      </c>
      <c r="N15" s="6">
        <v>4022</v>
      </c>
      <c r="O15" s="6">
        <v>23265</v>
      </c>
      <c r="P15" s="6">
        <v>6617</v>
      </c>
      <c r="Q15" s="6">
        <v>13958</v>
      </c>
      <c r="R15" s="6">
        <v>1</v>
      </c>
    </row>
    <row r="16" spans="1:18">
      <c r="A16" s="9" t="s">
        <v>53</v>
      </c>
      <c r="B16" s="9" t="s">
        <v>56</v>
      </c>
      <c r="C16" s="9" t="s">
        <v>57</v>
      </c>
      <c r="D16" s="9" t="s">
        <v>59</v>
      </c>
      <c r="E16" s="6">
        <v>7543</v>
      </c>
      <c r="F16" s="6">
        <v>3180</v>
      </c>
      <c r="G16" s="6">
        <v>1614</v>
      </c>
      <c r="H16" s="6">
        <v>1890</v>
      </c>
      <c r="I16" s="6">
        <v>440</v>
      </c>
      <c r="J16" s="6">
        <v>404</v>
      </c>
      <c r="K16" s="6">
        <v>15</v>
      </c>
      <c r="L16" s="10" t="s">
        <v>55</v>
      </c>
      <c r="M16" s="6">
        <v>2985</v>
      </c>
      <c r="N16" s="6">
        <v>153</v>
      </c>
      <c r="O16" s="6">
        <v>1920</v>
      </c>
      <c r="P16" s="6">
        <v>112</v>
      </c>
      <c r="Q16" s="6">
        <v>800</v>
      </c>
      <c r="R16" s="10" t="s">
        <v>55</v>
      </c>
    </row>
    <row r="17" spans="1:18">
      <c r="A17" s="9" t="s">
        <v>54</v>
      </c>
      <c r="B17" s="9" t="s">
        <v>27</v>
      </c>
      <c r="C17" s="9" t="s">
        <v>28</v>
      </c>
      <c r="D17" s="9" t="s">
        <v>29</v>
      </c>
      <c r="E17" s="6">
        <v>7931871</v>
      </c>
      <c r="F17" s="6">
        <v>3030469</v>
      </c>
      <c r="G17" s="6">
        <v>1563395</v>
      </c>
      <c r="H17" s="6">
        <v>1621943</v>
      </c>
      <c r="I17" s="6">
        <v>399395</v>
      </c>
      <c r="J17" s="6">
        <v>1251375</v>
      </c>
      <c r="K17" s="6">
        <v>62779</v>
      </c>
      <c r="L17" s="6">
        <v>2515</v>
      </c>
      <c r="M17" s="6">
        <v>2997262</v>
      </c>
      <c r="N17" s="6">
        <v>468085</v>
      </c>
      <c r="O17" s="6">
        <v>989233</v>
      </c>
      <c r="P17" s="6">
        <v>309319</v>
      </c>
      <c r="Q17" s="6">
        <v>1230588</v>
      </c>
      <c r="R17" s="6">
        <v>37</v>
      </c>
    </row>
    <row r="18" spans="1:18">
      <c r="A18" s="9" t="s">
        <v>54</v>
      </c>
      <c r="B18" s="9" t="s">
        <v>27</v>
      </c>
      <c r="C18" s="9" t="s">
        <v>57</v>
      </c>
      <c r="D18" s="9" t="s">
        <v>58</v>
      </c>
      <c r="E18" s="6">
        <v>112827</v>
      </c>
      <c r="F18" s="6">
        <v>46575</v>
      </c>
      <c r="G18" s="6">
        <v>23531</v>
      </c>
      <c r="H18" s="6">
        <v>23565</v>
      </c>
      <c r="I18" s="6">
        <v>5601</v>
      </c>
      <c r="J18" s="6">
        <v>13014</v>
      </c>
      <c r="K18" s="6">
        <v>514</v>
      </c>
      <c r="L18" s="6">
        <v>27</v>
      </c>
      <c r="M18" s="6">
        <v>46552</v>
      </c>
      <c r="N18" s="6">
        <v>3990</v>
      </c>
      <c r="O18" s="6">
        <v>21904</v>
      </c>
      <c r="P18" s="6">
        <v>6549</v>
      </c>
      <c r="Q18" s="6">
        <v>14108</v>
      </c>
      <c r="R18" s="6">
        <v>1</v>
      </c>
    </row>
    <row r="19" spans="1:18">
      <c r="A19" s="9" t="s">
        <v>54</v>
      </c>
      <c r="B19" s="9" t="s">
        <v>56</v>
      </c>
      <c r="C19" s="9" t="s">
        <v>57</v>
      </c>
      <c r="D19" s="9" t="s">
        <v>59</v>
      </c>
      <c r="E19" s="6">
        <v>7350</v>
      </c>
      <c r="F19" s="6">
        <v>3026</v>
      </c>
      <c r="G19" s="6">
        <v>1554</v>
      </c>
      <c r="H19" s="6">
        <v>1741</v>
      </c>
      <c r="I19" s="6">
        <v>561</v>
      </c>
      <c r="J19" s="6">
        <v>460</v>
      </c>
      <c r="K19" s="6">
        <v>8</v>
      </c>
      <c r="L19" s="10" t="s">
        <v>55</v>
      </c>
      <c r="M19" s="6">
        <v>2949</v>
      </c>
      <c r="N19" s="6">
        <v>133</v>
      </c>
      <c r="O19" s="6">
        <v>1853</v>
      </c>
      <c r="P19" s="6">
        <v>168</v>
      </c>
      <c r="Q19" s="6">
        <v>795</v>
      </c>
      <c r="R19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41" orientation="portrait" r:id="rId1"/>
</worksheet>
</file>

<file path=xl/worksheets/sheet2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B5AC9E0-573D-4B91-9E95-2B99B8CFC51C}">
  <sheetPr>
    <pageSetUpPr fitToPage="1"/>
  </sheetPr>
  <dimension ref="A1:Q424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0" style="11" customWidth="1"/>
    <col min="6" max="6" width="18.75" style="11" customWidth="1"/>
    <col min="7" max="16384" width="12.625" style="11"/>
  </cols>
  <sheetData>
    <row r="1" spans="1:17" s="1" customFormat="1">
      <c r="A1" s="1" t="s">
        <v>0</v>
      </c>
    </row>
    <row r="2" spans="1:17" s="1" customFormat="1">
      <c r="A2" s="1" t="s">
        <v>208</v>
      </c>
    </row>
    <row r="3" spans="1:17" s="1" customFormat="1"/>
    <row r="4" spans="1:17" s="1" customFormat="1" hidden="1"/>
    <row r="5" spans="1:17" s="1" customFormat="1">
      <c r="G5" s="3" t="s">
        <v>209</v>
      </c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  <c r="M5" s="3" t="s">
        <v>209</v>
      </c>
      <c r="N5" s="3" t="s">
        <v>209</v>
      </c>
      <c r="O5" s="3" t="s">
        <v>209</v>
      </c>
      <c r="P5" s="3" t="s">
        <v>209</v>
      </c>
      <c r="Q5" s="3" t="s">
        <v>209</v>
      </c>
    </row>
    <row r="6" spans="1:17" s="1" customFormat="1" ht="24">
      <c r="G6" s="3" t="s">
        <v>210</v>
      </c>
      <c r="H6" s="3" t="s">
        <v>210</v>
      </c>
      <c r="I6" s="3" t="s">
        <v>210</v>
      </c>
      <c r="J6" s="3" t="s">
        <v>210</v>
      </c>
      <c r="K6" s="3" t="s">
        <v>210</v>
      </c>
      <c r="L6" s="3" t="s">
        <v>210</v>
      </c>
      <c r="M6" s="3" t="s">
        <v>210</v>
      </c>
      <c r="N6" s="3" t="s">
        <v>210</v>
      </c>
      <c r="O6" s="3" t="s">
        <v>210</v>
      </c>
      <c r="P6" s="3" t="s">
        <v>210</v>
      </c>
      <c r="Q6" s="3" t="s">
        <v>210</v>
      </c>
    </row>
    <row r="7" spans="1:17" s="1" customFormat="1">
      <c r="G7" s="3">
        <v>1</v>
      </c>
      <c r="H7" s="3">
        <v>1</v>
      </c>
      <c r="I7" s="3">
        <v>2</v>
      </c>
      <c r="J7" s="3">
        <v>3</v>
      </c>
      <c r="K7" s="3">
        <v>2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</row>
    <row r="8" spans="1:17" s="1" customFormat="1" ht="48">
      <c r="G8" s="3" t="s">
        <v>6</v>
      </c>
      <c r="H8" s="3" t="s">
        <v>211</v>
      </c>
      <c r="I8" s="3" t="s">
        <v>212</v>
      </c>
      <c r="J8" s="3" t="s">
        <v>213</v>
      </c>
      <c r="K8" s="3" t="s">
        <v>214</v>
      </c>
      <c r="L8" s="3" t="s">
        <v>215</v>
      </c>
      <c r="M8" s="3" t="s">
        <v>216</v>
      </c>
      <c r="N8" s="3" t="s">
        <v>217</v>
      </c>
      <c r="O8" s="3" t="s">
        <v>218</v>
      </c>
      <c r="P8" s="3" t="s">
        <v>219</v>
      </c>
      <c r="Q8" s="3" t="s">
        <v>220</v>
      </c>
    </row>
    <row r="9" spans="1:17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</row>
    <row r="10" spans="1:17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5</v>
      </c>
      <c r="F10" s="2" t="s">
        <v>5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</row>
    <row r="11" spans="1:17">
      <c r="A11" s="5" t="s">
        <v>27</v>
      </c>
      <c r="B11" s="5" t="s">
        <v>28</v>
      </c>
      <c r="C11" s="5" t="s">
        <v>29</v>
      </c>
      <c r="D11" s="5" t="s">
        <v>6</v>
      </c>
      <c r="E11" s="5" t="s">
        <v>30</v>
      </c>
      <c r="F11" s="5" t="s">
        <v>6</v>
      </c>
      <c r="G11" s="6">
        <v>105370622</v>
      </c>
      <c r="H11" s="6">
        <v>85449399</v>
      </c>
      <c r="I11" s="6">
        <v>71538055</v>
      </c>
      <c r="J11" s="6">
        <v>22317680</v>
      </c>
      <c r="K11" s="6">
        <v>13911344</v>
      </c>
      <c r="L11" s="6">
        <v>1172912</v>
      </c>
      <c r="M11" s="6">
        <v>18748311</v>
      </c>
      <c r="N11" s="10" t="s">
        <v>55</v>
      </c>
      <c r="O11" s="6">
        <v>9731717</v>
      </c>
      <c r="P11" s="6">
        <v>13067790</v>
      </c>
      <c r="Q11" s="6">
        <v>6716806</v>
      </c>
    </row>
    <row r="12" spans="1:17">
      <c r="A12" s="9" t="s">
        <v>27</v>
      </c>
      <c r="B12" s="9" t="s">
        <v>28</v>
      </c>
      <c r="C12" s="9" t="s">
        <v>29</v>
      </c>
      <c r="D12" s="9" t="s">
        <v>6</v>
      </c>
      <c r="E12" s="9" t="s">
        <v>30</v>
      </c>
      <c r="F12" s="9" t="s">
        <v>7</v>
      </c>
      <c r="G12" s="6">
        <v>59760507</v>
      </c>
      <c r="H12" s="6">
        <v>49579126</v>
      </c>
      <c r="I12" s="6">
        <v>41581392</v>
      </c>
      <c r="J12" s="6">
        <v>10773855</v>
      </c>
      <c r="K12" s="6">
        <v>7997734</v>
      </c>
      <c r="L12" s="6">
        <v>726154</v>
      </c>
      <c r="M12" s="6">
        <v>9455227</v>
      </c>
      <c r="N12" s="10" t="s">
        <v>55</v>
      </c>
      <c r="O12" s="6">
        <v>5825896</v>
      </c>
      <c r="P12" s="6">
        <v>3825632</v>
      </c>
      <c r="Q12" s="6">
        <v>1419731</v>
      </c>
    </row>
    <row r="13" spans="1:17">
      <c r="A13" s="9" t="s">
        <v>27</v>
      </c>
      <c r="B13" s="9" t="s">
        <v>28</v>
      </c>
      <c r="C13" s="9" t="s">
        <v>29</v>
      </c>
      <c r="D13" s="9" t="s">
        <v>6</v>
      </c>
      <c r="E13" s="9" t="s">
        <v>30</v>
      </c>
      <c r="F13" s="9" t="s">
        <v>8</v>
      </c>
      <c r="G13" s="6">
        <v>57459322</v>
      </c>
      <c r="H13" s="6">
        <v>47790767</v>
      </c>
      <c r="I13" s="6">
        <v>40078955</v>
      </c>
      <c r="J13" s="6">
        <v>10503136</v>
      </c>
      <c r="K13" s="6">
        <v>7711812</v>
      </c>
      <c r="L13" s="6">
        <v>684611</v>
      </c>
      <c r="M13" s="6">
        <v>8983944</v>
      </c>
      <c r="N13" s="10" t="s">
        <v>55</v>
      </c>
      <c r="O13" s="6">
        <v>5633825</v>
      </c>
      <c r="P13" s="6">
        <v>3726812</v>
      </c>
      <c r="Q13" s="6">
        <v>1343478</v>
      </c>
    </row>
    <row r="14" spans="1:17">
      <c r="A14" s="9" t="s">
        <v>27</v>
      </c>
      <c r="B14" s="9" t="s">
        <v>28</v>
      </c>
      <c r="C14" s="9" t="s">
        <v>29</v>
      </c>
      <c r="D14" s="9" t="s">
        <v>6</v>
      </c>
      <c r="E14" s="9" t="s">
        <v>30</v>
      </c>
      <c r="F14" s="9" t="s">
        <v>13</v>
      </c>
      <c r="G14" s="6">
        <v>2301185</v>
      </c>
      <c r="H14" s="6">
        <v>1788359</v>
      </c>
      <c r="I14" s="6">
        <v>1502437</v>
      </c>
      <c r="J14" s="6">
        <v>270719</v>
      </c>
      <c r="K14" s="6">
        <v>285922</v>
      </c>
      <c r="L14" s="6">
        <v>41543</v>
      </c>
      <c r="M14" s="6">
        <v>471283</v>
      </c>
      <c r="N14" s="10" t="s">
        <v>55</v>
      </c>
      <c r="O14" s="6">
        <v>192071</v>
      </c>
      <c r="P14" s="6">
        <v>98820</v>
      </c>
      <c r="Q14" s="6">
        <v>76253</v>
      </c>
    </row>
    <row r="15" spans="1:17">
      <c r="A15" s="9" t="s">
        <v>27</v>
      </c>
      <c r="B15" s="9" t="s">
        <v>28</v>
      </c>
      <c r="C15" s="9" t="s">
        <v>29</v>
      </c>
      <c r="D15" s="9" t="s">
        <v>6</v>
      </c>
      <c r="E15" s="9" t="s">
        <v>30</v>
      </c>
      <c r="F15" s="9" t="s">
        <v>14</v>
      </c>
      <c r="G15" s="6">
        <v>33911737</v>
      </c>
      <c r="H15" s="6">
        <v>28484250</v>
      </c>
      <c r="I15" s="6">
        <v>23271765</v>
      </c>
      <c r="J15" s="6">
        <v>9697410</v>
      </c>
      <c r="K15" s="6">
        <v>5212485</v>
      </c>
      <c r="L15" s="6">
        <v>172392</v>
      </c>
      <c r="M15" s="6">
        <v>5255095</v>
      </c>
      <c r="N15" s="10" t="s">
        <v>55</v>
      </c>
      <c r="O15" s="6">
        <v>3467635</v>
      </c>
      <c r="P15" s="6">
        <v>8342193</v>
      </c>
      <c r="Q15" s="6">
        <v>4325909</v>
      </c>
    </row>
    <row r="16" spans="1:17">
      <c r="A16" s="9" t="s">
        <v>27</v>
      </c>
      <c r="B16" s="9" t="s">
        <v>28</v>
      </c>
      <c r="C16" s="9" t="s">
        <v>29</v>
      </c>
      <c r="D16" s="9" t="s">
        <v>6</v>
      </c>
      <c r="E16" s="9" t="s">
        <v>30</v>
      </c>
      <c r="F16" s="9" t="s">
        <v>18</v>
      </c>
      <c r="G16" s="6">
        <v>11698378</v>
      </c>
      <c r="H16" s="6">
        <v>7386023</v>
      </c>
      <c r="I16" s="6">
        <v>6684898</v>
      </c>
      <c r="J16" s="6">
        <v>1846415</v>
      </c>
      <c r="K16" s="6">
        <v>701125</v>
      </c>
      <c r="L16" s="6">
        <v>274366</v>
      </c>
      <c r="M16" s="6">
        <v>4037989</v>
      </c>
      <c r="N16" s="10" t="s">
        <v>55</v>
      </c>
      <c r="O16" s="6">
        <v>438186</v>
      </c>
      <c r="P16" s="6">
        <v>899965</v>
      </c>
      <c r="Q16" s="6">
        <v>971166</v>
      </c>
    </row>
    <row r="17" spans="1:17">
      <c r="A17" s="9" t="s">
        <v>27</v>
      </c>
      <c r="B17" s="9" t="s">
        <v>28</v>
      </c>
      <c r="C17" s="9" t="s">
        <v>29</v>
      </c>
      <c r="D17" s="9" t="s">
        <v>6</v>
      </c>
      <c r="E17" s="9" t="s">
        <v>31</v>
      </c>
      <c r="F17" s="9" t="s">
        <v>6</v>
      </c>
      <c r="G17" s="6">
        <v>5468094</v>
      </c>
      <c r="H17" s="6">
        <v>5148615</v>
      </c>
      <c r="I17" s="6">
        <v>4335112</v>
      </c>
      <c r="J17" s="6">
        <v>2783</v>
      </c>
      <c r="K17" s="6">
        <v>813503</v>
      </c>
      <c r="L17" s="6">
        <v>31856</v>
      </c>
      <c r="M17" s="6">
        <v>287623</v>
      </c>
      <c r="N17" s="10" t="s">
        <v>55</v>
      </c>
      <c r="O17" s="6">
        <v>755601</v>
      </c>
      <c r="P17" s="10" t="s">
        <v>55</v>
      </c>
      <c r="Q17" s="10" t="s">
        <v>55</v>
      </c>
    </row>
    <row r="18" spans="1:17">
      <c r="A18" s="9" t="s">
        <v>27</v>
      </c>
      <c r="B18" s="9" t="s">
        <v>28</v>
      </c>
      <c r="C18" s="9" t="s">
        <v>29</v>
      </c>
      <c r="D18" s="9" t="s">
        <v>6</v>
      </c>
      <c r="E18" s="9" t="s">
        <v>31</v>
      </c>
      <c r="F18" s="9" t="s">
        <v>7</v>
      </c>
      <c r="G18" s="6">
        <v>821327</v>
      </c>
      <c r="H18" s="6">
        <v>681829</v>
      </c>
      <c r="I18" s="6">
        <v>563475</v>
      </c>
      <c r="J18" s="6">
        <v>1151</v>
      </c>
      <c r="K18" s="6">
        <v>118354</v>
      </c>
      <c r="L18" s="6">
        <v>7081</v>
      </c>
      <c r="M18" s="6">
        <v>132417</v>
      </c>
      <c r="N18" s="10" t="s">
        <v>55</v>
      </c>
      <c r="O18" s="6">
        <v>103938</v>
      </c>
      <c r="P18" s="10" t="s">
        <v>55</v>
      </c>
      <c r="Q18" s="10" t="s">
        <v>55</v>
      </c>
    </row>
    <row r="19" spans="1:17">
      <c r="A19" s="9" t="s">
        <v>27</v>
      </c>
      <c r="B19" s="9" t="s">
        <v>28</v>
      </c>
      <c r="C19" s="9" t="s">
        <v>29</v>
      </c>
      <c r="D19" s="9" t="s">
        <v>6</v>
      </c>
      <c r="E19" s="9" t="s">
        <v>31</v>
      </c>
      <c r="F19" s="9" t="s">
        <v>8</v>
      </c>
      <c r="G19" s="6">
        <v>765377</v>
      </c>
      <c r="H19" s="6">
        <v>638518</v>
      </c>
      <c r="I19" s="6">
        <v>530165</v>
      </c>
      <c r="J19" s="6">
        <v>1077</v>
      </c>
      <c r="K19" s="6">
        <v>108353</v>
      </c>
      <c r="L19" s="6">
        <v>6387</v>
      </c>
      <c r="M19" s="6">
        <v>120472</v>
      </c>
      <c r="N19" s="10" t="s">
        <v>55</v>
      </c>
      <c r="O19" s="6">
        <v>95540</v>
      </c>
      <c r="P19" s="10" t="s">
        <v>55</v>
      </c>
      <c r="Q19" s="10" t="s">
        <v>55</v>
      </c>
    </row>
    <row r="20" spans="1:17">
      <c r="A20" s="9" t="s">
        <v>27</v>
      </c>
      <c r="B20" s="9" t="s">
        <v>28</v>
      </c>
      <c r="C20" s="9" t="s">
        <v>29</v>
      </c>
      <c r="D20" s="9" t="s">
        <v>6</v>
      </c>
      <c r="E20" s="9" t="s">
        <v>31</v>
      </c>
      <c r="F20" s="9" t="s">
        <v>13</v>
      </c>
      <c r="G20" s="6">
        <v>55950</v>
      </c>
      <c r="H20" s="6">
        <v>43311</v>
      </c>
      <c r="I20" s="6">
        <v>33310</v>
      </c>
      <c r="J20" s="6">
        <v>74</v>
      </c>
      <c r="K20" s="6">
        <v>10001</v>
      </c>
      <c r="L20" s="6">
        <v>694</v>
      </c>
      <c r="M20" s="6">
        <v>11945</v>
      </c>
      <c r="N20" s="10" t="s">
        <v>55</v>
      </c>
      <c r="O20" s="6">
        <v>8398</v>
      </c>
      <c r="P20" s="10" t="s">
        <v>55</v>
      </c>
      <c r="Q20" s="10" t="s">
        <v>55</v>
      </c>
    </row>
    <row r="21" spans="1:17">
      <c r="A21" s="9" t="s">
        <v>27</v>
      </c>
      <c r="B21" s="9" t="s">
        <v>28</v>
      </c>
      <c r="C21" s="9" t="s">
        <v>29</v>
      </c>
      <c r="D21" s="9" t="s">
        <v>6</v>
      </c>
      <c r="E21" s="9" t="s">
        <v>31</v>
      </c>
      <c r="F21" s="9" t="s">
        <v>14</v>
      </c>
      <c r="G21" s="6">
        <v>4055737</v>
      </c>
      <c r="H21" s="6">
        <v>3917512</v>
      </c>
      <c r="I21" s="6">
        <v>3268172</v>
      </c>
      <c r="J21" s="6">
        <v>611</v>
      </c>
      <c r="K21" s="6">
        <v>649340</v>
      </c>
      <c r="L21" s="6">
        <v>15220</v>
      </c>
      <c r="M21" s="6">
        <v>123005</v>
      </c>
      <c r="N21" s="10" t="s">
        <v>55</v>
      </c>
      <c r="O21" s="6">
        <v>613191</v>
      </c>
      <c r="P21" s="10" t="s">
        <v>55</v>
      </c>
      <c r="Q21" s="10" t="s">
        <v>55</v>
      </c>
    </row>
    <row r="22" spans="1:17">
      <c r="A22" s="9" t="s">
        <v>27</v>
      </c>
      <c r="B22" s="9" t="s">
        <v>28</v>
      </c>
      <c r="C22" s="9" t="s">
        <v>29</v>
      </c>
      <c r="D22" s="9" t="s">
        <v>6</v>
      </c>
      <c r="E22" s="9" t="s">
        <v>31</v>
      </c>
      <c r="F22" s="9" t="s">
        <v>18</v>
      </c>
      <c r="G22" s="6">
        <v>591030</v>
      </c>
      <c r="H22" s="6">
        <v>549274</v>
      </c>
      <c r="I22" s="6">
        <v>503465</v>
      </c>
      <c r="J22" s="6">
        <v>1021</v>
      </c>
      <c r="K22" s="6">
        <v>45809</v>
      </c>
      <c r="L22" s="6">
        <v>9555</v>
      </c>
      <c r="M22" s="6">
        <v>32201</v>
      </c>
      <c r="N22" s="10" t="s">
        <v>55</v>
      </c>
      <c r="O22" s="6">
        <v>38472</v>
      </c>
      <c r="P22" s="10" t="s">
        <v>55</v>
      </c>
      <c r="Q22" s="10" t="s">
        <v>55</v>
      </c>
    </row>
    <row r="23" spans="1:17">
      <c r="A23" s="9" t="s">
        <v>27</v>
      </c>
      <c r="B23" s="9" t="s">
        <v>28</v>
      </c>
      <c r="C23" s="9" t="s">
        <v>29</v>
      </c>
      <c r="D23" s="9" t="s">
        <v>6</v>
      </c>
      <c r="E23" s="9" t="s">
        <v>32</v>
      </c>
      <c r="F23" s="9" t="s">
        <v>6</v>
      </c>
      <c r="G23" s="6">
        <v>5832757</v>
      </c>
      <c r="H23" s="6">
        <v>4009297</v>
      </c>
      <c r="I23" s="6">
        <v>3264904</v>
      </c>
      <c r="J23" s="6">
        <v>114421</v>
      </c>
      <c r="K23" s="6">
        <v>744393</v>
      </c>
      <c r="L23" s="6">
        <v>132908</v>
      </c>
      <c r="M23" s="6">
        <v>1690552</v>
      </c>
      <c r="N23" s="10" t="s">
        <v>55</v>
      </c>
      <c r="O23" s="6">
        <v>622892</v>
      </c>
      <c r="P23" s="10" t="s">
        <v>55</v>
      </c>
      <c r="Q23" s="10" t="s">
        <v>55</v>
      </c>
    </row>
    <row r="24" spans="1:17">
      <c r="A24" s="9" t="s">
        <v>27</v>
      </c>
      <c r="B24" s="9" t="s">
        <v>28</v>
      </c>
      <c r="C24" s="9" t="s">
        <v>29</v>
      </c>
      <c r="D24" s="9" t="s">
        <v>6</v>
      </c>
      <c r="E24" s="9" t="s">
        <v>32</v>
      </c>
      <c r="F24" s="9" t="s">
        <v>7</v>
      </c>
      <c r="G24" s="6">
        <v>3658453</v>
      </c>
      <c r="H24" s="6">
        <v>2510759</v>
      </c>
      <c r="I24" s="6">
        <v>1997783</v>
      </c>
      <c r="J24" s="6">
        <v>78809</v>
      </c>
      <c r="K24" s="6">
        <v>512976</v>
      </c>
      <c r="L24" s="6">
        <v>90965</v>
      </c>
      <c r="M24" s="6">
        <v>1056729</v>
      </c>
      <c r="N24" s="10" t="s">
        <v>55</v>
      </c>
      <c r="O24" s="6">
        <v>435917</v>
      </c>
      <c r="P24" s="10" t="s">
        <v>55</v>
      </c>
      <c r="Q24" s="10" t="s">
        <v>55</v>
      </c>
    </row>
    <row r="25" spans="1:17">
      <c r="A25" s="9" t="s">
        <v>27</v>
      </c>
      <c r="B25" s="9" t="s">
        <v>28</v>
      </c>
      <c r="C25" s="9" t="s">
        <v>29</v>
      </c>
      <c r="D25" s="9" t="s">
        <v>6</v>
      </c>
      <c r="E25" s="9" t="s">
        <v>32</v>
      </c>
      <c r="F25" s="9" t="s">
        <v>8</v>
      </c>
      <c r="G25" s="6">
        <v>3439312</v>
      </c>
      <c r="H25" s="6">
        <v>2327746</v>
      </c>
      <c r="I25" s="6">
        <v>1855919</v>
      </c>
      <c r="J25" s="6">
        <v>76274</v>
      </c>
      <c r="K25" s="6">
        <v>471827</v>
      </c>
      <c r="L25" s="6">
        <v>85640</v>
      </c>
      <c r="M25" s="6">
        <v>1025926</v>
      </c>
      <c r="N25" s="10" t="s">
        <v>55</v>
      </c>
      <c r="O25" s="6">
        <v>401335</v>
      </c>
      <c r="P25" s="10" t="s">
        <v>55</v>
      </c>
      <c r="Q25" s="10" t="s">
        <v>55</v>
      </c>
    </row>
    <row r="26" spans="1:17">
      <c r="A26" s="9" t="s">
        <v>27</v>
      </c>
      <c r="B26" s="9" t="s">
        <v>28</v>
      </c>
      <c r="C26" s="9" t="s">
        <v>29</v>
      </c>
      <c r="D26" s="9" t="s">
        <v>6</v>
      </c>
      <c r="E26" s="9" t="s">
        <v>32</v>
      </c>
      <c r="F26" s="9" t="s">
        <v>13</v>
      </c>
      <c r="G26" s="6">
        <v>219141</v>
      </c>
      <c r="H26" s="6">
        <v>183013</v>
      </c>
      <c r="I26" s="6">
        <v>141864</v>
      </c>
      <c r="J26" s="6">
        <v>2535</v>
      </c>
      <c r="K26" s="6">
        <v>41149</v>
      </c>
      <c r="L26" s="6">
        <v>5325</v>
      </c>
      <c r="M26" s="6">
        <v>30803</v>
      </c>
      <c r="N26" s="10" t="s">
        <v>55</v>
      </c>
      <c r="O26" s="6">
        <v>34582</v>
      </c>
      <c r="P26" s="10" t="s">
        <v>55</v>
      </c>
      <c r="Q26" s="10" t="s">
        <v>55</v>
      </c>
    </row>
    <row r="27" spans="1:17">
      <c r="A27" s="9" t="s">
        <v>27</v>
      </c>
      <c r="B27" s="9" t="s">
        <v>28</v>
      </c>
      <c r="C27" s="9" t="s">
        <v>29</v>
      </c>
      <c r="D27" s="9" t="s">
        <v>6</v>
      </c>
      <c r="E27" s="9" t="s">
        <v>32</v>
      </c>
      <c r="F27" s="9" t="s">
        <v>14</v>
      </c>
      <c r="G27" s="6">
        <v>1249112</v>
      </c>
      <c r="H27" s="6">
        <v>1004731</v>
      </c>
      <c r="I27" s="6">
        <v>833307</v>
      </c>
      <c r="J27" s="6">
        <v>10397</v>
      </c>
      <c r="K27" s="6">
        <v>171424</v>
      </c>
      <c r="L27" s="6">
        <v>9562</v>
      </c>
      <c r="M27" s="6">
        <v>234819</v>
      </c>
      <c r="N27" s="10" t="s">
        <v>55</v>
      </c>
      <c r="O27" s="6">
        <v>148220</v>
      </c>
      <c r="P27" s="10" t="s">
        <v>55</v>
      </c>
      <c r="Q27" s="10" t="s">
        <v>55</v>
      </c>
    </row>
    <row r="28" spans="1:17">
      <c r="A28" s="9" t="s">
        <v>27</v>
      </c>
      <c r="B28" s="9" t="s">
        <v>28</v>
      </c>
      <c r="C28" s="9" t="s">
        <v>29</v>
      </c>
      <c r="D28" s="9" t="s">
        <v>6</v>
      </c>
      <c r="E28" s="9" t="s">
        <v>32</v>
      </c>
      <c r="F28" s="9" t="s">
        <v>18</v>
      </c>
      <c r="G28" s="6">
        <v>925192</v>
      </c>
      <c r="H28" s="6">
        <v>493807</v>
      </c>
      <c r="I28" s="6">
        <v>433814</v>
      </c>
      <c r="J28" s="6">
        <v>25215</v>
      </c>
      <c r="K28" s="6">
        <v>59993</v>
      </c>
      <c r="L28" s="6">
        <v>32381</v>
      </c>
      <c r="M28" s="6">
        <v>399004</v>
      </c>
      <c r="N28" s="10" t="s">
        <v>55</v>
      </c>
      <c r="O28" s="6">
        <v>38755</v>
      </c>
      <c r="P28" s="10" t="s">
        <v>55</v>
      </c>
      <c r="Q28" s="10" t="s">
        <v>55</v>
      </c>
    </row>
    <row r="29" spans="1:17">
      <c r="A29" s="9" t="s">
        <v>27</v>
      </c>
      <c r="B29" s="9" t="s">
        <v>28</v>
      </c>
      <c r="C29" s="9" t="s">
        <v>29</v>
      </c>
      <c r="D29" s="9" t="s">
        <v>6</v>
      </c>
      <c r="E29" s="9" t="s">
        <v>33</v>
      </c>
      <c r="F29" s="9" t="s">
        <v>6</v>
      </c>
      <c r="G29" s="6">
        <v>5989236</v>
      </c>
      <c r="H29" s="6">
        <v>4001983</v>
      </c>
      <c r="I29" s="6">
        <v>3368955</v>
      </c>
      <c r="J29" s="6">
        <v>709559</v>
      </c>
      <c r="K29" s="6">
        <v>633028</v>
      </c>
      <c r="L29" s="6">
        <v>200349</v>
      </c>
      <c r="M29" s="6">
        <v>1786904</v>
      </c>
      <c r="N29" s="10" t="s">
        <v>55</v>
      </c>
      <c r="O29" s="6">
        <v>515465</v>
      </c>
      <c r="P29" s="10" t="s">
        <v>55</v>
      </c>
      <c r="Q29" s="10" t="s">
        <v>55</v>
      </c>
    </row>
    <row r="30" spans="1:17">
      <c r="A30" s="9" t="s">
        <v>27</v>
      </c>
      <c r="B30" s="9" t="s">
        <v>28</v>
      </c>
      <c r="C30" s="9" t="s">
        <v>29</v>
      </c>
      <c r="D30" s="9" t="s">
        <v>6</v>
      </c>
      <c r="E30" s="9" t="s">
        <v>33</v>
      </c>
      <c r="F30" s="9" t="s">
        <v>7</v>
      </c>
      <c r="G30" s="6">
        <v>4492253</v>
      </c>
      <c r="H30" s="6">
        <v>3130902</v>
      </c>
      <c r="I30" s="6">
        <v>2598049</v>
      </c>
      <c r="J30" s="6">
        <v>551611</v>
      </c>
      <c r="K30" s="6">
        <v>532853</v>
      </c>
      <c r="L30" s="6">
        <v>150134</v>
      </c>
      <c r="M30" s="6">
        <v>1211217</v>
      </c>
      <c r="N30" s="10" t="s">
        <v>55</v>
      </c>
      <c r="O30" s="6">
        <v>444399</v>
      </c>
      <c r="P30" s="10" t="s">
        <v>55</v>
      </c>
      <c r="Q30" s="10" t="s">
        <v>55</v>
      </c>
    </row>
    <row r="31" spans="1:17">
      <c r="A31" s="9" t="s">
        <v>27</v>
      </c>
      <c r="B31" s="9" t="s">
        <v>28</v>
      </c>
      <c r="C31" s="9" t="s">
        <v>29</v>
      </c>
      <c r="D31" s="9" t="s">
        <v>6</v>
      </c>
      <c r="E31" s="9" t="s">
        <v>33</v>
      </c>
      <c r="F31" s="9" t="s">
        <v>8</v>
      </c>
      <c r="G31" s="6">
        <v>4262837</v>
      </c>
      <c r="H31" s="6">
        <v>2940138</v>
      </c>
      <c r="I31" s="6">
        <v>2446033</v>
      </c>
      <c r="J31" s="6">
        <v>540534</v>
      </c>
      <c r="K31" s="6">
        <v>494105</v>
      </c>
      <c r="L31" s="6">
        <v>142961</v>
      </c>
      <c r="M31" s="6">
        <v>1179738</v>
      </c>
      <c r="N31" s="10" t="s">
        <v>55</v>
      </c>
      <c r="O31" s="6">
        <v>412482</v>
      </c>
      <c r="P31" s="10" t="s">
        <v>55</v>
      </c>
      <c r="Q31" s="10" t="s">
        <v>55</v>
      </c>
    </row>
    <row r="32" spans="1:17">
      <c r="A32" s="9" t="s">
        <v>27</v>
      </c>
      <c r="B32" s="9" t="s">
        <v>28</v>
      </c>
      <c r="C32" s="9" t="s">
        <v>29</v>
      </c>
      <c r="D32" s="9" t="s">
        <v>6</v>
      </c>
      <c r="E32" s="9" t="s">
        <v>33</v>
      </c>
      <c r="F32" s="9" t="s">
        <v>13</v>
      </c>
      <c r="G32" s="6">
        <v>229416</v>
      </c>
      <c r="H32" s="6">
        <v>190764</v>
      </c>
      <c r="I32" s="6">
        <v>152016</v>
      </c>
      <c r="J32" s="6">
        <v>11077</v>
      </c>
      <c r="K32" s="6">
        <v>38748</v>
      </c>
      <c r="L32" s="6">
        <v>7173</v>
      </c>
      <c r="M32" s="6">
        <v>31479</v>
      </c>
      <c r="N32" s="10" t="s">
        <v>55</v>
      </c>
      <c r="O32" s="6">
        <v>31917</v>
      </c>
      <c r="P32" s="10" t="s">
        <v>55</v>
      </c>
      <c r="Q32" s="10" t="s">
        <v>55</v>
      </c>
    </row>
    <row r="33" spans="1:17">
      <c r="A33" s="9" t="s">
        <v>27</v>
      </c>
      <c r="B33" s="9" t="s">
        <v>28</v>
      </c>
      <c r="C33" s="9" t="s">
        <v>29</v>
      </c>
      <c r="D33" s="9" t="s">
        <v>6</v>
      </c>
      <c r="E33" s="9" t="s">
        <v>33</v>
      </c>
      <c r="F33" s="9" t="s">
        <v>14</v>
      </c>
      <c r="G33" s="6">
        <v>429490</v>
      </c>
      <c r="H33" s="6">
        <v>382851</v>
      </c>
      <c r="I33" s="6">
        <v>332326</v>
      </c>
      <c r="J33" s="6">
        <v>43428</v>
      </c>
      <c r="K33" s="6">
        <v>50525</v>
      </c>
      <c r="L33" s="6">
        <v>7013</v>
      </c>
      <c r="M33" s="6">
        <v>39626</v>
      </c>
      <c r="N33" s="10" t="s">
        <v>55</v>
      </c>
      <c r="O33" s="6">
        <v>42658</v>
      </c>
      <c r="P33" s="10" t="s">
        <v>55</v>
      </c>
      <c r="Q33" s="10" t="s">
        <v>55</v>
      </c>
    </row>
    <row r="34" spans="1:17">
      <c r="A34" s="9" t="s">
        <v>27</v>
      </c>
      <c r="B34" s="9" t="s">
        <v>28</v>
      </c>
      <c r="C34" s="9" t="s">
        <v>29</v>
      </c>
      <c r="D34" s="9" t="s">
        <v>6</v>
      </c>
      <c r="E34" s="9" t="s">
        <v>33</v>
      </c>
      <c r="F34" s="9" t="s">
        <v>18</v>
      </c>
      <c r="G34" s="6">
        <v>1067493</v>
      </c>
      <c r="H34" s="6">
        <v>488230</v>
      </c>
      <c r="I34" s="6">
        <v>438580</v>
      </c>
      <c r="J34" s="6">
        <v>114520</v>
      </c>
      <c r="K34" s="6">
        <v>49650</v>
      </c>
      <c r="L34" s="6">
        <v>43202</v>
      </c>
      <c r="M34" s="6">
        <v>536061</v>
      </c>
      <c r="N34" s="10" t="s">
        <v>55</v>
      </c>
      <c r="O34" s="6">
        <v>28408</v>
      </c>
      <c r="P34" s="10" t="s">
        <v>55</v>
      </c>
      <c r="Q34" s="10" t="s">
        <v>55</v>
      </c>
    </row>
    <row r="35" spans="1:17">
      <c r="A35" s="9" t="s">
        <v>27</v>
      </c>
      <c r="B35" s="9" t="s">
        <v>28</v>
      </c>
      <c r="C35" s="9" t="s">
        <v>29</v>
      </c>
      <c r="D35" s="9" t="s">
        <v>6</v>
      </c>
      <c r="E35" s="9" t="s">
        <v>34</v>
      </c>
      <c r="F35" s="9" t="s">
        <v>6</v>
      </c>
      <c r="G35" s="6">
        <v>6449507</v>
      </c>
      <c r="H35" s="6">
        <v>5076396</v>
      </c>
      <c r="I35" s="6">
        <v>4475952</v>
      </c>
      <c r="J35" s="6">
        <v>822302</v>
      </c>
      <c r="K35" s="6">
        <v>600444</v>
      </c>
      <c r="L35" s="6">
        <v>115277</v>
      </c>
      <c r="M35" s="6">
        <v>1257834</v>
      </c>
      <c r="N35" s="10" t="s">
        <v>55</v>
      </c>
      <c r="O35" s="6">
        <v>493512</v>
      </c>
      <c r="P35" s="10" t="s">
        <v>55</v>
      </c>
      <c r="Q35" s="10" t="s">
        <v>55</v>
      </c>
    </row>
    <row r="36" spans="1:17">
      <c r="A36" s="9" t="s">
        <v>27</v>
      </c>
      <c r="B36" s="9" t="s">
        <v>28</v>
      </c>
      <c r="C36" s="9" t="s">
        <v>29</v>
      </c>
      <c r="D36" s="9" t="s">
        <v>6</v>
      </c>
      <c r="E36" s="9" t="s">
        <v>34</v>
      </c>
      <c r="F36" s="9" t="s">
        <v>7</v>
      </c>
      <c r="G36" s="6">
        <v>4767446</v>
      </c>
      <c r="H36" s="6">
        <v>3856191</v>
      </c>
      <c r="I36" s="6">
        <v>3355745</v>
      </c>
      <c r="J36" s="6">
        <v>627086</v>
      </c>
      <c r="K36" s="6">
        <v>500446</v>
      </c>
      <c r="L36" s="6">
        <v>81720</v>
      </c>
      <c r="M36" s="6">
        <v>829535</v>
      </c>
      <c r="N36" s="10" t="s">
        <v>55</v>
      </c>
      <c r="O36" s="6">
        <v>418448</v>
      </c>
      <c r="P36" s="10" t="s">
        <v>55</v>
      </c>
      <c r="Q36" s="10" t="s">
        <v>55</v>
      </c>
    </row>
    <row r="37" spans="1:17">
      <c r="A37" s="9" t="s">
        <v>27</v>
      </c>
      <c r="B37" s="9" t="s">
        <v>28</v>
      </c>
      <c r="C37" s="9" t="s">
        <v>29</v>
      </c>
      <c r="D37" s="9" t="s">
        <v>6</v>
      </c>
      <c r="E37" s="9" t="s">
        <v>34</v>
      </c>
      <c r="F37" s="9" t="s">
        <v>8</v>
      </c>
      <c r="G37" s="6">
        <v>4560665</v>
      </c>
      <c r="H37" s="6">
        <v>3682709</v>
      </c>
      <c r="I37" s="6">
        <v>3211964</v>
      </c>
      <c r="J37" s="6">
        <v>614702</v>
      </c>
      <c r="K37" s="6">
        <v>470745</v>
      </c>
      <c r="L37" s="6">
        <v>77041</v>
      </c>
      <c r="M37" s="6">
        <v>800915</v>
      </c>
      <c r="N37" s="10" t="s">
        <v>55</v>
      </c>
      <c r="O37" s="6">
        <v>394713</v>
      </c>
      <c r="P37" s="10" t="s">
        <v>55</v>
      </c>
      <c r="Q37" s="10" t="s">
        <v>55</v>
      </c>
    </row>
    <row r="38" spans="1:17">
      <c r="A38" s="9" t="s">
        <v>27</v>
      </c>
      <c r="B38" s="9" t="s">
        <v>28</v>
      </c>
      <c r="C38" s="9" t="s">
        <v>29</v>
      </c>
      <c r="D38" s="9" t="s">
        <v>6</v>
      </c>
      <c r="E38" s="9" t="s">
        <v>34</v>
      </c>
      <c r="F38" s="9" t="s">
        <v>13</v>
      </c>
      <c r="G38" s="6">
        <v>206781</v>
      </c>
      <c r="H38" s="6">
        <v>173482</v>
      </c>
      <c r="I38" s="6">
        <v>143781</v>
      </c>
      <c r="J38" s="6">
        <v>12384</v>
      </c>
      <c r="K38" s="6">
        <v>29701</v>
      </c>
      <c r="L38" s="6">
        <v>4679</v>
      </c>
      <c r="M38" s="6">
        <v>28620</v>
      </c>
      <c r="N38" s="10" t="s">
        <v>55</v>
      </c>
      <c r="O38" s="6">
        <v>23735</v>
      </c>
      <c r="P38" s="10" t="s">
        <v>55</v>
      </c>
      <c r="Q38" s="10" t="s">
        <v>55</v>
      </c>
    </row>
    <row r="39" spans="1:17">
      <c r="A39" s="9" t="s">
        <v>27</v>
      </c>
      <c r="B39" s="9" t="s">
        <v>28</v>
      </c>
      <c r="C39" s="9" t="s">
        <v>29</v>
      </c>
      <c r="D39" s="9" t="s">
        <v>6</v>
      </c>
      <c r="E39" s="9" t="s">
        <v>34</v>
      </c>
      <c r="F39" s="9" t="s">
        <v>14</v>
      </c>
      <c r="G39" s="6">
        <v>635850</v>
      </c>
      <c r="H39" s="6">
        <v>611901</v>
      </c>
      <c r="I39" s="6">
        <v>553036</v>
      </c>
      <c r="J39" s="6">
        <v>58293</v>
      </c>
      <c r="K39" s="6">
        <v>58865</v>
      </c>
      <c r="L39" s="6">
        <v>4912</v>
      </c>
      <c r="M39" s="6">
        <v>19037</v>
      </c>
      <c r="N39" s="10" t="s">
        <v>55</v>
      </c>
      <c r="O39" s="6">
        <v>50752</v>
      </c>
      <c r="P39" s="10" t="s">
        <v>55</v>
      </c>
      <c r="Q39" s="10" t="s">
        <v>55</v>
      </c>
    </row>
    <row r="40" spans="1:17">
      <c r="A40" s="9" t="s">
        <v>27</v>
      </c>
      <c r="B40" s="9" t="s">
        <v>28</v>
      </c>
      <c r="C40" s="9" t="s">
        <v>29</v>
      </c>
      <c r="D40" s="9" t="s">
        <v>6</v>
      </c>
      <c r="E40" s="9" t="s">
        <v>34</v>
      </c>
      <c r="F40" s="9" t="s">
        <v>18</v>
      </c>
      <c r="G40" s="6">
        <v>1046211</v>
      </c>
      <c r="H40" s="6">
        <v>608304</v>
      </c>
      <c r="I40" s="6">
        <v>567171</v>
      </c>
      <c r="J40" s="6">
        <v>136923</v>
      </c>
      <c r="K40" s="6">
        <v>41133</v>
      </c>
      <c r="L40" s="6">
        <v>28645</v>
      </c>
      <c r="M40" s="6">
        <v>409262</v>
      </c>
      <c r="N40" s="10" t="s">
        <v>55</v>
      </c>
      <c r="O40" s="6">
        <v>24312</v>
      </c>
      <c r="P40" s="10" t="s">
        <v>55</v>
      </c>
      <c r="Q40" s="10" t="s">
        <v>55</v>
      </c>
    </row>
    <row r="41" spans="1:17">
      <c r="A41" s="9" t="s">
        <v>27</v>
      </c>
      <c r="B41" s="9" t="s">
        <v>28</v>
      </c>
      <c r="C41" s="9" t="s">
        <v>29</v>
      </c>
      <c r="D41" s="9" t="s">
        <v>6</v>
      </c>
      <c r="E41" s="9" t="s">
        <v>35</v>
      </c>
      <c r="F41" s="9" t="s">
        <v>6</v>
      </c>
      <c r="G41" s="6">
        <v>7275427</v>
      </c>
      <c r="H41" s="6">
        <v>6155300</v>
      </c>
      <c r="I41" s="6">
        <v>5484238</v>
      </c>
      <c r="J41" s="6">
        <v>680378</v>
      </c>
      <c r="K41" s="6">
        <v>671062</v>
      </c>
      <c r="L41" s="6">
        <v>83938</v>
      </c>
      <c r="M41" s="6">
        <v>1036189</v>
      </c>
      <c r="N41" s="10" t="s">
        <v>55</v>
      </c>
      <c r="O41" s="6">
        <v>561952</v>
      </c>
      <c r="P41" s="10" t="s">
        <v>55</v>
      </c>
      <c r="Q41" s="10" t="s">
        <v>55</v>
      </c>
    </row>
    <row r="42" spans="1:17">
      <c r="A42" s="9" t="s">
        <v>27</v>
      </c>
      <c r="B42" s="9" t="s">
        <v>28</v>
      </c>
      <c r="C42" s="9" t="s">
        <v>29</v>
      </c>
      <c r="D42" s="9" t="s">
        <v>6</v>
      </c>
      <c r="E42" s="9" t="s">
        <v>35</v>
      </c>
      <c r="F42" s="9" t="s">
        <v>7</v>
      </c>
      <c r="G42" s="6">
        <v>5420980</v>
      </c>
      <c r="H42" s="6">
        <v>4694119</v>
      </c>
      <c r="I42" s="6">
        <v>4128068</v>
      </c>
      <c r="J42" s="6">
        <v>503528</v>
      </c>
      <c r="K42" s="6">
        <v>566051</v>
      </c>
      <c r="L42" s="6">
        <v>56769</v>
      </c>
      <c r="M42" s="6">
        <v>670092</v>
      </c>
      <c r="N42" s="10" t="s">
        <v>55</v>
      </c>
      <c r="O42" s="6">
        <v>481442</v>
      </c>
      <c r="P42" s="10" t="s">
        <v>55</v>
      </c>
      <c r="Q42" s="10" t="s">
        <v>55</v>
      </c>
    </row>
    <row r="43" spans="1:17">
      <c r="A43" s="9" t="s">
        <v>27</v>
      </c>
      <c r="B43" s="9" t="s">
        <v>28</v>
      </c>
      <c r="C43" s="9" t="s">
        <v>29</v>
      </c>
      <c r="D43" s="9" t="s">
        <v>6</v>
      </c>
      <c r="E43" s="9" t="s">
        <v>35</v>
      </c>
      <c r="F43" s="9" t="s">
        <v>8</v>
      </c>
      <c r="G43" s="6">
        <v>5216270</v>
      </c>
      <c r="H43" s="6">
        <v>4522179</v>
      </c>
      <c r="I43" s="6">
        <v>3980077</v>
      </c>
      <c r="J43" s="6">
        <v>492382</v>
      </c>
      <c r="K43" s="6">
        <v>542102</v>
      </c>
      <c r="L43" s="6">
        <v>53151</v>
      </c>
      <c r="M43" s="6">
        <v>640940</v>
      </c>
      <c r="N43" s="10" t="s">
        <v>55</v>
      </c>
      <c r="O43" s="6">
        <v>462958</v>
      </c>
      <c r="P43" s="10" t="s">
        <v>55</v>
      </c>
      <c r="Q43" s="10" t="s">
        <v>55</v>
      </c>
    </row>
    <row r="44" spans="1:17">
      <c r="A44" s="9" t="s">
        <v>27</v>
      </c>
      <c r="B44" s="9" t="s">
        <v>28</v>
      </c>
      <c r="C44" s="9" t="s">
        <v>29</v>
      </c>
      <c r="D44" s="9" t="s">
        <v>6</v>
      </c>
      <c r="E44" s="9" t="s">
        <v>35</v>
      </c>
      <c r="F44" s="9" t="s">
        <v>13</v>
      </c>
      <c r="G44" s="6">
        <v>204710</v>
      </c>
      <c r="H44" s="6">
        <v>171940</v>
      </c>
      <c r="I44" s="6">
        <v>147991</v>
      </c>
      <c r="J44" s="6">
        <v>11146</v>
      </c>
      <c r="K44" s="6">
        <v>23949</v>
      </c>
      <c r="L44" s="6">
        <v>3618</v>
      </c>
      <c r="M44" s="6">
        <v>29152</v>
      </c>
      <c r="N44" s="10" t="s">
        <v>55</v>
      </c>
      <c r="O44" s="6">
        <v>18484</v>
      </c>
      <c r="P44" s="10" t="s">
        <v>55</v>
      </c>
      <c r="Q44" s="10" t="s">
        <v>55</v>
      </c>
    </row>
    <row r="45" spans="1:17">
      <c r="A45" s="9" t="s">
        <v>27</v>
      </c>
      <c r="B45" s="9" t="s">
        <v>28</v>
      </c>
      <c r="C45" s="9" t="s">
        <v>29</v>
      </c>
      <c r="D45" s="9" t="s">
        <v>6</v>
      </c>
      <c r="E45" s="9" t="s">
        <v>35</v>
      </c>
      <c r="F45" s="9" t="s">
        <v>14</v>
      </c>
      <c r="G45" s="6">
        <v>755049</v>
      </c>
      <c r="H45" s="6">
        <v>730680</v>
      </c>
      <c r="I45" s="6">
        <v>665866</v>
      </c>
      <c r="J45" s="6">
        <v>59368</v>
      </c>
      <c r="K45" s="6">
        <v>64814</v>
      </c>
      <c r="L45" s="6">
        <v>4511</v>
      </c>
      <c r="M45" s="6">
        <v>19858</v>
      </c>
      <c r="N45" s="10" t="s">
        <v>55</v>
      </c>
      <c r="O45" s="6">
        <v>54768</v>
      </c>
      <c r="P45" s="10" t="s">
        <v>55</v>
      </c>
      <c r="Q45" s="10" t="s">
        <v>55</v>
      </c>
    </row>
    <row r="46" spans="1:17">
      <c r="A46" s="9" t="s">
        <v>27</v>
      </c>
      <c r="B46" s="9" t="s">
        <v>28</v>
      </c>
      <c r="C46" s="9" t="s">
        <v>29</v>
      </c>
      <c r="D46" s="9" t="s">
        <v>6</v>
      </c>
      <c r="E46" s="9" t="s">
        <v>35</v>
      </c>
      <c r="F46" s="9" t="s">
        <v>18</v>
      </c>
      <c r="G46" s="6">
        <v>1099398</v>
      </c>
      <c r="H46" s="6">
        <v>730501</v>
      </c>
      <c r="I46" s="6">
        <v>690304</v>
      </c>
      <c r="J46" s="6">
        <v>117482</v>
      </c>
      <c r="K46" s="6">
        <v>40197</v>
      </c>
      <c r="L46" s="6">
        <v>22658</v>
      </c>
      <c r="M46" s="6">
        <v>346239</v>
      </c>
      <c r="N46" s="10" t="s">
        <v>55</v>
      </c>
      <c r="O46" s="6">
        <v>25742</v>
      </c>
      <c r="P46" s="10" t="s">
        <v>55</v>
      </c>
      <c r="Q46" s="10" t="s">
        <v>55</v>
      </c>
    </row>
    <row r="47" spans="1:17">
      <c r="A47" s="9" t="s">
        <v>27</v>
      </c>
      <c r="B47" s="9" t="s">
        <v>28</v>
      </c>
      <c r="C47" s="9" t="s">
        <v>29</v>
      </c>
      <c r="D47" s="9" t="s">
        <v>6</v>
      </c>
      <c r="E47" s="9" t="s">
        <v>36</v>
      </c>
      <c r="F47" s="9" t="s">
        <v>6</v>
      </c>
      <c r="G47" s="6">
        <v>8247860</v>
      </c>
      <c r="H47" s="6">
        <v>7137302</v>
      </c>
      <c r="I47" s="6">
        <v>6332294</v>
      </c>
      <c r="J47" s="6">
        <v>727901</v>
      </c>
      <c r="K47" s="6">
        <v>805008</v>
      </c>
      <c r="L47" s="6">
        <v>80707</v>
      </c>
      <c r="M47" s="6">
        <v>1029851</v>
      </c>
      <c r="N47" s="10" t="s">
        <v>55</v>
      </c>
      <c r="O47" s="6">
        <v>669034</v>
      </c>
      <c r="P47" s="10" t="s">
        <v>55</v>
      </c>
      <c r="Q47" s="10" t="s">
        <v>55</v>
      </c>
    </row>
    <row r="48" spans="1:17">
      <c r="A48" s="9" t="s">
        <v>27</v>
      </c>
      <c r="B48" s="9" t="s">
        <v>28</v>
      </c>
      <c r="C48" s="9" t="s">
        <v>29</v>
      </c>
      <c r="D48" s="9" t="s">
        <v>6</v>
      </c>
      <c r="E48" s="9" t="s">
        <v>36</v>
      </c>
      <c r="F48" s="9" t="s">
        <v>7</v>
      </c>
      <c r="G48" s="6">
        <v>6351587</v>
      </c>
      <c r="H48" s="6">
        <v>5613203</v>
      </c>
      <c r="I48" s="6">
        <v>4918660</v>
      </c>
      <c r="J48" s="6">
        <v>537486</v>
      </c>
      <c r="K48" s="6">
        <v>694543</v>
      </c>
      <c r="L48" s="6">
        <v>54121</v>
      </c>
      <c r="M48" s="6">
        <v>684263</v>
      </c>
      <c r="N48" s="10" t="s">
        <v>55</v>
      </c>
      <c r="O48" s="6">
        <v>587277</v>
      </c>
      <c r="P48" s="10" t="s">
        <v>55</v>
      </c>
      <c r="Q48" s="10" t="s">
        <v>55</v>
      </c>
    </row>
    <row r="49" spans="1:17">
      <c r="A49" s="9" t="s">
        <v>27</v>
      </c>
      <c r="B49" s="9" t="s">
        <v>28</v>
      </c>
      <c r="C49" s="9" t="s">
        <v>29</v>
      </c>
      <c r="D49" s="9" t="s">
        <v>6</v>
      </c>
      <c r="E49" s="9" t="s">
        <v>36</v>
      </c>
      <c r="F49" s="9" t="s">
        <v>8</v>
      </c>
      <c r="G49" s="6">
        <v>6134737</v>
      </c>
      <c r="H49" s="6">
        <v>5433150</v>
      </c>
      <c r="I49" s="6">
        <v>4759148</v>
      </c>
      <c r="J49" s="6">
        <v>525029</v>
      </c>
      <c r="K49" s="6">
        <v>674002</v>
      </c>
      <c r="L49" s="6">
        <v>50734</v>
      </c>
      <c r="M49" s="6">
        <v>650853</v>
      </c>
      <c r="N49" s="10" t="s">
        <v>55</v>
      </c>
      <c r="O49" s="6">
        <v>572724</v>
      </c>
      <c r="P49" s="10" t="s">
        <v>55</v>
      </c>
      <c r="Q49" s="10" t="s">
        <v>55</v>
      </c>
    </row>
    <row r="50" spans="1:17">
      <c r="A50" s="9" t="s">
        <v>27</v>
      </c>
      <c r="B50" s="9" t="s">
        <v>28</v>
      </c>
      <c r="C50" s="9" t="s">
        <v>29</v>
      </c>
      <c r="D50" s="9" t="s">
        <v>6</v>
      </c>
      <c r="E50" s="9" t="s">
        <v>36</v>
      </c>
      <c r="F50" s="9" t="s">
        <v>13</v>
      </c>
      <c r="G50" s="6">
        <v>216850</v>
      </c>
      <c r="H50" s="6">
        <v>180053</v>
      </c>
      <c r="I50" s="6">
        <v>159512</v>
      </c>
      <c r="J50" s="6">
        <v>12457</v>
      </c>
      <c r="K50" s="6">
        <v>20541</v>
      </c>
      <c r="L50" s="6">
        <v>3387</v>
      </c>
      <c r="M50" s="6">
        <v>33410</v>
      </c>
      <c r="N50" s="10" t="s">
        <v>55</v>
      </c>
      <c r="O50" s="6">
        <v>14553</v>
      </c>
      <c r="P50" s="10" t="s">
        <v>55</v>
      </c>
      <c r="Q50" s="10" t="s">
        <v>55</v>
      </c>
    </row>
    <row r="51" spans="1:17">
      <c r="A51" s="9" t="s">
        <v>27</v>
      </c>
      <c r="B51" s="9" t="s">
        <v>28</v>
      </c>
      <c r="C51" s="9" t="s">
        <v>29</v>
      </c>
      <c r="D51" s="9" t="s">
        <v>6</v>
      </c>
      <c r="E51" s="9" t="s">
        <v>36</v>
      </c>
      <c r="F51" s="9" t="s">
        <v>14</v>
      </c>
      <c r="G51" s="6">
        <v>773270</v>
      </c>
      <c r="H51" s="6">
        <v>740097</v>
      </c>
      <c r="I51" s="6">
        <v>674540</v>
      </c>
      <c r="J51" s="6">
        <v>79371</v>
      </c>
      <c r="K51" s="6">
        <v>65557</v>
      </c>
      <c r="L51" s="6">
        <v>5007</v>
      </c>
      <c r="M51" s="6">
        <v>28166</v>
      </c>
      <c r="N51" s="10" t="s">
        <v>55</v>
      </c>
      <c r="O51" s="6">
        <v>51819</v>
      </c>
      <c r="P51" s="10" t="s">
        <v>55</v>
      </c>
      <c r="Q51" s="10" t="s">
        <v>55</v>
      </c>
    </row>
    <row r="52" spans="1:17">
      <c r="A52" s="9" t="s">
        <v>27</v>
      </c>
      <c r="B52" s="9" t="s">
        <v>28</v>
      </c>
      <c r="C52" s="9" t="s">
        <v>29</v>
      </c>
      <c r="D52" s="9" t="s">
        <v>6</v>
      </c>
      <c r="E52" s="9" t="s">
        <v>36</v>
      </c>
      <c r="F52" s="9" t="s">
        <v>18</v>
      </c>
      <c r="G52" s="6">
        <v>1123003</v>
      </c>
      <c r="H52" s="6">
        <v>784002</v>
      </c>
      <c r="I52" s="6">
        <v>739094</v>
      </c>
      <c r="J52" s="6">
        <v>111044</v>
      </c>
      <c r="K52" s="6">
        <v>44908</v>
      </c>
      <c r="L52" s="6">
        <v>21579</v>
      </c>
      <c r="M52" s="6">
        <v>317422</v>
      </c>
      <c r="N52" s="10" t="s">
        <v>55</v>
      </c>
      <c r="O52" s="6">
        <v>29938</v>
      </c>
      <c r="P52" s="10" t="s">
        <v>55</v>
      </c>
      <c r="Q52" s="10" t="s">
        <v>55</v>
      </c>
    </row>
    <row r="53" spans="1:17">
      <c r="A53" s="9" t="s">
        <v>27</v>
      </c>
      <c r="B53" s="9" t="s">
        <v>28</v>
      </c>
      <c r="C53" s="9" t="s">
        <v>29</v>
      </c>
      <c r="D53" s="9" t="s">
        <v>6</v>
      </c>
      <c r="E53" s="9" t="s">
        <v>37</v>
      </c>
      <c r="F53" s="9" t="s">
        <v>6</v>
      </c>
      <c r="G53" s="6">
        <v>9591375</v>
      </c>
      <c r="H53" s="6">
        <v>8215227</v>
      </c>
      <c r="I53" s="6">
        <v>7191775</v>
      </c>
      <c r="J53" s="6">
        <v>1050998</v>
      </c>
      <c r="K53" s="6">
        <v>1023452</v>
      </c>
      <c r="L53" s="6">
        <v>97120</v>
      </c>
      <c r="M53" s="6">
        <v>1279028</v>
      </c>
      <c r="N53" s="10" t="s">
        <v>55</v>
      </c>
      <c r="O53" s="6">
        <v>802536</v>
      </c>
      <c r="P53" s="10" t="s">
        <v>55</v>
      </c>
      <c r="Q53" s="10" t="s">
        <v>55</v>
      </c>
    </row>
    <row r="54" spans="1:17">
      <c r="A54" s="9" t="s">
        <v>27</v>
      </c>
      <c r="B54" s="9" t="s">
        <v>28</v>
      </c>
      <c r="C54" s="9" t="s">
        <v>29</v>
      </c>
      <c r="D54" s="9" t="s">
        <v>6</v>
      </c>
      <c r="E54" s="9" t="s">
        <v>37</v>
      </c>
      <c r="F54" s="9" t="s">
        <v>7</v>
      </c>
      <c r="G54" s="6">
        <v>7531805</v>
      </c>
      <c r="H54" s="6">
        <v>6582722</v>
      </c>
      <c r="I54" s="6">
        <v>5695944</v>
      </c>
      <c r="J54" s="6">
        <v>787863</v>
      </c>
      <c r="K54" s="6">
        <v>886778</v>
      </c>
      <c r="L54" s="6">
        <v>66184</v>
      </c>
      <c r="M54" s="6">
        <v>882899</v>
      </c>
      <c r="N54" s="10" t="s">
        <v>55</v>
      </c>
      <c r="O54" s="6">
        <v>708183</v>
      </c>
      <c r="P54" s="10" t="s">
        <v>55</v>
      </c>
      <c r="Q54" s="10" t="s">
        <v>55</v>
      </c>
    </row>
    <row r="55" spans="1:17">
      <c r="A55" s="9" t="s">
        <v>27</v>
      </c>
      <c r="B55" s="9" t="s">
        <v>28</v>
      </c>
      <c r="C55" s="9" t="s">
        <v>29</v>
      </c>
      <c r="D55" s="9" t="s">
        <v>6</v>
      </c>
      <c r="E55" s="9" t="s">
        <v>37</v>
      </c>
      <c r="F55" s="9" t="s">
        <v>8</v>
      </c>
      <c r="G55" s="6">
        <v>7275767</v>
      </c>
      <c r="H55" s="6">
        <v>6379265</v>
      </c>
      <c r="I55" s="6">
        <v>5514701</v>
      </c>
      <c r="J55" s="6">
        <v>769052</v>
      </c>
      <c r="K55" s="6">
        <v>864564</v>
      </c>
      <c r="L55" s="6">
        <v>62018</v>
      </c>
      <c r="M55" s="6">
        <v>834484</v>
      </c>
      <c r="N55" s="10" t="s">
        <v>55</v>
      </c>
      <c r="O55" s="6">
        <v>694435</v>
      </c>
      <c r="P55" s="10" t="s">
        <v>55</v>
      </c>
      <c r="Q55" s="10" t="s">
        <v>55</v>
      </c>
    </row>
    <row r="56" spans="1:17">
      <c r="A56" s="9" t="s">
        <v>27</v>
      </c>
      <c r="B56" s="9" t="s">
        <v>28</v>
      </c>
      <c r="C56" s="9" t="s">
        <v>29</v>
      </c>
      <c r="D56" s="9" t="s">
        <v>6</v>
      </c>
      <c r="E56" s="9" t="s">
        <v>37</v>
      </c>
      <c r="F56" s="9" t="s">
        <v>13</v>
      </c>
      <c r="G56" s="6">
        <v>256038</v>
      </c>
      <c r="H56" s="6">
        <v>203457</v>
      </c>
      <c r="I56" s="6">
        <v>181243</v>
      </c>
      <c r="J56" s="6">
        <v>18811</v>
      </c>
      <c r="K56" s="6">
        <v>22214</v>
      </c>
      <c r="L56" s="6">
        <v>4166</v>
      </c>
      <c r="M56" s="6">
        <v>48415</v>
      </c>
      <c r="N56" s="10" t="s">
        <v>55</v>
      </c>
      <c r="O56" s="6">
        <v>13748</v>
      </c>
      <c r="P56" s="10" t="s">
        <v>55</v>
      </c>
      <c r="Q56" s="10" t="s">
        <v>55</v>
      </c>
    </row>
    <row r="57" spans="1:17">
      <c r="A57" s="9" t="s">
        <v>27</v>
      </c>
      <c r="B57" s="9" t="s">
        <v>28</v>
      </c>
      <c r="C57" s="9" t="s">
        <v>29</v>
      </c>
      <c r="D57" s="9" t="s">
        <v>6</v>
      </c>
      <c r="E57" s="9" t="s">
        <v>37</v>
      </c>
      <c r="F57" s="9" t="s">
        <v>14</v>
      </c>
      <c r="G57" s="6">
        <v>875067</v>
      </c>
      <c r="H57" s="6">
        <v>817486</v>
      </c>
      <c r="I57" s="6">
        <v>737217</v>
      </c>
      <c r="J57" s="6">
        <v>135870</v>
      </c>
      <c r="K57" s="6">
        <v>80269</v>
      </c>
      <c r="L57" s="6">
        <v>6833</v>
      </c>
      <c r="M57" s="6">
        <v>50748</v>
      </c>
      <c r="N57" s="10" t="s">
        <v>55</v>
      </c>
      <c r="O57" s="6">
        <v>57268</v>
      </c>
      <c r="P57" s="10" t="s">
        <v>55</v>
      </c>
      <c r="Q57" s="10" t="s">
        <v>55</v>
      </c>
    </row>
    <row r="58" spans="1:17">
      <c r="A58" s="9" t="s">
        <v>27</v>
      </c>
      <c r="B58" s="9" t="s">
        <v>28</v>
      </c>
      <c r="C58" s="9" t="s">
        <v>29</v>
      </c>
      <c r="D58" s="9" t="s">
        <v>6</v>
      </c>
      <c r="E58" s="9" t="s">
        <v>37</v>
      </c>
      <c r="F58" s="9" t="s">
        <v>18</v>
      </c>
      <c r="G58" s="6">
        <v>1184503</v>
      </c>
      <c r="H58" s="6">
        <v>815019</v>
      </c>
      <c r="I58" s="6">
        <v>758614</v>
      </c>
      <c r="J58" s="6">
        <v>127265</v>
      </c>
      <c r="K58" s="6">
        <v>56405</v>
      </c>
      <c r="L58" s="6">
        <v>24103</v>
      </c>
      <c r="M58" s="6">
        <v>345381</v>
      </c>
      <c r="N58" s="10" t="s">
        <v>55</v>
      </c>
      <c r="O58" s="6">
        <v>37085</v>
      </c>
      <c r="P58" s="10" t="s">
        <v>55</v>
      </c>
      <c r="Q58" s="10" t="s">
        <v>55</v>
      </c>
    </row>
    <row r="59" spans="1:17">
      <c r="A59" s="9" t="s">
        <v>27</v>
      </c>
      <c r="B59" s="9" t="s">
        <v>28</v>
      </c>
      <c r="C59" s="9" t="s">
        <v>29</v>
      </c>
      <c r="D59" s="9" t="s">
        <v>6</v>
      </c>
      <c r="E59" s="9" t="s">
        <v>38</v>
      </c>
      <c r="F59" s="9" t="s">
        <v>6</v>
      </c>
      <c r="G59" s="6">
        <v>8478700</v>
      </c>
      <c r="H59" s="6">
        <v>7104365</v>
      </c>
      <c r="I59" s="6">
        <v>6046582</v>
      </c>
      <c r="J59" s="6">
        <v>1323574</v>
      </c>
      <c r="K59" s="6">
        <v>1057783</v>
      </c>
      <c r="L59" s="6">
        <v>90395</v>
      </c>
      <c r="M59" s="6">
        <v>1283940</v>
      </c>
      <c r="N59" s="10" t="s">
        <v>55</v>
      </c>
      <c r="O59" s="6">
        <v>741260</v>
      </c>
      <c r="P59" s="10" t="s">
        <v>55</v>
      </c>
      <c r="Q59" s="10" t="s">
        <v>55</v>
      </c>
    </row>
    <row r="60" spans="1:17">
      <c r="A60" s="9" t="s">
        <v>27</v>
      </c>
      <c r="B60" s="9" t="s">
        <v>28</v>
      </c>
      <c r="C60" s="9" t="s">
        <v>29</v>
      </c>
      <c r="D60" s="9" t="s">
        <v>6</v>
      </c>
      <c r="E60" s="9" t="s">
        <v>38</v>
      </c>
      <c r="F60" s="9" t="s">
        <v>7</v>
      </c>
      <c r="G60" s="6">
        <v>6655880</v>
      </c>
      <c r="H60" s="6">
        <v>5680140</v>
      </c>
      <c r="I60" s="6">
        <v>4774751</v>
      </c>
      <c r="J60" s="6">
        <v>1012784</v>
      </c>
      <c r="K60" s="6">
        <v>905389</v>
      </c>
      <c r="L60" s="6">
        <v>61470</v>
      </c>
      <c r="M60" s="6">
        <v>914270</v>
      </c>
      <c r="N60" s="10" t="s">
        <v>55</v>
      </c>
      <c r="O60" s="6">
        <v>644974</v>
      </c>
      <c r="P60" s="10" t="s">
        <v>55</v>
      </c>
      <c r="Q60" s="10" t="s">
        <v>55</v>
      </c>
    </row>
    <row r="61" spans="1:17">
      <c r="A61" s="9" t="s">
        <v>27</v>
      </c>
      <c r="B61" s="9" t="s">
        <v>28</v>
      </c>
      <c r="C61" s="9" t="s">
        <v>29</v>
      </c>
      <c r="D61" s="9" t="s">
        <v>6</v>
      </c>
      <c r="E61" s="9" t="s">
        <v>38</v>
      </c>
      <c r="F61" s="9" t="s">
        <v>8</v>
      </c>
      <c r="G61" s="6">
        <v>6424033</v>
      </c>
      <c r="H61" s="6">
        <v>5509459</v>
      </c>
      <c r="I61" s="6">
        <v>4625636</v>
      </c>
      <c r="J61" s="6">
        <v>989629</v>
      </c>
      <c r="K61" s="6">
        <v>883823</v>
      </c>
      <c r="L61" s="6">
        <v>57570</v>
      </c>
      <c r="M61" s="6">
        <v>857004</v>
      </c>
      <c r="N61" s="10" t="s">
        <v>55</v>
      </c>
      <c r="O61" s="6">
        <v>633743</v>
      </c>
      <c r="P61" s="10" t="s">
        <v>55</v>
      </c>
      <c r="Q61" s="10" t="s">
        <v>55</v>
      </c>
    </row>
    <row r="62" spans="1:17">
      <c r="A62" s="9" t="s">
        <v>27</v>
      </c>
      <c r="B62" s="9" t="s">
        <v>28</v>
      </c>
      <c r="C62" s="9" t="s">
        <v>29</v>
      </c>
      <c r="D62" s="9" t="s">
        <v>6</v>
      </c>
      <c r="E62" s="9" t="s">
        <v>38</v>
      </c>
      <c r="F62" s="9" t="s">
        <v>13</v>
      </c>
      <c r="G62" s="6">
        <v>231847</v>
      </c>
      <c r="H62" s="6">
        <v>170681</v>
      </c>
      <c r="I62" s="6">
        <v>149115</v>
      </c>
      <c r="J62" s="6">
        <v>23155</v>
      </c>
      <c r="K62" s="6">
        <v>21566</v>
      </c>
      <c r="L62" s="6">
        <v>3900</v>
      </c>
      <c r="M62" s="6">
        <v>57266</v>
      </c>
      <c r="N62" s="10" t="s">
        <v>55</v>
      </c>
      <c r="O62" s="6">
        <v>11231</v>
      </c>
      <c r="P62" s="10" t="s">
        <v>55</v>
      </c>
      <c r="Q62" s="10" t="s">
        <v>55</v>
      </c>
    </row>
    <row r="63" spans="1:17">
      <c r="A63" s="9" t="s">
        <v>27</v>
      </c>
      <c r="B63" s="9" t="s">
        <v>28</v>
      </c>
      <c r="C63" s="9" t="s">
        <v>29</v>
      </c>
      <c r="D63" s="9" t="s">
        <v>6</v>
      </c>
      <c r="E63" s="9" t="s">
        <v>38</v>
      </c>
      <c r="F63" s="9" t="s">
        <v>14</v>
      </c>
      <c r="G63" s="6">
        <v>879668</v>
      </c>
      <c r="H63" s="6">
        <v>798932</v>
      </c>
      <c r="I63" s="6">
        <v>701900</v>
      </c>
      <c r="J63" s="6">
        <v>191887</v>
      </c>
      <c r="K63" s="6">
        <v>97032</v>
      </c>
      <c r="L63" s="6">
        <v>7073</v>
      </c>
      <c r="M63" s="6">
        <v>73663</v>
      </c>
      <c r="N63" s="10" t="s">
        <v>55</v>
      </c>
      <c r="O63" s="6">
        <v>61371</v>
      </c>
      <c r="P63" s="10" t="s">
        <v>55</v>
      </c>
      <c r="Q63" s="10" t="s">
        <v>55</v>
      </c>
    </row>
    <row r="64" spans="1:17">
      <c r="A64" s="9" t="s">
        <v>27</v>
      </c>
      <c r="B64" s="9" t="s">
        <v>28</v>
      </c>
      <c r="C64" s="9" t="s">
        <v>29</v>
      </c>
      <c r="D64" s="9" t="s">
        <v>6</v>
      </c>
      <c r="E64" s="9" t="s">
        <v>38</v>
      </c>
      <c r="F64" s="9" t="s">
        <v>18</v>
      </c>
      <c r="G64" s="6">
        <v>943152</v>
      </c>
      <c r="H64" s="6">
        <v>625293</v>
      </c>
      <c r="I64" s="6">
        <v>569931</v>
      </c>
      <c r="J64" s="6">
        <v>118903</v>
      </c>
      <c r="K64" s="6">
        <v>55362</v>
      </c>
      <c r="L64" s="6">
        <v>21852</v>
      </c>
      <c r="M64" s="6">
        <v>296007</v>
      </c>
      <c r="N64" s="10" t="s">
        <v>55</v>
      </c>
      <c r="O64" s="6">
        <v>34915</v>
      </c>
      <c r="P64" s="10" t="s">
        <v>55</v>
      </c>
      <c r="Q64" s="10" t="s">
        <v>55</v>
      </c>
    </row>
    <row r="65" spans="1:17">
      <c r="A65" s="9" t="s">
        <v>27</v>
      </c>
      <c r="B65" s="9" t="s">
        <v>28</v>
      </c>
      <c r="C65" s="9" t="s">
        <v>29</v>
      </c>
      <c r="D65" s="9" t="s">
        <v>6</v>
      </c>
      <c r="E65" s="9" t="s">
        <v>39</v>
      </c>
      <c r="F65" s="9" t="s">
        <v>6</v>
      </c>
      <c r="G65" s="6">
        <v>7702546</v>
      </c>
      <c r="H65" s="6">
        <v>6393534</v>
      </c>
      <c r="I65" s="6">
        <v>5226589</v>
      </c>
      <c r="J65" s="6">
        <v>1823417</v>
      </c>
      <c r="K65" s="6">
        <v>1166945</v>
      </c>
      <c r="L65" s="6">
        <v>75247</v>
      </c>
      <c r="M65" s="6">
        <v>1233765</v>
      </c>
      <c r="N65" s="10" t="s">
        <v>55</v>
      </c>
      <c r="O65" s="6">
        <v>706301</v>
      </c>
      <c r="P65" s="10" t="s">
        <v>55</v>
      </c>
      <c r="Q65" s="10" t="s">
        <v>55</v>
      </c>
    </row>
    <row r="66" spans="1:17">
      <c r="A66" s="9" t="s">
        <v>27</v>
      </c>
      <c r="B66" s="9" t="s">
        <v>28</v>
      </c>
      <c r="C66" s="9" t="s">
        <v>29</v>
      </c>
      <c r="D66" s="9" t="s">
        <v>6</v>
      </c>
      <c r="E66" s="9" t="s">
        <v>39</v>
      </c>
      <c r="F66" s="9" t="s">
        <v>7</v>
      </c>
      <c r="G66" s="6">
        <v>6011505</v>
      </c>
      <c r="H66" s="6">
        <v>5059411</v>
      </c>
      <c r="I66" s="6">
        <v>4081246</v>
      </c>
      <c r="J66" s="6">
        <v>1405537</v>
      </c>
      <c r="K66" s="6">
        <v>978165</v>
      </c>
      <c r="L66" s="6">
        <v>51611</v>
      </c>
      <c r="M66" s="6">
        <v>900483</v>
      </c>
      <c r="N66" s="10" t="s">
        <v>55</v>
      </c>
      <c r="O66" s="6">
        <v>600144</v>
      </c>
      <c r="P66" s="10" t="s">
        <v>55</v>
      </c>
      <c r="Q66" s="10" t="s">
        <v>55</v>
      </c>
    </row>
    <row r="67" spans="1:17">
      <c r="A67" s="9" t="s">
        <v>27</v>
      </c>
      <c r="B67" s="9" t="s">
        <v>28</v>
      </c>
      <c r="C67" s="9" t="s">
        <v>29</v>
      </c>
      <c r="D67" s="9" t="s">
        <v>6</v>
      </c>
      <c r="E67" s="9" t="s">
        <v>39</v>
      </c>
      <c r="F67" s="9" t="s">
        <v>8</v>
      </c>
      <c r="G67" s="6">
        <v>5807615</v>
      </c>
      <c r="H67" s="6">
        <v>4921225</v>
      </c>
      <c r="I67" s="6">
        <v>3965814</v>
      </c>
      <c r="J67" s="6">
        <v>1374699</v>
      </c>
      <c r="K67" s="6">
        <v>955411</v>
      </c>
      <c r="L67" s="6">
        <v>48576</v>
      </c>
      <c r="M67" s="6">
        <v>837814</v>
      </c>
      <c r="N67" s="10" t="s">
        <v>55</v>
      </c>
      <c r="O67" s="6">
        <v>589698</v>
      </c>
      <c r="P67" s="10" t="s">
        <v>55</v>
      </c>
      <c r="Q67" s="10" t="s">
        <v>55</v>
      </c>
    </row>
    <row r="68" spans="1:17">
      <c r="A68" s="9" t="s">
        <v>27</v>
      </c>
      <c r="B68" s="9" t="s">
        <v>28</v>
      </c>
      <c r="C68" s="9" t="s">
        <v>29</v>
      </c>
      <c r="D68" s="9" t="s">
        <v>6</v>
      </c>
      <c r="E68" s="9" t="s">
        <v>39</v>
      </c>
      <c r="F68" s="9" t="s">
        <v>13</v>
      </c>
      <c r="G68" s="6">
        <v>203890</v>
      </c>
      <c r="H68" s="6">
        <v>138186</v>
      </c>
      <c r="I68" s="6">
        <v>115432</v>
      </c>
      <c r="J68" s="6">
        <v>30838</v>
      </c>
      <c r="K68" s="6">
        <v>22754</v>
      </c>
      <c r="L68" s="6">
        <v>3035</v>
      </c>
      <c r="M68" s="6">
        <v>62669</v>
      </c>
      <c r="N68" s="10" t="s">
        <v>55</v>
      </c>
      <c r="O68" s="6">
        <v>10446</v>
      </c>
      <c r="P68" s="10" t="s">
        <v>55</v>
      </c>
      <c r="Q68" s="10" t="s">
        <v>55</v>
      </c>
    </row>
    <row r="69" spans="1:17">
      <c r="A69" s="9" t="s">
        <v>27</v>
      </c>
      <c r="B69" s="9" t="s">
        <v>28</v>
      </c>
      <c r="C69" s="9" t="s">
        <v>29</v>
      </c>
      <c r="D69" s="9" t="s">
        <v>6</v>
      </c>
      <c r="E69" s="9" t="s">
        <v>39</v>
      </c>
      <c r="F69" s="9" t="s">
        <v>14</v>
      </c>
      <c r="G69" s="6">
        <v>1038635</v>
      </c>
      <c r="H69" s="6">
        <v>919756</v>
      </c>
      <c r="I69" s="6">
        <v>778678</v>
      </c>
      <c r="J69" s="6">
        <v>312854</v>
      </c>
      <c r="K69" s="6">
        <v>141078</v>
      </c>
      <c r="L69" s="6">
        <v>7146</v>
      </c>
      <c r="M69" s="6">
        <v>111733</v>
      </c>
      <c r="N69" s="10" t="s">
        <v>55</v>
      </c>
      <c r="O69" s="6">
        <v>77769</v>
      </c>
      <c r="P69" s="10" t="s">
        <v>55</v>
      </c>
      <c r="Q69" s="10" t="s">
        <v>55</v>
      </c>
    </row>
    <row r="70" spans="1:17">
      <c r="A70" s="9" t="s">
        <v>27</v>
      </c>
      <c r="B70" s="9" t="s">
        <v>28</v>
      </c>
      <c r="C70" s="9" t="s">
        <v>29</v>
      </c>
      <c r="D70" s="9" t="s">
        <v>6</v>
      </c>
      <c r="E70" s="9" t="s">
        <v>39</v>
      </c>
      <c r="F70" s="9" t="s">
        <v>18</v>
      </c>
      <c r="G70" s="6">
        <v>652406</v>
      </c>
      <c r="H70" s="6">
        <v>414367</v>
      </c>
      <c r="I70" s="6">
        <v>366665</v>
      </c>
      <c r="J70" s="6">
        <v>105026</v>
      </c>
      <c r="K70" s="6">
        <v>47702</v>
      </c>
      <c r="L70" s="6">
        <v>16490</v>
      </c>
      <c r="M70" s="6">
        <v>221549</v>
      </c>
      <c r="N70" s="10" t="s">
        <v>55</v>
      </c>
      <c r="O70" s="6">
        <v>28388</v>
      </c>
      <c r="P70" s="10" t="s">
        <v>55</v>
      </c>
      <c r="Q70" s="10" t="s">
        <v>55</v>
      </c>
    </row>
    <row r="71" spans="1:17">
      <c r="A71" s="9" t="s">
        <v>27</v>
      </c>
      <c r="B71" s="9" t="s">
        <v>28</v>
      </c>
      <c r="C71" s="9" t="s">
        <v>29</v>
      </c>
      <c r="D71" s="9" t="s">
        <v>6</v>
      </c>
      <c r="E71" s="9" t="s">
        <v>40</v>
      </c>
      <c r="F71" s="9" t="s">
        <v>6</v>
      </c>
      <c r="G71" s="6">
        <v>7219424</v>
      </c>
      <c r="H71" s="6">
        <v>6012562</v>
      </c>
      <c r="I71" s="6">
        <v>4829840</v>
      </c>
      <c r="J71" s="6">
        <v>2383472</v>
      </c>
      <c r="K71" s="6">
        <v>1182722</v>
      </c>
      <c r="L71" s="6">
        <v>61043</v>
      </c>
      <c r="M71" s="6">
        <v>1145819</v>
      </c>
      <c r="N71" s="10" t="s">
        <v>55</v>
      </c>
      <c r="O71" s="6">
        <v>647417</v>
      </c>
      <c r="P71" s="6">
        <v>703061</v>
      </c>
      <c r="Q71" s="10" t="s">
        <v>55</v>
      </c>
    </row>
    <row r="72" spans="1:17">
      <c r="A72" s="9" t="s">
        <v>27</v>
      </c>
      <c r="B72" s="9" t="s">
        <v>28</v>
      </c>
      <c r="C72" s="9" t="s">
        <v>29</v>
      </c>
      <c r="D72" s="9" t="s">
        <v>6</v>
      </c>
      <c r="E72" s="9" t="s">
        <v>40</v>
      </c>
      <c r="F72" s="9" t="s">
        <v>7</v>
      </c>
      <c r="G72" s="6">
        <v>5063416</v>
      </c>
      <c r="H72" s="6">
        <v>4269778</v>
      </c>
      <c r="I72" s="6">
        <v>3388034</v>
      </c>
      <c r="J72" s="6">
        <v>1646001</v>
      </c>
      <c r="K72" s="6">
        <v>881744</v>
      </c>
      <c r="L72" s="6">
        <v>40047</v>
      </c>
      <c r="M72" s="6">
        <v>753591</v>
      </c>
      <c r="N72" s="10" t="s">
        <v>55</v>
      </c>
      <c r="O72" s="6">
        <v>492859</v>
      </c>
      <c r="P72" s="6">
        <v>369076</v>
      </c>
      <c r="Q72" s="10" t="s">
        <v>55</v>
      </c>
    </row>
    <row r="73" spans="1:17">
      <c r="A73" s="9" t="s">
        <v>27</v>
      </c>
      <c r="B73" s="9" t="s">
        <v>28</v>
      </c>
      <c r="C73" s="9" t="s">
        <v>29</v>
      </c>
      <c r="D73" s="9" t="s">
        <v>6</v>
      </c>
      <c r="E73" s="9" t="s">
        <v>40</v>
      </c>
      <c r="F73" s="9" t="s">
        <v>8</v>
      </c>
      <c r="G73" s="6">
        <v>4858697</v>
      </c>
      <c r="H73" s="6">
        <v>4128754</v>
      </c>
      <c r="I73" s="6">
        <v>3274764</v>
      </c>
      <c r="J73" s="6">
        <v>1595866</v>
      </c>
      <c r="K73" s="6">
        <v>853990</v>
      </c>
      <c r="L73" s="6">
        <v>37623</v>
      </c>
      <c r="M73" s="6">
        <v>692320</v>
      </c>
      <c r="N73" s="10" t="s">
        <v>55</v>
      </c>
      <c r="O73" s="6">
        <v>480534</v>
      </c>
      <c r="P73" s="6">
        <v>361019</v>
      </c>
      <c r="Q73" s="10" t="s">
        <v>55</v>
      </c>
    </row>
    <row r="74" spans="1:17">
      <c r="A74" s="9" t="s">
        <v>27</v>
      </c>
      <c r="B74" s="9" t="s">
        <v>28</v>
      </c>
      <c r="C74" s="9" t="s">
        <v>29</v>
      </c>
      <c r="D74" s="9" t="s">
        <v>6</v>
      </c>
      <c r="E74" s="9" t="s">
        <v>40</v>
      </c>
      <c r="F74" s="9" t="s">
        <v>13</v>
      </c>
      <c r="G74" s="6">
        <v>204719</v>
      </c>
      <c r="H74" s="6">
        <v>141024</v>
      </c>
      <c r="I74" s="6">
        <v>113270</v>
      </c>
      <c r="J74" s="6">
        <v>50135</v>
      </c>
      <c r="K74" s="6">
        <v>27754</v>
      </c>
      <c r="L74" s="6">
        <v>2424</v>
      </c>
      <c r="M74" s="6">
        <v>61271</v>
      </c>
      <c r="N74" s="10" t="s">
        <v>55</v>
      </c>
      <c r="O74" s="6">
        <v>12325</v>
      </c>
      <c r="P74" s="6">
        <v>8057</v>
      </c>
      <c r="Q74" s="10" t="s">
        <v>55</v>
      </c>
    </row>
    <row r="75" spans="1:17">
      <c r="A75" s="9" t="s">
        <v>27</v>
      </c>
      <c r="B75" s="9" t="s">
        <v>28</v>
      </c>
      <c r="C75" s="9" t="s">
        <v>29</v>
      </c>
      <c r="D75" s="9" t="s">
        <v>6</v>
      </c>
      <c r="E75" s="9" t="s">
        <v>40</v>
      </c>
      <c r="F75" s="9" t="s">
        <v>14</v>
      </c>
      <c r="G75" s="6">
        <v>1711443</v>
      </c>
      <c r="H75" s="6">
        <v>1473375</v>
      </c>
      <c r="I75" s="6">
        <v>1211958</v>
      </c>
      <c r="J75" s="6">
        <v>646247</v>
      </c>
      <c r="K75" s="6">
        <v>261417</v>
      </c>
      <c r="L75" s="6">
        <v>9537</v>
      </c>
      <c r="M75" s="6">
        <v>228531</v>
      </c>
      <c r="N75" s="10" t="s">
        <v>55</v>
      </c>
      <c r="O75" s="6">
        <v>132472</v>
      </c>
      <c r="P75" s="6">
        <v>310293</v>
      </c>
      <c r="Q75" s="10" t="s">
        <v>55</v>
      </c>
    </row>
    <row r="76" spans="1:17">
      <c r="A76" s="9" t="s">
        <v>27</v>
      </c>
      <c r="B76" s="9" t="s">
        <v>28</v>
      </c>
      <c r="C76" s="9" t="s">
        <v>29</v>
      </c>
      <c r="D76" s="9" t="s">
        <v>6</v>
      </c>
      <c r="E76" s="9" t="s">
        <v>40</v>
      </c>
      <c r="F76" s="9" t="s">
        <v>18</v>
      </c>
      <c r="G76" s="6">
        <v>444565</v>
      </c>
      <c r="H76" s="6">
        <v>269409</v>
      </c>
      <c r="I76" s="6">
        <v>229848</v>
      </c>
      <c r="J76" s="6">
        <v>91224</v>
      </c>
      <c r="K76" s="6">
        <v>39561</v>
      </c>
      <c r="L76" s="6">
        <v>11459</v>
      </c>
      <c r="M76" s="6">
        <v>163697</v>
      </c>
      <c r="N76" s="10" t="s">
        <v>55</v>
      </c>
      <c r="O76" s="6">
        <v>22086</v>
      </c>
      <c r="P76" s="6">
        <v>23692</v>
      </c>
      <c r="Q76" s="10" t="s">
        <v>55</v>
      </c>
    </row>
    <row r="77" spans="1:17">
      <c r="A77" s="9" t="s">
        <v>27</v>
      </c>
      <c r="B77" s="9" t="s">
        <v>28</v>
      </c>
      <c r="C77" s="9" t="s">
        <v>29</v>
      </c>
      <c r="D77" s="9" t="s">
        <v>6</v>
      </c>
      <c r="E77" s="9" t="s">
        <v>41</v>
      </c>
      <c r="F77" s="9" t="s">
        <v>6</v>
      </c>
      <c r="G77" s="6">
        <v>7960268</v>
      </c>
      <c r="H77" s="6">
        <v>6569531</v>
      </c>
      <c r="I77" s="6">
        <v>5421422</v>
      </c>
      <c r="J77" s="6">
        <v>3219218</v>
      </c>
      <c r="K77" s="6">
        <v>1148109</v>
      </c>
      <c r="L77" s="6">
        <v>59642</v>
      </c>
      <c r="M77" s="6">
        <v>1331095</v>
      </c>
      <c r="N77" s="10" t="s">
        <v>55</v>
      </c>
      <c r="O77" s="6">
        <v>658966</v>
      </c>
      <c r="P77" s="6">
        <v>2982897</v>
      </c>
      <c r="Q77" s="6">
        <v>1331095</v>
      </c>
    </row>
    <row r="78" spans="1:17">
      <c r="A78" s="9" t="s">
        <v>27</v>
      </c>
      <c r="B78" s="9" t="s">
        <v>28</v>
      </c>
      <c r="C78" s="9" t="s">
        <v>29</v>
      </c>
      <c r="D78" s="9" t="s">
        <v>6</v>
      </c>
      <c r="E78" s="9" t="s">
        <v>41</v>
      </c>
      <c r="F78" s="9" t="s">
        <v>7</v>
      </c>
      <c r="G78" s="6">
        <v>3962561</v>
      </c>
      <c r="H78" s="6">
        <v>3318126</v>
      </c>
      <c r="I78" s="6">
        <v>2694610</v>
      </c>
      <c r="J78" s="6">
        <v>1557681</v>
      </c>
      <c r="K78" s="6">
        <v>623516</v>
      </c>
      <c r="L78" s="6">
        <v>31054</v>
      </c>
      <c r="M78" s="6">
        <v>613381</v>
      </c>
      <c r="N78" s="10" t="s">
        <v>55</v>
      </c>
      <c r="O78" s="6">
        <v>370251</v>
      </c>
      <c r="P78" s="6">
        <v>1423036</v>
      </c>
      <c r="Q78" s="6">
        <v>613381</v>
      </c>
    </row>
    <row r="79" spans="1:17">
      <c r="A79" s="9" t="s">
        <v>27</v>
      </c>
      <c r="B79" s="9" t="s">
        <v>28</v>
      </c>
      <c r="C79" s="9" t="s">
        <v>29</v>
      </c>
      <c r="D79" s="9" t="s">
        <v>6</v>
      </c>
      <c r="E79" s="9" t="s">
        <v>41</v>
      </c>
      <c r="F79" s="9" t="s">
        <v>8</v>
      </c>
      <c r="G79" s="6">
        <v>3809599</v>
      </c>
      <c r="H79" s="6">
        <v>3210121</v>
      </c>
      <c r="I79" s="6">
        <v>2604017</v>
      </c>
      <c r="J79" s="6">
        <v>1506415</v>
      </c>
      <c r="K79" s="6">
        <v>606104</v>
      </c>
      <c r="L79" s="6">
        <v>29311</v>
      </c>
      <c r="M79" s="6">
        <v>570167</v>
      </c>
      <c r="N79" s="10" t="s">
        <v>55</v>
      </c>
      <c r="O79" s="6">
        <v>362619</v>
      </c>
      <c r="P79" s="6">
        <v>1377963</v>
      </c>
      <c r="Q79" s="6">
        <v>570167</v>
      </c>
    </row>
    <row r="80" spans="1:17">
      <c r="A80" s="9" t="s">
        <v>27</v>
      </c>
      <c r="B80" s="9" t="s">
        <v>28</v>
      </c>
      <c r="C80" s="9" t="s">
        <v>29</v>
      </c>
      <c r="D80" s="9" t="s">
        <v>6</v>
      </c>
      <c r="E80" s="9" t="s">
        <v>41</v>
      </c>
      <c r="F80" s="9" t="s">
        <v>13</v>
      </c>
      <c r="G80" s="6">
        <v>152962</v>
      </c>
      <c r="H80" s="6">
        <v>108005</v>
      </c>
      <c r="I80" s="6">
        <v>90593</v>
      </c>
      <c r="J80" s="6">
        <v>51266</v>
      </c>
      <c r="K80" s="6">
        <v>17412</v>
      </c>
      <c r="L80" s="6">
        <v>1743</v>
      </c>
      <c r="M80" s="6">
        <v>43214</v>
      </c>
      <c r="N80" s="10" t="s">
        <v>55</v>
      </c>
      <c r="O80" s="6">
        <v>7632</v>
      </c>
      <c r="P80" s="6">
        <v>45073</v>
      </c>
      <c r="Q80" s="6">
        <v>43214</v>
      </c>
    </row>
    <row r="81" spans="1:17">
      <c r="A81" s="9" t="s">
        <v>27</v>
      </c>
      <c r="B81" s="9" t="s">
        <v>28</v>
      </c>
      <c r="C81" s="9" t="s">
        <v>29</v>
      </c>
      <c r="D81" s="9" t="s">
        <v>6</v>
      </c>
      <c r="E81" s="9" t="s">
        <v>41</v>
      </c>
      <c r="F81" s="9" t="s">
        <v>14</v>
      </c>
      <c r="G81" s="6">
        <v>3555754</v>
      </c>
      <c r="H81" s="6">
        <v>2986875</v>
      </c>
      <c r="I81" s="6">
        <v>2503835</v>
      </c>
      <c r="J81" s="6">
        <v>1540539</v>
      </c>
      <c r="K81" s="6">
        <v>483040</v>
      </c>
      <c r="L81" s="6">
        <v>18466</v>
      </c>
      <c r="M81" s="6">
        <v>550413</v>
      </c>
      <c r="N81" s="10" t="s">
        <v>55</v>
      </c>
      <c r="O81" s="6">
        <v>265851</v>
      </c>
      <c r="P81" s="6">
        <v>1451965</v>
      </c>
      <c r="Q81" s="6">
        <v>550413</v>
      </c>
    </row>
    <row r="82" spans="1:17">
      <c r="A82" s="9" t="s">
        <v>27</v>
      </c>
      <c r="B82" s="9" t="s">
        <v>28</v>
      </c>
      <c r="C82" s="9" t="s">
        <v>29</v>
      </c>
      <c r="D82" s="9" t="s">
        <v>6</v>
      </c>
      <c r="E82" s="9" t="s">
        <v>41</v>
      </c>
      <c r="F82" s="9" t="s">
        <v>18</v>
      </c>
      <c r="G82" s="6">
        <v>441953</v>
      </c>
      <c r="H82" s="6">
        <v>264530</v>
      </c>
      <c r="I82" s="6">
        <v>222977</v>
      </c>
      <c r="J82" s="6">
        <v>120998</v>
      </c>
      <c r="K82" s="6">
        <v>41553</v>
      </c>
      <c r="L82" s="6">
        <v>10122</v>
      </c>
      <c r="M82" s="6">
        <v>167301</v>
      </c>
      <c r="N82" s="10" t="s">
        <v>55</v>
      </c>
      <c r="O82" s="6">
        <v>22864</v>
      </c>
      <c r="P82" s="6">
        <v>107896</v>
      </c>
      <c r="Q82" s="6">
        <v>167301</v>
      </c>
    </row>
    <row r="83" spans="1:17">
      <c r="A83" s="9" t="s">
        <v>27</v>
      </c>
      <c r="B83" s="9" t="s">
        <v>28</v>
      </c>
      <c r="C83" s="9" t="s">
        <v>29</v>
      </c>
      <c r="D83" s="9" t="s">
        <v>6</v>
      </c>
      <c r="E83" s="9" t="s">
        <v>42</v>
      </c>
      <c r="F83" s="9" t="s">
        <v>6</v>
      </c>
      <c r="G83" s="6">
        <v>8839958</v>
      </c>
      <c r="H83" s="6">
        <v>7203128</v>
      </c>
      <c r="I83" s="6">
        <v>6106983</v>
      </c>
      <c r="J83" s="6">
        <v>3882559</v>
      </c>
      <c r="K83" s="6">
        <v>1096145</v>
      </c>
      <c r="L83" s="6">
        <v>58827</v>
      </c>
      <c r="M83" s="6">
        <v>1578003</v>
      </c>
      <c r="N83" s="10" t="s">
        <v>55</v>
      </c>
      <c r="O83" s="6">
        <v>712479</v>
      </c>
      <c r="P83" s="6">
        <v>3821043</v>
      </c>
      <c r="Q83" s="6">
        <v>1578003</v>
      </c>
    </row>
    <row r="84" spans="1:17">
      <c r="A84" s="9" t="s">
        <v>27</v>
      </c>
      <c r="B84" s="9" t="s">
        <v>28</v>
      </c>
      <c r="C84" s="9" t="s">
        <v>29</v>
      </c>
      <c r="D84" s="9" t="s">
        <v>6</v>
      </c>
      <c r="E84" s="9" t="s">
        <v>42</v>
      </c>
      <c r="F84" s="9" t="s">
        <v>7</v>
      </c>
      <c r="G84" s="6">
        <v>2958311</v>
      </c>
      <c r="H84" s="6">
        <v>2464082</v>
      </c>
      <c r="I84" s="6">
        <v>2042857</v>
      </c>
      <c r="J84" s="6">
        <v>1260979</v>
      </c>
      <c r="K84" s="6">
        <v>421225</v>
      </c>
      <c r="L84" s="6">
        <v>22108</v>
      </c>
      <c r="M84" s="6">
        <v>472121</v>
      </c>
      <c r="N84" s="10" t="s">
        <v>55</v>
      </c>
      <c r="O84" s="6">
        <v>283078</v>
      </c>
      <c r="P84" s="6">
        <v>1234673</v>
      </c>
      <c r="Q84" s="6">
        <v>472121</v>
      </c>
    </row>
    <row r="85" spans="1:17">
      <c r="A85" s="9" t="s">
        <v>27</v>
      </c>
      <c r="B85" s="9" t="s">
        <v>28</v>
      </c>
      <c r="C85" s="9" t="s">
        <v>29</v>
      </c>
      <c r="D85" s="9" t="s">
        <v>6</v>
      </c>
      <c r="E85" s="9" t="s">
        <v>42</v>
      </c>
      <c r="F85" s="9" t="s">
        <v>8</v>
      </c>
      <c r="G85" s="6">
        <v>2879747</v>
      </c>
      <c r="H85" s="6">
        <v>2409527</v>
      </c>
      <c r="I85" s="6">
        <v>1994902</v>
      </c>
      <c r="J85" s="6">
        <v>1230850</v>
      </c>
      <c r="K85" s="6">
        <v>414625</v>
      </c>
      <c r="L85" s="6">
        <v>21125</v>
      </c>
      <c r="M85" s="6">
        <v>449095</v>
      </c>
      <c r="N85" s="10" t="s">
        <v>55</v>
      </c>
      <c r="O85" s="6">
        <v>279936</v>
      </c>
      <c r="P85" s="6">
        <v>1205520</v>
      </c>
      <c r="Q85" s="6">
        <v>449095</v>
      </c>
    </row>
    <row r="86" spans="1:17">
      <c r="A86" s="9" t="s">
        <v>27</v>
      </c>
      <c r="B86" s="9" t="s">
        <v>28</v>
      </c>
      <c r="C86" s="9" t="s">
        <v>29</v>
      </c>
      <c r="D86" s="9" t="s">
        <v>6</v>
      </c>
      <c r="E86" s="9" t="s">
        <v>42</v>
      </c>
      <c r="F86" s="9" t="s">
        <v>13</v>
      </c>
      <c r="G86" s="6">
        <v>78564</v>
      </c>
      <c r="H86" s="6">
        <v>54555</v>
      </c>
      <c r="I86" s="6">
        <v>47955</v>
      </c>
      <c r="J86" s="6">
        <v>30129</v>
      </c>
      <c r="K86" s="6">
        <v>6600</v>
      </c>
      <c r="L86" s="6">
        <v>983</v>
      </c>
      <c r="M86" s="6">
        <v>23026</v>
      </c>
      <c r="N86" s="10" t="s">
        <v>55</v>
      </c>
      <c r="O86" s="6">
        <v>3142</v>
      </c>
      <c r="P86" s="6">
        <v>29153</v>
      </c>
      <c r="Q86" s="6">
        <v>23026</v>
      </c>
    </row>
    <row r="87" spans="1:17">
      <c r="A87" s="9" t="s">
        <v>27</v>
      </c>
      <c r="B87" s="9" t="s">
        <v>28</v>
      </c>
      <c r="C87" s="9" t="s">
        <v>29</v>
      </c>
      <c r="D87" s="9" t="s">
        <v>6</v>
      </c>
      <c r="E87" s="9" t="s">
        <v>42</v>
      </c>
      <c r="F87" s="9" t="s">
        <v>14</v>
      </c>
      <c r="G87" s="6">
        <v>5283214</v>
      </c>
      <c r="H87" s="6">
        <v>4363286</v>
      </c>
      <c r="I87" s="6">
        <v>3737737</v>
      </c>
      <c r="J87" s="6">
        <v>2409348</v>
      </c>
      <c r="K87" s="6">
        <v>625549</v>
      </c>
      <c r="L87" s="6">
        <v>25860</v>
      </c>
      <c r="M87" s="6">
        <v>894068</v>
      </c>
      <c r="N87" s="10" t="s">
        <v>55</v>
      </c>
      <c r="O87" s="6">
        <v>400633</v>
      </c>
      <c r="P87" s="6">
        <v>2379854</v>
      </c>
      <c r="Q87" s="6">
        <v>894068</v>
      </c>
    </row>
    <row r="88" spans="1:17">
      <c r="A88" s="9" t="s">
        <v>27</v>
      </c>
      <c r="B88" s="9" t="s">
        <v>28</v>
      </c>
      <c r="C88" s="9" t="s">
        <v>29</v>
      </c>
      <c r="D88" s="9" t="s">
        <v>6</v>
      </c>
      <c r="E88" s="9" t="s">
        <v>42</v>
      </c>
      <c r="F88" s="9" t="s">
        <v>18</v>
      </c>
      <c r="G88" s="6">
        <v>598433</v>
      </c>
      <c r="H88" s="6">
        <v>375760</v>
      </c>
      <c r="I88" s="6">
        <v>326389</v>
      </c>
      <c r="J88" s="6">
        <v>212232</v>
      </c>
      <c r="K88" s="6">
        <v>49371</v>
      </c>
      <c r="L88" s="6">
        <v>10859</v>
      </c>
      <c r="M88" s="6">
        <v>211814</v>
      </c>
      <c r="N88" s="10" t="s">
        <v>55</v>
      </c>
      <c r="O88" s="6">
        <v>28768</v>
      </c>
      <c r="P88" s="6">
        <v>206516</v>
      </c>
      <c r="Q88" s="6">
        <v>211814</v>
      </c>
    </row>
    <row r="89" spans="1:17">
      <c r="A89" s="9" t="s">
        <v>27</v>
      </c>
      <c r="B89" s="9" t="s">
        <v>28</v>
      </c>
      <c r="C89" s="9" t="s">
        <v>29</v>
      </c>
      <c r="D89" s="9" t="s">
        <v>6</v>
      </c>
      <c r="E89" s="9" t="s">
        <v>43</v>
      </c>
      <c r="F89" s="9" t="s">
        <v>6</v>
      </c>
      <c r="G89" s="6">
        <v>6699027</v>
      </c>
      <c r="H89" s="6">
        <v>5346849</v>
      </c>
      <c r="I89" s="6">
        <v>4495814</v>
      </c>
      <c r="J89" s="6">
        <v>2835099</v>
      </c>
      <c r="K89" s="6">
        <v>851035</v>
      </c>
      <c r="L89" s="6">
        <v>37763</v>
      </c>
      <c r="M89" s="6">
        <v>1314415</v>
      </c>
      <c r="N89" s="10" t="s">
        <v>55</v>
      </c>
      <c r="O89" s="6">
        <v>591774</v>
      </c>
      <c r="P89" s="6">
        <v>2822547</v>
      </c>
      <c r="Q89" s="6">
        <v>1314415</v>
      </c>
    </row>
    <row r="90" spans="1:17">
      <c r="A90" s="9" t="s">
        <v>27</v>
      </c>
      <c r="B90" s="9" t="s">
        <v>28</v>
      </c>
      <c r="C90" s="9" t="s">
        <v>29</v>
      </c>
      <c r="D90" s="9" t="s">
        <v>6</v>
      </c>
      <c r="E90" s="9" t="s">
        <v>43</v>
      </c>
      <c r="F90" s="9" t="s">
        <v>7</v>
      </c>
      <c r="G90" s="6">
        <v>1272448</v>
      </c>
      <c r="H90" s="6">
        <v>1064018</v>
      </c>
      <c r="I90" s="6">
        <v>869968</v>
      </c>
      <c r="J90" s="6">
        <v>533045</v>
      </c>
      <c r="K90" s="6">
        <v>194050</v>
      </c>
      <c r="L90" s="6">
        <v>8372</v>
      </c>
      <c r="M90" s="6">
        <v>200058</v>
      </c>
      <c r="N90" s="10" t="s">
        <v>55</v>
      </c>
      <c r="O90" s="6">
        <v>138626</v>
      </c>
      <c r="P90" s="6">
        <v>529313</v>
      </c>
      <c r="Q90" s="6">
        <v>200058</v>
      </c>
    </row>
    <row r="91" spans="1:17">
      <c r="A91" s="9" t="s">
        <v>27</v>
      </c>
      <c r="B91" s="9" t="s">
        <v>28</v>
      </c>
      <c r="C91" s="9" t="s">
        <v>29</v>
      </c>
      <c r="D91" s="9" t="s">
        <v>6</v>
      </c>
      <c r="E91" s="9" t="s">
        <v>43</v>
      </c>
      <c r="F91" s="9" t="s">
        <v>8</v>
      </c>
      <c r="G91" s="6">
        <v>1244824</v>
      </c>
      <c r="H91" s="6">
        <v>1043610</v>
      </c>
      <c r="I91" s="6">
        <v>851618</v>
      </c>
      <c r="J91" s="6">
        <v>521099</v>
      </c>
      <c r="K91" s="6">
        <v>191992</v>
      </c>
      <c r="L91" s="6">
        <v>8053</v>
      </c>
      <c r="M91" s="6">
        <v>193161</v>
      </c>
      <c r="N91" s="10" t="s">
        <v>55</v>
      </c>
      <c r="O91" s="6">
        <v>137522</v>
      </c>
      <c r="P91" s="6">
        <v>517512</v>
      </c>
      <c r="Q91" s="6">
        <v>193161</v>
      </c>
    </row>
    <row r="92" spans="1:17">
      <c r="A92" s="9" t="s">
        <v>27</v>
      </c>
      <c r="B92" s="9" t="s">
        <v>28</v>
      </c>
      <c r="C92" s="9" t="s">
        <v>29</v>
      </c>
      <c r="D92" s="9" t="s">
        <v>6</v>
      </c>
      <c r="E92" s="9" t="s">
        <v>43</v>
      </c>
      <c r="F92" s="9" t="s">
        <v>13</v>
      </c>
      <c r="G92" s="6">
        <v>27624</v>
      </c>
      <c r="H92" s="6">
        <v>20408</v>
      </c>
      <c r="I92" s="6">
        <v>18350</v>
      </c>
      <c r="J92" s="6">
        <v>11946</v>
      </c>
      <c r="K92" s="6">
        <v>2058</v>
      </c>
      <c r="L92" s="6">
        <v>319</v>
      </c>
      <c r="M92" s="6">
        <v>6897</v>
      </c>
      <c r="N92" s="10" t="s">
        <v>55</v>
      </c>
      <c r="O92" s="6">
        <v>1104</v>
      </c>
      <c r="P92" s="6">
        <v>11801</v>
      </c>
      <c r="Q92" s="6">
        <v>6897</v>
      </c>
    </row>
    <row r="93" spans="1:17">
      <c r="A93" s="9" t="s">
        <v>27</v>
      </c>
      <c r="B93" s="9" t="s">
        <v>28</v>
      </c>
      <c r="C93" s="9" t="s">
        <v>29</v>
      </c>
      <c r="D93" s="9" t="s">
        <v>6</v>
      </c>
      <c r="E93" s="9" t="s">
        <v>43</v>
      </c>
      <c r="F93" s="9" t="s">
        <v>14</v>
      </c>
      <c r="G93" s="6">
        <v>4817134</v>
      </c>
      <c r="H93" s="6">
        <v>3885717</v>
      </c>
      <c r="I93" s="6">
        <v>3271745</v>
      </c>
      <c r="J93" s="6">
        <v>2056481</v>
      </c>
      <c r="K93" s="6">
        <v>613972</v>
      </c>
      <c r="L93" s="6">
        <v>20819</v>
      </c>
      <c r="M93" s="6">
        <v>910598</v>
      </c>
      <c r="N93" s="10" t="s">
        <v>55</v>
      </c>
      <c r="O93" s="6">
        <v>426141</v>
      </c>
      <c r="P93" s="6">
        <v>2049479</v>
      </c>
      <c r="Q93" s="6">
        <v>910598</v>
      </c>
    </row>
    <row r="94" spans="1:17">
      <c r="A94" s="9" t="s">
        <v>27</v>
      </c>
      <c r="B94" s="9" t="s">
        <v>28</v>
      </c>
      <c r="C94" s="9" t="s">
        <v>29</v>
      </c>
      <c r="D94" s="9" t="s">
        <v>6</v>
      </c>
      <c r="E94" s="9" t="s">
        <v>43</v>
      </c>
      <c r="F94" s="9" t="s">
        <v>18</v>
      </c>
      <c r="G94" s="6">
        <v>609445</v>
      </c>
      <c r="H94" s="6">
        <v>397114</v>
      </c>
      <c r="I94" s="6">
        <v>354101</v>
      </c>
      <c r="J94" s="6">
        <v>245573</v>
      </c>
      <c r="K94" s="6">
        <v>43013</v>
      </c>
      <c r="L94" s="6">
        <v>8572</v>
      </c>
      <c r="M94" s="6">
        <v>203759</v>
      </c>
      <c r="N94" s="10" t="s">
        <v>55</v>
      </c>
      <c r="O94" s="6">
        <v>27007</v>
      </c>
      <c r="P94" s="6">
        <v>243755</v>
      </c>
      <c r="Q94" s="6">
        <v>203759</v>
      </c>
    </row>
    <row r="95" spans="1:17">
      <c r="A95" s="9" t="s">
        <v>27</v>
      </c>
      <c r="B95" s="9" t="s">
        <v>28</v>
      </c>
      <c r="C95" s="9" t="s">
        <v>29</v>
      </c>
      <c r="D95" s="9" t="s">
        <v>6</v>
      </c>
      <c r="E95" s="9" t="s">
        <v>44</v>
      </c>
      <c r="F95" s="9" t="s">
        <v>6</v>
      </c>
      <c r="G95" s="6">
        <v>4920748</v>
      </c>
      <c r="H95" s="6">
        <v>3737013</v>
      </c>
      <c r="I95" s="6">
        <v>2925117</v>
      </c>
      <c r="J95" s="6">
        <v>1750451</v>
      </c>
      <c r="K95" s="6">
        <v>811896</v>
      </c>
      <c r="L95" s="6">
        <v>24763</v>
      </c>
      <c r="M95" s="6">
        <v>1158972</v>
      </c>
      <c r="N95" s="10" t="s">
        <v>55</v>
      </c>
      <c r="O95" s="6">
        <v>535696</v>
      </c>
      <c r="P95" s="6">
        <v>1747570</v>
      </c>
      <c r="Q95" s="6">
        <v>1158972</v>
      </c>
    </row>
    <row r="96" spans="1:17">
      <c r="A96" s="9" t="s">
        <v>27</v>
      </c>
      <c r="B96" s="9" t="s">
        <v>28</v>
      </c>
      <c r="C96" s="9" t="s">
        <v>29</v>
      </c>
      <c r="D96" s="9" t="s">
        <v>6</v>
      </c>
      <c r="E96" s="9" t="s">
        <v>44</v>
      </c>
      <c r="F96" s="9" t="s">
        <v>7</v>
      </c>
      <c r="G96" s="6">
        <v>539161</v>
      </c>
      <c r="H96" s="6">
        <v>450771</v>
      </c>
      <c r="I96" s="6">
        <v>341564</v>
      </c>
      <c r="J96" s="6">
        <v>201335</v>
      </c>
      <c r="K96" s="6">
        <v>109207</v>
      </c>
      <c r="L96" s="6">
        <v>2988</v>
      </c>
      <c r="M96" s="6">
        <v>85402</v>
      </c>
      <c r="N96" s="10" t="s">
        <v>55</v>
      </c>
      <c r="O96" s="6">
        <v>73936</v>
      </c>
      <c r="P96" s="6">
        <v>200737</v>
      </c>
      <c r="Q96" s="6">
        <v>85402</v>
      </c>
    </row>
    <row r="97" spans="1:17">
      <c r="A97" s="9" t="s">
        <v>27</v>
      </c>
      <c r="B97" s="9" t="s">
        <v>28</v>
      </c>
      <c r="C97" s="9" t="s">
        <v>29</v>
      </c>
      <c r="D97" s="9" t="s">
        <v>6</v>
      </c>
      <c r="E97" s="9" t="s">
        <v>44</v>
      </c>
      <c r="F97" s="9" t="s">
        <v>8</v>
      </c>
      <c r="G97" s="6">
        <v>530201</v>
      </c>
      <c r="H97" s="6">
        <v>444075</v>
      </c>
      <c r="I97" s="6">
        <v>335594</v>
      </c>
      <c r="J97" s="6">
        <v>197663</v>
      </c>
      <c r="K97" s="6">
        <v>108481</v>
      </c>
      <c r="L97" s="6">
        <v>2915</v>
      </c>
      <c r="M97" s="6">
        <v>83211</v>
      </c>
      <c r="N97" s="10" t="s">
        <v>55</v>
      </c>
      <c r="O97" s="6">
        <v>73528</v>
      </c>
      <c r="P97" s="6">
        <v>197087</v>
      </c>
      <c r="Q97" s="6">
        <v>83211</v>
      </c>
    </row>
    <row r="98" spans="1:17">
      <c r="A98" s="9" t="s">
        <v>27</v>
      </c>
      <c r="B98" s="9" t="s">
        <v>28</v>
      </c>
      <c r="C98" s="9" t="s">
        <v>29</v>
      </c>
      <c r="D98" s="9" t="s">
        <v>6</v>
      </c>
      <c r="E98" s="9" t="s">
        <v>44</v>
      </c>
      <c r="F98" s="9" t="s">
        <v>13</v>
      </c>
      <c r="G98" s="6">
        <v>8960</v>
      </c>
      <c r="H98" s="6">
        <v>6696</v>
      </c>
      <c r="I98" s="6">
        <v>5970</v>
      </c>
      <c r="J98" s="6">
        <v>3672</v>
      </c>
      <c r="K98" s="6">
        <v>726</v>
      </c>
      <c r="L98" s="6">
        <v>73</v>
      </c>
      <c r="M98" s="6">
        <v>2191</v>
      </c>
      <c r="N98" s="10" t="s">
        <v>55</v>
      </c>
      <c r="O98" s="6">
        <v>408</v>
      </c>
      <c r="P98" s="6">
        <v>3650</v>
      </c>
      <c r="Q98" s="6">
        <v>2191</v>
      </c>
    </row>
    <row r="99" spans="1:17">
      <c r="A99" s="9" t="s">
        <v>27</v>
      </c>
      <c r="B99" s="9" t="s">
        <v>28</v>
      </c>
      <c r="C99" s="9" t="s">
        <v>29</v>
      </c>
      <c r="D99" s="9" t="s">
        <v>6</v>
      </c>
      <c r="E99" s="9" t="s">
        <v>44</v>
      </c>
      <c r="F99" s="9" t="s">
        <v>14</v>
      </c>
      <c r="G99" s="6">
        <v>3861840</v>
      </c>
      <c r="H99" s="6">
        <v>2961429</v>
      </c>
      <c r="I99" s="6">
        <v>2296571</v>
      </c>
      <c r="J99" s="6">
        <v>1350358</v>
      </c>
      <c r="K99" s="6">
        <v>664858</v>
      </c>
      <c r="L99" s="6">
        <v>15227</v>
      </c>
      <c r="M99" s="6">
        <v>885184</v>
      </c>
      <c r="N99" s="10" t="s">
        <v>55</v>
      </c>
      <c r="O99" s="6">
        <v>438010</v>
      </c>
      <c r="P99" s="6">
        <v>1348667</v>
      </c>
      <c r="Q99" s="6">
        <v>885184</v>
      </c>
    </row>
    <row r="100" spans="1:17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44</v>
      </c>
      <c r="F100" s="9" t="s">
        <v>18</v>
      </c>
      <c r="G100" s="6">
        <v>519747</v>
      </c>
      <c r="H100" s="6">
        <v>324813</v>
      </c>
      <c r="I100" s="6">
        <v>286982</v>
      </c>
      <c r="J100" s="6">
        <v>198758</v>
      </c>
      <c r="K100" s="6">
        <v>37831</v>
      </c>
      <c r="L100" s="6">
        <v>6548</v>
      </c>
      <c r="M100" s="6">
        <v>188386</v>
      </c>
      <c r="N100" s="10" t="s">
        <v>55</v>
      </c>
      <c r="O100" s="6">
        <v>23750</v>
      </c>
      <c r="P100" s="6">
        <v>198166</v>
      </c>
      <c r="Q100" s="6">
        <v>188386</v>
      </c>
    </row>
    <row r="101" spans="1:17">
      <c r="A101" s="9" t="s">
        <v>27</v>
      </c>
      <c r="B101" s="9" t="s">
        <v>28</v>
      </c>
      <c r="C101" s="9" t="s">
        <v>29</v>
      </c>
      <c r="D101" s="9" t="s">
        <v>6</v>
      </c>
      <c r="E101" s="9" t="s">
        <v>45</v>
      </c>
      <c r="F101" s="9" t="s">
        <v>6</v>
      </c>
      <c r="G101" s="6">
        <v>3109232</v>
      </c>
      <c r="H101" s="6">
        <v>2219363</v>
      </c>
      <c r="I101" s="6">
        <v>1484109</v>
      </c>
      <c r="J101" s="6">
        <v>789836</v>
      </c>
      <c r="K101" s="6">
        <v>735254</v>
      </c>
      <c r="L101" s="6">
        <v>15118</v>
      </c>
      <c r="M101" s="6">
        <v>874751</v>
      </c>
      <c r="N101" s="10" t="s">
        <v>55</v>
      </c>
      <c r="O101" s="6">
        <v>427497</v>
      </c>
      <c r="P101" s="6">
        <v>789091</v>
      </c>
      <c r="Q101" s="6">
        <v>874751</v>
      </c>
    </row>
    <row r="102" spans="1:17">
      <c r="A102" s="9" t="s">
        <v>27</v>
      </c>
      <c r="B102" s="9" t="s">
        <v>28</v>
      </c>
      <c r="C102" s="9" t="s">
        <v>29</v>
      </c>
      <c r="D102" s="9" t="s">
        <v>6</v>
      </c>
      <c r="E102" s="9" t="s">
        <v>45</v>
      </c>
      <c r="F102" s="9" t="s">
        <v>7</v>
      </c>
      <c r="G102" s="6">
        <v>198436</v>
      </c>
      <c r="H102" s="6">
        <v>160825</v>
      </c>
      <c r="I102" s="6">
        <v>107314</v>
      </c>
      <c r="J102" s="6">
        <v>58737</v>
      </c>
      <c r="K102" s="6">
        <v>53511</v>
      </c>
      <c r="L102" s="6">
        <v>1175</v>
      </c>
      <c r="M102" s="6">
        <v>36436</v>
      </c>
      <c r="N102" s="10" t="s">
        <v>55</v>
      </c>
      <c r="O102" s="6">
        <v>32290</v>
      </c>
      <c r="P102" s="6">
        <v>58591</v>
      </c>
      <c r="Q102" s="6">
        <v>36436</v>
      </c>
    </row>
    <row r="103" spans="1:17">
      <c r="A103" s="9" t="s">
        <v>27</v>
      </c>
      <c r="B103" s="9" t="s">
        <v>28</v>
      </c>
      <c r="C103" s="9" t="s">
        <v>29</v>
      </c>
      <c r="D103" s="9" t="s">
        <v>6</v>
      </c>
      <c r="E103" s="9" t="s">
        <v>45</v>
      </c>
      <c r="F103" s="9" t="s">
        <v>8</v>
      </c>
      <c r="G103" s="6">
        <v>195644</v>
      </c>
      <c r="H103" s="6">
        <v>158728</v>
      </c>
      <c r="I103" s="6">
        <v>105654</v>
      </c>
      <c r="J103" s="6">
        <v>57808</v>
      </c>
      <c r="K103" s="6">
        <v>53074</v>
      </c>
      <c r="L103" s="6">
        <v>1159</v>
      </c>
      <c r="M103" s="6">
        <v>35757</v>
      </c>
      <c r="N103" s="10" t="s">
        <v>55</v>
      </c>
      <c r="O103" s="6">
        <v>32063</v>
      </c>
      <c r="P103" s="6">
        <v>57669</v>
      </c>
      <c r="Q103" s="6">
        <v>35757</v>
      </c>
    </row>
    <row r="104" spans="1:17">
      <c r="A104" s="9" t="s">
        <v>27</v>
      </c>
      <c r="B104" s="9" t="s">
        <v>28</v>
      </c>
      <c r="C104" s="9" t="s">
        <v>29</v>
      </c>
      <c r="D104" s="9" t="s">
        <v>6</v>
      </c>
      <c r="E104" s="9" t="s">
        <v>45</v>
      </c>
      <c r="F104" s="9" t="s">
        <v>13</v>
      </c>
      <c r="G104" s="6">
        <v>2792</v>
      </c>
      <c r="H104" s="6">
        <v>2097</v>
      </c>
      <c r="I104" s="6">
        <v>1660</v>
      </c>
      <c r="J104" s="6">
        <v>929</v>
      </c>
      <c r="K104" s="6">
        <v>437</v>
      </c>
      <c r="L104" s="6">
        <v>16</v>
      </c>
      <c r="M104" s="6">
        <v>679</v>
      </c>
      <c r="N104" s="10" t="s">
        <v>55</v>
      </c>
      <c r="O104" s="6">
        <v>227</v>
      </c>
      <c r="P104" s="6">
        <v>922</v>
      </c>
      <c r="Q104" s="6">
        <v>679</v>
      </c>
    </row>
    <row r="105" spans="1:17">
      <c r="A105" s="9" t="s">
        <v>27</v>
      </c>
      <c r="B105" s="9" t="s">
        <v>28</v>
      </c>
      <c r="C105" s="9" t="s">
        <v>29</v>
      </c>
      <c r="D105" s="9" t="s">
        <v>6</v>
      </c>
      <c r="E105" s="9" t="s">
        <v>45</v>
      </c>
      <c r="F105" s="9" t="s">
        <v>14</v>
      </c>
      <c r="G105" s="6">
        <v>2593921</v>
      </c>
      <c r="H105" s="6">
        <v>1880740</v>
      </c>
      <c r="I105" s="6">
        <v>1227803</v>
      </c>
      <c r="J105" s="6">
        <v>634571</v>
      </c>
      <c r="K105" s="6">
        <v>652937</v>
      </c>
      <c r="L105" s="6">
        <v>9561</v>
      </c>
      <c r="M105" s="6">
        <v>703620</v>
      </c>
      <c r="N105" s="10" t="s">
        <v>55</v>
      </c>
      <c r="O105" s="6">
        <v>377980</v>
      </c>
      <c r="P105" s="6">
        <v>634222</v>
      </c>
      <c r="Q105" s="6">
        <v>703620</v>
      </c>
    </row>
    <row r="106" spans="1:17">
      <c r="A106" s="9" t="s">
        <v>27</v>
      </c>
      <c r="B106" s="9" t="s">
        <v>28</v>
      </c>
      <c r="C106" s="9" t="s">
        <v>29</v>
      </c>
      <c r="D106" s="9" t="s">
        <v>6</v>
      </c>
      <c r="E106" s="9" t="s">
        <v>45</v>
      </c>
      <c r="F106" s="9" t="s">
        <v>18</v>
      </c>
      <c r="G106" s="6">
        <v>316875</v>
      </c>
      <c r="H106" s="6">
        <v>177798</v>
      </c>
      <c r="I106" s="6">
        <v>148992</v>
      </c>
      <c r="J106" s="6">
        <v>96528</v>
      </c>
      <c r="K106" s="6">
        <v>28806</v>
      </c>
      <c r="L106" s="6">
        <v>4382</v>
      </c>
      <c r="M106" s="6">
        <v>134695</v>
      </c>
      <c r="N106" s="10" t="s">
        <v>55</v>
      </c>
      <c r="O106" s="6">
        <v>17227</v>
      </c>
      <c r="P106" s="6">
        <v>96278</v>
      </c>
      <c r="Q106" s="6">
        <v>134695</v>
      </c>
    </row>
    <row r="107" spans="1:17">
      <c r="A107" s="9" t="s">
        <v>27</v>
      </c>
      <c r="B107" s="9" t="s">
        <v>28</v>
      </c>
      <c r="C107" s="9" t="s">
        <v>29</v>
      </c>
      <c r="D107" s="9" t="s">
        <v>6</v>
      </c>
      <c r="E107" s="9" t="s">
        <v>46</v>
      </c>
      <c r="F107" s="9" t="s">
        <v>6</v>
      </c>
      <c r="G107" s="6">
        <v>1274734</v>
      </c>
      <c r="H107" s="6">
        <v>890890</v>
      </c>
      <c r="I107" s="6">
        <v>458305</v>
      </c>
      <c r="J107" s="6">
        <v>183966</v>
      </c>
      <c r="K107" s="6">
        <v>432585</v>
      </c>
      <c r="L107" s="6">
        <v>6318</v>
      </c>
      <c r="M107" s="6">
        <v>377526</v>
      </c>
      <c r="N107" s="10" t="s">
        <v>55</v>
      </c>
      <c r="O107" s="6">
        <v>222949</v>
      </c>
      <c r="P107" s="6">
        <v>183844</v>
      </c>
      <c r="Q107" s="6">
        <v>377526</v>
      </c>
    </row>
    <row r="108" spans="1:17">
      <c r="A108" s="9" t="s">
        <v>27</v>
      </c>
      <c r="B108" s="9" t="s">
        <v>28</v>
      </c>
      <c r="C108" s="9" t="s">
        <v>29</v>
      </c>
      <c r="D108" s="9" t="s">
        <v>6</v>
      </c>
      <c r="E108" s="9" t="s">
        <v>46</v>
      </c>
      <c r="F108" s="9" t="s">
        <v>7</v>
      </c>
      <c r="G108" s="6">
        <v>48785</v>
      </c>
      <c r="H108" s="6">
        <v>37571</v>
      </c>
      <c r="I108" s="6">
        <v>21157</v>
      </c>
      <c r="J108" s="6">
        <v>9613</v>
      </c>
      <c r="K108" s="6">
        <v>16414</v>
      </c>
      <c r="L108" s="6">
        <v>320</v>
      </c>
      <c r="M108" s="6">
        <v>10894</v>
      </c>
      <c r="N108" s="10" t="s">
        <v>55</v>
      </c>
      <c r="O108" s="6">
        <v>8836</v>
      </c>
      <c r="P108" s="6">
        <v>9597</v>
      </c>
      <c r="Q108" s="6">
        <v>10894</v>
      </c>
    </row>
    <row r="109" spans="1:17">
      <c r="A109" s="9" t="s">
        <v>27</v>
      </c>
      <c r="B109" s="9" t="s">
        <v>28</v>
      </c>
      <c r="C109" s="9" t="s">
        <v>29</v>
      </c>
      <c r="D109" s="9" t="s">
        <v>6</v>
      </c>
      <c r="E109" s="9" t="s">
        <v>46</v>
      </c>
      <c r="F109" s="9" t="s">
        <v>8</v>
      </c>
      <c r="G109" s="6">
        <v>47961</v>
      </c>
      <c r="H109" s="6">
        <v>36979</v>
      </c>
      <c r="I109" s="6">
        <v>20822</v>
      </c>
      <c r="J109" s="6">
        <v>9459</v>
      </c>
      <c r="K109" s="6">
        <v>16157</v>
      </c>
      <c r="L109" s="6">
        <v>313</v>
      </c>
      <c r="M109" s="6">
        <v>10669</v>
      </c>
      <c r="N109" s="10" t="s">
        <v>55</v>
      </c>
      <c r="O109" s="6">
        <v>8719</v>
      </c>
      <c r="P109" s="6">
        <v>9444</v>
      </c>
      <c r="Q109" s="6">
        <v>10669</v>
      </c>
    </row>
    <row r="110" spans="1:17">
      <c r="A110" s="9" t="s">
        <v>27</v>
      </c>
      <c r="B110" s="9" t="s">
        <v>28</v>
      </c>
      <c r="C110" s="9" t="s">
        <v>29</v>
      </c>
      <c r="D110" s="9" t="s">
        <v>6</v>
      </c>
      <c r="E110" s="9" t="s">
        <v>46</v>
      </c>
      <c r="F110" s="9" t="s">
        <v>13</v>
      </c>
      <c r="G110" s="6">
        <v>824</v>
      </c>
      <c r="H110" s="6">
        <v>592</v>
      </c>
      <c r="I110" s="6">
        <v>335</v>
      </c>
      <c r="J110" s="6">
        <v>154</v>
      </c>
      <c r="K110" s="6">
        <v>257</v>
      </c>
      <c r="L110" s="6">
        <v>7</v>
      </c>
      <c r="M110" s="6">
        <v>225</v>
      </c>
      <c r="N110" s="10" t="s">
        <v>55</v>
      </c>
      <c r="O110" s="6">
        <v>117</v>
      </c>
      <c r="P110" s="6">
        <v>153</v>
      </c>
      <c r="Q110" s="6">
        <v>225</v>
      </c>
    </row>
    <row r="111" spans="1:17">
      <c r="A111" s="9" t="s">
        <v>27</v>
      </c>
      <c r="B111" s="9" t="s">
        <v>28</v>
      </c>
      <c r="C111" s="9" t="s">
        <v>29</v>
      </c>
      <c r="D111" s="9" t="s">
        <v>6</v>
      </c>
      <c r="E111" s="9" t="s">
        <v>46</v>
      </c>
      <c r="F111" s="9" t="s">
        <v>14</v>
      </c>
      <c r="G111" s="6">
        <v>1114227</v>
      </c>
      <c r="H111" s="6">
        <v>797651</v>
      </c>
      <c r="I111" s="6">
        <v>396392</v>
      </c>
      <c r="J111" s="6">
        <v>152676</v>
      </c>
      <c r="K111" s="6">
        <v>401259</v>
      </c>
      <c r="L111" s="6">
        <v>4407</v>
      </c>
      <c r="M111" s="6">
        <v>312169</v>
      </c>
      <c r="N111" s="10" t="s">
        <v>55</v>
      </c>
      <c r="O111" s="6">
        <v>206052</v>
      </c>
      <c r="P111" s="6">
        <v>152606</v>
      </c>
      <c r="Q111" s="6">
        <v>312169</v>
      </c>
    </row>
    <row r="112" spans="1:17">
      <c r="A112" s="9" t="s">
        <v>27</v>
      </c>
      <c r="B112" s="9" t="s">
        <v>28</v>
      </c>
      <c r="C112" s="9" t="s">
        <v>29</v>
      </c>
      <c r="D112" s="9" t="s">
        <v>6</v>
      </c>
      <c r="E112" s="9" t="s">
        <v>46</v>
      </c>
      <c r="F112" s="9" t="s">
        <v>18</v>
      </c>
      <c r="G112" s="6">
        <v>111722</v>
      </c>
      <c r="H112" s="6">
        <v>55668</v>
      </c>
      <c r="I112" s="6">
        <v>40756</v>
      </c>
      <c r="J112" s="6">
        <v>21677</v>
      </c>
      <c r="K112" s="6">
        <v>14912</v>
      </c>
      <c r="L112" s="6">
        <v>1591</v>
      </c>
      <c r="M112" s="6">
        <v>54463</v>
      </c>
      <c r="N112" s="10" t="s">
        <v>55</v>
      </c>
      <c r="O112" s="6">
        <v>8061</v>
      </c>
      <c r="P112" s="6">
        <v>21641</v>
      </c>
      <c r="Q112" s="6">
        <v>54463</v>
      </c>
    </row>
    <row r="113" spans="1:17">
      <c r="A113" s="9" t="s">
        <v>27</v>
      </c>
      <c r="B113" s="9" t="s">
        <v>28</v>
      </c>
      <c r="C113" s="9" t="s">
        <v>29</v>
      </c>
      <c r="D113" s="9" t="s">
        <v>6</v>
      </c>
      <c r="E113" s="9" t="s">
        <v>47</v>
      </c>
      <c r="F113" s="9" t="s">
        <v>6</v>
      </c>
      <c r="G113" s="6">
        <v>311729</v>
      </c>
      <c r="H113" s="6">
        <v>228044</v>
      </c>
      <c r="I113" s="6">
        <v>90064</v>
      </c>
      <c r="J113" s="6">
        <v>17746</v>
      </c>
      <c r="K113" s="6">
        <v>137980</v>
      </c>
      <c r="L113" s="6">
        <v>1641</v>
      </c>
      <c r="M113" s="6">
        <v>82044</v>
      </c>
      <c r="N113" s="10" t="s">
        <v>55</v>
      </c>
      <c r="O113" s="6">
        <v>66386</v>
      </c>
      <c r="P113" s="6">
        <v>17737</v>
      </c>
      <c r="Q113" s="6">
        <v>82044</v>
      </c>
    </row>
    <row r="114" spans="1:17">
      <c r="A114" s="9" t="s">
        <v>27</v>
      </c>
      <c r="B114" s="9" t="s">
        <v>28</v>
      </c>
      <c r="C114" s="9" t="s">
        <v>29</v>
      </c>
      <c r="D114" s="9" t="s">
        <v>6</v>
      </c>
      <c r="E114" s="9" t="s">
        <v>47</v>
      </c>
      <c r="F114" s="9" t="s">
        <v>7</v>
      </c>
      <c r="G114" s="6">
        <v>6153</v>
      </c>
      <c r="H114" s="6">
        <v>4679</v>
      </c>
      <c r="I114" s="6">
        <v>2167</v>
      </c>
      <c r="J114" s="6">
        <v>609</v>
      </c>
      <c r="K114" s="6">
        <v>2512</v>
      </c>
      <c r="L114" s="6">
        <v>35</v>
      </c>
      <c r="M114" s="6">
        <v>1439</v>
      </c>
      <c r="N114" s="10" t="s">
        <v>55</v>
      </c>
      <c r="O114" s="6">
        <v>1298</v>
      </c>
      <c r="P114" s="6">
        <v>609</v>
      </c>
      <c r="Q114" s="6">
        <v>1439</v>
      </c>
    </row>
    <row r="115" spans="1:17">
      <c r="A115" s="9" t="s">
        <v>27</v>
      </c>
      <c r="B115" s="9" t="s">
        <v>28</v>
      </c>
      <c r="C115" s="9" t="s">
        <v>29</v>
      </c>
      <c r="D115" s="9" t="s">
        <v>6</v>
      </c>
      <c r="E115" s="9" t="s">
        <v>47</v>
      </c>
      <c r="F115" s="9" t="s">
        <v>8</v>
      </c>
      <c r="G115" s="6">
        <v>6036</v>
      </c>
      <c r="H115" s="6">
        <v>4584</v>
      </c>
      <c r="I115" s="6">
        <v>2127</v>
      </c>
      <c r="J115" s="6">
        <v>598</v>
      </c>
      <c r="K115" s="6">
        <v>2457</v>
      </c>
      <c r="L115" s="6">
        <v>34</v>
      </c>
      <c r="M115" s="6">
        <v>1418</v>
      </c>
      <c r="N115" s="10" t="s">
        <v>55</v>
      </c>
      <c r="O115" s="6">
        <v>1276</v>
      </c>
      <c r="P115" s="6">
        <v>598</v>
      </c>
      <c r="Q115" s="6">
        <v>1418</v>
      </c>
    </row>
    <row r="116" spans="1:17">
      <c r="A116" s="9" t="s">
        <v>27</v>
      </c>
      <c r="B116" s="9" t="s">
        <v>28</v>
      </c>
      <c r="C116" s="9" t="s">
        <v>29</v>
      </c>
      <c r="D116" s="9" t="s">
        <v>6</v>
      </c>
      <c r="E116" s="9" t="s">
        <v>47</v>
      </c>
      <c r="F116" s="9" t="s">
        <v>13</v>
      </c>
      <c r="G116" s="6">
        <v>117</v>
      </c>
      <c r="H116" s="6">
        <v>95</v>
      </c>
      <c r="I116" s="6">
        <v>40</v>
      </c>
      <c r="J116" s="6">
        <v>11</v>
      </c>
      <c r="K116" s="6">
        <v>55</v>
      </c>
      <c r="L116" s="6">
        <v>1</v>
      </c>
      <c r="M116" s="6">
        <v>21</v>
      </c>
      <c r="N116" s="10" t="s">
        <v>55</v>
      </c>
      <c r="O116" s="6">
        <v>22</v>
      </c>
      <c r="P116" s="6">
        <v>11</v>
      </c>
      <c r="Q116" s="6">
        <v>21</v>
      </c>
    </row>
    <row r="117" spans="1:17">
      <c r="A117" s="9" t="s">
        <v>27</v>
      </c>
      <c r="B117" s="9" t="s">
        <v>28</v>
      </c>
      <c r="C117" s="9" t="s">
        <v>29</v>
      </c>
      <c r="D117" s="9" t="s">
        <v>6</v>
      </c>
      <c r="E117" s="9" t="s">
        <v>47</v>
      </c>
      <c r="F117" s="9" t="s">
        <v>14</v>
      </c>
      <c r="G117" s="6">
        <v>282326</v>
      </c>
      <c r="H117" s="6">
        <v>211231</v>
      </c>
      <c r="I117" s="6">
        <v>80682</v>
      </c>
      <c r="J117" s="6">
        <v>15111</v>
      </c>
      <c r="K117" s="6">
        <v>130549</v>
      </c>
      <c r="L117" s="6">
        <v>1238</v>
      </c>
      <c r="M117" s="6">
        <v>69857</v>
      </c>
      <c r="N117" s="10" t="s">
        <v>55</v>
      </c>
      <c r="O117" s="6">
        <v>62680</v>
      </c>
      <c r="P117" s="6">
        <v>15107</v>
      </c>
      <c r="Q117" s="6">
        <v>69857</v>
      </c>
    </row>
    <row r="118" spans="1:17">
      <c r="A118" s="9" t="s">
        <v>27</v>
      </c>
      <c r="B118" s="9" t="s">
        <v>28</v>
      </c>
      <c r="C118" s="9" t="s">
        <v>29</v>
      </c>
      <c r="D118" s="9" t="s">
        <v>6</v>
      </c>
      <c r="E118" s="9" t="s">
        <v>47</v>
      </c>
      <c r="F118" s="9" t="s">
        <v>18</v>
      </c>
      <c r="G118" s="6">
        <v>23250</v>
      </c>
      <c r="H118" s="6">
        <v>12134</v>
      </c>
      <c r="I118" s="6">
        <v>7215</v>
      </c>
      <c r="J118" s="6">
        <v>2026</v>
      </c>
      <c r="K118" s="6">
        <v>4919</v>
      </c>
      <c r="L118" s="6">
        <v>368</v>
      </c>
      <c r="M118" s="6">
        <v>10748</v>
      </c>
      <c r="N118" s="10" t="s">
        <v>55</v>
      </c>
      <c r="O118" s="6">
        <v>2408</v>
      </c>
      <c r="P118" s="6">
        <v>2021</v>
      </c>
      <c r="Q118" s="6">
        <v>10748</v>
      </c>
    </row>
    <row r="119" spans="1:17">
      <c r="A119" s="9" t="s">
        <v>27</v>
      </c>
      <c r="B119" s="9" t="s">
        <v>28</v>
      </c>
      <c r="C119" s="9" t="s">
        <v>29</v>
      </c>
      <c r="D119" s="9" t="s">
        <v>6</v>
      </c>
      <c r="E119" s="9" t="s">
        <v>48</v>
      </c>
      <c r="F119" s="9" t="s">
        <v>6</v>
      </c>
      <c r="G119" s="6">
        <v>72254926</v>
      </c>
      <c r="H119" s="6">
        <v>59254581</v>
      </c>
      <c r="I119" s="6">
        <v>50556241</v>
      </c>
      <c r="J119" s="6">
        <v>9638805</v>
      </c>
      <c r="K119" s="6">
        <v>8698340</v>
      </c>
      <c r="L119" s="6">
        <v>968840</v>
      </c>
      <c r="M119" s="6">
        <v>12031505</v>
      </c>
      <c r="N119" s="10" t="s">
        <v>55</v>
      </c>
      <c r="O119" s="6">
        <v>6515970</v>
      </c>
      <c r="P119" s="6">
        <v>703061</v>
      </c>
      <c r="Q119" s="10" t="s">
        <v>55</v>
      </c>
    </row>
    <row r="120" spans="1:17">
      <c r="A120" s="9" t="s">
        <v>27</v>
      </c>
      <c r="B120" s="9" t="s">
        <v>28</v>
      </c>
      <c r="C120" s="9" t="s">
        <v>29</v>
      </c>
      <c r="D120" s="9" t="s">
        <v>6</v>
      </c>
      <c r="E120" s="9" t="s">
        <v>48</v>
      </c>
      <c r="F120" s="9" t="s">
        <v>7</v>
      </c>
      <c r="G120" s="6">
        <v>50774652</v>
      </c>
      <c r="H120" s="6">
        <v>42079054</v>
      </c>
      <c r="I120" s="6">
        <v>35501755</v>
      </c>
      <c r="J120" s="6">
        <v>7151856</v>
      </c>
      <c r="K120" s="6">
        <v>6577299</v>
      </c>
      <c r="L120" s="6">
        <v>660102</v>
      </c>
      <c r="M120" s="6">
        <v>8035496</v>
      </c>
      <c r="N120" s="10" t="s">
        <v>55</v>
      </c>
      <c r="O120" s="6">
        <v>4917581</v>
      </c>
      <c r="P120" s="6">
        <v>369076</v>
      </c>
      <c r="Q120" s="10" t="s">
        <v>55</v>
      </c>
    </row>
    <row r="121" spans="1:17">
      <c r="A121" s="9" t="s">
        <v>27</v>
      </c>
      <c r="B121" s="9" t="s">
        <v>28</v>
      </c>
      <c r="C121" s="9" t="s">
        <v>29</v>
      </c>
      <c r="D121" s="9" t="s">
        <v>6</v>
      </c>
      <c r="E121" s="9" t="s">
        <v>48</v>
      </c>
      <c r="F121" s="9" t="s">
        <v>8</v>
      </c>
      <c r="G121" s="6">
        <v>48745310</v>
      </c>
      <c r="H121" s="6">
        <v>40483143</v>
      </c>
      <c r="I121" s="6">
        <v>34164221</v>
      </c>
      <c r="J121" s="6">
        <v>6979244</v>
      </c>
      <c r="K121" s="6">
        <v>6318922</v>
      </c>
      <c r="L121" s="6">
        <v>621701</v>
      </c>
      <c r="M121" s="6">
        <v>7640466</v>
      </c>
      <c r="N121" s="10" t="s">
        <v>55</v>
      </c>
      <c r="O121" s="6">
        <v>4738162</v>
      </c>
      <c r="P121" s="6">
        <v>361019</v>
      </c>
      <c r="Q121" s="10" t="s">
        <v>55</v>
      </c>
    </row>
    <row r="122" spans="1:17">
      <c r="A122" s="9" t="s">
        <v>27</v>
      </c>
      <c r="B122" s="9" t="s">
        <v>28</v>
      </c>
      <c r="C122" s="9" t="s">
        <v>29</v>
      </c>
      <c r="D122" s="9" t="s">
        <v>6</v>
      </c>
      <c r="E122" s="9" t="s">
        <v>48</v>
      </c>
      <c r="F122" s="9" t="s">
        <v>13</v>
      </c>
      <c r="G122" s="6">
        <v>2029342</v>
      </c>
      <c r="H122" s="6">
        <v>1595911</v>
      </c>
      <c r="I122" s="6">
        <v>1337534</v>
      </c>
      <c r="J122" s="6">
        <v>172612</v>
      </c>
      <c r="K122" s="6">
        <v>258377</v>
      </c>
      <c r="L122" s="6">
        <v>38401</v>
      </c>
      <c r="M122" s="6">
        <v>395030</v>
      </c>
      <c r="N122" s="10" t="s">
        <v>55</v>
      </c>
      <c r="O122" s="6">
        <v>179419</v>
      </c>
      <c r="P122" s="6">
        <v>8057</v>
      </c>
      <c r="Q122" s="10" t="s">
        <v>55</v>
      </c>
    </row>
    <row r="123" spans="1:17">
      <c r="A123" s="9" t="s">
        <v>27</v>
      </c>
      <c r="B123" s="9" t="s">
        <v>28</v>
      </c>
      <c r="C123" s="9" t="s">
        <v>29</v>
      </c>
      <c r="D123" s="9" t="s">
        <v>6</v>
      </c>
      <c r="E123" s="9" t="s">
        <v>48</v>
      </c>
      <c r="F123" s="9" t="s">
        <v>14</v>
      </c>
      <c r="G123" s="6">
        <v>12403321</v>
      </c>
      <c r="H123" s="6">
        <v>11397321</v>
      </c>
      <c r="I123" s="6">
        <v>9757000</v>
      </c>
      <c r="J123" s="6">
        <v>1538326</v>
      </c>
      <c r="K123" s="6">
        <v>1640321</v>
      </c>
      <c r="L123" s="6">
        <v>76814</v>
      </c>
      <c r="M123" s="6">
        <v>929186</v>
      </c>
      <c r="N123" s="10" t="s">
        <v>55</v>
      </c>
      <c r="O123" s="6">
        <v>1290288</v>
      </c>
      <c r="P123" s="6">
        <v>310293</v>
      </c>
      <c r="Q123" s="10" t="s">
        <v>55</v>
      </c>
    </row>
    <row r="124" spans="1:17">
      <c r="A124" s="9" t="s">
        <v>27</v>
      </c>
      <c r="B124" s="9" t="s">
        <v>28</v>
      </c>
      <c r="C124" s="9" t="s">
        <v>29</v>
      </c>
      <c r="D124" s="9" t="s">
        <v>6</v>
      </c>
      <c r="E124" s="9" t="s">
        <v>48</v>
      </c>
      <c r="F124" s="9" t="s">
        <v>18</v>
      </c>
      <c r="G124" s="6">
        <v>9076953</v>
      </c>
      <c r="H124" s="6">
        <v>5778206</v>
      </c>
      <c r="I124" s="6">
        <v>5297486</v>
      </c>
      <c r="J124" s="6">
        <v>948623</v>
      </c>
      <c r="K124" s="6">
        <v>480720</v>
      </c>
      <c r="L124" s="6">
        <v>231924</v>
      </c>
      <c r="M124" s="6">
        <v>3066823</v>
      </c>
      <c r="N124" s="10" t="s">
        <v>55</v>
      </c>
      <c r="O124" s="6">
        <v>308101</v>
      </c>
      <c r="P124" s="6">
        <v>23692</v>
      </c>
      <c r="Q124" s="10" t="s">
        <v>55</v>
      </c>
    </row>
    <row r="125" spans="1:17">
      <c r="A125" s="9" t="s">
        <v>27</v>
      </c>
      <c r="B125" s="9" t="s">
        <v>28</v>
      </c>
      <c r="C125" s="9" t="s">
        <v>29</v>
      </c>
      <c r="D125" s="9" t="s">
        <v>6</v>
      </c>
      <c r="E125" s="9" t="s">
        <v>49</v>
      </c>
      <c r="F125" s="9" t="s">
        <v>6</v>
      </c>
      <c r="G125" s="6">
        <v>33115696</v>
      </c>
      <c r="H125" s="6">
        <v>26194818</v>
      </c>
      <c r="I125" s="6">
        <v>20981814</v>
      </c>
      <c r="J125" s="6">
        <v>12678875</v>
      </c>
      <c r="K125" s="6">
        <v>5213004</v>
      </c>
      <c r="L125" s="6">
        <v>204072</v>
      </c>
      <c r="M125" s="6">
        <v>6716806</v>
      </c>
      <c r="N125" s="10" t="s">
        <v>55</v>
      </c>
      <c r="O125" s="6">
        <v>3215747</v>
      </c>
      <c r="P125" s="6">
        <v>12364729</v>
      </c>
      <c r="Q125" s="6">
        <v>6716806</v>
      </c>
    </row>
    <row r="126" spans="1:17">
      <c r="A126" s="9" t="s">
        <v>27</v>
      </c>
      <c r="B126" s="9" t="s">
        <v>28</v>
      </c>
      <c r="C126" s="9" t="s">
        <v>29</v>
      </c>
      <c r="D126" s="9" t="s">
        <v>6</v>
      </c>
      <c r="E126" s="9" t="s">
        <v>49</v>
      </c>
      <c r="F126" s="9" t="s">
        <v>7</v>
      </c>
      <c r="G126" s="6">
        <v>8985855</v>
      </c>
      <c r="H126" s="6">
        <v>7500072</v>
      </c>
      <c r="I126" s="6">
        <v>6079637</v>
      </c>
      <c r="J126" s="6">
        <v>3621999</v>
      </c>
      <c r="K126" s="6">
        <v>1420435</v>
      </c>
      <c r="L126" s="6">
        <v>66052</v>
      </c>
      <c r="M126" s="6">
        <v>1419731</v>
      </c>
      <c r="N126" s="10" t="s">
        <v>55</v>
      </c>
      <c r="O126" s="6">
        <v>908315</v>
      </c>
      <c r="P126" s="6">
        <v>3456556</v>
      </c>
      <c r="Q126" s="6">
        <v>1419731</v>
      </c>
    </row>
    <row r="127" spans="1:17">
      <c r="A127" s="9" t="s">
        <v>27</v>
      </c>
      <c r="B127" s="9" t="s">
        <v>28</v>
      </c>
      <c r="C127" s="9" t="s">
        <v>29</v>
      </c>
      <c r="D127" s="9" t="s">
        <v>6</v>
      </c>
      <c r="E127" s="9" t="s">
        <v>49</v>
      </c>
      <c r="F127" s="9" t="s">
        <v>8</v>
      </c>
      <c r="G127" s="6">
        <v>8714012</v>
      </c>
      <c r="H127" s="6">
        <v>7307624</v>
      </c>
      <c r="I127" s="6">
        <v>5914734</v>
      </c>
      <c r="J127" s="6">
        <v>3523892</v>
      </c>
      <c r="K127" s="6">
        <v>1392890</v>
      </c>
      <c r="L127" s="6">
        <v>62910</v>
      </c>
      <c r="M127" s="6">
        <v>1343478</v>
      </c>
      <c r="N127" s="10" t="s">
        <v>55</v>
      </c>
      <c r="O127" s="6">
        <v>895663</v>
      </c>
      <c r="P127" s="6">
        <v>3365793</v>
      </c>
      <c r="Q127" s="6">
        <v>1343478</v>
      </c>
    </row>
    <row r="128" spans="1:17">
      <c r="A128" s="9" t="s">
        <v>27</v>
      </c>
      <c r="B128" s="9" t="s">
        <v>28</v>
      </c>
      <c r="C128" s="9" t="s">
        <v>29</v>
      </c>
      <c r="D128" s="9" t="s">
        <v>6</v>
      </c>
      <c r="E128" s="9" t="s">
        <v>49</v>
      </c>
      <c r="F128" s="9" t="s">
        <v>13</v>
      </c>
      <c r="G128" s="6">
        <v>271843</v>
      </c>
      <c r="H128" s="6">
        <v>192448</v>
      </c>
      <c r="I128" s="6">
        <v>164903</v>
      </c>
      <c r="J128" s="6">
        <v>98107</v>
      </c>
      <c r="K128" s="6">
        <v>27545</v>
      </c>
      <c r="L128" s="6">
        <v>3142</v>
      </c>
      <c r="M128" s="6">
        <v>76253</v>
      </c>
      <c r="N128" s="10" t="s">
        <v>55</v>
      </c>
      <c r="O128" s="6">
        <v>12652</v>
      </c>
      <c r="P128" s="6">
        <v>90763</v>
      </c>
      <c r="Q128" s="6">
        <v>76253</v>
      </c>
    </row>
    <row r="129" spans="1:17">
      <c r="A129" s="9" t="s">
        <v>27</v>
      </c>
      <c r="B129" s="9" t="s">
        <v>28</v>
      </c>
      <c r="C129" s="9" t="s">
        <v>29</v>
      </c>
      <c r="D129" s="9" t="s">
        <v>6</v>
      </c>
      <c r="E129" s="9" t="s">
        <v>49</v>
      </c>
      <c r="F129" s="9" t="s">
        <v>14</v>
      </c>
      <c r="G129" s="6">
        <v>21508416</v>
      </c>
      <c r="H129" s="6">
        <v>17086929</v>
      </c>
      <c r="I129" s="6">
        <v>13514765</v>
      </c>
      <c r="J129" s="6">
        <v>8159084</v>
      </c>
      <c r="K129" s="6">
        <v>3572164</v>
      </c>
      <c r="L129" s="6">
        <v>95578</v>
      </c>
      <c r="M129" s="6">
        <v>4325909</v>
      </c>
      <c r="N129" s="10" t="s">
        <v>55</v>
      </c>
      <c r="O129" s="6">
        <v>2177347</v>
      </c>
      <c r="P129" s="6">
        <v>8031900</v>
      </c>
      <c r="Q129" s="6">
        <v>4325909</v>
      </c>
    </row>
    <row r="130" spans="1:17">
      <c r="A130" s="9" t="s">
        <v>27</v>
      </c>
      <c r="B130" s="9" t="s">
        <v>28</v>
      </c>
      <c r="C130" s="9" t="s">
        <v>29</v>
      </c>
      <c r="D130" s="9" t="s">
        <v>6</v>
      </c>
      <c r="E130" s="9" t="s">
        <v>49</v>
      </c>
      <c r="F130" s="9" t="s">
        <v>18</v>
      </c>
      <c r="G130" s="6">
        <v>2621425</v>
      </c>
      <c r="H130" s="6">
        <v>1607817</v>
      </c>
      <c r="I130" s="6">
        <v>1387412</v>
      </c>
      <c r="J130" s="6">
        <v>897792</v>
      </c>
      <c r="K130" s="6">
        <v>220405</v>
      </c>
      <c r="L130" s="6">
        <v>42442</v>
      </c>
      <c r="M130" s="6">
        <v>971166</v>
      </c>
      <c r="N130" s="10" t="s">
        <v>55</v>
      </c>
      <c r="O130" s="6">
        <v>130085</v>
      </c>
      <c r="P130" s="6">
        <v>876273</v>
      </c>
      <c r="Q130" s="6">
        <v>971166</v>
      </c>
    </row>
    <row r="131" spans="1:17">
      <c r="A131" s="9" t="s">
        <v>27</v>
      </c>
      <c r="B131" s="9" t="s">
        <v>28</v>
      </c>
      <c r="C131" s="9" t="s">
        <v>29</v>
      </c>
      <c r="D131" s="9" t="s">
        <v>6</v>
      </c>
      <c r="E131" s="9" t="s">
        <v>50</v>
      </c>
      <c r="F131" s="9" t="s">
        <v>6</v>
      </c>
      <c r="G131" s="6">
        <v>16315470</v>
      </c>
      <c r="H131" s="6">
        <v>12422159</v>
      </c>
      <c r="I131" s="6">
        <v>9453409</v>
      </c>
      <c r="J131" s="6">
        <v>5577098</v>
      </c>
      <c r="K131" s="6">
        <v>2968750</v>
      </c>
      <c r="L131" s="6">
        <v>85603</v>
      </c>
      <c r="M131" s="6">
        <v>3807708</v>
      </c>
      <c r="N131" s="10" t="s">
        <v>55</v>
      </c>
      <c r="O131" s="6">
        <v>1844302</v>
      </c>
      <c r="P131" s="6">
        <v>5560789</v>
      </c>
      <c r="Q131" s="6">
        <v>3807708</v>
      </c>
    </row>
    <row r="132" spans="1:17">
      <c r="A132" s="9" t="s">
        <v>27</v>
      </c>
      <c r="B132" s="9" t="s">
        <v>28</v>
      </c>
      <c r="C132" s="9" t="s">
        <v>29</v>
      </c>
      <c r="D132" s="9" t="s">
        <v>6</v>
      </c>
      <c r="E132" s="9" t="s">
        <v>50</v>
      </c>
      <c r="F132" s="9" t="s">
        <v>7</v>
      </c>
      <c r="G132" s="6">
        <v>2064983</v>
      </c>
      <c r="H132" s="6">
        <v>1717864</v>
      </c>
      <c r="I132" s="6">
        <v>1342170</v>
      </c>
      <c r="J132" s="6">
        <v>803339</v>
      </c>
      <c r="K132" s="6">
        <v>375694</v>
      </c>
      <c r="L132" s="6">
        <v>12890</v>
      </c>
      <c r="M132" s="6">
        <v>334229</v>
      </c>
      <c r="N132" s="10" t="s">
        <v>55</v>
      </c>
      <c r="O132" s="6">
        <v>254986</v>
      </c>
      <c r="P132" s="6">
        <v>798847</v>
      </c>
      <c r="Q132" s="6">
        <v>334229</v>
      </c>
    </row>
    <row r="133" spans="1:17">
      <c r="A133" s="9" t="s">
        <v>27</v>
      </c>
      <c r="B133" s="9" t="s">
        <v>28</v>
      </c>
      <c r="C133" s="9" t="s">
        <v>29</v>
      </c>
      <c r="D133" s="9" t="s">
        <v>6</v>
      </c>
      <c r="E133" s="9" t="s">
        <v>50</v>
      </c>
      <c r="F133" s="9" t="s">
        <v>8</v>
      </c>
      <c r="G133" s="6">
        <v>2024666</v>
      </c>
      <c r="H133" s="6">
        <v>1687976</v>
      </c>
      <c r="I133" s="6">
        <v>1315815</v>
      </c>
      <c r="J133" s="6">
        <v>786627</v>
      </c>
      <c r="K133" s="6">
        <v>372161</v>
      </c>
      <c r="L133" s="6">
        <v>12474</v>
      </c>
      <c r="M133" s="6">
        <v>324216</v>
      </c>
      <c r="N133" s="10" t="s">
        <v>55</v>
      </c>
      <c r="O133" s="6">
        <v>253108</v>
      </c>
      <c r="P133" s="6">
        <v>782310</v>
      </c>
      <c r="Q133" s="6">
        <v>324216</v>
      </c>
    </row>
    <row r="134" spans="1:17">
      <c r="A134" s="9" t="s">
        <v>27</v>
      </c>
      <c r="B134" s="9" t="s">
        <v>28</v>
      </c>
      <c r="C134" s="9" t="s">
        <v>29</v>
      </c>
      <c r="D134" s="9" t="s">
        <v>6</v>
      </c>
      <c r="E134" s="9" t="s">
        <v>50</v>
      </c>
      <c r="F134" s="9" t="s">
        <v>13</v>
      </c>
      <c r="G134" s="6">
        <v>40317</v>
      </c>
      <c r="H134" s="6">
        <v>29888</v>
      </c>
      <c r="I134" s="6">
        <v>26355</v>
      </c>
      <c r="J134" s="6">
        <v>16712</v>
      </c>
      <c r="K134" s="6">
        <v>3533</v>
      </c>
      <c r="L134" s="6">
        <v>416</v>
      </c>
      <c r="M134" s="6">
        <v>10013</v>
      </c>
      <c r="N134" s="10" t="s">
        <v>55</v>
      </c>
      <c r="O134" s="6">
        <v>1878</v>
      </c>
      <c r="P134" s="6">
        <v>16537</v>
      </c>
      <c r="Q134" s="6">
        <v>10013</v>
      </c>
    </row>
    <row r="135" spans="1:17">
      <c r="A135" s="9" t="s">
        <v>27</v>
      </c>
      <c r="B135" s="9" t="s">
        <v>28</v>
      </c>
      <c r="C135" s="9" t="s">
        <v>29</v>
      </c>
      <c r="D135" s="9" t="s">
        <v>6</v>
      </c>
      <c r="E135" s="9" t="s">
        <v>50</v>
      </c>
      <c r="F135" s="9" t="s">
        <v>14</v>
      </c>
      <c r="G135" s="6">
        <v>12669448</v>
      </c>
      <c r="H135" s="6">
        <v>9736768</v>
      </c>
      <c r="I135" s="6">
        <v>7273193</v>
      </c>
      <c r="J135" s="6">
        <v>4209197</v>
      </c>
      <c r="K135" s="6">
        <v>2463575</v>
      </c>
      <c r="L135" s="6">
        <v>51252</v>
      </c>
      <c r="M135" s="6">
        <v>2881428</v>
      </c>
      <c r="N135" s="10" t="s">
        <v>55</v>
      </c>
      <c r="O135" s="6">
        <v>1510863</v>
      </c>
      <c r="P135" s="6">
        <v>4200081</v>
      </c>
      <c r="Q135" s="6">
        <v>2881428</v>
      </c>
    </row>
    <row r="136" spans="1:17">
      <c r="A136" s="9" t="s">
        <v>27</v>
      </c>
      <c r="B136" s="9" t="s">
        <v>28</v>
      </c>
      <c r="C136" s="9" t="s">
        <v>29</v>
      </c>
      <c r="D136" s="9" t="s">
        <v>6</v>
      </c>
      <c r="E136" s="9" t="s">
        <v>50</v>
      </c>
      <c r="F136" s="9" t="s">
        <v>18</v>
      </c>
      <c r="G136" s="6">
        <v>1581039</v>
      </c>
      <c r="H136" s="6">
        <v>967527</v>
      </c>
      <c r="I136" s="6">
        <v>838046</v>
      </c>
      <c r="J136" s="6">
        <v>564562</v>
      </c>
      <c r="K136" s="6">
        <v>129481</v>
      </c>
      <c r="L136" s="6">
        <v>21461</v>
      </c>
      <c r="M136" s="6">
        <v>592051</v>
      </c>
      <c r="N136" s="10" t="s">
        <v>55</v>
      </c>
      <c r="O136" s="6">
        <v>78453</v>
      </c>
      <c r="P136" s="6">
        <v>561861</v>
      </c>
      <c r="Q136" s="6">
        <v>592051</v>
      </c>
    </row>
    <row r="137" spans="1:17">
      <c r="A137" s="9" t="s">
        <v>27</v>
      </c>
      <c r="B137" s="9" t="s">
        <v>28</v>
      </c>
      <c r="C137" s="9" t="s">
        <v>29</v>
      </c>
      <c r="D137" s="9" t="s">
        <v>6</v>
      </c>
      <c r="E137" s="9" t="s">
        <v>51</v>
      </c>
      <c r="F137" s="9" t="s">
        <v>6</v>
      </c>
      <c r="G137" s="6">
        <v>4695695</v>
      </c>
      <c r="H137" s="6">
        <v>3338297</v>
      </c>
      <c r="I137" s="6">
        <v>2032478</v>
      </c>
      <c r="J137" s="6">
        <v>991548</v>
      </c>
      <c r="K137" s="6">
        <v>1305819</v>
      </c>
      <c r="L137" s="6">
        <v>23077</v>
      </c>
      <c r="M137" s="6">
        <v>1334321</v>
      </c>
      <c r="N137" s="10" t="s">
        <v>55</v>
      </c>
      <c r="O137" s="6">
        <v>716832</v>
      </c>
      <c r="P137" s="6">
        <v>990672</v>
      </c>
      <c r="Q137" s="6">
        <v>1334321</v>
      </c>
    </row>
    <row r="138" spans="1:17">
      <c r="A138" s="9" t="s">
        <v>27</v>
      </c>
      <c r="B138" s="9" t="s">
        <v>28</v>
      </c>
      <c r="C138" s="9" t="s">
        <v>29</v>
      </c>
      <c r="D138" s="9" t="s">
        <v>6</v>
      </c>
      <c r="E138" s="9" t="s">
        <v>51</v>
      </c>
      <c r="F138" s="9" t="s">
        <v>7</v>
      </c>
      <c r="G138" s="6">
        <v>253374</v>
      </c>
      <c r="H138" s="6">
        <v>203075</v>
      </c>
      <c r="I138" s="6">
        <v>130638</v>
      </c>
      <c r="J138" s="6">
        <v>68959</v>
      </c>
      <c r="K138" s="6">
        <v>72437</v>
      </c>
      <c r="L138" s="6">
        <v>1530</v>
      </c>
      <c r="M138" s="6">
        <v>48769</v>
      </c>
      <c r="N138" s="10" t="s">
        <v>55</v>
      </c>
      <c r="O138" s="6">
        <v>42424</v>
      </c>
      <c r="P138" s="6">
        <v>68797</v>
      </c>
      <c r="Q138" s="6">
        <v>48769</v>
      </c>
    </row>
    <row r="139" spans="1:17">
      <c r="A139" s="9" t="s">
        <v>27</v>
      </c>
      <c r="B139" s="9" t="s">
        <v>28</v>
      </c>
      <c r="C139" s="9" t="s">
        <v>29</v>
      </c>
      <c r="D139" s="9" t="s">
        <v>6</v>
      </c>
      <c r="E139" s="9" t="s">
        <v>51</v>
      </c>
      <c r="F139" s="9" t="s">
        <v>8</v>
      </c>
      <c r="G139" s="6">
        <v>249641</v>
      </c>
      <c r="H139" s="6">
        <v>200291</v>
      </c>
      <c r="I139" s="6">
        <v>128603</v>
      </c>
      <c r="J139" s="6">
        <v>67865</v>
      </c>
      <c r="K139" s="6">
        <v>71688</v>
      </c>
      <c r="L139" s="6">
        <v>1506</v>
      </c>
      <c r="M139" s="6">
        <v>47844</v>
      </c>
      <c r="N139" s="10" t="s">
        <v>55</v>
      </c>
      <c r="O139" s="6">
        <v>42058</v>
      </c>
      <c r="P139" s="6">
        <v>67711</v>
      </c>
      <c r="Q139" s="6">
        <v>47844</v>
      </c>
    </row>
    <row r="140" spans="1:17">
      <c r="A140" s="9" t="s">
        <v>27</v>
      </c>
      <c r="B140" s="9" t="s">
        <v>28</v>
      </c>
      <c r="C140" s="9" t="s">
        <v>29</v>
      </c>
      <c r="D140" s="9" t="s">
        <v>6</v>
      </c>
      <c r="E140" s="9" t="s">
        <v>51</v>
      </c>
      <c r="F140" s="9" t="s">
        <v>13</v>
      </c>
      <c r="G140" s="6">
        <v>3733</v>
      </c>
      <c r="H140" s="6">
        <v>2784</v>
      </c>
      <c r="I140" s="6">
        <v>2035</v>
      </c>
      <c r="J140" s="6">
        <v>1094</v>
      </c>
      <c r="K140" s="6">
        <v>749</v>
      </c>
      <c r="L140" s="6">
        <v>24</v>
      </c>
      <c r="M140" s="6">
        <v>925</v>
      </c>
      <c r="N140" s="10" t="s">
        <v>55</v>
      </c>
      <c r="O140" s="6">
        <v>366</v>
      </c>
      <c r="P140" s="6">
        <v>1086</v>
      </c>
      <c r="Q140" s="6">
        <v>925</v>
      </c>
    </row>
    <row r="141" spans="1:17">
      <c r="A141" s="9" t="s">
        <v>27</v>
      </c>
      <c r="B141" s="9" t="s">
        <v>28</v>
      </c>
      <c r="C141" s="9" t="s">
        <v>29</v>
      </c>
      <c r="D141" s="9" t="s">
        <v>6</v>
      </c>
      <c r="E141" s="9" t="s">
        <v>51</v>
      </c>
      <c r="F141" s="9" t="s">
        <v>14</v>
      </c>
      <c r="G141" s="6">
        <v>3990474</v>
      </c>
      <c r="H141" s="6">
        <v>2889622</v>
      </c>
      <c r="I141" s="6">
        <v>1704877</v>
      </c>
      <c r="J141" s="6">
        <v>802358</v>
      </c>
      <c r="K141" s="6">
        <v>1184745</v>
      </c>
      <c r="L141" s="6">
        <v>15206</v>
      </c>
      <c r="M141" s="6">
        <v>1085646</v>
      </c>
      <c r="N141" s="10" t="s">
        <v>55</v>
      </c>
      <c r="O141" s="6">
        <v>646712</v>
      </c>
      <c r="P141" s="6">
        <v>801935</v>
      </c>
      <c r="Q141" s="6">
        <v>1085646</v>
      </c>
    </row>
    <row r="142" spans="1:17">
      <c r="A142" s="9" t="s">
        <v>27</v>
      </c>
      <c r="B142" s="9" t="s">
        <v>28</v>
      </c>
      <c r="C142" s="9" t="s">
        <v>29</v>
      </c>
      <c r="D142" s="9" t="s">
        <v>6</v>
      </c>
      <c r="E142" s="9" t="s">
        <v>51</v>
      </c>
      <c r="F142" s="9" t="s">
        <v>18</v>
      </c>
      <c r="G142" s="6">
        <v>451847</v>
      </c>
      <c r="H142" s="6">
        <v>245600</v>
      </c>
      <c r="I142" s="6">
        <v>196963</v>
      </c>
      <c r="J142" s="6">
        <v>120231</v>
      </c>
      <c r="K142" s="6">
        <v>48637</v>
      </c>
      <c r="L142" s="6">
        <v>6341</v>
      </c>
      <c r="M142" s="6">
        <v>199906</v>
      </c>
      <c r="N142" s="10" t="s">
        <v>55</v>
      </c>
      <c r="O142" s="6">
        <v>27696</v>
      </c>
      <c r="P142" s="6">
        <v>119940</v>
      </c>
      <c r="Q142" s="6">
        <v>199906</v>
      </c>
    </row>
    <row r="143" spans="1:17">
      <c r="A143" s="9" t="s">
        <v>27</v>
      </c>
      <c r="B143" s="9" t="s">
        <v>28</v>
      </c>
      <c r="C143" s="9" t="s">
        <v>29</v>
      </c>
      <c r="D143" s="9" t="s">
        <v>6</v>
      </c>
      <c r="E143" s="9" t="s">
        <v>52</v>
      </c>
      <c r="F143" s="9" t="s">
        <v>6</v>
      </c>
      <c r="G143" s="6">
        <v>74747100</v>
      </c>
      <c r="H143" s="6">
        <v>60675497</v>
      </c>
      <c r="I143" s="6">
        <v>51642551</v>
      </c>
      <c r="J143" s="6">
        <v>12855240</v>
      </c>
      <c r="K143" s="6">
        <v>9032946</v>
      </c>
      <c r="L143" s="6">
        <v>996626</v>
      </c>
      <c r="M143" s="6">
        <v>13074977</v>
      </c>
      <c r="N143" s="10" t="s">
        <v>55</v>
      </c>
      <c r="O143" s="6">
        <v>6419335</v>
      </c>
      <c r="P143" s="6">
        <v>3685958</v>
      </c>
      <c r="Q143" s="6">
        <v>1331095</v>
      </c>
    </row>
    <row r="144" spans="1:17">
      <c r="A144" s="9" t="s">
        <v>27</v>
      </c>
      <c r="B144" s="9" t="s">
        <v>28</v>
      </c>
      <c r="C144" s="9" t="s">
        <v>29</v>
      </c>
      <c r="D144" s="9" t="s">
        <v>6</v>
      </c>
      <c r="E144" s="9" t="s">
        <v>52</v>
      </c>
      <c r="F144" s="9" t="s">
        <v>7</v>
      </c>
      <c r="G144" s="6">
        <v>53915886</v>
      </c>
      <c r="H144" s="6">
        <v>44715351</v>
      </c>
      <c r="I144" s="6">
        <v>37632890</v>
      </c>
      <c r="J144" s="6">
        <v>8708386</v>
      </c>
      <c r="K144" s="6">
        <v>7082461</v>
      </c>
      <c r="L144" s="6">
        <v>684075</v>
      </c>
      <c r="M144" s="6">
        <v>8516460</v>
      </c>
      <c r="N144" s="10" t="s">
        <v>55</v>
      </c>
      <c r="O144" s="6">
        <v>5183894</v>
      </c>
      <c r="P144" s="6">
        <v>1792112</v>
      </c>
      <c r="Q144" s="6">
        <v>613381</v>
      </c>
    </row>
    <row r="145" spans="1:17">
      <c r="A145" s="9" t="s">
        <v>27</v>
      </c>
      <c r="B145" s="9" t="s">
        <v>28</v>
      </c>
      <c r="C145" s="9" t="s">
        <v>29</v>
      </c>
      <c r="D145" s="9" t="s">
        <v>6</v>
      </c>
      <c r="E145" s="9" t="s">
        <v>52</v>
      </c>
      <c r="F145" s="9" t="s">
        <v>8</v>
      </c>
      <c r="G145" s="6">
        <v>51789532</v>
      </c>
      <c r="H145" s="6">
        <v>43054746</v>
      </c>
      <c r="I145" s="6">
        <v>36238073</v>
      </c>
      <c r="J145" s="6">
        <v>8484582</v>
      </c>
      <c r="K145" s="6">
        <v>6816673</v>
      </c>
      <c r="L145" s="6">
        <v>644625</v>
      </c>
      <c r="M145" s="6">
        <v>8090161</v>
      </c>
      <c r="N145" s="10" t="s">
        <v>55</v>
      </c>
      <c r="O145" s="6">
        <v>5005241</v>
      </c>
      <c r="P145" s="6">
        <v>1738982</v>
      </c>
      <c r="Q145" s="6">
        <v>570167</v>
      </c>
    </row>
    <row r="146" spans="1:17">
      <c r="A146" s="9" t="s">
        <v>27</v>
      </c>
      <c r="B146" s="9" t="s">
        <v>28</v>
      </c>
      <c r="C146" s="9" t="s">
        <v>29</v>
      </c>
      <c r="D146" s="9" t="s">
        <v>6</v>
      </c>
      <c r="E146" s="9" t="s">
        <v>52</v>
      </c>
      <c r="F146" s="9" t="s">
        <v>13</v>
      </c>
      <c r="G146" s="6">
        <v>2126354</v>
      </c>
      <c r="H146" s="6">
        <v>1660605</v>
      </c>
      <c r="I146" s="6">
        <v>1394817</v>
      </c>
      <c r="J146" s="6">
        <v>223804</v>
      </c>
      <c r="K146" s="6">
        <v>265788</v>
      </c>
      <c r="L146" s="6">
        <v>39450</v>
      </c>
      <c r="M146" s="6">
        <v>426299</v>
      </c>
      <c r="N146" s="10" t="s">
        <v>55</v>
      </c>
      <c r="O146" s="6">
        <v>178653</v>
      </c>
      <c r="P146" s="6">
        <v>53130</v>
      </c>
      <c r="Q146" s="6">
        <v>43214</v>
      </c>
    </row>
    <row r="147" spans="1:17">
      <c r="A147" s="9" t="s">
        <v>27</v>
      </c>
      <c r="B147" s="9" t="s">
        <v>28</v>
      </c>
      <c r="C147" s="9" t="s">
        <v>29</v>
      </c>
      <c r="D147" s="9" t="s">
        <v>6</v>
      </c>
      <c r="E147" s="9" t="s">
        <v>52</v>
      </c>
      <c r="F147" s="9" t="s">
        <v>14</v>
      </c>
      <c r="G147" s="6">
        <v>11903338</v>
      </c>
      <c r="H147" s="6">
        <v>10466684</v>
      </c>
      <c r="I147" s="6">
        <v>8992663</v>
      </c>
      <c r="J147" s="6">
        <v>3078254</v>
      </c>
      <c r="K147" s="6">
        <v>1474021</v>
      </c>
      <c r="L147" s="6">
        <v>80060</v>
      </c>
      <c r="M147" s="6">
        <v>1356594</v>
      </c>
      <c r="N147" s="10" t="s">
        <v>55</v>
      </c>
      <c r="O147" s="6">
        <v>942948</v>
      </c>
      <c r="P147" s="6">
        <v>1762258</v>
      </c>
      <c r="Q147" s="6">
        <v>550413</v>
      </c>
    </row>
    <row r="148" spans="1:17">
      <c r="A148" s="9" t="s">
        <v>27</v>
      </c>
      <c r="B148" s="9" t="s">
        <v>28</v>
      </c>
      <c r="C148" s="9" t="s">
        <v>29</v>
      </c>
      <c r="D148" s="9" t="s">
        <v>6</v>
      </c>
      <c r="E148" s="9" t="s">
        <v>52</v>
      </c>
      <c r="F148" s="9" t="s">
        <v>18</v>
      </c>
      <c r="G148" s="6">
        <v>8927876</v>
      </c>
      <c r="H148" s="6">
        <v>5493462</v>
      </c>
      <c r="I148" s="6">
        <v>5016998</v>
      </c>
      <c r="J148" s="6">
        <v>1068600</v>
      </c>
      <c r="K148" s="6">
        <v>476464</v>
      </c>
      <c r="L148" s="6">
        <v>232491</v>
      </c>
      <c r="M148" s="6">
        <v>3201923</v>
      </c>
      <c r="N148" s="10" t="s">
        <v>55</v>
      </c>
      <c r="O148" s="6">
        <v>292493</v>
      </c>
      <c r="P148" s="6">
        <v>131588</v>
      </c>
      <c r="Q148" s="6">
        <v>167301</v>
      </c>
    </row>
    <row r="149" spans="1:17">
      <c r="A149" s="9" t="s">
        <v>27</v>
      </c>
      <c r="B149" s="9" t="s">
        <v>57</v>
      </c>
      <c r="C149" s="9" t="s">
        <v>58</v>
      </c>
      <c r="D149" s="9" t="s">
        <v>6</v>
      </c>
      <c r="E149" s="9" t="s">
        <v>30</v>
      </c>
      <c r="F149" s="9" t="s">
        <v>6</v>
      </c>
      <c r="G149" s="6">
        <v>1426540</v>
      </c>
      <c r="H149" s="6">
        <v>1191256</v>
      </c>
      <c r="I149" s="6">
        <v>927260</v>
      </c>
      <c r="J149" s="6">
        <v>298656</v>
      </c>
      <c r="K149" s="6">
        <v>263996</v>
      </c>
      <c r="L149" s="6">
        <v>13413</v>
      </c>
      <c r="M149" s="6">
        <v>221871</v>
      </c>
      <c r="N149" s="10" t="s">
        <v>55</v>
      </c>
      <c r="O149" s="6">
        <v>183185</v>
      </c>
      <c r="P149" s="6">
        <v>188350</v>
      </c>
      <c r="Q149" s="6">
        <v>92410</v>
      </c>
    </row>
    <row r="150" spans="1:17">
      <c r="A150" s="9" t="s">
        <v>27</v>
      </c>
      <c r="B150" s="9" t="s">
        <v>57</v>
      </c>
      <c r="C150" s="9" t="s">
        <v>58</v>
      </c>
      <c r="D150" s="9" t="s">
        <v>6</v>
      </c>
      <c r="E150" s="9" t="s">
        <v>30</v>
      </c>
      <c r="F150" s="9" t="s">
        <v>7</v>
      </c>
      <c r="G150" s="6">
        <v>849137</v>
      </c>
      <c r="H150" s="6">
        <v>722098</v>
      </c>
      <c r="I150" s="6">
        <v>563178</v>
      </c>
      <c r="J150" s="6">
        <v>147107</v>
      </c>
      <c r="K150" s="6">
        <v>158920</v>
      </c>
      <c r="L150" s="6">
        <v>9302</v>
      </c>
      <c r="M150" s="6">
        <v>117737</v>
      </c>
      <c r="N150" s="10" t="s">
        <v>55</v>
      </c>
      <c r="O150" s="6">
        <v>116013</v>
      </c>
      <c r="P150" s="6">
        <v>58938</v>
      </c>
      <c r="Q150" s="6">
        <v>20005</v>
      </c>
    </row>
    <row r="151" spans="1:17">
      <c r="A151" s="9" t="s">
        <v>27</v>
      </c>
      <c r="B151" s="9" t="s">
        <v>57</v>
      </c>
      <c r="C151" s="9" t="s">
        <v>58</v>
      </c>
      <c r="D151" s="9" t="s">
        <v>6</v>
      </c>
      <c r="E151" s="9" t="s">
        <v>30</v>
      </c>
      <c r="F151" s="9" t="s">
        <v>8</v>
      </c>
      <c r="G151" s="6">
        <v>815870</v>
      </c>
      <c r="H151" s="6">
        <v>695230</v>
      </c>
      <c r="I151" s="6">
        <v>541918</v>
      </c>
      <c r="J151" s="6">
        <v>143267</v>
      </c>
      <c r="K151" s="6">
        <v>153312</v>
      </c>
      <c r="L151" s="6">
        <v>8748</v>
      </c>
      <c r="M151" s="6">
        <v>111892</v>
      </c>
      <c r="N151" s="10" t="s">
        <v>55</v>
      </c>
      <c r="O151" s="6">
        <v>112173</v>
      </c>
      <c r="P151" s="6">
        <v>57509</v>
      </c>
      <c r="Q151" s="6">
        <v>18977</v>
      </c>
    </row>
    <row r="152" spans="1:17">
      <c r="A152" s="9" t="s">
        <v>27</v>
      </c>
      <c r="B152" s="9" t="s">
        <v>57</v>
      </c>
      <c r="C152" s="9" t="s">
        <v>58</v>
      </c>
      <c r="D152" s="9" t="s">
        <v>6</v>
      </c>
      <c r="E152" s="9" t="s">
        <v>30</v>
      </c>
      <c r="F152" s="9" t="s">
        <v>13</v>
      </c>
      <c r="G152" s="6">
        <v>33267</v>
      </c>
      <c r="H152" s="6">
        <v>26868</v>
      </c>
      <c r="I152" s="6">
        <v>21260</v>
      </c>
      <c r="J152" s="6">
        <v>3840</v>
      </c>
      <c r="K152" s="6">
        <v>5608</v>
      </c>
      <c r="L152" s="6">
        <v>554</v>
      </c>
      <c r="M152" s="6">
        <v>5845</v>
      </c>
      <c r="N152" s="10" t="s">
        <v>55</v>
      </c>
      <c r="O152" s="6">
        <v>3840</v>
      </c>
      <c r="P152" s="6">
        <v>1429</v>
      </c>
      <c r="Q152" s="6">
        <v>1028</v>
      </c>
    </row>
    <row r="153" spans="1:17">
      <c r="A153" s="9" t="s">
        <v>27</v>
      </c>
      <c r="B153" s="9" t="s">
        <v>57</v>
      </c>
      <c r="C153" s="9" t="s">
        <v>58</v>
      </c>
      <c r="D153" s="9" t="s">
        <v>6</v>
      </c>
      <c r="E153" s="9" t="s">
        <v>30</v>
      </c>
      <c r="F153" s="9" t="s">
        <v>14</v>
      </c>
      <c r="G153" s="6">
        <v>490580</v>
      </c>
      <c r="H153" s="6">
        <v>411050</v>
      </c>
      <c r="I153" s="6">
        <v>313962</v>
      </c>
      <c r="J153" s="6">
        <v>137467</v>
      </c>
      <c r="K153" s="6">
        <v>97088</v>
      </c>
      <c r="L153" s="6">
        <v>2663</v>
      </c>
      <c r="M153" s="6">
        <v>76867</v>
      </c>
      <c r="N153" s="10" t="s">
        <v>55</v>
      </c>
      <c r="O153" s="6">
        <v>61601</v>
      </c>
      <c r="P153" s="6">
        <v>120716</v>
      </c>
      <c r="Q153" s="6">
        <v>64491</v>
      </c>
    </row>
    <row r="154" spans="1:17">
      <c r="A154" s="9" t="s">
        <v>27</v>
      </c>
      <c r="B154" s="9" t="s">
        <v>57</v>
      </c>
      <c r="C154" s="9" t="s">
        <v>58</v>
      </c>
      <c r="D154" s="9" t="s">
        <v>6</v>
      </c>
      <c r="E154" s="9" t="s">
        <v>30</v>
      </c>
      <c r="F154" s="9" t="s">
        <v>18</v>
      </c>
      <c r="G154" s="6">
        <v>86823</v>
      </c>
      <c r="H154" s="6">
        <v>58108</v>
      </c>
      <c r="I154" s="6">
        <v>50120</v>
      </c>
      <c r="J154" s="6">
        <v>14082</v>
      </c>
      <c r="K154" s="6">
        <v>7988</v>
      </c>
      <c r="L154" s="6">
        <v>1448</v>
      </c>
      <c r="M154" s="6">
        <v>27267</v>
      </c>
      <c r="N154" s="10" t="s">
        <v>55</v>
      </c>
      <c r="O154" s="6">
        <v>5571</v>
      </c>
      <c r="P154" s="6">
        <v>8696</v>
      </c>
      <c r="Q154" s="6">
        <v>7914</v>
      </c>
    </row>
    <row r="155" spans="1:17">
      <c r="A155" s="9" t="s">
        <v>27</v>
      </c>
      <c r="B155" s="9" t="s">
        <v>57</v>
      </c>
      <c r="C155" s="9" t="s">
        <v>58</v>
      </c>
      <c r="D155" s="9" t="s">
        <v>6</v>
      </c>
      <c r="E155" s="9" t="s">
        <v>31</v>
      </c>
      <c r="F155" s="9" t="s">
        <v>6</v>
      </c>
      <c r="G155" s="6">
        <v>74932</v>
      </c>
      <c r="H155" s="6">
        <v>70601</v>
      </c>
      <c r="I155" s="6">
        <v>55491</v>
      </c>
      <c r="J155" s="6">
        <v>45</v>
      </c>
      <c r="K155" s="6">
        <v>15110</v>
      </c>
      <c r="L155" s="6">
        <v>359</v>
      </c>
      <c r="M155" s="6">
        <v>3972</v>
      </c>
      <c r="N155" s="10" t="s">
        <v>55</v>
      </c>
      <c r="O155" s="6">
        <v>14029</v>
      </c>
      <c r="P155" s="10" t="s">
        <v>55</v>
      </c>
      <c r="Q155" s="10" t="s">
        <v>55</v>
      </c>
    </row>
    <row r="156" spans="1:17">
      <c r="A156" s="9" t="s">
        <v>27</v>
      </c>
      <c r="B156" s="9" t="s">
        <v>57</v>
      </c>
      <c r="C156" s="9" t="s">
        <v>58</v>
      </c>
      <c r="D156" s="9" t="s">
        <v>6</v>
      </c>
      <c r="E156" s="9" t="s">
        <v>31</v>
      </c>
      <c r="F156" s="9" t="s">
        <v>7</v>
      </c>
      <c r="G156" s="6">
        <v>10589</v>
      </c>
      <c r="H156" s="6">
        <v>8477</v>
      </c>
      <c r="I156" s="6">
        <v>6466</v>
      </c>
      <c r="J156" s="6">
        <v>22</v>
      </c>
      <c r="K156" s="6">
        <v>2011</v>
      </c>
      <c r="L156" s="6">
        <v>92</v>
      </c>
      <c r="M156" s="6">
        <v>2020</v>
      </c>
      <c r="N156" s="10" t="s">
        <v>55</v>
      </c>
      <c r="O156" s="6">
        <v>1788</v>
      </c>
      <c r="P156" s="10" t="s">
        <v>55</v>
      </c>
      <c r="Q156" s="10" t="s">
        <v>55</v>
      </c>
    </row>
    <row r="157" spans="1:17">
      <c r="A157" s="9" t="s">
        <v>27</v>
      </c>
      <c r="B157" s="9" t="s">
        <v>57</v>
      </c>
      <c r="C157" s="9" t="s">
        <v>58</v>
      </c>
      <c r="D157" s="9" t="s">
        <v>6</v>
      </c>
      <c r="E157" s="9" t="s">
        <v>31</v>
      </c>
      <c r="F157" s="9" t="s">
        <v>8</v>
      </c>
      <c r="G157" s="6">
        <v>9741</v>
      </c>
      <c r="H157" s="6">
        <v>7789</v>
      </c>
      <c r="I157" s="6">
        <v>5984</v>
      </c>
      <c r="J157" s="6">
        <v>20</v>
      </c>
      <c r="K157" s="6">
        <v>1805</v>
      </c>
      <c r="L157" s="6">
        <v>82</v>
      </c>
      <c r="M157" s="6">
        <v>1870</v>
      </c>
      <c r="N157" s="10" t="s">
        <v>55</v>
      </c>
      <c r="O157" s="6">
        <v>1596</v>
      </c>
      <c r="P157" s="10" t="s">
        <v>55</v>
      </c>
      <c r="Q157" s="10" t="s">
        <v>55</v>
      </c>
    </row>
    <row r="158" spans="1:17">
      <c r="A158" s="9" t="s">
        <v>27</v>
      </c>
      <c r="B158" s="9" t="s">
        <v>57</v>
      </c>
      <c r="C158" s="9" t="s">
        <v>58</v>
      </c>
      <c r="D158" s="9" t="s">
        <v>6</v>
      </c>
      <c r="E158" s="9" t="s">
        <v>31</v>
      </c>
      <c r="F158" s="9" t="s">
        <v>13</v>
      </c>
      <c r="G158" s="6">
        <v>848</v>
      </c>
      <c r="H158" s="6">
        <v>688</v>
      </c>
      <c r="I158" s="6">
        <v>482</v>
      </c>
      <c r="J158" s="6">
        <v>2</v>
      </c>
      <c r="K158" s="6">
        <v>206</v>
      </c>
      <c r="L158" s="6">
        <v>10</v>
      </c>
      <c r="M158" s="6">
        <v>150</v>
      </c>
      <c r="N158" s="10" t="s">
        <v>55</v>
      </c>
      <c r="O158" s="6">
        <v>192</v>
      </c>
      <c r="P158" s="10" t="s">
        <v>55</v>
      </c>
      <c r="Q158" s="10" t="s">
        <v>55</v>
      </c>
    </row>
    <row r="159" spans="1:17">
      <c r="A159" s="9" t="s">
        <v>27</v>
      </c>
      <c r="B159" s="9" t="s">
        <v>57</v>
      </c>
      <c r="C159" s="9" t="s">
        <v>58</v>
      </c>
      <c r="D159" s="9" t="s">
        <v>6</v>
      </c>
      <c r="E159" s="9" t="s">
        <v>31</v>
      </c>
      <c r="F159" s="9" t="s">
        <v>14</v>
      </c>
      <c r="G159" s="6">
        <v>59478</v>
      </c>
      <c r="H159" s="6">
        <v>57575</v>
      </c>
      <c r="I159" s="6">
        <v>45027</v>
      </c>
      <c r="J159" s="6">
        <v>11</v>
      </c>
      <c r="K159" s="6">
        <v>12548</v>
      </c>
      <c r="L159" s="6">
        <v>210</v>
      </c>
      <c r="M159" s="6">
        <v>1693</v>
      </c>
      <c r="N159" s="10" t="s">
        <v>55</v>
      </c>
      <c r="O159" s="6">
        <v>11754</v>
      </c>
      <c r="P159" s="10" t="s">
        <v>55</v>
      </c>
      <c r="Q159" s="10" t="s">
        <v>55</v>
      </c>
    </row>
    <row r="160" spans="1:17">
      <c r="A160" s="9" t="s">
        <v>27</v>
      </c>
      <c r="B160" s="9" t="s">
        <v>57</v>
      </c>
      <c r="C160" s="9" t="s">
        <v>58</v>
      </c>
      <c r="D160" s="9" t="s">
        <v>6</v>
      </c>
      <c r="E160" s="9" t="s">
        <v>31</v>
      </c>
      <c r="F160" s="9" t="s">
        <v>18</v>
      </c>
      <c r="G160" s="6">
        <v>4865</v>
      </c>
      <c r="H160" s="6">
        <v>4549</v>
      </c>
      <c r="I160" s="6">
        <v>3998</v>
      </c>
      <c r="J160" s="6">
        <v>12</v>
      </c>
      <c r="K160" s="6">
        <v>551</v>
      </c>
      <c r="L160" s="6">
        <v>57</v>
      </c>
      <c r="M160" s="6">
        <v>259</v>
      </c>
      <c r="N160" s="10" t="s">
        <v>55</v>
      </c>
      <c r="O160" s="6">
        <v>487</v>
      </c>
      <c r="P160" s="10" t="s">
        <v>55</v>
      </c>
      <c r="Q160" s="10" t="s">
        <v>55</v>
      </c>
    </row>
    <row r="161" spans="1:17">
      <c r="A161" s="9" t="s">
        <v>27</v>
      </c>
      <c r="B161" s="9" t="s">
        <v>57</v>
      </c>
      <c r="C161" s="9" t="s">
        <v>58</v>
      </c>
      <c r="D161" s="9" t="s">
        <v>6</v>
      </c>
      <c r="E161" s="9" t="s">
        <v>32</v>
      </c>
      <c r="F161" s="9" t="s">
        <v>6</v>
      </c>
      <c r="G161" s="6">
        <v>68335</v>
      </c>
      <c r="H161" s="6">
        <v>47685</v>
      </c>
      <c r="I161" s="6">
        <v>35359</v>
      </c>
      <c r="J161" s="6">
        <v>1378</v>
      </c>
      <c r="K161" s="6">
        <v>12326</v>
      </c>
      <c r="L161" s="6">
        <v>1476</v>
      </c>
      <c r="M161" s="6">
        <v>19174</v>
      </c>
      <c r="N161" s="10" t="s">
        <v>55</v>
      </c>
      <c r="O161" s="6">
        <v>10606</v>
      </c>
      <c r="P161" s="10" t="s">
        <v>55</v>
      </c>
      <c r="Q161" s="10" t="s">
        <v>55</v>
      </c>
    </row>
    <row r="162" spans="1:17">
      <c r="A162" s="9" t="s">
        <v>27</v>
      </c>
      <c r="B162" s="9" t="s">
        <v>57</v>
      </c>
      <c r="C162" s="9" t="s">
        <v>58</v>
      </c>
      <c r="D162" s="9" t="s">
        <v>6</v>
      </c>
      <c r="E162" s="9" t="s">
        <v>32</v>
      </c>
      <c r="F162" s="9" t="s">
        <v>7</v>
      </c>
      <c r="G162" s="6">
        <v>46911</v>
      </c>
      <c r="H162" s="6">
        <v>32294</v>
      </c>
      <c r="I162" s="6">
        <v>23288</v>
      </c>
      <c r="J162" s="6">
        <v>1046</v>
      </c>
      <c r="K162" s="6">
        <v>9006</v>
      </c>
      <c r="L162" s="6">
        <v>1172</v>
      </c>
      <c r="M162" s="6">
        <v>13445</v>
      </c>
      <c r="N162" s="10" t="s">
        <v>55</v>
      </c>
      <c r="O162" s="6">
        <v>7792</v>
      </c>
      <c r="P162" s="10" t="s">
        <v>55</v>
      </c>
      <c r="Q162" s="10" t="s">
        <v>55</v>
      </c>
    </row>
    <row r="163" spans="1:17">
      <c r="A163" s="9" t="s">
        <v>27</v>
      </c>
      <c r="B163" s="9" t="s">
        <v>57</v>
      </c>
      <c r="C163" s="9" t="s">
        <v>58</v>
      </c>
      <c r="D163" s="9" t="s">
        <v>6</v>
      </c>
      <c r="E163" s="9" t="s">
        <v>32</v>
      </c>
      <c r="F163" s="9" t="s">
        <v>8</v>
      </c>
      <c r="G163" s="6">
        <v>43871</v>
      </c>
      <c r="H163" s="6">
        <v>29647</v>
      </c>
      <c r="I163" s="6">
        <v>21423</v>
      </c>
      <c r="J163" s="6">
        <v>1003</v>
      </c>
      <c r="K163" s="6">
        <v>8224</v>
      </c>
      <c r="L163" s="6">
        <v>1109</v>
      </c>
      <c r="M163" s="6">
        <v>13115</v>
      </c>
      <c r="N163" s="10" t="s">
        <v>55</v>
      </c>
      <c r="O163" s="6">
        <v>7123</v>
      </c>
      <c r="P163" s="10" t="s">
        <v>55</v>
      </c>
      <c r="Q163" s="10" t="s">
        <v>55</v>
      </c>
    </row>
    <row r="164" spans="1:17">
      <c r="A164" s="9" t="s">
        <v>27</v>
      </c>
      <c r="B164" s="9" t="s">
        <v>57</v>
      </c>
      <c r="C164" s="9" t="s">
        <v>58</v>
      </c>
      <c r="D164" s="9" t="s">
        <v>6</v>
      </c>
      <c r="E164" s="9" t="s">
        <v>32</v>
      </c>
      <c r="F164" s="9" t="s">
        <v>13</v>
      </c>
      <c r="G164" s="6">
        <v>3040</v>
      </c>
      <c r="H164" s="6">
        <v>2647</v>
      </c>
      <c r="I164" s="6">
        <v>1865</v>
      </c>
      <c r="J164" s="6">
        <v>43</v>
      </c>
      <c r="K164" s="6">
        <v>782</v>
      </c>
      <c r="L164" s="6">
        <v>63</v>
      </c>
      <c r="M164" s="6">
        <v>330</v>
      </c>
      <c r="N164" s="10" t="s">
        <v>55</v>
      </c>
      <c r="O164" s="6">
        <v>669</v>
      </c>
      <c r="P164" s="10" t="s">
        <v>55</v>
      </c>
      <c r="Q164" s="10" t="s">
        <v>55</v>
      </c>
    </row>
    <row r="165" spans="1:17">
      <c r="A165" s="9" t="s">
        <v>27</v>
      </c>
      <c r="B165" s="9" t="s">
        <v>57</v>
      </c>
      <c r="C165" s="9" t="s">
        <v>58</v>
      </c>
      <c r="D165" s="9" t="s">
        <v>6</v>
      </c>
      <c r="E165" s="9" t="s">
        <v>32</v>
      </c>
      <c r="F165" s="9" t="s">
        <v>14</v>
      </c>
      <c r="G165" s="6">
        <v>14878</v>
      </c>
      <c r="H165" s="6">
        <v>11643</v>
      </c>
      <c r="I165" s="6">
        <v>8977</v>
      </c>
      <c r="J165" s="6">
        <v>114</v>
      </c>
      <c r="K165" s="6">
        <v>2666</v>
      </c>
      <c r="L165" s="6">
        <v>108</v>
      </c>
      <c r="M165" s="6">
        <v>3127</v>
      </c>
      <c r="N165" s="10" t="s">
        <v>55</v>
      </c>
      <c r="O165" s="6">
        <v>2309</v>
      </c>
      <c r="P165" s="10" t="s">
        <v>55</v>
      </c>
      <c r="Q165" s="10" t="s">
        <v>55</v>
      </c>
    </row>
    <row r="166" spans="1:17">
      <c r="A166" s="9" t="s">
        <v>27</v>
      </c>
      <c r="B166" s="9" t="s">
        <v>57</v>
      </c>
      <c r="C166" s="9" t="s">
        <v>58</v>
      </c>
      <c r="D166" s="9" t="s">
        <v>6</v>
      </c>
      <c r="E166" s="9" t="s">
        <v>32</v>
      </c>
      <c r="F166" s="9" t="s">
        <v>18</v>
      </c>
      <c r="G166" s="6">
        <v>6546</v>
      </c>
      <c r="H166" s="6">
        <v>3748</v>
      </c>
      <c r="I166" s="6">
        <v>3094</v>
      </c>
      <c r="J166" s="6">
        <v>218</v>
      </c>
      <c r="K166" s="6">
        <v>654</v>
      </c>
      <c r="L166" s="6">
        <v>196</v>
      </c>
      <c r="M166" s="6">
        <v>2602</v>
      </c>
      <c r="N166" s="10" t="s">
        <v>55</v>
      </c>
      <c r="O166" s="6">
        <v>505</v>
      </c>
      <c r="P166" s="10" t="s">
        <v>55</v>
      </c>
      <c r="Q166" s="10" t="s">
        <v>55</v>
      </c>
    </row>
    <row r="167" spans="1:17">
      <c r="A167" s="9" t="s">
        <v>27</v>
      </c>
      <c r="B167" s="9" t="s">
        <v>57</v>
      </c>
      <c r="C167" s="9" t="s">
        <v>58</v>
      </c>
      <c r="D167" s="9" t="s">
        <v>6</v>
      </c>
      <c r="E167" s="9" t="s">
        <v>33</v>
      </c>
      <c r="F167" s="9" t="s">
        <v>6</v>
      </c>
      <c r="G167" s="6">
        <v>71058</v>
      </c>
      <c r="H167" s="6">
        <v>52517</v>
      </c>
      <c r="I167" s="6">
        <v>41315</v>
      </c>
      <c r="J167" s="6">
        <v>6926</v>
      </c>
      <c r="K167" s="6">
        <v>11202</v>
      </c>
      <c r="L167" s="6">
        <v>1908</v>
      </c>
      <c r="M167" s="6">
        <v>16633</v>
      </c>
      <c r="N167" s="10" t="s">
        <v>55</v>
      </c>
      <c r="O167" s="6">
        <v>9617</v>
      </c>
      <c r="P167" s="10" t="s">
        <v>55</v>
      </c>
      <c r="Q167" s="10" t="s">
        <v>55</v>
      </c>
    </row>
    <row r="168" spans="1:17">
      <c r="A168" s="9" t="s">
        <v>27</v>
      </c>
      <c r="B168" s="9" t="s">
        <v>57</v>
      </c>
      <c r="C168" s="9" t="s">
        <v>58</v>
      </c>
      <c r="D168" s="9" t="s">
        <v>6</v>
      </c>
      <c r="E168" s="9" t="s">
        <v>33</v>
      </c>
      <c r="F168" s="9" t="s">
        <v>7</v>
      </c>
      <c r="G168" s="6">
        <v>58505</v>
      </c>
      <c r="H168" s="6">
        <v>43875</v>
      </c>
      <c r="I168" s="6">
        <v>34038</v>
      </c>
      <c r="J168" s="6">
        <v>5800</v>
      </c>
      <c r="K168" s="6">
        <v>9837</v>
      </c>
      <c r="L168" s="6">
        <v>1627</v>
      </c>
      <c r="M168" s="6">
        <v>13003</v>
      </c>
      <c r="N168" s="10" t="s">
        <v>55</v>
      </c>
      <c r="O168" s="6">
        <v>8521</v>
      </c>
      <c r="P168" s="10" t="s">
        <v>55</v>
      </c>
      <c r="Q168" s="10" t="s">
        <v>55</v>
      </c>
    </row>
    <row r="169" spans="1:17">
      <c r="A169" s="9" t="s">
        <v>27</v>
      </c>
      <c r="B169" s="9" t="s">
        <v>57</v>
      </c>
      <c r="C169" s="9" t="s">
        <v>58</v>
      </c>
      <c r="D169" s="9" t="s">
        <v>6</v>
      </c>
      <c r="E169" s="9" t="s">
        <v>33</v>
      </c>
      <c r="F169" s="9" t="s">
        <v>8</v>
      </c>
      <c r="G169" s="6">
        <v>55402</v>
      </c>
      <c r="H169" s="6">
        <v>41154</v>
      </c>
      <c r="I169" s="6">
        <v>32032</v>
      </c>
      <c r="J169" s="6">
        <v>5677</v>
      </c>
      <c r="K169" s="6">
        <v>9122</v>
      </c>
      <c r="L169" s="6">
        <v>1543</v>
      </c>
      <c r="M169" s="6">
        <v>12705</v>
      </c>
      <c r="N169" s="10" t="s">
        <v>55</v>
      </c>
      <c r="O169" s="6">
        <v>7925</v>
      </c>
      <c r="P169" s="10" t="s">
        <v>55</v>
      </c>
      <c r="Q169" s="10" t="s">
        <v>55</v>
      </c>
    </row>
    <row r="170" spans="1:17">
      <c r="A170" s="9" t="s">
        <v>27</v>
      </c>
      <c r="B170" s="9" t="s">
        <v>57</v>
      </c>
      <c r="C170" s="9" t="s">
        <v>58</v>
      </c>
      <c r="D170" s="9" t="s">
        <v>6</v>
      </c>
      <c r="E170" s="9" t="s">
        <v>33</v>
      </c>
      <c r="F170" s="9" t="s">
        <v>13</v>
      </c>
      <c r="G170" s="6">
        <v>3103</v>
      </c>
      <c r="H170" s="6">
        <v>2721</v>
      </c>
      <c r="I170" s="6">
        <v>2006</v>
      </c>
      <c r="J170" s="6">
        <v>123</v>
      </c>
      <c r="K170" s="6">
        <v>715</v>
      </c>
      <c r="L170" s="6">
        <v>84</v>
      </c>
      <c r="M170" s="6">
        <v>298</v>
      </c>
      <c r="N170" s="10" t="s">
        <v>55</v>
      </c>
      <c r="O170" s="6">
        <v>596</v>
      </c>
      <c r="P170" s="10" t="s">
        <v>55</v>
      </c>
      <c r="Q170" s="10" t="s">
        <v>55</v>
      </c>
    </row>
    <row r="171" spans="1:17">
      <c r="A171" s="9" t="s">
        <v>27</v>
      </c>
      <c r="B171" s="9" t="s">
        <v>57</v>
      </c>
      <c r="C171" s="9" t="s">
        <v>58</v>
      </c>
      <c r="D171" s="9" t="s">
        <v>6</v>
      </c>
      <c r="E171" s="9" t="s">
        <v>33</v>
      </c>
      <c r="F171" s="9" t="s">
        <v>14</v>
      </c>
      <c r="G171" s="6">
        <v>5212</v>
      </c>
      <c r="H171" s="6">
        <v>4760</v>
      </c>
      <c r="I171" s="6">
        <v>3911</v>
      </c>
      <c r="J171" s="6">
        <v>411</v>
      </c>
      <c r="K171" s="6">
        <v>849</v>
      </c>
      <c r="L171" s="6">
        <v>71</v>
      </c>
      <c r="M171" s="6">
        <v>381</v>
      </c>
      <c r="N171" s="10" t="s">
        <v>55</v>
      </c>
      <c r="O171" s="6">
        <v>736</v>
      </c>
      <c r="P171" s="10" t="s">
        <v>55</v>
      </c>
      <c r="Q171" s="10" t="s">
        <v>55</v>
      </c>
    </row>
    <row r="172" spans="1:17">
      <c r="A172" s="9" t="s">
        <v>27</v>
      </c>
      <c r="B172" s="9" t="s">
        <v>57</v>
      </c>
      <c r="C172" s="9" t="s">
        <v>58</v>
      </c>
      <c r="D172" s="9" t="s">
        <v>6</v>
      </c>
      <c r="E172" s="9" t="s">
        <v>33</v>
      </c>
      <c r="F172" s="9" t="s">
        <v>18</v>
      </c>
      <c r="G172" s="6">
        <v>7341</v>
      </c>
      <c r="H172" s="6">
        <v>3882</v>
      </c>
      <c r="I172" s="6">
        <v>3366</v>
      </c>
      <c r="J172" s="6">
        <v>715</v>
      </c>
      <c r="K172" s="6">
        <v>516</v>
      </c>
      <c r="L172" s="6">
        <v>210</v>
      </c>
      <c r="M172" s="6">
        <v>3249</v>
      </c>
      <c r="N172" s="10" t="s">
        <v>55</v>
      </c>
      <c r="O172" s="6">
        <v>360</v>
      </c>
      <c r="P172" s="10" t="s">
        <v>55</v>
      </c>
      <c r="Q172" s="10" t="s">
        <v>55</v>
      </c>
    </row>
    <row r="173" spans="1:17">
      <c r="A173" s="9" t="s">
        <v>27</v>
      </c>
      <c r="B173" s="9" t="s">
        <v>57</v>
      </c>
      <c r="C173" s="9" t="s">
        <v>58</v>
      </c>
      <c r="D173" s="9" t="s">
        <v>6</v>
      </c>
      <c r="E173" s="9" t="s">
        <v>34</v>
      </c>
      <c r="F173" s="9" t="s">
        <v>6</v>
      </c>
      <c r="G173" s="6">
        <v>82449</v>
      </c>
      <c r="H173" s="6">
        <v>69612</v>
      </c>
      <c r="I173" s="6">
        <v>58130</v>
      </c>
      <c r="J173" s="6">
        <v>7593</v>
      </c>
      <c r="K173" s="6">
        <v>11482</v>
      </c>
      <c r="L173" s="6">
        <v>1105</v>
      </c>
      <c r="M173" s="6">
        <v>11732</v>
      </c>
      <c r="N173" s="10" t="s">
        <v>55</v>
      </c>
      <c r="O173" s="6">
        <v>9945</v>
      </c>
      <c r="P173" s="10" t="s">
        <v>55</v>
      </c>
      <c r="Q173" s="10" t="s">
        <v>55</v>
      </c>
    </row>
    <row r="174" spans="1:17">
      <c r="A174" s="9" t="s">
        <v>27</v>
      </c>
      <c r="B174" s="9" t="s">
        <v>57</v>
      </c>
      <c r="C174" s="9" t="s">
        <v>58</v>
      </c>
      <c r="D174" s="9" t="s">
        <v>6</v>
      </c>
      <c r="E174" s="9" t="s">
        <v>34</v>
      </c>
      <c r="F174" s="9" t="s">
        <v>7</v>
      </c>
      <c r="G174" s="6">
        <v>67627</v>
      </c>
      <c r="H174" s="6">
        <v>57641</v>
      </c>
      <c r="I174" s="6">
        <v>47493</v>
      </c>
      <c r="J174" s="6">
        <v>6317</v>
      </c>
      <c r="K174" s="6">
        <v>10148</v>
      </c>
      <c r="L174" s="6">
        <v>910</v>
      </c>
      <c r="M174" s="6">
        <v>9076</v>
      </c>
      <c r="N174" s="10" t="s">
        <v>55</v>
      </c>
      <c r="O174" s="6">
        <v>8823</v>
      </c>
      <c r="P174" s="10" t="s">
        <v>55</v>
      </c>
      <c r="Q174" s="10" t="s">
        <v>55</v>
      </c>
    </row>
    <row r="175" spans="1:17">
      <c r="A175" s="9" t="s">
        <v>27</v>
      </c>
      <c r="B175" s="9" t="s">
        <v>57</v>
      </c>
      <c r="C175" s="9" t="s">
        <v>58</v>
      </c>
      <c r="D175" s="9" t="s">
        <v>6</v>
      </c>
      <c r="E175" s="9" t="s">
        <v>34</v>
      </c>
      <c r="F175" s="9" t="s">
        <v>8</v>
      </c>
      <c r="G175" s="6">
        <v>64690</v>
      </c>
      <c r="H175" s="6">
        <v>55083</v>
      </c>
      <c r="I175" s="6">
        <v>45497</v>
      </c>
      <c r="J175" s="6">
        <v>6182</v>
      </c>
      <c r="K175" s="6">
        <v>9586</v>
      </c>
      <c r="L175" s="6">
        <v>854</v>
      </c>
      <c r="M175" s="6">
        <v>8753</v>
      </c>
      <c r="N175" s="10" t="s">
        <v>55</v>
      </c>
      <c r="O175" s="6">
        <v>8365</v>
      </c>
      <c r="P175" s="10" t="s">
        <v>55</v>
      </c>
      <c r="Q175" s="10" t="s">
        <v>55</v>
      </c>
    </row>
    <row r="176" spans="1:17">
      <c r="A176" s="9" t="s">
        <v>27</v>
      </c>
      <c r="B176" s="9" t="s">
        <v>57</v>
      </c>
      <c r="C176" s="9" t="s">
        <v>58</v>
      </c>
      <c r="D176" s="9" t="s">
        <v>6</v>
      </c>
      <c r="E176" s="9" t="s">
        <v>34</v>
      </c>
      <c r="F176" s="9" t="s">
        <v>13</v>
      </c>
      <c r="G176" s="6">
        <v>2937</v>
      </c>
      <c r="H176" s="6">
        <v>2558</v>
      </c>
      <c r="I176" s="6">
        <v>1996</v>
      </c>
      <c r="J176" s="6">
        <v>135</v>
      </c>
      <c r="K176" s="6">
        <v>562</v>
      </c>
      <c r="L176" s="6">
        <v>56</v>
      </c>
      <c r="M176" s="6">
        <v>323</v>
      </c>
      <c r="N176" s="10" t="s">
        <v>55</v>
      </c>
      <c r="O176" s="6">
        <v>458</v>
      </c>
      <c r="P176" s="10" t="s">
        <v>55</v>
      </c>
      <c r="Q176" s="10" t="s">
        <v>55</v>
      </c>
    </row>
    <row r="177" spans="1:17">
      <c r="A177" s="9" t="s">
        <v>27</v>
      </c>
      <c r="B177" s="9" t="s">
        <v>57</v>
      </c>
      <c r="C177" s="9" t="s">
        <v>58</v>
      </c>
      <c r="D177" s="9" t="s">
        <v>6</v>
      </c>
      <c r="E177" s="9" t="s">
        <v>34</v>
      </c>
      <c r="F177" s="9" t="s">
        <v>14</v>
      </c>
      <c r="G177" s="6">
        <v>7192</v>
      </c>
      <c r="H177" s="6">
        <v>6939</v>
      </c>
      <c r="I177" s="6">
        <v>6060</v>
      </c>
      <c r="J177" s="6">
        <v>518</v>
      </c>
      <c r="K177" s="6">
        <v>879</v>
      </c>
      <c r="L177" s="6">
        <v>62</v>
      </c>
      <c r="M177" s="6">
        <v>191</v>
      </c>
      <c r="N177" s="10" t="s">
        <v>55</v>
      </c>
      <c r="O177" s="6">
        <v>784</v>
      </c>
      <c r="P177" s="10" t="s">
        <v>55</v>
      </c>
      <c r="Q177" s="10" t="s">
        <v>55</v>
      </c>
    </row>
    <row r="178" spans="1:17">
      <c r="A178" s="9" t="s">
        <v>27</v>
      </c>
      <c r="B178" s="9" t="s">
        <v>57</v>
      </c>
      <c r="C178" s="9" t="s">
        <v>58</v>
      </c>
      <c r="D178" s="9" t="s">
        <v>6</v>
      </c>
      <c r="E178" s="9" t="s">
        <v>34</v>
      </c>
      <c r="F178" s="9" t="s">
        <v>18</v>
      </c>
      <c r="G178" s="6">
        <v>7630</v>
      </c>
      <c r="H178" s="6">
        <v>5032</v>
      </c>
      <c r="I178" s="6">
        <v>4577</v>
      </c>
      <c r="J178" s="6">
        <v>758</v>
      </c>
      <c r="K178" s="6">
        <v>455</v>
      </c>
      <c r="L178" s="6">
        <v>133</v>
      </c>
      <c r="M178" s="6">
        <v>2465</v>
      </c>
      <c r="N178" s="10" t="s">
        <v>55</v>
      </c>
      <c r="O178" s="6">
        <v>338</v>
      </c>
      <c r="P178" s="10" t="s">
        <v>55</v>
      </c>
      <c r="Q178" s="10" t="s">
        <v>55</v>
      </c>
    </row>
    <row r="179" spans="1:17">
      <c r="A179" s="9" t="s">
        <v>27</v>
      </c>
      <c r="B179" s="9" t="s">
        <v>57</v>
      </c>
      <c r="C179" s="9" t="s">
        <v>58</v>
      </c>
      <c r="D179" s="9" t="s">
        <v>6</v>
      </c>
      <c r="E179" s="9" t="s">
        <v>35</v>
      </c>
      <c r="F179" s="9" t="s">
        <v>6</v>
      </c>
      <c r="G179" s="6">
        <v>96420</v>
      </c>
      <c r="H179" s="6">
        <v>85481</v>
      </c>
      <c r="I179" s="6">
        <v>71969</v>
      </c>
      <c r="J179" s="6">
        <v>6398</v>
      </c>
      <c r="K179" s="6">
        <v>13512</v>
      </c>
      <c r="L179" s="6">
        <v>905</v>
      </c>
      <c r="M179" s="6">
        <v>10034</v>
      </c>
      <c r="N179" s="10" t="s">
        <v>55</v>
      </c>
      <c r="O179" s="6">
        <v>11787</v>
      </c>
      <c r="P179" s="10" t="s">
        <v>55</v>
      </c>
      <c r="Q179" s="10" t="s">
        <v>55</v>
      </c>
    </row>
    <row r="180" spans="1:17">
      <c r="A180" s="9" t="s">
        <v>27</v>
      </c>
      <c r="B180" s="9" t="s">
        <v>57</v>
      </c>
      <c r="C180" s="9" t="s">
        <v>58</v>
      </c>
      <c r="D180" s="9" t="s">
        <v>6</v>
      </c>
      <c r="E180" s="9" t="s">
        <v>35</v>
      </c>
      <c r="F180" s="9" t="s">
        <v>7</v>
      </c>
      <c r="G180" s="6">
        <v>80247</v>
      </c>
      <c r="H180" s="6">
        <v>71874</v>
      </c>
      <c r="I180" s="6">
        <v>59789</v>
      </c>
      <c r="J180" s="6">
        <v>5213</v>
      </c>
      <c r="K180" s="6">
        <v>12085</v>
      </c>
      <c r="L180" s="6">
        <v>735</v>
      </c>
      <c r="M180" s="6">
        <v>7638</v>
      </c>
      <c r="N180" s="10" t="s">
        <v>55</v>
      </c>
      <c r="O180" s="6">
        <v>10651</v>
      </c>
      <c r="P180" s="10" t="s">
        <v>55</v>
      </c>
      <c r="Q180" s="10" t="s">
        <v>55</v>
      </c>
    </row>
    <row r="181" spans="1:17">
      <c r="A181" s="9" t="s">
        <v>27</v>
      </c>
      <c r="B181" s="9" t="s">
        <v>57</v>
      </c>
      <c r="C181" s="9" t="s">
        <v>58</v>
      </c>
      <c r="D181" s="9" t="s">
        <v>6</v>
      </c>
      <c r="E181" s="9" t="s">
        <v>35</v>
      </c>
      <c r="F181" s="9" t="s">
        <v>8</v>
      </c>
      <c r="G181" s="6">
        <v>77211</v>
      </c>
      <c r="H181" s="6">
        <v>69225</v>
      </c>
      <c r="I181" s="6">
        <v>57606</v>
      </c>
      <c r="J181" s="6">
        <v>5114</v>
      </c>
      <c r="K181" s="6">
        <v>11619</v>
      </c>
      <c r="L181" s="6">
        <v>689</v>
      </c>
      <c r="M181" s="6">
        <v>7297</v>
      </c>
      <c r="N181" s="10" t="s">
        <v>55</v>
      </c>
      <c r="O181" s="6">
        <v>10273</v>
      </c>
      <c r="P181" s="10" t="s">
        <v>55</v>
      </c>
      <c r="Q181" s="10" t="s">
        <v>55</v>
      </c>
    </row>
    <row r="182" spans="1:17">
      <c r="A182" s="9" t="s">
        <v>27</v>
      </c>
      <c r="B182" s="9" t="s">
        <v>57</v>
      </c>
      <c r="C182" s="9" t="s">
        <v>58</v>
      </c>
      <c r="D182" s="9" t="s">
        <v>6</v>
      </c>
      <c r="E182" s="9" t="s">
        <v>35</v>
      </c>
      <c r="F182" s="9" t="s">
        <v>13</v>
      </c>
      <c r="G182" s="6">
        <v>3036</v>
      </c>
      <c r="H182" s="6">
        <v>2649</v>
      </c>
      <c r="I182" s="6">
        <v>2183</v>
      </c>
      <c r="J182" s="6">
        <v>99</v>
      </c>
      <c r="K182" s="6">
        <v>466</v>
      </c>
      <c r="L182" s="6">
        <v>46</v>
      </c>
      <c r="M182" s="6">
        <v>341</v>
      </c>
      <c r="N182" s="10" t="s">
        <v>55</v>
      </c>
      <c r="O182" s="6">
        <v>378</v>
      </c>
      <c r="P182" s="10" t="s">
        <v>55</v>
      </c>
      <c r="Q182" s="10" t="s">
        <v>55</v>
      </c>
    </row>
    <row r="183" spans="1:17">
      <c r="A183" s="9" t="s">
        <v>27</v>
      </c>
      <c r="B183" s="9" t="s">
        <v>57</v>
      </c>
      <c r="C183" s="9" t="s">
        <v>58</v>
      </c>
      <c r="D183" s="9" t="s">
        <v>6</v>
      </c>
      <c r="E183" s="9" t="s">
        <v>35</v>
      </c>
      <c r="F183" s="9" t="s">
        <v>14</v>
      </c>
      <c r="G183" s="6">
        <v>8329</v>
      </c>
      <c r="H183" s="6">
        <v>8050</v>
      </c>
      <c r="I183" s="6">
        <v>7073</v>
      </c>
      <c r="J183" s="6">
        <v>567</v>
      </c>
      <c r="K183" s="6">
        <v>977</v>
      </c>
      <c r="L183" s="6">
        <v>61</v>
      </c>
      <c r="M183" s="6">
        <v>218</v>
      </c>
      <c r="N183" s="10" t="s">
        <v>55</v>
      </c>
      <c r="O183" s="6">
        <v>812</v>
      </c>
      <c r="P183" s="10" t="s">
        <v>55</v>
      </c>
      <c r="Q183" s="10" t="s">
        <v>55</v>
      </c>
    </row>
    <row r="184" spans="1:17">
      <c r="A184" s="9" t="s">
        <v>27</v>
      </c>
      <c r="B184" s="9" t="s">
        <v>57</v>
      </c>
      <c r="C184" s="9" t="s">
        <v>58</v>
      </c>
      <c r="D184" s="9" t="s">
        <v>6</v>
      </c>
      <c r="E184" s="9" t="s">
        <v>35</v>
      </c>
      <c r="F184" s="9" t="s">
        <v>18</v>
      </c>
      <c r="G184" s="6">
        <v>7844</v>
      </c>
      <c r="H184" s="6">
        <v>5557</v>
      </c>
      <c r="I184" s="6">
        <v>5107</v>
      </c>
      <c r="J184" s="6">
        <v>618</v>
      </c>
      <c r="K184" s="6">
        <v>450</v>
      </c>
      <c r="L184" s="6">
        <v>109</v>
      </c>
      <c r="M184" s="6">
        <v>2178</v>
      </c>
      <c r="N184" s="10" t="s">
        <v>55</v>
      </c>
      <c r="O184" s="6">
        <v>324</v>
      </c>
      <c r="P184" s="10" t="s">
        <v>55</v>
      </c>
      <c r="Q184" s="10" t="s">
        <v>55</v>
      </c>
    </row>
    <row r="185" spans="1:17">
      <c r="A185" s="9" t="s">
        <v>27</v>
      </c>
      <c r="B185" s="9" t="s">
        <v>57</v>
      </c>
      <c r="C185" s="9" t="s">
        <v>58</v>
      </c>
      <c r="D185" s="9" t="s">
        <v>6</v>
      </c>
      <c r="E185" s="9" t="s">
        <v>36</v>
      </c>
      <c r="F185" s="9" t="s">
        <v>6</v>
      </c>
      <c r="G185" s="6">
        <v>105654</v>
      </c>
      <c r="H185" s="6">
        <v>94287</v>
      </c>
      <c r="I185" s="6">
        <v>79339</v>
      </c>
      <c r="J185" s="6">
        <v>6635</v>
      </c>
      <c r="K185" s="6">
        <v>14948</v>
      </c>
      <c r="L185" s="6">
        <v>893</v>
      </c>
      <c r="M185" s="6">
        <v>10474</v>
      </c>
      <c r="N185" s="10" t="s">
        <v>55</v>
      </c>
      <c r="O185" s="6">
        <v>12943</v>
      </c>
      <c r="P185" s="10" t="s">
        <v>55</v>
      </c>
      <c r="Q185" s="10" t="s">
        <v>55</v>
      </c>
    </row>
    <row r="186" spans="1:17">
      <c r="A186" s="9" t="s">
        <v>27</v>
      </c>
      <c r="B186" s="9" t="s">
        <v>57</v>
      </c>
      <c r="C186" s="9" t="s">
        <v>58</v>
      </c>
      <c r="D186" s="9" t="s">
        <v>6</v>
      </c>
      <c r="E186" s="9" t="s">
        <v>36</v>
      </c>
      <c r="F186" s="9" t="s">
        <v>7</v>
      </c>
      <c r="G186" s="6">
        <v>89722</v>
      </c>
      <c r="H186" s="6">
        <v>80940</v>
      </c>
      <c r="I186" s="6">
        <v>67338</v>
      </c>
      <c r="J186" s="6">
        <v>5367</v>
      </c>
      <c r="K186" s="6">
        <v>13602</v>
      </c>
      <c r="L186" s="6">
        <v>726</v>
      </c>
      <c r="M186" s="6">
        <v>8056</v>
      </c>
      <c r="N186" s="10" t="s">
        <v>55</v>
      </c>
      <c r="O186" s="6">
        <v>11914</v>
      </c>
      <c r="P186" s="10" t="s">
        <v>55</v>
      </c>
      <c r="Q186" s="10" t="s">
        <v>55</v>
      </c>
    </row>
    <row r="187" spans="1:17">
      <c r="A187" s="9" t="s">
        <v>27</v>
      </c>
      <c r="B187" s="9" t="s">
        <v>57</v>
      </c>
      <c r="C187" s="9" t="s">
        <v>58</v>
      </c>
      <c r="D187" s="9" t="s">
        <v>6</v>
      </c>
      <c r="E187" s="9" t="s">
        <v>36</v>
      </c>
      <c r="F187" s="9" t="s">
        <v>8</v>
      </c>
      <c r="G187" s="6">
        <v>86653</v>
      </c>
      <c r="H187" s="6">
        <v>78297</v>
      </c>
      <c r="I187" s="6">
        <v>65112</v>
      </c>
      <c r="J187" s="6">
        <v>5222</v>
      </c>
      <c r="K187" s="6">
        <v>13185</v>
      </c>
      <c r="L187" s="6">
        <v>674</v>
      </c>
      <c r="M187" s="6">
        <v>7682</v>
      </c>
      <c r="N187" s="10" t="s">
        <v>55</v>
      </c>
      <c r="O187" s="6">
        <v>11606</v>
      </c>
      <c r="P187" s="10" t="s">
        <v>55</v>
      </c>
      <c r="Q187" s="10" t="s">
        <v>55</v>
      </c>
    </row>
    <row r="188" spans="1:17">
      <c r="A188" s="9" t="s">
        <v>27</v>
      </c>
      <c r="B188" s="9" t="s">
        <v>57</v>
      </c>
      <c r="C188" s="9" t="s">
        <v>58</v>
      </c>
      <c r="D188" s="9" t="s">
        <v>6</v>
      </c>
      <c r="E188" s="9" t="s">
        <v>36</v>
      </c>
      <c r="F188" s="9" t="s">
        <v>13</v>
      </c>
      <c r="G188" s="6">
        <v>3069</v>
      </c>
      <c r="H188" s="6">
        <v>2643</v>
      </c>
      <c r="I188" s="6">
        <v>2226</v>
      </c>
      <c r="J188" s="6">
        <v>145</v>
      </c>
      <c r="K188" s="6">
        <v>417</v>
      </c>
      <c r="L188" s="6">
        <v>52</v>
      </c>
      <c r="M188" s="6">
        <v>374</v>
      </c>
      <c r="N188" s="10" t="s">
        <v>55</v>
      </c>
      <c r="O188" s="6">
        <v>308</v>
      </c>
      <c r="P188" s="10" t="s">
        <v>55</v>
      </c>
      <c r="Q188" s="10" t="s">
        <v>55</v>
      </c>
    </row>
    <row r="189" spans="1:17">
      <c r="A189" s="9" t="s">
        <v>27</v>
      </c>
      <c r="B189" s="9" t="s">
        <v>57</v>
      </c>
      <c r="C189" s="9" t="s">
        <v>58</v>
      </c>
      <c r="D189" s="9" t="s">
        <v>6</v>
      </c>
      <c r="E189" s="9" t="s">
        <v>36</v>
      </c>
      <c r="F189" s="9" t="s">
        <v>14</v>
      </c>
      <c r="G189" s="6">
        <v>8074</v>
      </c>
      <c r="H189" s="6">
        <v>7689</v>
      </c>
      <c r="I189" s="6">
        <v>6807</v>
      </c>
      <c r="J189" s="6">
        <v>735</v>
      </c>
      <c r="K189" s="6">
        <v>882</v>
      </c>
      <c r="L189" s="6">
        <v>53</v>
      </c>
      <c r="M189" s="6">
        <v>332</v>
      </c>
      <c r="N189" s="10" t="s">
        <v>55</v>
      </c>
      <c r="O189" s="6">
        <v>676</v>
      </c>
      <c r="P189" s="10" t="s">
        <v>55</v>
      </c>
      <c r="Q189" s="10" t="s">
        <v>55</v>
      </c>
    </row>
    <row r="190" spans="1:17">
      <c r="A190" s="9" t="s">
        <v>27</v>
      </c>
      <c r="B190" s="9" t="s">
        <v>57</v>
      </c>
      <c r="C190" s="9" t="s">
        <v>58</v>
      </c>
      <c r="D190" s="9" t="s">
        <v>6</v>
      </c>
      <c r="E190" s="9" t="s">
        <v>36</v>
      </c>
      <c r="F190" s="9" t="s">
        <v>18</v>
      </c>
      <c r="G190" s="6">
        <v>7858</v>
      </c>
      <c r="H190" s="6">
        <v>5658</v>
      </c>
      <c r="I190" s="6">
        <v>5194</v>
      </c>
      <c r="J190" s="6">
        <v>533</v>
      </c>
      <c r="K190" s="6">
        <v>464</v>
      </c>
      <c r="L190" s="6">
        <v>114</v>
      </c>
      <c r="M190" s="6">
        <v>2086</v>
      </c>
      <c r="N190" s="10" t="s">
        <v>55</v>
      </c>
      <c r="O190" s="6">
        <v>353</v>
      </c>
      <c r="P190" s="10" t="s">
        <v>55</v>
      </c>
      <c r="Q190" s="10" t="s">
        <v>55</v>
      </c>
    </row>
    <row r="191" spans="1:17">
      <c r="A191" s="9" t="s">
        <v>27</v>
      </c>
      <c r="B191" s="9" t="s">
        <v>57</v>
      </c>
      <c r="C191" s="9" t="s">
        <v>58</v>
      </c>
      <c r="D191" s="9" t="s">
        <v>6</v>
      </c>
      <c r="E191" s="9" t="s">
        <v>37</v>
      </c>
      <c r="F191" s="9" t="s">
        <v>6</v>
      </c>
      <c r="G191" s="6">
        <v>111449</v>
      </c>
      <c r="H191" s="6">
        <v>97677</v>
      </c>
      <c r="I191" s="6">
        <v>80873</v>
      </c>
      <c r="J191" s="6">
        <v>10165</v>
      </c>
      <c r="K191" s="6">
        <v>16804</v>
      </c>
      <c r="L191" s="6">
        <v>1063</v>
      </c>
      <c r="M191" s="6">
        <v>12709</v>
      </c>
      <c r="N191" s="10" t="s">
        <v>55</v>
      </c>
      <c r="O191" s="6">
        <v>13597</v>
      </c>
      <c r="P191" s="10" t="s">
        <v>55</v>
      </c>
      <c r="Q191" s="10" t="s">
        <v>55</v>
      </c>
    </row>
    <row r="192" spans="1:17">
      <c r="A192" s="9" t="s">
        <v>27</v>
      </c>
      <c r="B192" s="9" t="s">
        <v>57</v>
      </c>
      <c r="C192" s="9" t="s">
        <v>58</v>
      </c>
      <c r="D192" s="9" t="s">
        <v>6</v>
      </c>
      <c r="E192" s="9" t="s">
        <v>37</v>
      </c>
      <c r="F192" s="9" t="s">
        <v>7</v>
      </c>
      <c r="G192" s="6">
        <v>95285</v>
      </c>
      <c r="H192" s="6">
        <v>84417</v>
      </c>
      <c r="I192" s="6">
        <v>69133</v>
      </c>
      <c r="J192" s="6">
        <v>8335</v>
      </c>
      <c r="K192" s="6">
        <v>15284</v>
      </c>
      <c r="L192" s="6">
        <v>837</v>
      </c>
      <c r="M192" s="6">
        <v>10031</v>
      </c>
      <c r="N192" s="10" t="s">
        <v>55</v>
      </c>
      <c r="O192" s="6">
        <v>12484</v>
      </c>
      <c r="P192" s="10" t="s">
        <v>55</v>
      </c>
      <c r="Q192" s="10" t="s">
        <v>55</v>
      </c>
    </row>
    <row r="193" spans="1:17">
      <c r="A193" s="9" t="s">
        <v>27</v>
      </c>
      <c r="B193" s="9" t="s">
        <v>57</v>
      </c>
      <c r="C193" s="9" t="s">
        <v>58</v>
      </c>
      <c r="D193" s="9" t="s">
        <v>6</v>
      </c>
      <c r="E193" s="9" t="s">
        <v>37</v>
      </c>
      <c r="F193" s="9" t="s">
        <v>8</v>
      </c>
      <c r="G193" s="6">
        <v>91917</v>
      </c>
      <c r="H193" s="6">
        <v>81610</v>
      </c>
      <c r="I193" s="6">
        <v>66745</v>
      </c>
      <c r="J193" s="6">
        <v>8133</v>
      </c>
      <c r="K193" s="6">
        <v>14865</v>
      </c>
      <c r="L193" s="6">
        <v>784</v>
      </c>
      <c r="M193" s="6">
        <v>9523</v>
      </c>
      <c r="N193" s="10" t="s">
        <v>55</v>
      </c>
      <c r="O193" s="6">
        <v>12203</v>
      </c>
      <c r="P193" s="10" t="s">
        <v>55</v>
      </c>
      <c r="Q193" s="10" t="s">
        <v>55</v>
      </c>
    </row>
    <row r="194" spans="1:17">
      <c r="A194" s="9" t="s">
        <v>27</v>
      </c>
      <c r="B194" s="9" t="s">
        <v>57</v>
      </c>
      <c r="C194" s="9" t="s">
        <v>58</v>
      </c>
      <c r="D194" s="9" t="s">
        <v>6</v>
      </c>
      <c r="E194" s="9" t="s">
        <v>37</v>
      </c>
      <c r="F194" s="9" t="s">
        <v>13</v>
      </c>
      <c r="G194" s="6">
        <v>3368</v>
      </c>
      <c r="H194" s="6">
        <v>2807</v>
      </c>
      <c r="I194" s="6">
        <v>2388</v>
      </c>
      <c r="J194" s="6">
        <v>202</v>
      </c>
      <c r="K194" s="6">
        <v>419</v>
      </c>
      <c r="L194" s="6">
        <v>53</v>
      </c>
      <c r="M194" s="6">
        <v>508</v>
      </c>
      <c r="N194" s="10" t="s">
        <v>55</v>
      </c>
      <c r="O194" s="6">
        <v>281</v>
      </c>
      <c r="P194" s="10" t="s">
        <v>55</v>
      </c>
      <c r="Q194" s="10" t="s">
        <v>55</v>
      </c>
    </row>
    <row r="195" spans="1:17">
      <c r="A195" s="9" t="s">
        <v>27</v>
      </c>
      <c r="B195" s="9" t="s">
        <v>57</v>
      </c>
      <c r="C195" s="9" t="s">
        <v>58</v>
      </c>
      <c r="D195" s="9" t="s">
        <v>6</v>
      </c>
      <c r="E195" s="9" t="s">
        <v>37</v>
      </c>
      <c r="F195" s="9" t="s">
        <v>14</v>
      </c>
      <c r="G195" s="6">
        <v>8844</v>
      </c>
      <c r="H195" s="6">
        <v>8156</v>
      </c>
      <c r="I195" s="6">
        <v>7188</v>
      </c>
      <c r="J195" s="6">
        <v>1236</v>
      </c>
      <c r="K195" s="6">
        <v>968</v>
      </c>
      <c r="L195" s="6">
        <v>93</v>
      </c>
      <c r="M195" s="6">
        <v>595</v>
      </c>
      <c r="N195" s="10" t="s">
        <v>55</v>
      </c>
      <c r="O195" s="6">
        <v>697</v>
      </c>
      <c r="P195" s="10" t="s">
        <v>55</v>
      </c>
      <c r="Q195" s="10" t="s">
        <v>55</v>
      </c>
    </row>
    <row r="196" spans="1:17">
      <c r="A196" s="9" t="s">
        <v>27</v>
      </c>
      <c r="B196" s="9" t="s">
        <v>57</v>
      </c>
      <c r="C196" s="9" t="s">
        <v>58</v>
      </c>
      <c r="D196" s="9" t="s">
        <v>6</v>
      </c>
      <c r="E196" s="9" t="s">
        <v>37</v>
      </c>
      <c r="F196" s="9" t="s">
        <v>18</v>
      </c>
      <c r="G196" s="6">
        <v>7320</v>
      </c>
      <c r="H196" s="6">
        <v>5104</v>
      </c>
      <c r="I196" s="6">
        <v>4552</v>
      </c>
      <c r="J196" s="6">
        <v>594</v>
      </c>
      <c r="K196" s="6">
        <v>552</v>
      </c>
      <c r="L196" s="6">
        <v>133</v>
      </c>
      <c r="M196" s="6">
        <v>2083</v>
      </c>
      <c r="N196" s="10" t="s">
        <v>55</v>
      </c>
      <c r="O196" s="6">
        <v>416</v>
      </c>
      <c r="P196" s="10" t="s">
        <v>55</v>
      </c>
      <c r="Q196" s="10" t="s">
        <v>55</v>
      </c>
    </row>
    <row r="197" spans="1:17">
      <c r="A197" s="9" t="s">
        <v>27</v>
      </c>
      <c r="B197" s="9" t="s">
        <v>57</v>
      </c>
      <c r="C197" s="9" t="s">
        <v>58</v>
      </c>
      <c r="D197" s="9" t="s">
        <v>6</v>
      </c>
      <c r="E197" s="9" t="s">
        <v>38</v>
      </c>
      <c r="F197" s="9" t="s">
        <v>6</v>
      </c>
      <c r="G197" s="6">
        <v>100811</v>
      </c>
      <c r="H197" s="6">
        <v>86554</v>
      </c>
      <c r="I197" s="6">
        <v>68035</v>
      </c>
      <c r="J197" s="6">
        <v>15244</v>
      </c>
      <c r="K197" s="6">
        <v>18519</v>
      </c>
      <c r="L197" s="6">
        <v>979</v>
      </c>
      <c r="M197" s="6">
        <v>13278</v>
      </c>
      <c r="N197" s="10" t="s">
        <v>55</v>
      </c>
      <c r="O197" s="6">
        <v>13044</v>
      </c>
      <c r="P197" s="10" t="s">
        <v>55</v>
      </c>
      <c r="Q197" s="10" t="s">
        <v>55</v>
      </c>
    </row>
    <row r="198" spans="1:17">
      <c r="A198" s="9" t="s">
        <v>27</v>
      </c>
      <c r="B198" s="9" t="s">
        <v>57</v>
      </c>
      <c r="C198" s="9" t="s">
        <v>58</v>
      </c>
      <c r="D198" s="9" t="s">
        <v>6</v>
      </c>
      <c r="E198" s="9" t="s">
        <v>38</v>
      </c>
      <c r="F198" s="9" t="s">
        <v>7</v>
      </c>
      <c r="G198" s="6">
        <v>85540</v>
      </c>
      <c r="H198" s="6">
        <v>74026</v>
      </c>
      <c r="I198" s="6">
        <v>57433</v>
      </c>
      <c r="J198" s="6">
        <v>12615</v>
      </c>
      <c r="K198" s="6">
        <v>16593</v>
      </c>
      <c r="L198" s="6">
        <v>772</v>
      </c>
      <c r="M198" s="6">
        <v>10742</v>
      </c>
      <c r="N198" s="10" t="s">
        <v>55</v>
      </c>
      <c r="O198" s="6">
        <v>11748</v>
      </c>
      <c r="P198" s="10" t="s">
        <v>55</v>
      </c>
      <c r="Q198" s="10" t="s">
        <v>55</v>
      </c>
    </row>
    <row r="199" spans="1:17">
      <c r="A199" s="9" t="s">
        <v>27</v>
      </c>
      <c r="B199" s="9" t="s">
        <v>57</v>
      </c>
      <c r="C199" s="9" t="s">
        <v>58</v>
      </c>
      <c r="D199" s="9" t="s">
        <v>6</v>
      </c>
      <c r="E199" s="9" t="s">
        <v>38</v>
      </c>
      <c r="F199" s="9" t="s">
        <v>8</v>
      </c>
      <c r="G199" s="6">
        <v>82416</v>
      </c>
      <c r="H199" s="6">
        <v>71625</v>
      </c>
      <c r="I199" s="6">
        <v>55445</v>
      </c>
      <c r="J199" s="6">
        <v>12320</v>
      </c>
      <c r="K199" s="6">
        <v>16180</v>
      </c>
      <c r="L199" s="6">
        <v>708</v>
      </c>
      <c r="M199" s="6">
        <v>10083</v>
      </c>
      <c r="N199" s="10" t="s">
        <v>55</v>
      </c>
      <c r="O199" s="6">
        <v>11517</v>
      </c>
      <c r="P199" s="10" t="s">
        <v>55</v>
      </c>
      <c r="Q199" s="10" t="s">
        <v>55</v>
      </c>
    </row>
    <row r="200" spans="1:17">
      <c r="A200" s="9" t="s">
        <v>27</v>
      </c>
      <c r="B200" s="9" t="s">
        <v>57</v>
      </c>
      <c r="C200" s="9" t="s">
        <v>58</v>
      </c>
      <c r="D200" s="9" t="s">
        <v>6</v>
      </c>
      <c r="E200" s="9" t="s">
        <v>38</v>
      </c>
      <c r="F200" s="9" t="s">
        <v>13</v>
      </c>
      <c r="G200" s="6">
        <v>3124</v>
      </c>
      <c r="H200" s="6">
        <v>2401</v>
      </c>
      <c r="I200" s="6">
        <v>1988</v>
      </c>
      <c r="J200" s="6">
        <v>295</v>
      </c>
      <c r="K200" s="6">
        <v>413</v>
      </c>
      <c r="L200" s="6">
        <v>64</v>
      </c>
      <c r="M200" s="6">
        <v>659</v>
      </c>
      <c r="N200" s="10" t="s">
        <v>55</v>
      </c>
      <c r="O200" s="6">
        <v>231</v>
      </c>
      <c r="P200" s="10" t="s">
        <v>55</v>
      </c>
      <c r="Q200" s="10" t="s">
        <v>55</v>
      </c>
    </row>
    <row r="201" spans="1:17">
      <c r="A201" s="9" t="s">
        <v>27</v>
      </c>
      <c r="B201" s="9" t="s">
        <v>57</v>
      </c>
      <c r="C201" s="9" t="s">
        <v>58</v>
      </c>
      <c r="D201" s="9" t="s">
        <v>6</v>
      </c>
      <c r="E201" s="9" t="s">
        <v>38</v>
      </c>
      <c r="F201" s="9" t="s">
        <v>14</v>
      </c>
      <c r="G201" s="6">
        <v>9642</v>
      </c>
      <c r="H201" s="6">
        <v>8685</v>
      </c>
      <c r="I201" s="6">
        <v>7324</v>
      </c>
      <c r="J201" s="6">
        <v>1993</v>
      </c>
      <c r="K201" s="6">
        <v>1361</v>
      </c>
      <c r="L201" s="6">
        <v>96</v>
      </c>
      <c r="M201" s="6">
        <v>861</v>
      </c>
      <c r="N201" s="10" t="s">
        <v>55</v>
      </c>
      <c r="O201" s="6">
        <v>872</v>
      </c>
      <c r="P201" s="10" t="s">
        <v>55</v>
      </c>
      <c r="Q201" s="10" t="s">
        <v>55</v>
      </c>
    </row>
    <row r="202" spans="1:17">
      <c r="A202" s="9" t="s">
        <v>27</v>
      </c>
      <c r="B202" s="9" t="s">
        <v>57</v>
      </c>
      <c r="C202" s="9" t="s">
        <v>58</v>
      </c>
      <c r="D202" s="9" t="s">
        <v>6</v>
      </c>
      <c r="E202" s="9" t="s">
        <v>38</v>
      </c>
      <c r="F202" s="9" t="s">
        <v>18</v>
      </c>
      <c r="G202" s="6">
        <v>5629</v>
      </c>
      <c r="H202" s="6">
        <v>3843</v>
      </c>
      <c r="I202" s="6">
        <v>3278</v>
      </c>
      <c r="J202" s="6">
        <v>636</v>
      </c>
      <c r="K202" s="6">
        <v>565</v>
      </c>
      <c r="L202" s="6">
        <v>111</v>
      </c>
      <c r="M202" s="6">
        <v>1675</v>
      </c>
      <c r="N202" s="10" t="s">
        <v>55</v>
      </c>
      <c r="O202" s="6">
        <v>424</v>
      </c>
      <c r="P202" s="10" t="s">
        <v>55</v>
      </c>
      <c r="Q202" s="10" t="s">
        <v>55</v>
      </c>
    </row>
    <row r="203" spans="1:17">
      <c r="A203" s="9" t="s">
        <v>27</v>
      </c>
      <c r="B203" s="9" t="s">
        <v>57</v>
      </c>
      <c r="C203" s="9" t="s">
        <v>58</v>
      </c>
      <c r="D203" s="9" t="s">
        <v>6</v>
      </c>
      <c r="E203" s="9" t="s">
        <v>39</v>
      </c>
      <c r="F203" s="9" t="s">
        <v>6</v>
      </c>
      <c r="G203" s="6">
        <v>105340</v>
      </c>
      <c r="H203" s="6">
        <v>89610</v>
      </c>
      <c r="I203" s="6">
        <v>66633</v>
      </c>
      <c r="J203" s="6">
        <v>24685</v>
      </c>
      <c r="K203" s="6">
        <v>22977</v>
      </c>
      <c r="L203" s="6">
        <v>913</v>
      </c>
      <c r="M203" s="6">
        <v>14817</v>
      </c>
      <c r="N203" s="10" t="s">
        <v>55</v>
      </c>
      <c r="O203" s="6">
        <v>13478</v>
      </c>
      <c r="P203" s="10" t="s">
        <v>55</v>
      </c>
      <c r="Q203" s="10" t="s">
        <v>55</v>
      </c>
    </row>
    <row r="204" spans="1:17">
      <c r="A204" s="9" t="s">
        <v>27</v>
      </c>
      <c r="B204" s="9" t="s">
        <v>57</v>
      </c>
      <c r="C204" s="9" t="s">
        <v>58</v>
      </c>
      <c r="D204" s="9" t="s">
        <v>6</v>
      </c>
      <c r="E204" s="9" t="s">
        <v>39</v>
      </c>
      <c r="F204" s="9" t="s">
        <v>7</v>
      </c>
      <c r="G204" s="6">
        <v>87676</v>
      </c>
      <c r="H204" s="6">
        <v>75019</v>
      </c>
      <c r="I204" s="6">
        <v>54939</v>
      </c>
      <c r="J204" s="6">
        <v>20211</v>
      </c>
      <c r="K204" s="6">
        <v>20080</v>
      </c>
      <c r="L204" s="6">
        <v>736</v>
      </c>
      <c r="M204" s="6">
        <v>11921</v>
      </c>
      <c r="N204" s="10" t="s">
        <v>55</v>
      </c>
      <c r="O204" s="6">
        <v>11847</v>
      </c>
      <c r="P204" s="10" t="s">
        <v>55</v>
      </c>
      <c r="Q204" s="10" t="s">
        <v>55</v>
      </c>
    </row>
    <row r="205" spans="1:17">
      <c r="A205" s="9" t="s">
        <v>27</v>
      </c>
      <c r="B205" s="9" t="s">
        <v>57</v>
      </c>
      <c r="C205" s="9" t="s">
        <v>58</v>
      </c>
      <c r="D205" s="9" t="s">
        <v>6</v>
      </c>
      <c r="E205" s="9" t="s">
        <v>39</v>
      </c>
      <c r="F205" s="9" t="s">
        <v>8</v>
      </c>
      <c r="G205" s="6">
        <v>84566</v>
      </c>
      <c r="H205" s="6">
        <v>72758</v>
      </c>
      <c r="I205" s="6">
        <v>53156</v>
      </c>
      <c r="J205" s="6">
        <v>19741</v>
      </c>
      <c r="K205" s="6">
        <v>19602</v>
      </c>
      <c r="L205" s="6">
        <v>697</v>
      </c>
      <c r="M205" s="6">
        <v>11111</v>
      </c>
      <c r="N205" s="10" t="s">
        <v>55</v>
      </c>
      <c r="O205" s="6">
        <v>11613</v>
      </c>
      <c r="P205" s="10" t="s">
        <v>55</v>
      </c>
      <c r="Q205" s="10" t="s">
        <v>55</v>
      </c>
    </row>
    <row r="206" spans="1:17">
      <c r="A206" s="9" t="s">
        <v>27</v>
      </c>
      <c r="B206" s="9" t="s">
        <v>57</v>
      </c>
      <c r="C206" s="9" t="s">
        <v>58</v>
      </c>
      <c r="D206" s="9" t="s">
        <v>6</v>
      </c>
      <c r="E206" s="9" t="s">
        <v>39</v>
      </c>
      <c r="F206" s="9" t="s">
        <v>13</v>
      </c>
      <c r="G206" s="6">
        <v>3110</v>
      </c>
      <c r="H206" s="6">
        <v>2261</v>
      </c>
      <c r="I206" s="6">
        <v>1783</v>
      </c>
      <c r="J206" s="6">
        <v>470</v>
      </c>
      <c r="K206" s="6">
        <v>478</v>
      </c>
      <c r="L206" s="6">
        <v>39</v>
      </c>
      <c r="M206" s="6">
        <v>810</v>
      </c>
      <c r="N206" s="10" t="s">
        <v>55</v>
      </c>
      <c r="O206" s="6">
        <v>234</v>
      </c>
      <c r="P206" s="10" t="s">
        <v>55</v>
      </c>
      <c r="Q206" s="10" t="s">
        <v>55</v>
      </c>
    </row>
    <row r="207" spans="1:17">
      <c r="A207" s="9" t="s">
        <v>27</v>
      </c>
      <c r="B207" s="9" t="s">
        <v>57</v>
      </c>
      <c r="C207" s="9" t="s">
        <v>58</v>
      </c>
      <c r="D207" s="9" t="s">
        <v>6</v>
      </c>
      <c r="E207" s="9" t="s">
        <v>39</v>
      </c>
      <c r="F207" s="9" t="s">
        <v>14</v>
      </c>
      <c r="G207" s="6">
        <v>13322</v>
      </c>
      <c r="H207" s="6">
        <v>11783</v>
      </c>
      <c r="I207" s="6">
        <v>9428</v>
      </c>
      <c r="J207" s="6">
        <v>3830</v>
      </c>
      <c r="K207" s="6">
        <v>2355</v>
      </c>
      <c r="L207" s="6">
        <v>94</v>
      </c>
      <c r="M207" s="6">
        <v>1445</v>
      </c>
      <c r="N207" s="10" t="s">
        <v>55</v>
      </c>
      <c r="O207" s="6">
        <v>1250</v>
      </c>
      <c r="P207" s="10" t="s">
        <v>55</v>
      </c>
      <c r="Q207" s="10" t="s">
        <v>55</v>
      </c>
    </row>
    <row r="208" spans="1:17">
      <c r="A208" s="9" t="s">
        <v>27</v>
      </c>
      <c r="B208" s="9" t="s">
        <v>57</v>
      </c>
      <c r="C208" s="9" t="s">
        <v>58</v>
      </c>
      <c r="D208" s="9" t="s">
        <v>6</v>
      </c>
      <c r="E208" s="9" t="s">
        <v>39</v>
      </c>
      <c r="F208" s="9" t="s">
        <v>18</v>
      </c>
      <c r="G208" s="6">
        <v>4342</v>
      </c>
      <c r="H208" s="6">
        <v>2808</v>
      </c>
      <c r="I208" s="6">
        <v>2266</v>
      </c>
      <c r="J208" s="6">
        <v>644</v>
      </c>
      <c r="K208" s="6">
        <v>542</v>
      </c>
      <c r="L208" s="6">
        <v>83</v>
      </c>
      <c r="M208" s="6">
        <v>1451</v>
      </c>
      <c r="N208" s="10" t="s">
        <v>55</v>
      </c>
      <c r="O208" s="6">
        <v>381</v>
      </c>
      <c r="P208" s="10" t="s">
        <v>55</v>
      </c>
      <c r="Q208" s="10" t="s">
        <v>55</v>
      </c>
    </row>
    <row r="209" spans="1:17">
      <c r="A209" s="9" t="s">
        <v>27</v>
      </c>
      <c r="B209" s="9" t="s">
        <v>57</v>
      </c>
      <c r="C209" s="9" t="s">
        <v>58</v>
      </c>
      <c r="D209" s="9" t="s">
        <v>6</v>
      </c>
      <c r="E209" s="9" t="s">
        <v>40</v>
      </c>
      <c r="F209" s="9" t="s">
        <v>6</v>
      </c>
      <c r="G209" s="6">
        <v>114344</v>
      </c>
      <c r="H209" s="6">
        <v>96823</v>
      </c>
      <c r="I209" s="6">
        <v>72006</v>
      </c>
      <c r="J209" s="6">
        <v>37393</v>
      </c>
      <c r="K209" s="6">
        <v>24817</v>
      </c>
      <c r="L209" s="6">
        <v>883</v>
      </c>
      <c r="M209" s="6">
        <v>16638</v>
      </c>
      <c r="N209" s="10" t="s">
        <v>55</v>
      </c>
      <c r="O209" s="6">
        <v>13351</v>
      </c>
      <c r="P209" s="6">
        <v>10804</v>
      </c>
      <c r="Q209" s="10" t="s">
        <v>55</v>
      </c>
    </row>
    <row r="210" spans="1:17">
      <c r="A210" s="9" t="s">
        <v>27</v>
      </c>
      <c r="B210" s="9" t="s">
        <v>57</v>
      </c>
      <c r="C210" s="9" t="s">
        <v>58</v>
      </c>
      <c r="D210" s="9" t="s">
        <v>6</v>
      </c>
      <c r="E210" s="9" t="s">
        <v>40</v>
      </c>
      <c r="F210" s="9" t="s">
        <v>7</v>
      </c>
      <c r="G210" s="6">
        <v>84043</v>
      </c>
      <c r="H210" s="6">
        <v>71586</v>
      </c>
      <c r="I210" s="6">
        <v>52363</v>
      </c>
      <c r="J210" s="6">
        <v>26893</v>
      </c>
      <c r="K210" s="6">
        <v>19223</v>
      </c>
      <c r="L210" s="6">
        <v>657</v>
      </c>
      <c r="M210" s="6">
        <v>11800</v>
      </c>
      <c r="N210" s="10" t="s">
        <v>55</v>
      </c>
      <c r="O210" s="6">
        <v>10575</v>
      </c>
      <c r="P210" s="6">
        <v>6165</v>
      </c>
      <c r="Q210" s="10" t="s">
        <v>55</v>
      </c>
    </row>
    <row r="211" spans="1:17">
      <c r="A211" s="9" t="s">
        <v>27</v>
      </c>
      <c r="B211" s="9" t="s">
        <v>57</v>
      </c>
      <c r="C211" s="9" t="s">
        <v>58</v>
      </c>
      <c r="D211" s="9" t="s">
        <v>6</v>
      </c>
      <c r="E211" s="9" t="s">
        <v>40</v>
      </c>
      <c r="F211" s="9" t="s">
        <v>8</v>
      </c>
      <c r="G211" s="6">
        <v>80288</v>
      </c>
      <c r="H211" s="6">
        <v>68890</v>
      </c>
      <c r="I211" s="6">
        <v>50299</v>
      </c>
      <c r="J211" s="6">
        <v>25951</v>
      </c>
      <c r="K211" s="6">
        <v>18591</v>
      </c>
      <c r="L211" s="6">
        <v>622</v>
      </c>
      <c r="M211" s="6">
        <v>10776</v>
      </c>
      <c r="N211" s="10" t="s">
        <v>55</v>
      </c>
      <c r="O211" s="6">
        <v>10304</v>
      </c>
      <c r="P211" s="6">
        <v>6009</v>
      </c>
      <c r="Q211" s="10" t="s">
        <v>55</v>
      </c>
    </row>
    <row r="212" spans="1:17">
      <c r="A212" s="9" t="s">
        <v>27</v>
      </c>
      <c r="B212" s="9" t="s">
        <v>57</v>
      </c>
      <c r="C212" s="9" t="s">
        <v>58</v>
      </c>
      <c r="D212" s="9" t="s">
        <v>6</v>
      </c>
      <c r="E212" s="9" t="s">
        <v>40</v>
      </c>
      <c r="F212" s="9" t="s">
        <v>13</v>
      </c>
      <c r="G212" s="6">
        <v>3755</v>
      </c>
      <c r="H212" s="6">
        <v>2696</v>
      </c>
      <c r="I212" s="6">
        <v>2064</v>
      </c>
      <c r="J212" s="6">
        <v>942</v>
      </c>
      <c r="K212" s="6">
        <v>632</v>
      </c>
      <c r="L212" s="6">
        <v>35</v>
      </c>
      <c r="M212" s="6">
        <v>1024</v>
      </c>
      <c r="N212" s="10" t="s">
        <v>55</v>
      </c>
      <c r="O212" s="6">
        <v>271</v>
      </c>
      <c r="P212" s="6">
        <v>156</v>
      </c>
      <c r="Q212" s="10" t="s">
        <v>55</v>
      </c>
    </row>
    <row r="213" spans="1:17">
      <c r="A213" s="9" t="s">
        <v>27</v>
      </c>
      <c r="B213" s="9" t="s">
        <v>57</v>
      </c>
      <c r="C213" s="9" t="s">
        <v>58</v>
      </c>
      <c r="D213" s="9" t="s">
        <v>6</v>
      </c>
      <c r="E213" s="9" t="s">
        <v>40</v>
      </c>
      <c r="F213" s="9" t="s">
        <v>14</v>
      </c>
      <c r="G213" s="6">
        <v>26724</v>
      </c>
      <c r="H213" s="6">
        <v>23010</v>
      </c>
      <c r="I213" s="6">
        <v>17901</v>
      </c>
      <c r="J213" s="6">
        <v>9819</v>
      </c>
      <c r="K213" s="6">
        <v>5109</v>
      </c>
      <c r="L213" s="6">
        <v>181</v>
      </c>
      <c r="M213" s="6">
        <v>3533</v>
      </c>
      <c r="N213" s="10" t="s">
        <v>55</v>
      </c>
      <c r="O213" s="6">
        <v>2469</v>
      </c>
      <c r="P213" s="6">
        <v>4463</v>
      </c>
      <c r="Q213" s="10" t="s">
        <v>55</v>
      </c>
    </row>
    <row r="214" spans="1:17">
      <c r="A214" s="9" t="s">
        <v>27</v>
      </c>
      <c r="B214" s="9" t="s">
        <v>57</v>
      </c>
      <c r="C214" s="9" t="s">
        <v>58</v>
      </c>
      <c r="D214" s="9" t="s">
        <v>6</v>
      </c>
      <c r="E214" s="9" t="s">
        <v>40</v>
      </c>
      <c r="F214" s="9" t="s">
        <v>18</v>
      </c>
      <c r="G214" s="6">
        <v>3577</v>
      </c>
      <c r="H214" s="6">
        <v>2227</v>
      </c>
      <c r="I214" s="6">
        <v>1742</v>
      </c>
      <c r="J214" s="6">
        <v>681</v>
      </c>
      <c r="K214" s="6">
        <v>485</v>
      </c>
      <c r="L214" s="6">
        <v>45</v>
      </c>
      <c r="M214" s="6">
        <v>1305</v>
      </c>
      <c r="N214" s="10" t="s">
        <v>55</v>
      </c>
      <c r="O214" s="6">
        <v>307</v>
      </c>
      <c r="P214" s="6">
        <v>176</v>
      </c>
      <c r="Q214" s="10" t="s">
        <v>55</v>
      </c>
    </row>
    <row r="215" spans="1:17">
      <c r="A215" s="9" t="s">
        <v>27</v>
      </c>
      <c r="B215" s="9" t="s">
        <v>57</v>
      </c>
      <c r="C215" s="9" t="s">
        <v>58</v>
      </c>
      <c r="D215" s="9" t="s">
        <v>6</v>
      </c>
      <c r="E215" s="9" t="s">
        <v>41</v>
      </c>
      <c r="F215" s="9" t="s">
        <v>6</v>
      </c>
      <c r="G215" s="6">
        <v>127166</v>
      </c>
      <c r="H215" s="6">
        <v>106393</v>
      </c>
      <c r="I215" s="6">
        <v>82199</v>
      </c>
      <c r="J215" s="6">
        <v>50788</v>
      </c>
      <c r="K215" s="6">
        <v>24194</v>
      </c>
      <c r="L215" s="6">
        <v>882</v>
      </c>
      <c r="M215" s="6">
        <v>19891</v>
      </c>
      <c r="N215" s="10" t="s">
        <v>55</v>
      </c>
      <c r="O215" s="6">
        <v>13771</v>
      </c>
      <c r="P215" s="6">
        <v>47106</v>
      </c>
      <c r="Q215" s="6">
        <v>19891</v>
      </c>
    </row>
    <row r="216" spans="1:17">
      <c r="A216" s="9" t="s">
        <v>27</v>
      </c>
      <c r="B216" s="9" t="s">
        <v>57</v>
      </c>
      <c r="C216" s="9" t="s">
        <v>58</v>
      </c>
      <c r="D216" s="9" t="s">
        <v>6</v>
      </c>
      <c r="E216" s="9" t="s">
        <v>41</v>
      </c>
      <c r="F216" s="9" t="s">
        <v>7</v>
      </c>
      <c r="G216" s="6">
        <v>67044</v>
      </c>
      <c r="H216" s="6">
        <v>56832</v>
      </c>
      <c r="I216" s="6">
        <v>42627</v>
      </c>
      <c r="J216" s="6">
        <v>25636</v>
      </c>
      <c r="K216" s="6">
        <v>14205</v>
      </c>
      <c r="L216" s="6">
        <v>492</v>
      </c>
      <c r="M216" s="6">
        <v>9720</v>
      </c>
      <c r="N216" s="10" t="s">
        <v>55</v>
      </c>
      <c r="O216" s="6">
        <v>8450</v>
      </c>
      <c r="P216" s="6">
        <v>23510</v>
      </c>
      <c r="Q216" s="6">
        <v>9720</v>
      </c>
    </row>
    <row r="217" spans="1:17">
      <c r="A217" s="9" t="s">
        <v>27</v>
      </c>
      <c r="B217" s="9" t="s">
        <v>57</v>
      </c>
      <c r="C217" s="9" t="s">
        <v>58</v>
      </c>
      <c r="D217" s="9" t="s">
        <v>6</v>
      </c>
      <c r="E217" s="9" t="s">
        <v>41</v>
      </c>
      <c r="F217" s="9" t="s">
        <v>8</v>
      </c>
      <c r="G217" s="6">
        <v>64605</v>
      </c>
      <c r="H217" s="6">
        <v>55061</v>
      </c>
      <c r="I217" s="6">
        <v>41219</v>
      </c>
      <c r="J217" s="6">
        <v>24795</v>
      </c>
      <c r="K217" s="6">
        <v>13842</v>
      </c>
      <c r="L217" s="6">
        <v>454</v>
      </c>
      <c r="M217" s="6">
        <v>9090</v>
      </c>
      <c r="N217" s="10" t="s">
        <v>55</v>
      </c>
      <c r="O217" s="6">
        <v>8301</v>
      </c>
      <c r="P217" s="6">
        <v>22770</v>
      </c>
      <c r="Q217" s="6">
        <v>9090</v>
      </c>
    </row>
    <row r="218" spans="1:17">
      <c r="A218" s="9" t="s">
        <v>27</v>
      </c>
      <c r="B218" s="9" t="s">
        <v>57</v>
      </c>
      <c r="C218" s="9" t="s">
        <v>58</v>
      </c>
      <c r="D218" s="9" t="s">
        <v>6</v>
      </c>
      <c r="E218" s="9" t="s">
        <v>41</v>
      </c>
      <c r="F218" s="9" t="s">
        <v>13</v>
      </c>
      <c r="G218" s="6">
        <v>2439</v>
      </c>
      <c r="H218" s="6">
        <v>1771</v>
      </c>
      <c r="I218" s="6">
        <v>1408</v>
      </c>
      <c r="J218" s="6">
        <v>841</v>
      </c>
      <c r="K218" s="6">
        <v>363</v>
      </c>
      <c r="L218" s="6">
        <v>38</v>
      </c>
      <c r="M218" s="6">
        <v>630</v>
      </c>
      <c r="N218" s="10" t="s">
        <v>55</v>
      </c>
      <c r="O218" s="6">
        <v>149</v>
      </c>
      <c r="P218" s="6">
        <v>740</v>
      </c>
      <c r="Q218" s="6">
        <v>630</v>
      </c>
    </row>
    <row r="219" spans="1:17">
      <c r="A219" s="9" t="s">
        <v>27</v>
      </c>
      <c r="B219" s="9" t="s">
        <v>57</v>
      </c>
      <c r="C219" s="9" t="s">
        <v>58</v>
      </c>
      <c r="D219" s="9" t="s">
        <v>6</v>
      </c>
      <c r="E219" s="9" t="s">
        <v>41</v>
      </c>
      <c r="F219" s="9" t="s">
        <v>14</v>
      </c>
      <c r="G219" s="6">
        <v>56122</v>
      </c>
      <c r="H219" s="6">
        <v>47027</v>
      </c>
      <c r="I219" s="6">
        <v>37549</v>
      </c>
      <c r="J219" s="6">
        <v>23975</v>
      </c>
      <c r="K219" s="6">
        <v>9478</v>
      </c>
      <c r="L219" s="6">
        <v>342</v>
      </c>
      <c r="M219" s="6">
        <v>8753</v>
      </c>
      <c r="N219" s="10" t="s">
        <v>55</v>
      </c>
      <c r="O219" s="6">
        <v>5021</v>
      </c>
      <c r="P219" s="6">
        <v>22510</v>
      </c>
      <c r="Q219" s="6">
        <v>8753</v>
      </c>
    </row>
    <row r="220" spans="1:17">
      <c r="A220" s="9" t="s">
        <v>27</v>
      </c>
      <c r="B220" s="9" t="s">
        <v>57</v>
      </c>
      <c r="C220" s="9" t="s">
        <v>58</v>
      </c>
      <c r="D220" s="9" t="s">
        <v>6</v>
      </c>
      <c r="E220" s="9" t="s">
        <v>41</v>
      </c>
      <c r="F220" s="9" t="s">
        <v>18</v>
      </c>
      <c r="G220" s="6">
        <v>4000</v>
      </c>
      <c r="H220" s="6">
        <v>2534</v>
      </c>
      <c r="I220" s="6">
        <v>2023</v>
      </c>
      <c r="J220" s="6">
        <v>1177</v>
      </c>
      <c r="K220" s="6">
        <v>511</v>
      </c>
      <c r="L220" s="6">
        <v>48</v>
      </c>
      <c r="M220" s="6">
        <v>1418</v>
      </c>
      <c r="N220" s="10" t="s">
        <v>55</v>
      </c>
      <c r="O220" s="6">
        <v>300</v>
      </c>
      <c r="P220" s="6">
        <v>1086</v>
      </c>
      <c r="Q220" s="6">
        <v>1418</v>
      </c>
    </row>
    <row r="221" spans="1:17">
      <c r="A221" s="9" t="s">
        <v>27</v>
      </c>
      <c r="B221" s="9" t="s">
        <v>57</v>
      </c>
      <c r="C221" s="9" t="s">
        <v>58</v>
      </c>
      <c r="D221" s="9" t="s">
        <v>6</v>
      </c>
      <c r="E221" s="9" t="s">
        <v>42</v>
      </c>
      <c r="F221" s="9" t="s">
        <v>6</v>
      </c>
      <c r="G221" s="6">
        <v>125001</v>
      </c>
      <c r="H221" s="6">
        <v>103443</v>
      </c>
      <c r="I221" s="6">
        <v>82866</v>
      </c>
      <c r="J221" s="6">
        <v>54082</v>
      </c>
      <c r="K221" s="6">
        <v>20577</v>
      </c>
      <c r="L221" s="6">
        <v>843</v>
      </c>
      <c r="M221" s="6">
        <v>20715</v>
      </c>
      <c r="N221" s="10" t="s">
        <v>55</v>
      </c>
      <c r="O221" s="6">
        <v>13305</v>
      </c>
      <c r="P221" s="6">
        <v>53310</v>
      </c>
      <c r="Q221" s="6">
        <v>20715</v>
      </c>
    </row>
    <row r="222" spans="1:17">
      <c r="A222" s="9" t="s">
        <v>27</v>
      </c>
      <c r="B222" s="9" t="s">
        <v>57</v>
      </c>
      <c r="C222" s="9" t="s">
        <v>58</v>
      </c>
      <c r="D222" s="9" t="s">
        <v>6</v>
      </c>
      <c r="E222" s="9" t="s">
        <v>42</v>
      </c>
      <c r="F222" s="9" t="s">
        <v>7</v>
      </c>
      <c r="G222" s="6">
        <v>44771</v>
      </c>
      <c r="H222" s="6">
        <v>38083</v>
      </c>
      <c r="I222" s="6">
        <v>29237</v>
      </c>
      <c r="J222" s="6">
        <v>18481</v>
      </c>
      <c r="K222" s="6">
        <v>8846</v>
      </c>
      <c r="L222" s="6">
        <v>336</v>
      </c>
      <c r="M222" s="6">
        <v>6352</v>
      </c>
      <c r="N222" s="10" t="s">
        <v>55</v>
      </c>
      <c r="O222" s="6">
        <v>6042</v>
      </c>
      <c r="P222" s="6">
        <v>18149</v>
      </c>
      <c r="Q222" s="6">
        <v>6352</v>
      </c>
    </row>
    <row r="223" spans="1:17">
      <c r="A223" s="9" t="s">
        <v>27</v>
      </c>
      <c r="B223" s="9" t="s">
        <v>57</v>
      </c>
      <c r="C223" s="9" t="s">
        <v>58</v>
      </c>
      <c r="D223" s="9" t="s">
        <v>6</v>
      </c>
      <c r="E223" s="9" t="s">
        <v>42</v>
      </c>
      <c r="F223" s="9" t="s">
        <v>8</v>
      </c>
      <c r="G223" s="6">
        <v>43764</v>
      </c>
      <c r="H223" s="6">
        <v>37383</v>
      </c>
      <c r="I223" s="6">
        <v>28642</v>
      </c>
      <c r="J223" s="6">
        <v>18110</v>
      </c>
      <c r="K223" s="6">
        <v>8741</v>
      </c>
      <c r="L223" s="6">
        <v>328</v>
      </c>
      <c r="M223" s="6">
        <v>6053</v>
      </c>
      <c r="N223" s="10" t="s">
        <v>55</v>
      </c>
      <c r="O223" s="6">
        <v>5988</v>
      </c>
      <c r="P223" s="6">
        <v>17787</v>
      </c>
      <c r="Q223" s="6">
        <v>6053</v>
      </c>
    </row>
    <row r="224" spans="1:17">
      <c r="A224" s="9" t="s">
        <v>27</v>
      </c>
      <c r="B224" s="9" t="s">
        <v>57</v>
      </c>
      <c r="C224" s="9" t="s">
        <v>58</v>
      </c>
      <c r="D224" s="9" t="s">
        <v>6</v>
      </c>
      <c r="E224" s="9" t="s">
        <v>42</v>
      </c>
      <c r="F224" s="9" t="s">
        <v>13</v>
      </c>
      <c r="G224" s="6">
        <v>1007</v>
      </c>
      <c r="H224" s="6">
        <v>700</v>
      </c>
      <c r="I224" s="6">
        <v>595</v>
      </c>
      <c r="J224" s="6">
        <v>371</v>
      </c>
      <c r="K224" s="6">
        <v>105</v>
      </c>
      <c r="L224" s="6">
        <v>8</v>
      </c>
      <c r="M224" s="6">
        <v>299</v>
      </c>
      <c r="N224" s="10" t="s">
        <v>55</v>
      </c>
      <c r="O224" s="6">
        <v>54</v>
      </c>
      <c r="P224" s="6">
        <v>362</v>
      </c>
      <c r="Q224" s="6">
        <v>299</v>
      </c>
    </row>
    <row r="225" spans="1:17">
      <c r="A225" s="9" t="s">
        <v>27</v>
      </c>
      <c r="B225" s="9" t="s">
        <v>57</v>
      </c>
      <c r="C225" s="9" t="s">
        <v>58</v>
      </c>
      <c r="D225" s="9" t="s">
        <v>6</v>
      </c>
      <c r="E225" s="9" t="s">
        <v>42</v>
      </c>
      <c r="F225" s="9" t="s">
        <v>14</v>
      </c>
      <c r="G225" s="6">
        <v>74740</v>
      </c>
      <c r="H225" s="6">
        <v>61618</v>
      </c>
      <c r="I225" s="6">
        <v>50493</v>
      </c>
      <c r="J225" s="6">
        <v>33480</v>
      </c>
      <c r="K225" s="6">
        <v>11125</v>
      </c>
      <c r="L225" s="6">
        <v>437</v>
      </c>
      <c r="M225" s="6">
        <v>12685</v>
      </c>
      <c r="N225" s="10" t="s">
        <v>55</v>
      </c>
      <c r="O225" s="6">
        <v>6891</v>
      </c>
      <c r="P225" s="6">
        <v>33083</v>
      </c>
      <c r="Q225" s="6">
        <v>12685</v>
      </c>
    </row>
    <row r="226" spans="1:17">
      <c r="A226" s="9" t="s">
        <v>27</v>
      </c>
      <c r="B226" s="9" t="s">
        <v>57</v>
      </c>
      <c r="C226" s="9" t="s">
        <v>58</v>
      </c>
      <c r="D226" s="9" t="s">
        <v>6</v>
      </c>
      <c r="E226" s="9" t="s">
        <v>42</v>
      </c>
      <c r="F226" s="9" t="s">
        <v>18</v>
      </c>
      <c r="G226" s="6">
        <v>5490</v>
      </c>
      <c r="H226" s="6">
        <v>3742</v>
      </c>
      <c r="I226" s="6">
        <v>3136</v>
      </c>
      <c r="J226" s="6">
        <v>2121</v>
      </c>
      <c r="K226" s="6">
        <v>606</v>
      </c>
      <c r="L226" s="6">
        <v>70</v>
      </c>
      <c r="M226" s="6">
        <v>1678</v>
      </c>
      <c r="N226" s="10" t="s">
        <v>55</v>
      </c>
      <c r="O226" s="6">
        <v>372</v>
      </c>
      <c r="P226" s="6">
        <v>2078</v>
      </c>
      <c r="Q226" s="6">
        <v>1678</v>
      </c>
    </row>
    <row r="227" spans="1:17">
      <c r="A227" s="9" t="s">
        <v>27</v>
      </c>
      <c r="B227" s="9" t="s">
        <v>57</v>
      </c>
      <c r="C227" s="9" t="s">
        <v>58</v>
      </c>
      <c r="D227" s="9" t="s">
        <v>6</v>
      </c>
      <c r="E227" s="9" t="s">
        <v>43</v>
      </c>
      <c r="F227" s="9" t="s">
        <v>6</v>
      </c>
      <c r="G227" s="6">
        <v>88604</v>
      </c>
      <c r="H227" s="6">
        <v>71646</v>
      </c>
      <c r="I227" s="6">
        <v>56784</v>
      </c>
      <c r="J227" s="6">
        <v>36603</v>
      </c>
      <c r="K227" s="6">
        <v>14862</v>
      </c>
      <c r="L227" s="6">
        <v>500</v>
      </c>
      <c r="M227" s="6">
        <v>16458</v>
      </c>
      <c r="N227" s="10" t="s">
        <v>55</v>
      </c>
      <c r="O227" s="6">
        <v>10002</v>
      </c>
      <c r="P227" s="6">
        <v>36455</v>
      </c>
      <c r="Q227" s="6">
        <v>16458</v>
      </c>
    </row>
    <row r="228" spans="1:17">
      <c r="A228" s="9" t="s">
        <v>27</v>
      </c>
      <c r="B228" s="9" t="s">
        <v>57</v>
      </c>
      <c r="C228" s="9" t="s">
        <v>58</v>
      </c>
      <c r="D228" s="9" t="s">
        <v>6</v>
      </c>
      <c r="E228" s="9" t="s">
        <v>43</v>
      </c>
      <c r="F228" s="9" t="s">
        <v>7</v>
      </c>
      <c r="G228" s="6">
        <v>18054</v>
      </c>
      <c r="H228" s="6">
        <v>15622</v>
      </c>
      <c r="I228" s="6">
        <v>11632</v>
      </c>
      <c r="J228" s="6">
        <v>7104</v>
      </c>
      <c r="K228" s="6">
        <v>3990</v>
      </c>
      <c r="L228" s="6">
        <v>123</v>
      </c>
      <c r="M228" s="6">
        <v>2309</v>
      </c>
      <c r="N228" s="10" t="s">
        <v>55</v>
      </c>
      <c r="O228" s="6">
        <v>2851</v>
      </c>
      <c r="P228" s="6">
        <v>7060</v>
      </c>
      <c r="Q228" s="6">
        <v>2309</v>
      </c>
    </row>
    <row r="229" spans="1:17">
      <c r="A229" s="9" t="s">
        <v>27</v>
      </c>
      <c r="B229" s="9" t="s">
        <v>57</v>
      </c>
      <c r="C229" s="9" t="s">
        <v>58</v>
      </c>
      <c r="D229" s="9" t="s">
        <v>6</v>
      </c>
      <c r="E229" s="9" t="s">
        <v>43</v>
      </c>
      <c r="F229" s="9" t="s">
        <v>8</v>
      </c>
      <c r="G229" s="6">
        <v>17788</v>
      </c>
      <c r="H229" s="6">
        <v>15422</v>
      </c>
      <c r="I229" s="6">
        <v>11463</v>
      </c>
      <c r="J229" s="6">
        <v>6987</v>
      </c>
      <c r="K229" s="6">
        <v>3959</v>
      </c>
      <c r="L229" s="6">
        <v>121</v>
      </c>
      <c r="M229" s="6">
        <v>2245</v>
      </c>
      <c r="N229" s="10" t="s">
        <v>55</v>
      </c>
      <c r="O229" s="6">
        <v>2839</v>
      </c>
      <c r="P229" s="6">
        <v>6944</v>
      </c>
      <c r="Q229" s="6">
        <v>2245</v>
      </c>
    </row>
    <row r="230" spans="1:17">
      <c r="A230" s="9" t="s">
        <v>27</v>
      </c>
      <c r="B230" s="9" t="s">
        <v>57</v>
      </c>
      <c r="C230" s="9" t="s">
        <v>58</v>
      </c>
      <c r="D230" s="9" t="s">
        <v>6</v>
      </c>
      <c r="E230" s="9" t="s">
        <v>43</v>
      </c>
      <c r="F230" s="9" t="s">
        <v>13</v>
      </c>
      <c r="G230" s="6">
        <v>266</v>
      </c>
      <c r="H230" s="6">
        <v>200</v>
      </c>
      <c r="I230" s="6">
        <v>169</v>
      </c>
      <c r="J230" s="6">
        <v>117</v>
      </c>
      <c r="K230" s="6">
        <v>31</v>
      </c>
      <c r="L230" s="6">
        <v>2</v>
      </c>
      <c r="M230" s="6">
        <v>64</v>
      </c>
      <c r="N230" s="10" t="s">
        <v>55</v>
      </c>
      <c r="O230" s="6">
        <v>12</v>
      </c>
      <c r="P230" s="6">
        <v>116</v>
      </c>
      <c r="Q230" s="6">
        <v>64</v>
      </c>
    </row>
    <row r="231" spans="1:17">
      <c r="A231" s="9" t="s">
        <v>27</v>
      </c>
      <c r="B231" s="9" t="s">
        <v>57</v>
      </c>
      <c r="C231" s="9" t="s">
        <v>58</v>
      </c>
      <c r="D231" s="9" t="s">
        <v>6</v>
      </c>
      <c r="E231" s="9" t="s">
        <v>43</v>
      </c>
      <c r="F231" s="9" t="s">
        <v>14</v>
      </c>
      <c r="G231" s="6">
        <v>65278</v>
      </c>
      <c r="H231" s="6">
        <v>52467</v>
      </c>
      <c r="I231" s="6">
        <v>42108</v>
      </c>
      <c r="J231" s="6">
        <v>27252</v>
      </c>
      <c r="K231" s="6">
        <v>10359</v>
      </c>
      <c r="L231" s="6">
        <v>331</v>
      </c>
      <c r="M231" s="6">
        <v>12480</v>
      </c>
      <c r="N231" s="10" t="s">
        <v>55</v>
      </c>
      <c r="O231" s="6">
        <v>6824</v>
      </c>
      <c r="P231" s="6">
        <v>27160</v>
      </c>
      <c r="Q231" s="6">
        <v>12480</v>
      </c>
    </row>
    <row r="232" spans="1:17">
      <c r="A232" s="9" t="s">
        <v>27</v>
      </c>
      <c r="B232" s="9" t="s">
        <v>57</v>
      </c>
      <c r="C232" s="9" t="s">
        <v>58</v>
      </c>
      <c r="D232" s="9" t="s">
        <v>6</v>
      </c>
      <c r="E232" s="9" t="s">
        <v>43</v>
      </c>
      <c r="F232" s="9" t="s">
        <v>18</v>
      </c>
      <c r="G232" s="6">
        <v>5272</v>
      </c>
      <c r="H232" s="6">
        <v>3557</v>
      </c>
      <c r="I232" s="6">
        <v>3044</v>
      </c>
      <c r="J232" s="6">
        <v>2247</v>
      </c>
      <c r="K232" s="6">
        <v>513</v>
      </c>
      <c r="L232" s="6">
        <v>46</v>
      </c>
      <c r="M232" s="6">
        <v>1669</v>
      </c>
      <c r="N232" s="10" t="s">
        <v>55</v>
      </c>
      <c r="O232" s="6">
        <v>327</v>
      </c>
      <c r="P232" s="6">
        <v>2235</v>
      </c>
      <c r="Q232" s="6">
        <v>1669</v>
      </c>
    </row>
    <row r="233" spans="1:17">
      <c r="A233" s="9" t="s">
        <v>27</v>
      </c>
      <c r="B233" s="9" t="s">
        <v>57</v>
      </c>
      <c r="C233" s="9" t="s">
        <v>58</v>
      </c>
      <c r="D233" s="9" t="s">
        <v>6</v>
      </c>
      <c r="E233" s="9" t="s">
        <v>44</v>
      </c>
      <c r="F233" s="9" t="s">
        <v>6</v>
      </c>
      <c r="G233" s="6">
        <v>74079</v>
      </c>
      <c r="H233" s="6">
        <v>57886</v>
      </c>
      <c r="I233" s="6">
        <v>41948</v>
      </c>
      <c r="J233" s="6">
        <v>25116</v>
      </c>
      <c r="K233" s="6">
        <v>15938</v>
      </c>
      <c r="L233" s="6">
        <v>364</v>
      </c>
      <c r="M233" s="6">
        <v>15829</v>
      </c>
      <c r="N233" s="10" t="s">
        <v>55</v>
      </c>
      <c r="O233" s="6">
        <v>9892</v>
      </c>
      <c r="P233" s="6">
        <v>25079</v>
      </c>
      <c r="Q233" s="6">
        <v>15829</v>
      </c>
    </row>
    <row r="234" spans="1:17">
      <c r="A234" s="9" t="s">
        <v>27</v>
      </c>
      <c r="B234" s="9" t="s">
        <v>57</v>
      </c>
      <c r="C234" s="9" t="s">
        <v>58</v>
      </c>
      <c r="D234" s="9" t="s">
        <v>6</v>
      </c>
      <c r="E234" s="9" t="s">
        <v>44</v>
      </c>
      <c r="F234" s="9" t="s">
        <v>7</v>
      </c>
      <c r="G234" s="6">
        <v>8988</v>
      </c>
      <c r="H234" s="6">
        <v>7889</v>
      </c>
      <c r="I234" s="6">
        <v>5331</v>
      </c>
      <c r="J234" s="6">
        <v>3041</v>
      </c>
      <c r="K234" s="6">
        <v>2558</v>
      </c>
      <c r="L234" s="6">
        <v>58</v>
      </c>
      <c r="M234" s="6">
        <v>1041</v>
      </c>
      <c r="N234" s="10" t="s">
        <v>55</v>
      </c>
      <c r="O234" s="6">
        <v>1717</v>
      </c>
      <c r="P234" s="6">
        <v>3032</v>
      </c>
      <c r="Q234" s="6">
        <v>1041</v>
      </c>
    </row>
    <row r="235" spans="1:17">
      <c r="A235" s="9" t="s">
        <v>27</v>
      </c>
      <c r="B235" s="9" t="s">
        <v>57</v>
      </c>
      <c r="C235" s="9" t="s">
        <v>58</v>
      </c>
      <c r="D235" s="9" t="s">
        <v>6</v>
      </c>
      <c r="E235" s="9" t="s">
        <v>44</v>
      </c>
      <c r="F235" s="9" t="s">
        <v>8</v>
      </c>
      <c r="G235" s="6">
        <v>8879</v>
      </c>
      <c r="H235" s="6">
        <v>7804</v>
      </c>
      <c r="I235" s="6">
        <v>5252</v>
      </c>
      <c r="J235" s="6">
        <v>2997</v>
      </c>
      <c r="K235" s="6">
        <v>2552</v>
      </c>
      <c r="L235" s="6">
        <v>55</v>
      </c>
      <c r="M235" s="6">
        <v>1020</v>
      </c>
      <c r="N235" s="10" t="s">
        <v>55</v>
      </c>
      <c r="O235" s="6">
        <v>1715</v>
      </c>
      <c r="P235" s="6">
        <v>2988</v>
      </c>
      <c r="Q235" s="6">
        <v>1020</v>
      </c>
    </row>
    <row r="236" spans="1:17">
      <c r="A236" s="9" t="s">
        <v>27</v>
      </c>
      <c r="B236" s="9" t="s">
        <v>57</v>
      </c>
      <c r="C236" s="9" t="s">
        <v>58</v>
      </c>
      <c r="D236" s="9" t="s">
        <v>6</v>
      </c>
      <c r="E236" s="9" t="s">
        <v>44</v>
      </c>
      <c r="F236" s="9" t="s">
        <v>13</v>
      </c>
      <c r="G236" s="6">
        <v>109</v>
      </c>
      <c r="H236" s="6">
        <v>85</v>
      </c>
      <c r="I236" s="6">
        <v>79</v>
      </c>
      <c r="J236" s="6">
        <v>44</v>
      </c>
      <c r="K236" s="6">
        <v>6</v>
      </c>
      <c r="L236" s="6">
        <v>3</v>
      </c>
      <c r="M236" s="6">
        <v>21</v>
      </c>
      <c r="N236" s="10" t="s">
        <v>55</v>
      </c>
      <c r="O236" s="6">
        <v>2</v>
      </c>
      <c r="P236" s="6">
        <v>44</v>
      </c>
      <c r="Q236" s="6">
        <v>21</v>
      </c>
    </row>
    <row r="237" spans="1:17">
      <c r="A237" s="9" t="s">
        <v>27</v>
      </c>
      <c r="B237" s="9" t="s">
        <v>57</v>
      </c>
      <c r="C237" s="9" t="s">
        <v>58</v>
      </c>
      <c r="D237" s="9" t="s">
        <v>6</v>
      </c>
      <c r="E237" s="9" t="s">
        <v>44</v>
      </c>
      <c r="F237" s="9" t="s">
        <v>14</v>
      </c>
      <c r="G237" s="6">
        <v>60390</v>
      </c>
      <c r="H237" s="6">
        <v>46839</v>
      </c>
      <c r="I237" s="6">
        <v>33946</v>
      </c>
      <c r="J237" s="6">
        <v>20157</v>
      </c>
      <c r="K237" s="6">
        <v>12893</v>
      </c>
      <c r="L237" s="6">
        <v>258</v>
      </c>
      <c r="M237" s="6">
        <v>13293</v>
      </c>
      <c r="N237" s="10" t="s">
        <v>55</v>
      </c>
      <c r="O237" s="6">
        <v>7856</v>
      </c>
      <c r="P237" s="6">
        <v>20135</v>
      </c>
      <c r="Q237" s="6">
        <v>13293</v>
      </c>
    </row>
    <row r="238" spans="1:17">
      <c r="A238" s="9" t="s">
        <v>27</v>
      </c>
      <c r="B238" s="9" t="s">
        <v>57</v>
      </c>
      <c r="C238" s="9" t="s">
        <v>58</v>
      </c>
      <c r="D238" s="9" t="s">
        <v>6</v>
      </c>
      <c r="E238" s="9" t="s">
        <v>44</v>
      </c>
      <c r="F238" s="9" t="s">
        <v>18</v>
      </c>
      <c r="G238" s="6">
        <v>4701</v>
      </c>
      <c r="H238" s="6">
        <v>3158</v>
      </c>
      <c r="I238" s="6">
        <v>2671</v>
      </c>
      <c r="J238" s="6">
        <v>1918</v>
      </c>
      <c r="K238" s="6">
        <v>487</v>
      </c>
      <c r="L238" s="6">
        <v>48</v>
      </c>
      <c r="M238" s="6">
        <v>1495</v>
      </c>
      <c r="N238" s="10" t="s">
        <v>55</v>
      </c>
      <c r="O238" s="6">
        <v>319</v>
      </c>
      <c r="P238" s="6">
        <v>1912</v>
      </c>
      <c r="Q238" s="6">
        <v>1495</v>
      </c>
    </row>
    <row r="239" spans="1:17">
      <c r="A239" s="9" t="s">
        <v>27</v>
      </c>
      <c r="B239" s="9" t="s">
        <v>57</v>
      </c>
      <c r="C239" s="9" t="s">
        <v>58</v>
      </c>
      <c r="D239" s="9" t="s">
        <v>6</v>
      </c>
      <c r="E239" s="9" t="s">
        <v>45</v>
      </c>
      <c r="F239" s="9" t="s">
        <v>6</v>
      </c>
      <c r="G239" s="6">
        <v>52102</v>
      </c>
      <c r="H239" s="6">
        <v>39239</v>
      </c>
      <c r="I239" s="6">
        <v>24251</v>
      </c>
      <c r="J239" s="6">
        <v>12222</v>
      </c>
      <c r="K239" s="6">
        <v>14988</v>
      </c>
      <c r="L239" s="6">
        <v>237</v>
      </c>
      <c r="M239" s="6">
        <v>12626</v>
      </c>
      <c r="N239" s="10" t="s">
        <v>55</v>
      </c>
      <c r="O239" s="6">
        <v>8177</v>
      </c>
      <c r="P239" s="6">
        <v>12214</v>
      </c>
      <c r="Q239" s="6">
        <v>12626</v>
      </c>
    </row>
    <row r="240" spans="1:17">
      <c r="A240" s="9" t="s">
        <v>27</v>
      </c>
      <c r="B240" s="9" t="s">
        <v>57</v>
      </c>
      <c r="C240" s="9" t="s">
        <v>58</v>
      </c>
      <c r="D240" s="9" t="s">
        <v>6</v>
      </c>
      <c r="E240" s="9" t="s">
        <v>45</v>
      </c>
      <c r="F240" s="9" t="s">
        <v>7</v>
      </c>
      <c r="G240" s="6">
        <v>3331</v>
      </c>
      <c r="H240" s="6">
        <v>2857</v>
      </c>
      <c r="I240" s="6">
        <v>1711</v>
      </c>
      <c r="J240" s="6">
        <v>874</v>
      </c>
      <c r="K240" s="6">
        <v>1146</v>
      </c>
      <c r="L240" s="6">
        <v>24</v>
      </c>
      <c r="M240" s="6">
        <v>450</v>
      </c>
      <c r="N240" s="10" t="s">
        <v>55</v>
      </c>
      <c r="O240" s="6">
        <v>660</v>
      </c>
      <c r="P240" s="6">
        <v>871</v>
      </c>
      <c r="Q240" s="6">
        <v>450</v>
      </c>
    </row>
    <row r="241" spans="1:17">
      <c r="A241" s="9" t="s">
        <v>27</v>
      </c>
      <c r="B241" s="9" t="s">
        <v>57</v>
      </c>
      <c r="C241" s="9" t="s">
        <v>58</v>
      </c>
      <c r="D241" s="9" t="s">
        <v>6</v>
      </c>
      <c r="E241" s="9" t="s">
        <v>45</v>
      </c>
      <c r="F241" s="9" t="s">
        <v>8</v>
      </c>
      <c r="G241" s="6">
        <v>3283</v>
      </c>
      <c r="H241" s="6">
        <v>2823</v>
      </c>
      <c r="I241" s="6">
        <v>1688</v>
      </c>
      <c r="J241" s="6">
        <v>864</v>
      </c>
      <c r="K241" s="6">
        <v>1135</v>
      </c>
      <c r="L241" s="6">
        <v>23</v>
      </c>
      <c r="M241" s="6">
        <v>437</v>
      </c>
      <c r="N241" s="10" t="s">
        <v>55</v>
      </c>
      <c r="O241" s="6">
        <v>656</v>
      </c>
      <c r="P241" s="6">
        <v>861</v>
      </c>
      <c r="Q241" s="6">
        <v>437</v>
      </c>
    </row>
    <row r="242" spans="1:17">
      <c r="A242" s="9" t="s">
        <v>27</v>
      </c>
      <c r="B242" s="9" t="s">
        <v>57</v>
      </c>
      <c r="C242" s="9" t="s">
        <v>58</v>
      </c>
      <c r="D242" s="9" t="s">
        <v>6</v>
      </c>
      <c r="E242" s="9" t="s">
        <v>45</v>
      </c>
      <c r="F242" s="9" t="s">
        <v>13</v>
      </c>
      <c r="G242" s="6">
        <v>48</v>
      </c>
      <c r="H242" s="6">
        <v>34</v>
      </c>
      <c r="I242" s="6">
        <v>23</v>
      </c>
      <c r="J242" s="6">
        <v>10</v>
      </c>
      <c r="K242" s="6">
        <v>11</v>
      </c>
      <c r="L242" s="6">
        <v>1</v>
      </c>
      <c r="M242" s="6">
        <v>13</v>
      </c>
      <c r="N242" s="10" t="s">
        <v>55</v>
      </c>
      <c r="O242" s="6">
        <v>4</v>
      </c>
      <c r="P242" s="6">
        <v>10</v>
      </c>
      <c r="Q242" s="6">
        <v>13</v>
      </c>
    </row>
    <row r="243" spans="1:17">
      <c r="A243" s="9" t="s">
        <v>27</v>
      </c>
      <c r="B243" s="9" t="s">
        <v>57</v>
      </c>
      <c r="C243" s="9" t="s">
        <v>58</v>
      </c>
      <c r="D243" s="9" t="s">
        <v>6</v>
      </c>
      <c r="E243" s="9" t="s">
        <v>45</v>
      </c>
      <c r="F243" s="9" t="s">
        <v>14</v>
      </c>
      <c r="G243" s="6">
        <v>45760</v>
      </c>
      <c r="H243" s="6">
        <v>34543</v>
      </c>
      <c r="I243" s="6">
        <v>21040</v>
      </c>
      <c r="J243" s="6">
        <v>10413</v>
      </c>
      <c r="K243" s="6">
        <v>13503</v>
      </c>
      <c r="L243" s="6">
        <v>178</v>
      </c>
      <c r="M243" s="6">
        <v>11039</v>
      </c>
      <c r="N243" s="10" t="s">
        <v>55</v>
      </c>
      <c r="O243" s="6">
        <v>7323</v>
      </c>
      <c r="P243" s="6">
        <v>10409</v>
      </c>
      <c r="Q243" s="6">
        <v>11039</v>
      </c>
    </row>
    <row r="244" spans="1:17">
      <c r="A244" s="9" t="s">
        <v>27</v>
      </c>
      <c r="B244" s="9" t="s">
        <v>57</v>
      </c>
      <c r="C244" s="9" t="s">
        <v>58</v>
      </c>
      <c r="D244" s="9" t="s">
        <v>6</v>
      </c>
      <c r="E244" s="9" t="s">
        <v>45</v>
      </c>
      <c r="F244" s="9" t="s">
        <v>18</v>
      </c>
      <c r="G244" s="6">
        <v>3011</v>
      </c>
      <c r="H244" s="6">
        <v>1839</v>
      </c>
      <c r="I244" s="6">
        <v>1500</v>
      </c>
      <c r="J244" s="6">
        <v>935</v>
      </c>
      <c r="K244" s="6">
        <v>339</v>
      </c>
      <c r="L244" s="6">
        <v>35</v>
      </c>
      <c r="M244" s="6">
        <v>1137</v>
      </c>
      <c r="N244" s="10" t="s">
        <v>55</v>
      </c>
      <c r="O244" s="6">
        <v>194</v>
      </c>
      <c r="P244" s="6">
        <v>934</v>
      </c>
      <c r="Q244" s="6">
        <v>1137</v>
      </c>
    </row>
    <row r="245" spans="1:17">
      <c r="A245" s="9" t="s">
        <v>27</v>
      </c>
      <c r="B245" s="9" t="s">
        <v>57</v>
      </c>
      <c r="C245" s="9" t="s">
        <v>58</v>
      </c>
      <c r="D245" s="9" t="s">
        <v>6</v>
      </c>
      <c r="E245" s="9" t="s">
        <v>46</v>
      </c>
      <c r="F245" s="9" t="s">
        <v>6</v>
      </c>
      <c r="G245" s="6">
        <v>22980</v>
      </c>
      <c r="H245" s="6">
        <v>17233</v>
      </c>
      <c r="I245" s="6">
        <v>8302</v>
      </c>
      <c r="J245" s="6">
        <v>3088</v>
      </c>
      <c r="K245" s="6">
        <v>8931</v>
      </c>
      <c r="L245" s="6">
        <v>84</v>
      </c>
      <c r="M245" s="6">
        <v>5663</v>
      </c>
      <c r="N245" s="10" t="s">
        <v>55</v>
      </c>
      <c r="O245" s="6">
        <v>4349</v>
      </c>
      <c r="P245" s="6">
        <v>3087</v>
      </c>
      <c r="Q245" s="6">
        <v>5663</v>
      </c>
    </row>
    <row r="246" spans="1:17">
      <c r="A246" s="9" t="s">
        <v>27</v>
      </c>
      <c r="B246" s="9" t="s">
        <v>57</v>
      </c>
      <c r="C246" s="9" t="s">
        <v>58</v>
      </c>
      <c r="D246" s="9" t="s">
        <v>6</v>
      </c>
      <c r="E246" s="9" t="s">
        <v>46</v>
      </c>
      <c r="F246" s="9" t="s">
        <v>7</v>
      </c>
      <c r="G246" s="6">
        <v>718</v>
      </c>
      <c r="H246" s="6">
        <v>595</v>
      </c>
      <c r="I246" s="6">
        <v>326</v>
      </c>
      <c r="J246" s="6">
        <v>144</v>
      </c>
      <c r="K246" s="6">
        <v>269</v>
      </c>
      <c r="L246" s="6">
        <v>5</v>
      </c>
      <c r="M246" s="6">
        <v>118</v>
      </c>
      <c r="N246" s="10" t="s">
        <v>55</v>
      </c>
      <c r="O246" s="6">
        <v>128</v>
      </c>
      <c r="P246" s="6">
        <v>143</v>
      </c>
      <c r="Q246" s="6">
        <v>118</v>
      </c>
    </row>
    <row r="247" spans="1:17">
      <c r="A247" s="9" t="s">
        <v>27</v>
      </c>
      <c r="B247" s="9" t="s">
        <v>57</v>
      </c>
      <c r="C247" s="9" t="s">
        <v>58</v>
      </c>
      <c r="D247" s="9" t="s">
        <v>6</v>
      </c>
      <c r="E247" s="9" t="s">
        <v>46</v>
      </c>
      <c r="F247" s="9" t="s">
        <v>8</v>
      </c>
      <c r="G247" s="6">
        <v>712</v>
      </c>
      <c r="H247" s="6">
        <v>589</v>
      </c>
      <c r="I247" s="6">
        <v>322</v>
      </c>
      <c r="J247" s="6">
        <v>143</v>
      </c>
      <c r="K247" s="6">
        <v>267</v>
      </c>
      <c r="L247" s="6">
        <v>5</v>
      </c>
      <c r="M247" s="6">
        <v>118</v>
      </c>
      <c r="N247" s="10" t="s">
        <v>55</v>
      </c>
      <c r="O247" s="6">
        <v>127</v>
      </c>
      <c r="P247" s="6">
        <v>142</v>
      </c>
      <c r="Q247" s="6">
        <v>118</v>
      </c>
    </row>
    <row r="248" spans="1:17">
      <c r="A248" s="9" t="s">
        <v>27</v>
      </c>
      <c r="B248" s="9" t="s">
        <v>57</v>
      </c>
      <c r="C248" s="9" t="s">
        <v>58</v>
      </c>
      <c r="D248" s="9" t="s">
        <v>6</v>
      </c>
      <c r="E248" s="9" t="s">
        <v>46</v>
      </c>
      <c r="F248" s="9" t="s">
        <v>13</v>
      </c>
      <c r="G248" s="6">
        <v>6</v>
      </c>
      <c r="H248" s="6">
        <v>6</v>
      </c>
      <c r="I248" s="6">
        <v>4</v>
      </c>
      <c r="J248" s="6">
        <v>1</v>
      </c>
      <c r="K248" s="6">
        <v>2</v>
      </c>
      <c r="L248" s="10" t="s">
        <v>55</v>
      </c>
      <c r="M248" s="10" t="s">
        <v>55</v>
      </c>
      <c r="N248" s="10" t="s">
        <v>55</v>
      </c>
      <c r="O248" s="6">
        <v>1</v>
      </c>
      <c r="P248" s="6">
        <v>1</v>
      </c>
      <c r="Q248" s="10" t="s">
        <v>55</v>
      </c>
    </row>
    <row r="249" spans="1:17">
      <c r="A249" s="9" t="s">
        <v>27</v>
      </c>
      <c r="B249" s="9" t="s">
        <v>57</v>
      </c>
      <c r="C249" s="9" t="s">
        <v>58</v>
      </c>
      <c r="D249" s="9" t="s">
        <v>6</v>
      </c>
      <c r="E249" s="9" t="s">
        <v>46</v>
      </c>
      <c r="F249" s="9" t="s">
        <v>14</v>
      </c>
      <c r="G249" s="6">
        <v>21096</v>
      </c>
      <c r="H249" s="6">
        <v>15913</v>
      </c>
      <c r="I249" s="6">
        <v>7484</v>
      </c>
      <c r="J249" s="6">
        <v>2691</v>
      </c>
      <c r="K249" s="6">
        <v>8429</v>
      </c>
      <c r="L249" s="6">
        <v>70</v>
      </c>
      <c r="M249" s="6">
        <v>5113</v>
      </c>
      <c r="N249" s="10" t="s">
        <v>55</v>
      </c>
      <c r="O249" s="6">
        <v>4089</v>
      </c>
      <c r="P249" s="6">
        <v>2691</v>
      </c>
      <c r="Q249" s="6">
        <v>5113</v>
      </c>
    </row>
    <row r="250" spans="1:17">
      <c r="A250" s="9" t="s">
        <v>27</v>
      </c>
      <c r="B250" s="9" t="s">
        <v>57</v>
      </c>
      <c r="C250" s="9" t="s">
        <v>58</v>
      </c>
      <c r="D250" s="9" t="s">
        <v>6</v>
      </c>
      <c r="E250" s="9" t="s">
        <v>46</v>
      </c>
      <c r="F250" s="9" t="s">
        <v>18</v>
      </c>
      <c r="G250" s="6">
        <v>1166</v>
      </c>
      <c r="H250" s="6">
        <v>725</v>
      </c>
      <c r="I250" s="6">
        <v>492</v>
      </c>
      <c r="J250" s="6">
        <v>253</v>
      </c>
      <c r="K250" s="6">
        <v>233</v>
      </c>
      <c r="L250" s="6">
        <v>9</v>
      </c>
      <c r="M250" s="6">
        <v>432</v>
      </c>
      <c r="N250" s="10" t="s">
        <v>55</v>
      </c>
      <c r="O250" s="6">
        <v>132</v>
      </c>
      <c r="P250" s="6">
        <v>253</v>
      </c>
      <c r="Q250" s="6">
        <v>432</v>
      </c>
    </row>
    <row r="251" spans="1:17">
      <c r="A251" s="9" t="s">
        <v>27</v>
      </c>
      <c r="B251" s="9" t="s">
        <v>57</v>
      </c>
      <c r="C251" s="9" t="s">
        <v>58</v>
      </c>
      <c r="D251" s="9" t="s">
        <v>6</v>
      </c>
      <c r="E251" s="9" t="s">
        <v>47</v>
      </c>
      <c r="F251" s="9" t="s">
        <v>6</v>
      </c>
      <c r="G251" s="6">
        <v>5816</v>
      </c>
      <c r="H251" s="6">
        <v>4569</v>
      </c>
      <c r="I251" s="6">
        <v>1760</v>
      </c>
      <c r="J251" s="6">
        <v>295</v>
      </c>
      <c r="K251" s="6">
        <v>2809</v>
      </c>
      <c r="L251" s="6">
        <v>19</v>
      </c>
      <c r="M251" s="6">
        <v>1228</v>
      </c>
      <c r="N251" s="10" t="s">
        <v>55</v>
      </c>
      <c r="O251" s="6">
        <v>1292</v>
      </c>
      <c r="P251" s="6">
        <v>295</v>
      </c>
      <c r="Q251" s="6">
        <v>1228</v>
      </c>
    </row>
    <row r="252" spans="1:17">
      <c r="A252" s="9" t="s">
        <v>27</v>
      </c>
      <c r="B252" s="9" t="s">
        <v>57</v>
      </c>
      <c r="C252" s="9" t="s">
        <v>58</v>
      </c>
      <c r="D252" s="9" t="s">
        <v>6</v>
      </c>
      <c r="E252" s="9" t="s">
        <v>47</v>
      </c>
      <c r="F252" s="9" t="s">
        <v>7</v>
      </c>
      <c r="G252" s="6">
        <v>86</v>
      </c>
      <c r="H252" s="6">
        <v>71</v>
      </c>
      <c r="I252" s="6">
        <v>34</v>
      </c>
      <c r="J252" s="6">
        <v>8</v>
      </c>
      <c r="K252" s="6">
        <v>37</v>
      </c>
      <c r="L252" s="10" t="s">
        <v>55</v>
      </c>
      <c r="M252" s="6">
        <v>15</v>
      </c>
      <c r="N252" s="10" t="s">
        <v>55</v>
      </c>
      <c r="O252" s="6">
        <v>22</v>
      </c>
      <c r="P252" s="6">
        <v>8</v>
      </c>
      <c r="Q252" s="6">
        <v>15</v>
      </c>
    </row>
    <row r="253" spans="1:17">
      <c r="A253" s="9" t="s">
        <v>27</v>
      </c>
      <c r="B253" s="9" t="s">
        <v>57</v>
      </c>
      <c r="C253" s="9" t="s">
        <v>58</v>
      </c>
      <c r="D253" s="9" t="s">
        <v>6</v>
      </c>
      <c r="E253" s="9" t="s">
        <v>47</v>
      </c>
      <c r="F253" s="9" t="s">
        <v>8</v>
      </c>
      <c r="G253" s="6">
        <v>84</v>
      </c>
      <c r="H253" s="6">
        <v>70</v>
      </c>
      <c r="I253" s="6">
        <v>33</v>
      </c>
      <c r="J253" s="6">
        <v>8</v>
      </c>
      <c r="K253" s="6">
        <v>37</v>
      </c>
      <c r="L253" s="10" t="s">
        <v>55</v>
      </c>
      <c r="M253" s="6">
        <v>14</v>
      </c>
      <c r="N253" s="10" t="s">
        <v>55</v>
      </c>
      <c r="O253" s="6">
        <v>22</v>
      </c>
      <c r="P253" s="6">
        <v>8</v>
      </c>
      <c r="Q253" s="6">
        <v>14</v>
      </c>
    </row>
    <row r="254" spans="1:17">
      <c r="A254" s="9" t="s">
        <v>27</v>
      </c>
      <c r="B254" s="9" t="s">
        <v>57</v>
      </c>
      <c r="C254" s="9" t="s">
        <v>58</v>
      </c>
      <c r="D254" s="9" t="s">
        <v>6</v>
      </c>
      <c r="E254" s="9" t="s">
        <v>47</v>
      </c>
      <c r="F254" s="9" t="s">
        <v>13</v>
      </c>
      <c r="G254" s="6">
        <v>2</v>
      </c>
      <c r="H254" s="6">
        <v>1</v>
      </c>
      <c r="I254" s="6">
        <v>1</v>
      </c>
      <c r="J254" s="10" t="s">
        <v>55</v>
      </c>
      <c r="K254" s="10" t="s">
        <v>55</v>
      </c>
      <c r="L254" s="10" t="s">
        <v>55</v>
      </c>
      <c r="M254" s="6">
        <v>1</v>
      </c>
      <c r="N254" s="10" t="s">
        <v>55</v>
      </c>
      <c r="O254" s="10" t="s">
        <v>55</v>
      </c>
      <c r="P254" s="10" t="s">
        <v>55</v>
      </c>
      <c r="Q254" s="6">
        <v>1</v>
      </c>
    </row>
    <row r="255" spans="1:17">
      <c r="A255" s="9" t="s">
        <v>27</v>
      </c>
      <c r="B255" s="9" t="s">
        <v>57</v>
      </c>
      <c r="C255" s="9" t="s">
        <v>58</v>
      </c>
      <c r="D255" s="9" t="s">
        <v>6</v>
      </c>
      <c r="E255" s="9" t="s">
        <v>47</v>
      </c>
      <c r="F255" s="9" t="s">
        <v>14</v>
      </c>
      <c r="G255" s="6">
        <v>5499</v>
      </c>
      <c r="H255" s="6">
        <v>4353</v>
      </c>
      <c r="I255" s="6">
        <v>1646</v>
      </c>
      <c r="J255" s="6">
        <v>265</v>
      </c>
      <c r="K255" s="6">
        <v>2707</v>
      </c>
      <c r="L255" s="6">
        <v>18</v>
      </c>
      <c r="M255" s="6">
        <v>1128</v>
      </c>
      <c r="N255" s="10" t="s">
        <v>55</v>
      </c>
      <c r="O255" s="6">
        <v>1238</v>
      </c>
      <c r="P255" s="6">
        <v>265</v>
      </c>
      <c r="Q255" s="6">
        <v>1128</v>
      </c>
    </row>
    <row r="256" spans="1:17">
      <c r="A256" s="9" t="s">
        <v>27</v>
      </c>
      <c r="B256" s="9" t="s">
        <v>57</v>
      </c>
      <c r="C256" s="9" t="s">
        <v>58</v>
      </c>
      <c r="D256" s="9" t="s">
        <v>6</v>
      </c>
      <c r="E256" s="9" t="s">
        <v>47</v>
      </c>
      <c r="F256" s="9" t="s">
        <v>18</v>
      </c>
      <c r="G256" s="6">
        <v>231</v>
      </c>
      <c r="H256" s="6">
        <v>145</v>
      </c>
      <c r="I256" s="6">
        <v>80</v>
      </c>
      <c r="J256" s="6">
        <v>22</v>
      </c>
      <c r="K256" s="6">
        <v>65</v>
      </c>
      <c r="L256" s="6">
        <v>1</v>
      </c>
      <c r="M256" s="6">
        <v>85</v>
      </c>
      <c r="N256" s="10" t="s">
        <v>55</v>
      </c>
      <c r="O256" s="6">
        <v>32</v>
      </c>
      <c r="P256" s="6">
        <v>22</v>
      </c>
      <c r="Q256" s="6">
        <v>85</v>
      </c>
    </row>
    <row r="257" spans="1:17">
      <c r="A257" s="9" t="s">
        <v>27</v>
      </c>
      <c r="B257" s="9" t="s">
        <v>57</v>
      </c>
      <c r="C257" s="9" t="s">
        <v>58</v>
      </c>
      <c r="D257" s="9" t="s">
        <v>6</v>
      </c>
      <c r="E257" s="9" t="s">
        <v>48</v>
      </c>
      <c r="F257" s="9" t="s">
        <v>6</v>
      </c>
      <c r="G257" s="6">
        <v>930792</v>
      </c>
      <c r="H257" s="6">
        <v>790847</v>
      </c>
      <c r="I257" s="6">
        <v>629150</v>
      </c>
      <c r="J257" s="6">
        <v>116462</v>
      </c>
      <c r="K257" s="6">
        <v>161697</v>
      </c>
      <c r="L257" s="6">
        <v>10484</v>
      </c>
      <c r="M257" s="6">
        <v>129461</v>
      </c>
      <c r="N257" s="10" t="s">
        <v>55</v>
      </c>
      <c r="O257" s="6">
        <v>122397</v>
      </c>
      <c r="P257" s="6">
        <v>10804</v>
      </c>
      <c r="Q257" s="10" t="s">
        <v>55</v>
      </c>
    </row>
    <row r="258" spans="1:17">
      <c r="A258" s="9" t="s">
        <v>27</v>
      </c>
      <c r="B258" s="9" t="s">
        <v>57</v>
      </c>
      <c r="C258" s="9" t="s">
        <v>58</v>
      </c>
      <c r="D258" s="9" t="s">
        <v>6</v>
      </c>
      <c r="E258" s="9" t="s">
        <v>48</v>
      </c>
      <c r="F258" s="9" t="s">
        <v>7</v>
      </c>
      <c r="G258" s="6">
        <v>706145</v>
      </c>
      <c r="H258" s="6">
        <v>600149</v>
      </c>
      <c r="I258" s="6">
        <v>472280</v>
      </c>
      <c r="J258" s="6">
        <v>91819</v>
      </c>
      <c r="K258" s="6">
        <v>127869</v>
      </c>
      <c r="L258" s="6">
        <v>8264</v>
      </c>
      <c r="M258" s="6">
        <v>97732</v>
      </c>
      <c r="N258" s="10" t="s">
        <v>55</v>
      </c>
      <c r="O258" s="6">
        <v>96143</v>
      </c>
      <c r="P258" s="6">
        <v>6165</v>
      </c>
      <c r="Q258" s="10" t="s">
        <v>55</v>
      </c>
    </row>
    <row r="259" spans="1:17">
      <c r="A259" s="9" t="s">
        <v>27</v>
      </c>
      <c r="B259" s="9" t="s">
        <v>57</v>
      </c>
      <c r="C259" s="9" t="s">
        <v>58</v>
      </c>
      <c r="D259" s="9" t="s">
        <v>6</v>
      </c>
      <c r="E259" s="9" t="s">
        <v>48</v>
      </c>
      <c r="F259" s="9" t="s">
        <v>8</v>
      </c>
      <c r="G259" s="6">
        <v>676755</v>
      </c>
      <c r="H259" s="6">
        <v>576078</v>
      </c>
      <c r="I259" s="6">
        <v>453299</v>
      </c>
      <c r="J259" s="6">
        <v>89363</v>
      </c>
      <c r="K259" s="6">
        <v>122779</v>
      </c>
      <c r="L259" s="6">
        <v>7762</v>
      </c>
      <c r="M259" s="6">
        <v>92915</v>
      </c>
      <c r="N259" s="10" t="s">
        <v>55</v>
      </c>
      <c r="O259" s="6">
        <v>92525</v>
      </c>
      <c r="P259" s="6">
        <v>6009</v>
      </c>
      <c r="Q259" s="10" t="s">
        <v>55</v>
      </c>
    </row>
    <row r="260" spans="1:17">
      <c r="A260" s="9" t="s">
        <v>27</v>
      </c>
      <c r="B260" s="9" t="s">
        <v>57</v>
      </c>
      <c r="C260" s="9" t="s">
        <v>58</v>
      </c>
      <c r="D260" s="9" t="s">
        <v>6</v>
      </c>
      <c r="E260" s="9" t="s">
        <v>48</v>
      </c>
      <c r="F260" s="9" t="s">
        <v>13</v>
      </c>
      <c r="G260" s="6">
        <v>29390</v>
      </c>
      <c r="H260" s="6">
        <v>24071</v>
      </c>
      <c r="I260" s="6">
        <v>18981</v>
      </c>
      <c r="J260" s="6">
        <v>2456</v>
      </c>
      <c r="K260" s="6">
        <v>5090</v>
      </c>
      <c r="L260" s="6">
        <v>502</v>
      </c>
      <c r="M260" s="6">
        <v>4817</v>
      </c>
      <c r="N260" s="10" t="s">
        <v>55</v>
      </c>
      <c r="O260" s="6">
        <v>3618</v>
      </c>
      <c r="P260" s="6">
        <v>156</v>
      </c>
      <c r="Q260" s="10" t="s">
        <v>55</v>
      </c>
    </row>
    <row r="261" spans="1:17">
      <c r="A261" s="9" t="s">
        <v>27</v>
      </c>
      <c r="B261" s="9" t="s">
        <v>57</v>
      </c>
      <c r="C261" s="9" t="s">
        <v>58</v>
      </c>
      <c r="D261" s="9" t="s">
        <v>6</v>
      </c>
      <c r="E261" s="9" t="s">
        <v>48</v>
      </c>
      <c r="F261" s="9" t="s">
        <v>14</v>
      </c>
      <c r="G261" s="6">
        <v>161695</v>
      </c>
      <c r="H261" s="6">
        <v>148290</v>
      </c>
      <c r="I261" s="6">
        <v>119696</v>
      </c>
      <c r="J261" s="6">
        <v>19234</v>
      </c>
      <c r="K261" s="6">
        <v>28594</v>
      </c>
      <c r="L261" s="6">
        <v>1029</v>
      </c>
      <c r="M261" s="6">
        <v>12376</v>
      </c>
      <c r="N261" s="10" t="s">
        <v>55</v>
      </c>
      <c r="O261" s="6">
        <v>22359</v>
      </c>
      <c r="P261" s="6">
        <v>4463</v>
      </c>
      <c r="Q261" s="10" t="s">
        <v>55</v>
      </c>
    </row>
    <row r="262" spans="1:17">
      <c r="A262" s="9" t="s">
        <v>27</v>
      </c>
      <c r="B262" s="9" t="s">
        <v>57</v>
      </c>
      <c r="C262" s="9" t="s">
        <v>58</v>
      </c>
      <c r="D262" s="9" t="s">
        <v>6</v>
      </c>
      <c r="E262" s="9" t="s">
        <v>48</v>
      </c>
      <c r="F262" s="9" t="s">
        <v>18</v>
      </c>
      <c r="G262" s="6">
        <v>62952</v>
      </c>
      <c r="H262" s="6">
        <v>42408</v>
      </c>
      <c r="I262" s="6">
        <v>37174</v>
      </c>
      <c r="J262" s="6">
        <v>5409</v>
      </c>
      <c r="K262" s="6">
        <v>5234</v>
      </c>
      <c r="L262" s="6">
        <v>1191</v>
      </c>
      <c r="M262" s="6">
        <v>19353</v>
      </c>
      <c r="N262" s="10" t="s">
        <v>55</v>
      </c>
      <c r="O262" s="6">
        <v>3895</v>
      </c>
      <c r="P262" s="6">
        <v>176</v>
      </c>
      <c r="Q262" s="10" t="s">
        <v>55</v>
      </c>
    </row>
    <row r="263" spans="1:17">
      <c r="A263" s="9" t="s">
        <v>27</v>
      </c>
      <c r="B263" s="9" t="s">
        <v>57</v>
      </c>
      <c r="C263" s="9" t="s">
        <v>58</v>
      </c>
      <c r="D263" s="9" t="s">
        <v>6</v>
      </c>
      <c r="E263" s="9" t="s">
        <v>49</v>
      </c>
      <c r="F263" s="9" t="s">
        <v>6</v>
      </c>
      <c r="G263" s="6">
        <v>495748</v>
      </c>
      <c r="H263" s="6">
        <v>400409</v>
      </c>
      <c r="I263" s="6">
        <v>298110</v>
      </c>
      <c r="J263" s="6">
        <v>182194</v>
      </c>
      <c r="K263" s="6">
        <v>102299</v>
      </c>
      <c r="L263" s="6">
        <v>2929</v>
      </c>
      <c r="M263" s="6">
        <v>92410</v>
      </c>
      <c r="N263" s="10" t="s">
        <v>55</v>
      </c>
      <c r="O263" s="6">
        <v>60788</v>
      </c>
      <c r="P263" s="6">
        <v>177546</v>
      </c>
      <c r="Q263" s="6">
        <v>92410</v>
      </c>
    </row>
    <row r="264" spans="1:17">
      <c r="A264" s="9" t="s">
        <v>27</v>
      </c>
      <c r="B264" s="9" t="s">
        <v>57</v>
      </c>
      <c r="C264" s="9" t="s">
        <v>58</v>
      </c>
      <c r="D264" s="9" t="s">
        <v>6</v>
      </c>
      <c r="E264" s="9" t="s">
        <v>49</v>
      </c>
      <c r="F264" s="9" t="s">
        <v>7</v>
      </c>
      <c r="G264" s="6">
        <v>142992</v>
      </c>
      <c r="H264" s="6">
        <v>121949</v>
      </c>
      <c r="I264" s="6">
        <v>90898</v>
      </c>
      <c r="J264" s="6">
        <v>55288</v>
      </c>
      <c r="K264" s="6">
        <v>31051</v>
      </c>
      <c r="L264" s="6">
        <v>1038</v>
      </c>
      <c r="M264" s="6">
        <v>20005</v>
      </c>
      <c r="N264" s="10" t="s">
        <v>55</v>
      </c>
      <c r="O264" s="6">
        <v>19870</v>
      </c>
      <c r="P264" s="6">
        <v>52773</v>
      </c>
      <c r="Q264" s="6">
        <v>20005</v>
      </c>
    </row>
    <row r="265" spans="1:17">
      <c r="A265" s="9" t="s">
        <v>27</v>
      </c>
      <c r="B265" s="9" t="s">
        <v>57</v>
      </c>
      <c r="C265" s="9" t="s">
        <v>58</v>
      </c>
      <c r="D265" s="9" t="s">
        <v>6</v>
      </c>
      <c r="E265" s="9" t="s">
        <v>49</v>
      </c>
      <c r="F265" s="9" t="s">
        <v>8</v>
      </c>
      <c r="G265" s="6">
        <v>139115</v>
      </c>
      <c r="H265" s="6">
        <v>119152</v>
      </c>
      <c r="I265" s="6">
        <v>88619</v>
      </c>
      <c r="J265" s="6">
        <v>53904</v>
      </c>
      <c r="K265" s="6">
        <v>30533</v>
      </c>
      <c r="L265" s="6">
        <v>986</v>
      </c>
      <c r="M265" s="6">
        <v>18977</v>
      </c>
      <c r="N265" s="10" t="s">
        <v>55</v>
      </c>
      <c r="O265" s="6">
        <v>19648</v>
      </c>
      <c r="P265" s="6">
        <v>51500</v>
      </c>
      <c r="Q265" s="6">
        <v>18977</v>
      </c>
    </row>
    <row r="266" spans="1:17">
      <c r="A266" s="9" t="s">
        <v>27</v>
      </c>
      <c r="B266" s="9" t="s">
        <v>57</v>
      </c>
      <c r="C266" s="9" t="s">
        <v>58</v>
      </c>
      <c r="D266" s="9" t="s">
        <v>6</v>
      </c>
      <c r="E266" s="9" t="s">
        <v>49</v>
      </c>
      <c r="F266" s="9" t="s">
        <v>13</v>
      </c>
      <c r="G266" s="6">
        <v>3877</v>
      </c>
      <c r="H266" s="6">
        <v>2797</v>
      </c>
      <c r="I266" s="6">
        <v>2279</v>
      </c>
      <c r="J266" s="6">
        <v>1384</v>
      </c>
      <c r="K266" s="6">
        <v>518</v>
      </c>
      <c r="L266" s="6">
        <v>52</v>
      </c>
      <c r="M266" s="6">
        <v>1028</v>
      </c>
      <c r="N266" s="10" t="s">
        <v>55</v>
      </c>
      <c r="O266" s="6">
        <v>222</v>
      </c>
      <c r="P266" s="6">
        <v>1273</v>
      </c>
      <c r="Q266" s="6">
        <v>1028</v>
      </c>
    </row>
    <row r="267" spans="1:17">
      <c r="A267" s="9" t="s">
        <v>27</v>
      </c>
      <c r="B267" s="9" t="s">
        <v>57</v>
      </c>
      <c r="C267" s="9" t="s">
        <v>58</v>
      </c>
      <c r="D267" s="9" t="s">
        <v>6</v>
      </c>
      <c r="E267" s="9" t="s">
        <v>49</v>
      </c>
      <c r="F267" s="9" t="s">
        <v>14</v>
      </c>
      <c r="G267" s="6">
        <v>328885</v>
      </c>
      <c r="H267" s="6">
        <v>262760</v>
      </c>
      <c r="I267" s="6">
        <v>194266</v>
      </c>
      <c r="J267" s="6">
        <v>118233</v>
      </c>
      <c r="K267" s="6">
        <v>68494</v>
      </c>
      <c r="L267" s="6">
        <v>1634</v>
      </c>
      <c r="M267" s="6">
        <v>64491</v>
      </c>
      <c r="N267" s="10" t="s">
        <v>55</v>
      </c>
      <c r="O267" s="6">
        <v>39242</v>
      </c>
      <c r="P267" s="6">
        <v>116253</v>
      </c>
      <c r="Q267" s="6">
        <v>64491</v>
      </c>
    </row>
    <row r="268" spans="1:17">
      <c r="A268" s="9" t="s">
        <v>27</v>
      </c>
      <c r="B268" s="9" t="s">
        <v>57</v>
      </c>
      <c r="C268" s="9" t="s">
        <v>58</v>
      </c>
      <c r="D268" s="9" t="s">
        <v>6</v>
      </c>
      <c r="E268" s="9" t="s">
        <v>49</v>
      </c>
      <c r="F268" s="9" t="s">
        <v>18</v>
      </c>
      <c r="G268" s="6">
        <v>23871</v>
      </c>
      <c r="H268" s="6">
        <v>15700</v>
      </c>
      <c r="I268" s="6">
        <v>12946</v>
      </c>
      <c r="J268" s="6">
        <v>8673</v>
      </c>
      <c r="K268" s="6">
        <v>2754</v>
      </c>
      <c r="L268" s="6">
        <v>257</v>
      </c>
      <c r="M268" s="6">
        <v>7914</v>
      </c>
      <c r="N268" s="10" t="s">
        <v>55</v>
      </c>
      <c r="O268" s="6">
        <v>1676</v>
      </c>
      <c r="P268" s="6">
        <v>8520</v>
      </c>
      <c r="Q268" s="6">
        <v>7914</v>
      </c>
    </row>
    <row r="269" spans="1:17">
      <c r="A269" s="9" t="s">
        <v>27</v>
      </c>
      <c r="B269" s="9" t="s">
        <v>57</v>
      </c>
      <c r="C269" s="9" t="s">
        <v>58</v>
      </c>
      <c r="D269" s="9" t="s">
        <v>6</v>
      </c>
      <c r="E269" s="9" t="s">
        <v>50</v>
      </c>
      <c r="F269" s="9" t="s">
        <v>6</v>
      </c>
      <c r="G269" s="6">
        <v>243581</v>
      </c>
      <c r="H269" s="6">
        <v>190573</v>
      </c>
      <c r="I269" s="6">
        <v>133045</v>
      </c>
      <c r="J269" s="6">
        <v>77324</v>
      </c>
      <c r="K269" s="6">
        <v>57528</v>
      </c>
      <c r="L269" s="6">
        <v>1204</v>
      </c>
      <c r="M269" s="6">
        <v>51804</v>
      </c>
      <c r="N269" s="10" t="s">
        <v>55</v>
      </c>
      <c r="O269" s="6">
        <v>33712</v>
      </c>
      <c r="P269" s="6">
        <v>77130</v>
      </c>
      <c r="Q269" s="6">
        <v>51804</v>
      </c>
    </row>
    <row r="270" spans="1:17">
      <c r="A270" s="9" t="s">
        <v>27</v>
      </c>
      <c r="B270" s="9" t="s">
        <v>57</v>
      </c>
      <c r="C270" s="9" t="s">
        <v>58</v>
      </c>
      <c r="D270" s="9" t="s">
        <v>6</v>
      </c>
      <c r="E270" s="9" t="s">
        <v>50</v>
      </c>
      <c r="F270" s="9" t="s">
        <v>7</v>
      </c>
      <c r="G270" s="6">
        <v>31177</v>
      </c>
      <c r="H270" s="6">
        <v>27034</v>
      </c>
      <c r="I270" s="6">
        <v>19034</v>
      </c>
      <c r="J270" s="6">
        <v>11171</v>
      </c>
      <c r="K270" s="6">
        <v>8000</v>
      </c>
      <c r="L270" s="6">
        <v>210</v>
      </c>
      <c r="M270" s="6">
        <v>3933</v>
      </c>
      <c r="N270" s="10" t="s">
        <v>55</v>
      </c>
      <c r="O270" s="6">
        <v>5378</v>
      </c>
      <c r="P270" s="6">
        <v>11114</v>
      </c>
      <c r="Q270" s="6">
        <v>3933</v>
      </c>
    </row>
    <row r="271" spans="1:17">
      <c r="A271" s="9" t="s">
        <v>27</v>
      </c>
      <c r="B271" s="9" t="s">
        <v>57</v>
      </c>
      <c r="C271" s="9" t="s">
        <v>58</v>
      </c>
      <c r="D271" s="9" t="s">
        <v>6</v>
      </c>
      <c r="E271" s="9" t="s">
        <v>50</v>
      </c>
      <c r="F271" s="9" t="s">
        <v>8</v>
      </c>
      <c r="G271" s="6">
        <v>30746</v>
      </c>
      <c r="H271" s="6">
        <v>26708</v>
      </c>
      <c r="I271" s="6">
        <v>18758</v>
      </c>
      <c r="J271" s="6">
        <v>10999</v>
      </c>
      <c r="K271" s="6">
        <v>7950</v>
      </c>
      <c r="L271" s="6">
        <v>204</v>
      </c>
      <c r="M271" s="6">
        <v>3834</v>
      </c>
      <c r="N271" s="10" t="s">
        <v>55</v>
      </c>
      <c r="O271" s="6">
        <v>5359</v>
      </c>
      <c r="P271" s="6">
        <v>10943</v>
      </c>
      <c r="Q271" s="6">
        <v>3834</v>
      </c>
    </row>
    <row r="272" spans="1:17">
      <c r="A272" s="9" t="s">
        <v>27</v>
      </c>
      <c r="B272" s="9" t="s">
        <v>57</v>
      </c>
      <c r="C272" s="9" t="s">
        <v>58</v>
      </c>
      <c r="D272" s="9" t="s">
        <v>6</v>
      </c>
      <c r="E272" s="9" t="s">
        <v>50</v>
      </c>
      <c r="F272" s="9" t="s">
        <v>13</v>
      </c>
      <c r="G272" s="6">
        <v>431</v>
      </c>
      <c r="H272" s="6">
        <v>326</v>
      </c>
      <c r="I272" s="6">
        <v>276</v>
      </c>
      <c r="J272" s="6">
        <v>172</v>
      </c>
      <c r="K272" s="6">
        <v>50</v>
      </c>
      <c r="L272" s="6">
        <v>6</v>
      </c>
      <c r="M272" s="6">
        <v>99</v>
      </c>
      <c r="N272" s="10" t="s">
        <v>55</v>
      </c>
      <c r="O272" s="6">
        <v>19</v>
      </c>
      <c r="P272" s="6">
        <v>171</v>
      </c>
      <c r="Q272" s="6">
        <v>99</v>
      </c>
    </row>
    <row r="273" spans="1:17">
      <c r="A273" s="9" t="s">
        <v>27</v>
      </c>
      <c r="B273" s="9" t="s">
        <v>57</v>
      </c>
      <c r="C273" s="9" t="s">
        <v>58</v>
      </c>
      <c r="D273" s="9" t="s">
        <v>6</v>
      </c>
      <c r="E273" s="9" t="s">
        <v>50</v>
      </c>
      <c r="F273" s="9" t="s">
        <v>14</v>
      </c>
      <c r="G273" s="6">
        <v>198023</v>
      </c>
      <c r="H273" s="6">
        <v>154115</v>
      </c>
      <c r="I273" s="6">
        <v>106224</v>
      </c>
      <c r="J273" s="6">
        <v>60778</v>
      </c>
      <c r="K273" s="6">
        <v>47891</v>
      </c>
      <c r="L273" s="6">
        <v>855</v>
      </c>
      <c r="M273" s="6">
        <v>43053</v>
      </c>
      <c r="N273" s="10" t="s">
        <v>55</v>
      </c>
      <c r="O273" s="6">
        <v>27330</v>
      </c>
      <c r="P273" s="6">
        <v>60660</v>
      </c>
      <c r="Q273" s="6">
        <v>43053</v>
      </c>
    </row>
    <row r="274" spans="1:17">
      <c r="A274" s="9" t="s">
        <v>27</v>
      </c>
      <c r="B274" s="9" t="s">
        <v>57</v>
      </c>
      <c r="C274" s="9" t="s">
        <v>58</v>
      </c>
      <c r="D274" s="9" t="s">
        <v>6</v>
      </c>
      <c r="E274" s="9" t="s">
        <v>50</v>
      </c>
      <c r="F274" s="9" t="s">
        <v>18</v>
      </c>
      <c r="G274" s="6">
        <v>14381</v>
      </c>
      <c r="H274" s="6">
        <v>9424</v>
      </c>
      <c r="I274" s="6">
        <v>7787</v>
      </c>
      <c r="J274" s="6">
        <v>5375</v>
      </c>
      <c r="K274" s="6">
        <v>1637</v>
      </c>
      <c r="L274" s="6">
        <v>139</v>
      </c>
      <c r="M274" s="6">
        <v>4818</v>
      </c>
      <c r="N274" s="10" t="s">
        <v>55</v>
      </c>
      <c r="O274" s="6">
        <v>1004</v>
      </c>
      <c r="P274" s="6">
        <v>5356</v>
      </c>
      <c r="Q274" s="6">
        <v>4818</v>
      </c>
    </row>
    <row r="275" spans="1:17">
      <c r="A275" s="9" t="s">
        <v>27</v>
      </c>
      <c r="B275" s="9" t="s">
        <v>57</v>
      </c>
      <c r="C275" s="9" t="s">
        <v>58</v>
      </c>
      <c r="D275" s="9" t="s">
        <v>6</v>
      </c>
      <c r="E275" s="9" t="s">
        <v>51</v>
      </c>
      <c r="F275" s="9" t="s">
        <v>6</v>
      </c>
      <c r="G275" s="6">
        <v>80898</v>
      </c>
      <c r="H275" s="6">
        <v>61041</v>
      </c>
      <c r="I275" s="6">
        <v>34313</v>
      </c>
      <c r="J275" s="6">
        <v>15605</v>
      </c>
      <c r="K275" s="6">
        <v>26728</v>
      </c>
      <c r="L275" s="6">
        <v>340</v>
      </c>
      <c r="M275" s="6">
        <v>19517</v>
      </c>
      <c r="N275" s="10" t="s">
        <v>55</v>
      </c>
      <c r="O275" s="6">
        <v>13818</v>
      </c>
      <c r="P275" s="6">
        <v>15596</v>
      </c>
      <c r="Q275" s="6">
        <v>19517</v>
      </c>
    </row>
    <row r="276" spans="1:17">
      <c r="A276" s="9" t="s">
        <v>27</v>
      </c>
      <c r="B276" s="9" t="s">
        <v>57</v>
      </c>
      <c r="C276" s="9" t="s">
        <v>58</v>
      </c>
      <c r="D276" s="9" t="s">
        <v>6</v>
      </c>
      <c r="E276" s="9" t="s">
        <v>51</v>
      </c>
      <c r="F276" s="9" t="s">
        <v>7</v>
      </c>
      <c r="G276" s="6">
        <v>4135</v>
      </c>
      <c r="H276" s="6">
        <v>3523</v>
      </c>
      <c r="I276" s="6">
        <v>2071</v>
      </c>
      <c r="J276" s="6">
        <v>1026</v>
      </c>
      <c r="K276" s="6">
        <v>1452</v>
      </c>
      <c r="L276" s="6">
        <v>29</v>
      </c>
      <c r="M276" s="6">
        <v>583</v>
      </c>
      <c r="N276" s="10" t="s">
        <v>55</v>
      </c>
      <c r="O276" s="6">
        <v>810</v>
      </c>
      <c r="P276" s="6">
        <v>1022</v>
      </c>
      <c r="Q276" s="6">
        <v>583</v>
      </c>
    </row>
    <row r="277" spans="1:17">
      <c r="A277" s="9" t="s">
        <v>27</v>
      </c>
      <c r="B277" s="9" t="s">
        <v>57</v>
      </c>
      <c r="C277" s="9" t="s">
        <v>58</v>
      </c>
      <c r="D277" s="9" t="s">
        <v>6</v>
      </c>
      <c r="E277" s="9" t="s">
        <v>51</v>
      </c>
      <c r="F277" s="9" t="s">
        <v>8</v>
      </c>
      <c r="G277" s="6">
        <v>4079</v>
      </c>
      <c r="H277" s="6">
        <v>3482</v>
      </c>
      <c r="I277" s="6">
        <v>2043</v>
      </c>
      <c r="J277" s="6">
        <v>1015</v>
      </c>
      <c r="K277" s="6">
        <v>1439</v>
      </c>
      <c r="L277" s="6">
        <v>28</v>
      </c>
      <c r="M277" s="6">
        <v>569</v>
      </c>
      <c r="N277" s="10" t="s">
        <v>55</v>
      </c>
      <c r="O277" s="6">
        <v>805</v>
      </c>
      <c r="P277" s="6">
        <v>1011</v>
      </c>
      <c r="Q277" s="6">
        <v>569</v>
      </c>
    </row>
    <row r="278" spans="1:17">
      <c r="A278" s="9" t="s">
        <v>27</v>
      </c>
      <c r="B278" s="9" t="s">
        <v>57</v>
      </c>
      <c r="C278" s="9" t="s">
        <v>58</v>
      </c>
      <c r="D278" s="9" t="s">
        <v>6</v>
      </c>
      <c r="E278" s="9" t="s">
        <v>51</v>
      </c>
      <c r="F278" s="9" t="s">
        <v>13</v>
      </c>
      <c r="G278" s="6">
        <v>56</v>
      </c>
      <c r="H278" s="6">
        <v>41</v>
      </c>
      <c r="I278" s="6">
        <v>28</v>
      </c>
      <c r="J278" s="6">
        <v>11</v>
      </c>
      <c r="K278" s="6">
        <v>13</v>
      </c>
      <c r="L278" s="6">
        <v>1</v>
      </c>
      <c r="M278" s="6">
        <v>14</v>
      </c>
      <c r="N278" s="10" t="s">
        <v>55</v>
      </c>
      <c r="O278" s="6">
        <v>5</v>
      </c>
      <c r="P278" s="6">
        <v>11</v>
      </c>
      <c r="Q278" s="6">
        <v>14</v>
      </c>
    </row>
    <row r="279" spans="1:17">
      <c r="A279" s="9" t="s">
        <v>27</v>
      </c>
      <c r="B279" s="9" t="s">
        <v>57</v>
      </c>
      <c r="C279" s="9" t="s">
        <v>58</v>
      </c>
      <c r="D279" s="9" t="s">
        <v>6</v>
      </c>
      <c r="E279" s="9" t="s">
        <v>51</v>
      </c>
      <c r="F279" s="9" t="s">
        <v>14</v>
      </c>
      <c r="G279" s="6">
        <v>72355</v>
      </c>
      <c r="H279" s="6">
        <v>54809</v>
      </c>
      <c r="I279" s="6">
        <v>30170</v>
      </c>
      <c r="J279" s="6">
        <v>13369</v>
      </c>
      <c r="K279" s="6">
        <v>24639</v>
      </c>
      <c r="L279" s="6">
        <v>266</v>
      </c>
      <c r="M279" s="6">
        <v>17280</v>
      </c>
      <c r="N279" s="10" t="s">
        <v>55</v>
      </c>
      <c r="O279" s="6">
        <v>12650</v>
      </c>
      <c r="P279" s="6">
        <v>13365</v>
      </c>
      <c r="Q279" s="6">
        <v>17280</v>
      </c>
    </row>
    <row r="280" spans="1:17">
      <c r="A280" s="9" t="s">
        <v>27</v>
      </c>
      <c r="B280" s="9" t="s">
        <v>57</v>
      </c>
      <c r="C280" s="9" t="s">
        <v>58</v>
      </c>
      <c r="D280" s="9" t="s">
        <v>6</v>
      </c>
      <c r="E280" s="9" t="s">
        <v>51</v>
      </c>
      <c r="F280" s="9" t="s">
        <v>18</v>
      </c>
      <c r="G280" s="6">
        <v>4408</v>
      </c>
      <c r="H280" s="6">
        <v>2709</v>
      </c>
      <c r="I280" s="6">
        <v>2072</v>
      </c>
      <c r="J280" s="6">
        <v>1210</v>
      </c>
      <c r="K280" s="6">
        <v>637</v>
      </c>
      <c r="L280" s="6">
        <v>45</v>
      </c>
      <c r="M280" s="6">
        <v>1654</v>
      </c>
      <c r="N280" s="10" t="s">
        <v>55</v>
      </c>
      <c r="O280" s="6">
        <v>358</v>
      </c>
      <c r="P280" s="6">
        <v>1209</v>
      </c>
      <c r="Q280" s="6">
        <v>1654</v>
      </c>
    </row>
    <row r="281" spans="1:17">
      <c r="A281" s="9" t="s">
        <v>27</v>
      </c>
      <c r="B281" s="9" t="s">
        <v>57</v>
      </c>
      <c r="C281" s="9" t="s">
        <v>58</v>
      </c>
      <c r="D281" s="9" t="s">
        <v>6</v>
      </c>
      <c r="E281" s="9" t="s">
        <v>52</v>
      </c>
      <c r="F281" s="9" t="s">
        <v>6</v>
      </c>
      <c r="G281" s="6">
        <v>983026</v>
      </c>
      <c r="H281" s="6">
        <v>826639</v>
      </c>
      <c r="I281" s="6">
        <v>655858</v>
      </c>
      <c r="J281" s="6">
        <v>167205</v>
      </c>
      <c r="K281" s="6">
        <v>170781</v>
      </c>
      <c r="L281" s="6">
        <v>11007</v>
      </c>
      <c r="M281" s="6">
        <v>145380</v>
      </c>
      <c r="N281" s="10" t="s">
        <v>55</v>
      </c>
      <c r="O281" s="6">
        <v>122139</v>
      </c>
      <c r="P281" s="6">
        <v>57910</v>
      </c>
      <c r="Q281" s="6">
        <v>19891</v>
      </c>
    </row>
    <row r="282" spans="1:17">
      <c r="A282" s="9" t="s">
        <v>27</v>
      </c>
      <c r="B282" s="9" t="s">
        <v>57</v>
      </c>
      <c r="C282" s="9" t="s">
        <v>58</v>
      </c>
      <c r="D282" s="9" t="s">
        <v>6</v>
      </c>
      <c r="E282" s="9" t="s">
        <v>52</v>
      </c>
      <c r="F282" s="9" t="s">
        <v>7</v>
      </c>
      <c r="G282" s="6">
        <v>762600</v>
      </c>
      <c r="H282" s="6">
        <v>648504</v>
      </c>
      <c r="I282" s="6">
        <v>508441</v>
      </c>
      <c r="J282" s="6">
        <v>117433</v>
      </c>
      <c r="K282" s="6">
        <v>140063</v>
      </c>
      <c r="L282" s="6">
        <v>8664</v>
      </c>
      <c r="M282" s="6">
        <v>105432</v>
      </c>
      <c r="N282" s="10" t="s">
        <v>55</v>
      </c>
      <c r="O282" s="6">
        <v>102805</v>
      </c>
      <c r="P282" s="6">
        <v>29675</v>
      </c>
      <c r="Q282" s="6">
        <v>9720</v>
      </c>
    </row>
    <row r="283" spans="1:17">
      <c r="A283" s="9" t="s">
        <v>27</v>
      </c>
      <c r="B283" s="9" t="s">
        <v>57</v>
      </c>
      <c r="C283" s="9" t="s">
        <v>58</v>
      </c>
      <c r="D283" s="9" t="s">
        <v>6</v>
      </c>
      <c r="E283" s="9" t="s">
        <v>52</v>
      </c>
      <c r="F283" s="9" t="s">
        <v>8</v>
      </c>
      <c r="G283" s="6">
        <v>731619</v>
      </c>
      <c r="H283" s="6">
        <v>623350</v>
      </c>
      <c r="I283" s="6">
        <v>488534</v>
      </c>
      <c r="J283" s="6">
        <v>114138</v>
      </c>
      <c r="K283" s="6">
        <v>134816</v>
      </c>
      <c r="L283" s="6">
        <v>8134</v>
      </c>
      <c r="M283" s="6">
        <v>100135</v>
      </c>
      <c r="N283" s="10" t="s">
        <v>55</v>
      </c>
      <c r="O283" s="6">
        <v>99230</v>
      </c>
      <c r="P283" s="6">
        <v>28779</v>
      </c>
      <c r="Q283" s="6">
        <v>9090</v>
      </c>
    </row>
    <row r="284" spans="1:17">
      <c r="A284" s="9" t="s">
        <v>27</v>
      </c>
      <c r="B284" s="9" t="s">
        <v>57</v>
      </c>
      <c r="C284" s="9" t="s">
        <v>58</v>
      </c>
      <c r="D284" s="9" t="s">
        <v>6</v>
      </c>
      <c r="E284" s="9" t="s">
        <v>52</v>
      </c>
      <c r="F284" s="9" t="s">
        <v>13</v>
      </c>
      <c r="G284" s="6">
        <v>30981</v>
      </c>
      <c r="H284" s="6">
        <v>25154</v>
      </c>
      <c r="I284" s="6">
        <v>19907</v>
      </c>
      <c r="J284" s="6">
        <v>3295</v>
      </c>
      <c r="K284" s="6">
        <v>5247</v>
      </c>
      <c r="L284" s="6">
        <v>530</v>
      </c>
      <c r="M284" s="6">
        <v>5297</v>
      </c>
      <c r="N284" s="10" t="s">
        <v>55</v>
      </c>
      <c r="O284" s="6">
        <v>3575</v>
      </c>
      <c r="P284" s="6">
        <v>896</v>
      </c>
      <c r="Q284" s="6">
        <v>630</v>
      </c>
    </row>
    <row r="285" spans="1:17">
      <c r="A285" s="9" t="s">
        <v>27</v>
      </c>
      <c r="B285" s="9" t="s">
        <v>57</v>
      </c>
      <c r="C285" s="9" t="s">
        <v>58</v>
      </c>
      <c r="D285" s="9" t="s">
        <v>6</v>
      </c>
      <c r="E285" s="9" t="s">
        <v>52</v>
      </c>
      <c r="F285" s="9" t="s">
        <v>14</v>
      </c>
      <c r="G285" s="6">
        <v>158339</v>
      </c>
      <c r="H285" s="6">
        <v>137742</v>
      </c>
      <c r="I285" s="6">
        <v>112218</v>
      </c>
      <c r="J285" s="6">
        <v>43198</v>
      </c>
      <c r="K285" s="6">
        <v>25524</v>
      </c>
      <c r="L285" s="6">
        <v>1161</v>
      </c>
      <c r="M285" s="6">
        <v>19436</v>
      </c>
      <c r="N285" s="10" t="s">
        <v>55</v>
      </c>
      <c r="O285" s="6">
        <v>15626</v>
      </c>
      <c r="P285" s="6">
        <v>26973</v>
      </c>
      <c r="Q285" s="6">
        <v>8753</v>
      </c>
    </row>
    <row r="286" spans="1:17">
      <c r="A286" s="9" t="s">
        <v>27</v>
      </c>
      <c r="B286" s="9" t="s">
        <v>57</v>
      </c>
      <c r="C286" s="9" t="s">
        <v>58</v>
      </c>
      <c r="D286" s="9" t="s">
        <v>6</v>
      </c>
      <c r="E286" s="9" t="s">
        <v>52</v>
      </c>
      <c r="F286" s="9" t="s">
        <v>18</v>
      </c>
      <c r="G286" s="6">
        <v>62087</v>
      </c>
      <c r="H286" s="6">
        <v>40393</v>
      </c>
      <c r="I286" s="6">
        <v>35199</v>
      </c>
      <c r="J286" s="6">
        <v>6574</v>
      </c>
      <c r="K286" s="6">
        <v>5194</v>
      </c>
      <c r="L286" s="6">
        <v>1182</v>
      </c>
      <c r="M286" s="6">
        <v>20512</v>
      </c>
      <c r="N286" s="10" t="s">
        <v>55</v>
      </c>
      <c r="O286" s="6">
        <v>3708</v>
      </c>
      <c r="P286" s="6">
        <v>1262</v>
      </c>
      <c r="Q286" s="6">
        <v>1418</v>
      </c>
    </row>
    <row r="287" spans="1:17">
      <c r="A287" s="9" t="s">
        <v>56</v>
      </c>
      <c r="B287" s="9" t="s">
        <v>57</v>
      </c>
      <c r="C287" s="9" t="s">
        <v>59</v>
      </c>
      <c r="D287" s="9" t="s">
        <v>6</v>
      </c>
      <c r="E287" s="9" t="s">
        <v>30</v>
      </c>
      <c r="F287" s="9" t="s">
        <v>6</v>
      </c>
      <c r="G287" s="6">
        <v>101985</v>
      </c>
      <c r="H287" s="6">
        <v>86156</v>
      </c>
      <c r="I287" s="6">
        <v>61440</v>
      </c>
      <c r="J287" s="6">
        <v>20490</v>
      </c>
      <c r="K287" s="6">
        <v>24716</v>
      </c>
      <c r="L287" s="6">
        <v>1041</v>
      </c>
      <c r="M287" s="6">
        <v>14788</v>
      </c>
      <c r="N287" s="10" t="s">
        <v>55</v>
      </c>
      <c r="O287" s="6">
        <v>17740</v>
      </c>
      <c r="P287" s="6">
        <v>13476</v>
      </c>
      <c r="Q287" s="6">
        <v>6739</v>
      </c>
    </row>
    <row r="288" spans="1:17">
      <c r="A288" s="9" t="s">
        <v>56</v>
      </c>
      <c r="B288" s="9" t="s">
        <v>57</v>
      </c>
      <c r="C288" s="9" t="s">
        <v>59</v>
      </c>
      <c r="D288" s="9" t="s">
        <v>6</v>
      </c>
      <c r="E288" s="9" t="s">
        <v>30</v>
      </c>
      <c r="F288" s="9" t="s">
        <v>7</v>
      </c>
      <c r="G288" s="6">
        <v>59361</v>
      </c>
      <c r="H288" s="6">
        <v>50730</v>
      </c>
      <c r="I288" s="6">
        <v>35828</v>
      </c>
      <c r="J288" s="6">
        <v>9392</v>
      </c>
      <c r="K288" s="6">
        <v>14902</v>
      </c>
      <c r="L288" s="6">
        <v>741</v>
      </c>
      <c r="M288" s="6">
        <v>7890</v>
      </c>
      <c r="N288" s="10" t="s">
        <v>55</v>
      </c>
      <c r="O288" s="6">
        <v>11294</v>
      </c>
      <c r="P288" s="6">
        <v>3889</v>
      </c>
      <c r="Q288" s="6">
        <v>1335</v>
      </c>
    </row>
    <row r="289" spans="1:17">
      <c r="A289" s="9" t="s">
        <v>56</v>
      </c>
      <c r="B289" s="9" t="s">
        <v>57</v>
      </c>
      <c r="C289" s="9" t="s">
        <v>59</v>
      </c>
      <c r="D289" s="9" t="s">
        <v>6</v>
      </c>
      <c r="E289" s="9" t="s">
        <v>30</v>
      </c>
      <c r="F289" s="9" t="s">
        <v>8</v>
      </c>
      <c r="G289" s="6">
        <v>56819</v>
      </c>
      <c r="H289" s="6">
        <v>48628</v>
      </c>
      <c r="I289" s="6">
        <v>34241</v>
      </c>
      <c r="J289" s="6">
        <v>9130</v>
      </c>
      <c r="K289" s="6">
        <v>14387</v>
      </c>
      <c r="L289" s="6">
        <v>702</v>
      </c>
      <c r="M289" s="6">
        <v>7489</v>
      </c>
      <c r="N289" s="10" t="s">
        <v>55</v>
      </c>
      <c r="O289" s="6">
        <v>10927</v>
      </c>
      <c r="P289" s="6">
        <v>3784</v>
      </c>
      <c r="Q289" s="6">
        <v>1236</v>
      </c>
    </row>
    <row r="290" spans="1:17">
      <c r="A290" s="9" t="s">
        <v>56</v>
      </c>
      <c r="B290" s="9" t="s">
        <v>57</v>
      </c>
      <c r="C290" s="9" t="s">
        <v>59</v>
      </c>
      <c r="D290" s="9" t="s">
        <v>6</v>
      </c>
      <c r="E290" s="9" t="s">
        <v>30</v>
      </c>
      <c r="F290" s="9" t="s">
        <v>13</v>
      </c>
      <c r="G290" s="6">
        <v>2542</v>
      </c>
      <c r="H290" s="6">
        <v>2102</v>
      </c>
      <c r="I290" s="6">
        <v>1587</v>
      </c>
      <c r="J290" s="6">
        <v>262</v>
      </c>
      <c r="K290" s="6">
        <v>515</v>
      </c>
      <c r="L290" s="6">
        <v>39</v>
      </c>
      <c r="M290" s="6">
        <v>401</v>
      </c>
      <c r="N290" s="10" t="s">
        <v>55</v>
      </c>
      <c r="O290" s="6">
        <v>367</v>
      </c>
      <c r="P290" s="6">
        <v>105</v>
      </c>
      <c r="Q290" s="6">
        <v>99</v>
      </c>
    </row>
    <row r="291" spans="1:17">
      <c r="A291" s="9" t="s">
        <v>56</v>
      </c>
      <c r="B291" s="9" t="s">
        <v>57</v>
      </c>
      <c r="C291" s="9" t="s">
        <v>59</v>
      </c>
      <c r="D291" s="9" t="s">
        <v>6</v>
      </c>
      <c r="E291" s="9" t="s">
        <v>30</v>
      </c>
      <c r="F291" s="9" t="s">
        <v>14</v>
      </c>
      <c r="G291" s="6">
        <v>37657</v>
      </c>
      <c r="H291" s="6">
        <v>31788</v>
      </c>
      <c r="I291" s="6">
        <v>22770</v>
      </c>
      <c r="J291" s="6">
        <v>10596</v>
      </c>
      <c r="K291" s="6">
        <v>9018</v>
      </c>
      <c r="L291" s="6">
        <v>226</v>
      </c>
      <c r="M291" s="6">
        <v>5643</v>
      </c>
      <c r="N291" s="10" t="s">
        <v>55</v>
      </c>
      <c r="O291" s="6">
        <v>5814</v>
      </c>
      <c r="P291" s="6">
        <v>9430</v>
      </c>
      <c r="Q291" s="6">
        <v>5131</v>
      </c>
    </row>
    <row r="292" spans="1:17">
      <c r="A292" s="9" t="s">
        <v>56</v>
      </c>
      <c r="B292" s="9" t="s">
        <v>57</v>
      </c>
      <c r="C292" s="9" t="s">
        <v>59</v>
      </c>
      <c r="D292" s="9" t="s">
        <v>6</v>
      </c>
      <c r="E292" s="9" t="s">
        <v>30</v>
      </c>
      <c r="F292" s="9" t="s">
        <v>18</v>
      </c>
      <c r="G292" s="6">
        <v>4967</v>
      </c>
      <c r="H292" s="6">
        <v>3638</v>
      </c>
      <c r="I292" s="6">
        <v>2842</v>
      </c>
      <c r="J292" s="6">
        <v>502</v>
      </c>
      <c r="K292" s="6">
        <v>796</v>
      </c>
      <c r="L292" s="6">
        <v>74</v>
      </c>
      <c r="M292" s="6">
        <v>1255</v>
      </c>
      <c r="N292" s="10" t="s">
        <v>55</v>
      </c>
      <c r="O292" s="6">
        <v>632</v>
      </c>
      <c r="P292" s="6">
        <v>157</v>
      </c>
      <c r="Q292" s="6">
        <v>273</v>
      </c>
    </row>
    <row r="293" spans="1:17">
      <c r="A293" s="9" t="s">
        <v>56</v>
      </c>
      <c r="B293" s="9" t="s">
        <v>57</v>
      </c>
      <c r="C293" s="9" t="s">
        <v>59</v>
      </c>
      <c r="D293" s="9" t="s">
        <v>6</v>
      </c>
      <c r="E293" s="9" t="s">
        <v>31</v>
      </c>
      <c r="F293" s="9" t="s">
        <v>6</v>
      </c>
      <c r="G293" s="6">
        <v>4938</v>
      </c>
      <c r="H293" s="6">
        <v>4801</v>
      </c>
      <c r="I293" s="6">
        <v>3360</v>
      </c>
      <c r="J293" s="6">
        <v>3</v>
      </c>
      <c r="K293" s="6">
        <v>1441</v>
      </c>
      <c r="L293" s="6">
        <v>33</v>
      </c>
      <c r="M293" s="6">
        <v>104</v>
      </c>
      <c r="N293" s="10" t="s">
        <v>55</v>
      </c>
      <c r="O293" s="6">
        <v>1371</v>
      </c>
      <c r="P293" s="10" t="s">
        <v>55</v>
      </c>
      <c r="Q293" s="10" t="s">
        <v>55</v>
      </c>
    </row>
    <row r="294" spans="1:17">
      <c r="A294" s="9" t="s">
        <v>56</v>
      </c>
      <c r="B294" s="9" t="s">
        <v>57</v>
      </c>
      <c r="C294" s="9" t="s">
        <v>59</v>
      </c>
      <c r="D294" s="9" t="s">
        <v>6</v>
      </c>
      <c r="E294" s="9" t="s">
        <v>31</v>
      </c>
      <c r="F294" s="9" t="s">
        <v>7</v>
      </c>
      <c r="G294" s="6">
        <v>655</v>
      </c>
      <c r="H294" s="6">
        <v>570</v>
      </c>
      <c r="I294" s="6">
        <v>384</v>
      </c>
      <c r="J294" s="6">
        <v>1</v>
      </c>
      <c r="K294" s="6">
        <v>186</v>
      </c>
      <c r="L294" s="6">
        <v>6</v>
      </c>
      <c r="M294" s="6">
        <v>79</v>
      </c>
      <c r="N294" s="10" t="s">
        <v>55</v>
      </c>
      <c r="O294" s="6">
        <v>169</v>
      </c>
      <c r="P294" s="10" t="s">
        <v>55</v>
      </c>
      <c r="Q294" s="10" t="s">
        <v>55</v>
      </c>
    </row>
    <row r="295" spans="1:17">
      <c r="A295" s="9" t="s">
        <v>56</v>
      </c>
      <c r="B295" s="9" t="s">
        <v>57</v>
      </c>
      <c r="C295" s="9" t="s">
        <v>59</v>
      </c>
      <c r="D295" s="9" t="s">
        <v>6</v>
      </c>
      <c r="E295" s="9" t="s">
        <v>31</v>
      </c>
      <c r="F295" s="9" t="s">
        <v>8</v>
      </c>
      <c r="G295" s="6">
        <v>600</v>
      </c>
      <c r="H295" s="6">
        <v>518</v>
      </c>
      <c r="I295" s="6">
        <v>353</v>
      </c>
      <c r="J295" s="6">
        <v>1</v>
      </c>
      <c r="K295" s="6">
        <v>165</v>
      </c>
      <c r="L295" s="6">
        <v>6</v>
      </c>
      <c r="M295" s="6">
        <v>76</v>
      </c>
      <c r="N295" s="10" t="s">
        <v>55</v>
      </c>
      <c r="O295" s="6">
        <v>149</v>
      </c>
      <c r="P295" s="10" t="s">
        <v>55</v>
      </c>
      <c r="Q295" s="10" t="s">
        <v>55</v>
      </c>
    </row>
    <row r="296" spans="1:17">
      <c r="A296" s="9" t="s">
        <v>56</v>
      </c>
      <c r="B296" s="9" t="s">
        <v>57</v>
      </c>
      <c r="C296" s="9" t="s">
        <v>59</v>
      </c>
      <c r="D296" s="9" t="s">
        <v>6</v>
      </c>
      <c r="E296" s="9" t="s">
        <v>31</v>
      </c>
      <c r="F296" s="9" t="s">
        <v>13</v>
      </c>
      <c r="G296" s="6">
        <v>55</v>
      </c>
      <c r="H296" s="6">
        <v>52</v>
      </c>
      <c r="I296" s="6">
        <v>31</v>
      </c>
      <c r="J296" s="10" t="s">
        <v>55</v>
      </c>
      <c r="K296" s="6">
        <v>21</v>
      </c>
      <c r="L296" s="10" t="s">
        <v>55</v>
      </c>
      <c r="M296" s="6">
        <v>3</v>
      </c>
      <c r="N296" s="10" t="s">
        <v>55</v>
      </c>
      <c r="O296" s="6">
        <v>20</v>
      </c>
      <c r="P296" s="10" t="s">
        <v>55</v>
      </c>
      <c r="Q296" s="10" t="s">
        <v>55</v>
      </c>
    </row>
    <row r="297" spans="1:17">
      <c r="A297" s="9" t="s">
        <v>56</v>
      </c>
      <c r="B297" s="9" t="s">
        <v>57</v>
      </c>
      <c r="C297" s="9" t="s">
        <v>59</v>
      </c>
      <c r="D297" s="9" t="s">
        <v>6</v>
      </c>
      <c r="E297" s="9" t="s">
        <v>31</v>
      </c>
      <c r="F297" s="9" t="s">
        <v>14</v>
      </c>
      <c r="G297" s="6">
        <v>3935</v>
      </c>
      <c r="H297" s="6">
        <v>3897</v>
      </c>
      <c r="I297" s="6">
        <v>2706</v>
      </c>
      <c r="J297" s="6">
        <v>1</v>
      </c>
      <c r="K297" s="6">
        <v>1191</v>
      </c>
      <c r="L297" s="6">
        <v>21</v>
      </c>
      <c r="M297" s="6">
        <v>17</v>
      </c>
      <c r="N297" s="10" t="s">
        <v>55</v>
      </c>
      <c r="O297" s="6">
        <v>1143</v>
      </c>
      <c r="P297" s="10" t="s">
        <v>55</v>
      </c>
      <c r="Q297" s="10" t="s">
        <v>55</v>
      </c>
    </row>
    <row r="298" spans="1:17">
      <c r="A298" s="9" t="s">
        <v>56</v>
      </c>
      <c r="B298" s="9" t="s">
        <v>57</v>
      </c>
      <c r="C298" s="9" t="s">
        <v>59</v>
      </c>
      <c r="D298" s="9" t="s">
        <v>6</v>
      </c>
      <c r="E298" s="9" t="s">
        <v>31</v>
      </c>
      <c r="F298" s="9" t="s">
        <v>18</v>
      </c>
      <c r="G298" s="6">
        <v>348</v>
      </c>
      <c r="H298" s="6">
        <v>334</v>
      </c>
      <c r="I298" s="6">
        <v>270</v>
      </c>
      <c r="J298" s="6">
        <v>1</v>
      </c>
      <c r="K298" s="6">
        <v>64</v>
      </c>
      <c r="L298" s="6">
        <v>6</v>
      </c>
      <c r="M298" s="6">
        <v>8</v>
      </c>
      <c r="N298" s="10" t="s">
        <v>55</v>
      </c>
      <c r="O298" s="6">
        <v>59</v>
      </c>
      <c r="P298" s="10" t="s">
        <v>55</v>
      </c>
      <c r="Q298" s="10" t="s">
        <v>55</v>
      </c>
    </row>
    <row r="299" spans="1:17">
      <c r="A299" s="9" t="s">
        <v>56</v>
      </c>
      <c r="B299" s="9" t="s">
        <v>57</v>
      </c>
      <c r="C299" s="9" t="s">
        <v>59</v>
      </c>
      <c r="D299" s="9" t="s">
        <v>6</v>
      </c>
      <c r="E299" s="9" t="s">
        <v>32</v>
      </c>
      <c r="F299" s="9" t="s">
        <v>6</v>
      </c>
      <c r="G299" s="6">
        <v>4295</v>
      </c>
      <c r="H299" s="6">
        <v>3156</v>
      </c>
      <c r="I299" s="6">
        <v>2097</v>
      </c>
      <c r="J299" s="6">
        <v>100</v>
      </c>
      <c r="K299" s="6">
        <v>1059</v>
      </c>
      <c r="L299" s="6">
        <v>123</v>
      </c>
      <c r="M299" s="6">
        <v>1016</v>
      </c>
      <c r="N299" s="10" t="s">
        <v>55</v>
      </c>
      <c r="O299" s="6">
        <v>993</v>
      </c>
      <c r="P299" s="10" t="s">
        <v>55</v>
      </c>
      <c r="Q299" s="10" t="s">
        <v>55</v>
      </c>
    </row>
    <row r="300" spans="1:17">
      <c r="A300" s="9" t="s">
        <v>56</v>
      </c>
      <c r="B300" s="9" t="s">
        <v>57</v>
      </c>
      <c r="C300" s="9" t="s">
        <v>59</v>
      </c>
      <c r="D300" s="9" t="s">
        <v>6</v>
      </c>
      <c r="E300" s="9" t="s">
        <v>32</v>
      </c>
      <c r="F300" s="9" t="s">
        <v>7</v>
      </c>
      <c r="G300" s="6">
        <v>3230</v>
      </c>
      <c r="H300" s="6">
        <v>2237</v>
      </c>
      <c r="I300" s="6">
        <v>1443</v>
      </c>
      <c r="J300" s="6">
        <v>85</v>
      </c>
      <c r="K300" s="6">
        <v>794</v>
      </c>
      <c r="L300" s="6">
        <v>106</v>
      </c>
      <c r="M300" s="6">
        <v>887</v>
      </c>
      <c r="N300" s="10" t="s">
        <v>55</v>
      </c>
      <c r="O300" s="6">
        <v>740</v>
      </c>
      <c r="P300" s="10" t="s">
        <v>55</v>
      </c>
      <c r="Q300" s="10" t="s">
        <v>55</v>
      </c>
    </row>
    <row r="301" spans="1:17">
      <c r="A301" s="9" t="s">
        <v>56</v>
      </c>
      <c r="B301" s="9" t="s">
        <v>57</v>
      </c>
      <c r="C301" s="9" t="s">
        <v>59</v>
      </c>
      <c r="D301" s="9" t="s">
        <v>6</v>
      </c>
      <c r="E301" s="9" t="s">
        <v>32</v>
      </c>
      <c r="F301" s="9" t="s">
        <v>8</v>
      </c>
      <c r="G301" s="6">
        <v>3021</v>
      </c>
      <c r="H301" s="6">
        <v>2040</v>
      </c>
      <c r="I301" s="6">
        <v>1316</v>
      </c>
      <c r="J301" s="6">
        <v>82</v>
      </c>
      <c r="K301" s="6">
        <v>724</v>
      </c>
      <c r="L301" s="6">
        <v>102</v>
      </c>
      <c r="M301" s="6">
        <v>879</v>
      </c>
      <c r="N301" s="10" t="s">
        <v>55</v>
      </c>
      <c r="O301" s="6">
        <v>678</v>
      </c>
      <c r="P301" s="10" t="s">
        <v>55</v>
      </c>
      <c r="Q301" s="10" t="s">
        <v>55</v>
      </c>
    </row>
    <row r="302" spans="1:17">
      <c r="A302" s="9" t="s">
        <v>56</v>
      </c>
      <c r="B302" s="9" t="s">
        <v>57</v>
      </c>
      <c r="C302" s="9" t="s">
        <v>59</v>
      </c>
      <c r="D302" s="9" t="s">
        <v>6</v>
      </c>
      <c r="E302" s="9" t="s">
        <v>32</v>
      </c>
      <c r="F302" s="9" t="s">
        <v>13</v>
      </c>
      <c r="G302" s="6">
        <v>209</v>
      </c>
      <c r="H302" s="6">
        <v>197</v>
      </c>
      <c r="I302" s="6">
        <v>127</v>
      </c>
      <c r="J302" s="6">
        <v>3</v>
      </c>
      <c r="K302" s="6">
        <v>70</v>
      </c>
      <c r="L302" s="6">
        <v>4</v>
      </c>
      <c r="M302" s="6">
        <v>8</v>
      </c>
      <c r="N302" s="10" t="s">
        <v>55</v>
      </c>
      <c r="O302" s="6">
        <v>62</v>
      </c>
      <c r="P302" s="10" t="s">
        <v>55</v>
      </c>
      <c r="Q302" s="10" t="s">
        <v>55</v>
      </c>
    </row>
    <row r="303" spans="1:17">
      <c r="A303" s="9" t="s">
        <v>56</v>
      </c>
      <c r="B303" s="9" t="s">
        <v>57</v>
      </c>
      <c r="C303" s="9" t="s">
        <v>59</v>
      </c>
      <c r="D303" s="9" t="s">
        <v>6</v>
      </c>
      <c r="E303" s="9" t="s">
        <v>32</v>
      </c>
      <c r="F303" s="9" t="s">
        <v>14</v>
      </c>
      <c r="G303" s="6">
        <v>681</v>
      </c>
      <c r="H303" s="6">
        <v>659</v>
      </c>
      <c r="I303" s="6">
        <v>457</v>
      </c>
      <c r="J303" s="6">
        <v>9</v>
      </c>
      <c r="K303" s="6">
        <v>202</v>
      </c>
      <c r="L303" s="6">
        <v>9</v>
      </c>
      <c r="M303" s="6">
        <v>13</v>
      </c>
      <c r="N303" s="10" t="s">
        <v>55</v>
      </c>
      <c r="O303" s="6">
        <v>195</v>
      </c>
      <c r="P303" s="10" t="s">
        <v>55</v>
      </c>
      <c r="Q303" s="10" t="s">
        <v>55</v>
      </c>
    </row>
    <row r="304" spans="1:17">
      <c r="A304" s="9" t="s">
        <v>56</v>
      </c>
      <c r="B304" s="9" t="s">
        <v>57</v>
      </c>
      <c r="C304" s="9" t="s">
        <v>59</v>
      </c>
      <c r="D304" s="9" t="s">
        <v>6</v>
      </c>
      <c r="E304" s="9" t="s">
        <v>32</v>
      </c>
      <c r="F304" s="9" t="s">
        <v>18</v>
      </c>
      <c r="G304" s="6">
        <v>384</v>
      </c>
      <c r="H304" s="6">
        <v>260</v>
      </c>
      <c r="I304" s="6">
        <v>197</v>
      </c>
      <c r="J304" s="6">
        <v>6</v>
      </c>
      <c r="K304" s="6">
        <v>63</v>
      </c>
      <c r="L304" s="6">
        <v>8</v>
      </c>
      <c r="M304" s="6">
        <v>116</v>
      </c>
      <c r="N304" s="10" t="s">
        <v>55</v>
      </c>
      <c r="O304" s="6">
        <v>58</v>
      </c>
      <c r="P304" s="10" t="s">
        <v>55</v>
      </c>
      <c r="Q304" s="10" t="s">
        <v>55</v>
      </c>
    </row>
    <row r="305" spans="1:17">
      <c r="A305" s="9" t="s">
        <v>56</v>
      </c>
      <c r="B305" s="9" t="s">
        <v>57</v>
      </c>
      <c r="C305" s="9" t="s">
        <v>59</v>
      </c>
      <c r="D305" s="9" t="s">
        <v>6</v>
      </c>
      <c r="E305" s="9" t="s">
        <v>33</v>
      </c>
      <c r="F305" s="9" t="s">
        <v>6</v>
      </c>
      <c r="G305" s="6">
        <v>4773</v>
      </c>
      <c r="H305" s="6">
        <v>3473</v>
      </c>
      <c r="I305" s="6">
        <v>2472</v>
      </c>
      <c r="J305" s="6">
        <v>318</v>
      </c>
      <c r="K305" s="6">
        <v>1001</v>
      </c>
      <c r="L305" s="6">
        <v>118</v>
      </c>
      <c r="M305" s="6">
        <v>1182</v>
      </c>
      <c r="N305" s="10" t="s">
        <v>55</v>
      </c>
      <c r="O305" s="6">
        <v>918</v>
      </c>
      <c r="P305" s="10" t="s">
        <v>55</v>
      </c>
      <c r="Q305" s="10" t="s">
        <v>55</v>
      </c>
    </row>
    <row r="306" spans="1:17">
      <c r="A306" s="9" t="s">
        <v>56</v>
      </c>
      <c r="B306" s="9" t="s">
        <v>57</v>
      </c>
      <c r="C306" s="9" t="s">
        <v>59</v>
      </c>
      <c r="D306" s="9" t="s">
        <v>6</v>
      </c>
      <c r="E306" s="9" t="s">
        <v>33</v>
      </c>
      <c r="F306" s="9" t="s">
        <v>7</v>
      </c>
      <c r="G306" s="6">
        <v>4027</v>
      </c>
      <c r="H306" s="6">
        <v>2900</v>
      </c>
      <c r="I306" s="6">
        <v>2019</v>
      </c>
      <c r="J306" s="6">
        <v>262</v>
      </c>
      <c r="K306" s="6">
        <v>881</v>
      </c>
      <c r="L306" s="6">
        <v>98</v>
      </c>
      <c r="M306" s="6">
        <v>1029</v>
      </c>
      <c r="N306" s="10" t="s">
        <v>55</v>
      </c>
      <c r="O306" s="6">
        <v>819</v>
      </c>
      <c r="P306" s="10" t="s">
        <v>55</v>
      </c>
      <c r="Q306" s="10" t="s">
        <v>55</v>
      </c>
    </row>
    <row r="307" spans="1:17">
      <c r="A307" s="9" t="s">
        <v>56</v>
      </c>
      <c r="B307" s="9" t="s">
        <v>57</v>
      </c>
      <c r="C307" s="9" t="s">
        <v>59</v>
      </c>
      <c r="D307" s="9" t="s">
        <v>6</v>
      </c>
      <c r="E307" s="9" t="s">
        <v>33</v>
      </c>
      <c r="F307" s="9" t="s">
        <v>8</v>
      </c>
      <c r="G307" s="6">
        <v>3815</v>
      </c>
      <c r="H307" s="6">
        <v>2704</v>
      </c>
      <c r="I307" s="6">
        <v>1890</v>
      </c>
      <c r="J307" s="6">
        <v>256</v>
      </c>
      <c r="K307" s="6">
        <v>814</v>
      </c>
      <c r="L307" s="6">
        <v>93</v>
      </c>
      <c r="M307" s="6">
        <v>1018</v>
      </c>
      <c r="N307" s="10" t="s">
        <v>55</v>
      </c>
      <c r="O307" s="6">
        <v>761</v>
      </c>
      <c r="P307" s="10" t="s">
        <v>55</v>
      </c>
      <c r="Q307" s="10" t="s">
        <v>55</v>
      </c>
    </row>
    <row r="308" spans="1:17">
      <c r="A308" s="9" t="s">
        <v>56</v>
      </c>
      <c r="B308" s="9" t="s">
        <v>57</v>
      </c>
      <c r="C308" s="9" t="s">
        <v>59</v>
      </c>
      <c r="D308" s="9" t="s">
        <v>6</v>
      </c>
      <c r="E308" s="9" t="s">
        <v>33</v>
      </c>
      <c r="F308" s="9" t="s">
        <v>13</v>
      </c>
      <c r="G308" s="6">
        <v>212</v>
      </c>
      <c r="H308" s="6">
        <v>196</v>
      </c>
      <c r="I308" s="6">
        <v>129</v>
      </c>
      <c r="J308" s="6">
        <v>6</v>
      </c>
      <c r="K308" s="6">
        <v>67</v>
      </c>
      <c r="L308" s="6">
        <v>5</v>
      </c>
      <c r="M308" s="6">
        <v>11</v>
      </c>
      <c r="N308" s="10" t="s">
        <v>55</v>
      </c>
      <c r="O308" s="6">
        <v>58</v>
      </c>
      <c r="P308" s="10" t="s">
        <v>55</v>
      </c>
      <c r="Q308" s="10" t="s">
        <v>55</v>
      </c>
    </row>
    <row r="309" spans="1:17">
      <c r="A309" s="9" t="s">
        <v>56</v>
      </c>
      <c r="B309" s="9" t="s">
        <v>57</v>
      </c>
      <c r="C309" s="9" t="s">
        <v>59</v>
      </c>
      <c r="D309" s="9" t="s">
        <v>6</v>
      </c>
      <c r="E309" s="9" t="s">
        <v>33</v>
      </c>
      <c r="F309" s="9" t="s">
        <v>14</v>
      </c>
      <c r="G309" s="6">
        <v>294</v>
      </c>
      <c r="H309" s="6">
        <v>286</v>
      </c>
      <c r="I309" s="6">
        <v>219</v>
      </c>
      <c r="J309" s="6">
        <v>23</v>
      </c>
      <c r="K309" s="6">
        <v>67</v>
      </c>
      <c r="L309" s="6">
        <v>6</v>
      </c>
      <c r="M309" s="6">
        <v>2</v>
      </c>
      <c r="N309" s="10" t="s">
        <v>55</v>
      </c>
      <c r="O309" s="6">
        <v>56</v>
      </c>
      <c r="P309" s="10" t="s">
        <v>55</v>
      </c>
      <c r="Q309" s="10" t="s">
        <v>55</v>
      </c>
    </row>
    <row r="310" spans="1:17">
      <c r="A310" s="9" t="s">
        <v>56</v>
      </c>
      <c r="B310" s="9" t="s">
        <v>57</v>
      </c>
      <c r="C310" s="9" t="s">
        <v>59</v>
      </c>
      <c r="D310" s="9" t="s">
        <v>6</v>
      </c>
      <c r="E310" s="9" t="s">
        <v>33</v>
      </c>
      <c r="F310" s="9" t="s">
        <v>18</v>
      </c>
      <c r="G310" s="6">
        <v>452</v>
      </c>
      <c r="H310" s="6">
        <v>287</v>
      </c>
      <c r="I310" s="6">
        <v>234</v>
      </c>
      <c r="J310" s="6">
        <v>33</v>
      </c>
      <c r="K310" s="6">
        <v>53</v>
      </c>
      <c r="L310" s="6">
        <v>14</v>
      </c>
      <c r="M310" s="6">
        <v>151</v>
      </c>
      <c r="N310" s="10" t="s">
        <v>55</v>
      </c>
      <c r="O310" s="6">
        <v>43</v>
      </c>
      <c r="P310" s="10" t="s">
        <v>55</v>
      </c>
      <c r="Q310" s="10" t="s">
        <v>55</v>
      </c>
    </row>
    <row r="311" spans="1:17">
      <c r="A311" s="9" t="s">
        <v>56</v>
      </c>
      <c r="B311" s="9" t="s">
        <v>57</v>
      </c>
      <c r="C311" s="9" t="s">
        <v>59</v>
      </c>
      <c r="D311" s="9" t="s">
        <v>6</v>
      </c>
      <c r="E311" s="9" t="s">
        <v>34</v>
      </c>
      <c r="F311" s="9" t="s">
        <v>6</v>
      </c>
      <c r="G311" s="6">
        <v>5495</v>
      </c>
      <c r="H311" s="6">
        <v>4601</v>
      </c>
      <c r="I311" s="6">
        <v>3505</v>
      </c>
      <c r="J311" s="6">
        <v>376</v>
      </c>
      <c r="K311" s="6">
        <v>1096</v>
      </c>
      <c r="L311" s="6">
        <v>87</v>
      </c>
      <c r="M311" s="6">
        <v>807</v>
      </c>
      <c r="N311" s="10" t="s">
        <v>55</v>
      </c>
      <c r="O311" s="6">
        <v>993</v>
      </c>
      <c r="P311" s="10" t="s">
        <v>55</v>
      </c>
      <c r="Q311" s="10" t="s">
        <v>55</v>
      </c>
    </row>
    <row r="312" spans="1:17">
      <c r="A312" s="9" t="s">
        <v>56</v>
      </c>
      <c r="B312" s="9" t="s">
        <v>57</v>
      </c>
      <c r="C312" s="9" t="s">
        <v>59</v>
      </c>
      <c r="D312" s="9" t="s">
        <v>6</v>
      </c>
      <c r="E312" s="9" t="s">
        <v>34</v>
      </c>
      <c r="F312" s="9" t="s">
        <v>7</v>
      </c>
      <c r="G312" s="6">
        <v>4568</v>
      </c>
      <c r="H312" s="6">
        <v>3819</v>
      </c>
      <c r="I312" s="6">
        <v>2849</v>
      </c>
      <c r="J312" s="6">
        <v>294</v>
      </c>
      <c r="K312" s="6">
        <v>970</v>
      </c>
      <c r="L312" s="6">
        <v>76</v>
      </c>
      <c r="M312" s="6">
        <v>673</v>
      </c>
      <c r="N312" s="10" t="s">
        <v>55</v>
      </c>
      <c r="O312" s="6">
        <v>887</v>
      </c>
      <c r="P312" s="10" t="s">
        <v>55</v>
      </c>
      <c r="Q312" s="10" t="s">
        <v>55</v>
      </c>
    </row>
    <row r="313" spans="1:17">
      <c r="A313" s="9" t="s">
        <v>56</v>
      </c>
      <c r="B313" s="9" t="s">
        <v>57</v>
      </c>
      <c r="C313" s="9" t="s">
        <v>59</v>
      </c>
      <c r="D313" s="9" t="s">
        <v>6</v>
      </c>
      <c r="E313" s="9" t="s">
        <v>34</v>
      </c>
      <c r="F313" s="9" t="s">
        <v>8</v>
      </c>
      <c r="G313" s="6">
        <v>4345</v>
      </c>
      <c r="H313" s="6">
        <v>3612</v>
      </c>
      <c r="I313" s="6">
        <v>2702</v>
      </c>
      <c r="J313" s="6">
        <v>284</v>
      </c>
      <c r="K313" s="6">
        <v>910</v>
      </c>
      <c r="L313" s="6">
        <v>71</v>
      </c>
      <c r="M313" s="6">
        <v>662</v>
      </c>
      <c r="N313" s="10" t="s">
        <v>55</v>
      </c>
      <c r="O313" s="6">
        <v>838</v>
      </c>
      <c r="P313" s="10" t="s">
        <v>55</v>
      </c>
      <c r="Q313" s="10" t="s">
        <v>55</v>
      </c>
    </row>
    <row r="314" spans="1:17">
      <c r="A314" s="9" t="s">
        <v>56</v>
      </c>
      <c r="B314" s="9" t="s">
        <v>57</v>
      </c>
      <c r="C314" s="9" t="s">
        <v>59</v>
      </c>
      <c r="D314" s="9" t="s">
        <v>6</v>
      </c>
      <c r="E314" s="9" t="s">
        <v>34</v>
      </c>
      <c r="F314" s="9" t="s">
        <v>13</v>
      </c>
      <c r="G314" s="6">
        <v>223</v>
      </c>
      <c r="H314" s="6">
        <v>207</v>
      </c>
      <c r="I314" s="6">
        <v>147</v>
      </c>
      <c r="J314" s="6">
        <v>10</v>
      </c>
      <c r="K314" s="6">
        <v>60</v>
      </c>
      <c r="L314" s="6">
        <v>5</v>
      </c>
      <c r="M314" s="6">
        <v>11</v>
      </c>
      <c r="N314" s="10" t="s">
        <v>55</v>
      </c>
      <c r="O314" s="6">
        <v>49</v>
      </c>
      <c r="P314" s="10" t="s">
        <v>55</v>
      </c>
      <c r="Q314" s="10" t="s">
        <v>55</v>
      </c>
    </row>
    <row r="315" spans="1:17">
      <c r="A315" s="9" t="s">
        <v>56</v>
      </c>
      <c r="B315" s="9" t="s">
        <v>57</v>
      </c>
      <c r="C315" s="9" t="s">
        <v>59</v>
      </c>
      <c r="D315" s="9" t="s">
        <v>6</v>
      </c>
      <c r="E315" s="9" t="s">
        <v>34</v>
      </c>
      <c r="F315" s="9" t="s">
        <v>14</v>
      </c>
      <c r="G315" s="6">
        <v>424</v>
      </c>
      <c r="H315" s="6">
        <v>412</v>
      </c>
      <c r="I315" s="6">
        <v>338</v>
      </c>
      <c r="J315" s="6">
        <v>37</v>
      </c>
      <c r="K315" s="6">
        <v>74</v>
      </c>
      <c r="L315" s="6">
        <v>5</v>
      </c>
      <c r="M315" s="6">
        <v>7</v>
      </c>
      <c r="N315" s="10" t="s">
        <v>55</v>
      </c>
      <c r="O315" s="6">
        <v>67</v>
      </c>
      <c r="P315" s="10" t="s">
        <v>55</v>
      </c>
      <c r="Q315" s="10" t="s">
        <v>55</v>
      </c>
    </row>
    <row r="316" spans="1:17">
      <c r="A316" s="9" t="s">
        <v>56</v>
      </c>
      <c r="B316" s="9" t="s">
        <v>57</v>
      </c>
      <c r="C316" s="9" t="s">
        <v>59</v>
      </c>
      <c r="D316" s="9" t="s">
        <v>6</v>
      </c>
      <c r="E316" s="9" t="s">
        <v>34</v>
      </c>
      <c r="F316" s="9" t="s">
        <v>18</v>
      </c>
      <c r="G316" s="6">
        <v>503</v>
      </c>
      <c r="H316" s="6">
        <v>370</v>
      </c>
      <c r="I316" s="6">
        <v>318</v>
      </c>
      <c r="J316" s="6">
        <v>45</v>
      </c>
      <c r="K316" s="6">
        <v>52</v>
      </c>
      <c r="L316" s="6">
        <v>6</v>
      </c>
      <c r="M316" s="6">
        <v>127</v>
      </c>
      <c r="N316" s="10" t="s">
        <v>55</v>
      </c>
      <c r="O316" s="6">
        <v>39</v>
      </c>
      <c r="P316" s="10" t="s">
        <v>55</v>
      </c>
      <c r="Q316" s="10" t="s">
        <v>55</v>
      </c>
    </row>
    <row r="317" spans="1:17">
      <c r="A317" s="9" t="s">
        <v>56</v>
      </c>
      <c r="B317" s="9" t="s">
        <v>57</v>
      </c>
      <c r="C317" s="9" t="s">
        <v>59</v>
      </c>
      <c r="D317" s="9" t="s">
        <v>6</v>
      </c>
      <c r="E317" s="9" t="s">
        <v>35</v>
      </c>
      <c r="F317" s="9" t="s">
        <v>6</v>
      </c>
      <c r="G317" s="6">
        <v>6343</v>
      </c>
      <c r="H317" s="6">
        <v>5644</v>
      </c>
      <c r="I317" s="6">
        <v>4308</v>
      </c>
      <c r="J317" s="6">
        <v>313</v>
      </c>
      <c r="K317" s="6">
        <v>1336</v>
      </c>
      <c r="L317" s="6">
        <v>65</v>
      </c>
      <c r="M317" s="6">
        <v>634</v>
      </c>
      <c r="N317" s="10" t="s">
        <v>55</v>
      </c>
      <c r="O317" s="6">
        <v>1201</v>
      </c>
      <c r="P317" s="10" t="s">
        <v>55</v>
      </c>
      <c r="Q317" s="10" t="s">
        <v>55</v>
      </c>
    </row>
    <row r="318" spans="1:17">
      <c r="A318" s="9" t="s">
        <v>56</v>
      </c>
      <c r="B318" s="9" t="s">
        <v>57</v>
      </c>
      <c r="C318" s="9" t="s">
        <v>59</v>
      </c>
      <c r="D318" s="9" t="s">
        <v>6</v>
      </c>
      <c r="E318" s="9" t="s">
        <v>35</v>
      </c>
      <c r="F318" s="9" t="s">
        <v>7</v>
      </c>
      <c r="G318" s="6">
        <v>5417</v>
      </c>
      <c r="H318" s="6">
        <v>4838</v>
      </c>
      <c r="I318" s="6">
        <v>3634</v>
      </c>
      <c r="J318" s="6">
        <v>250</v>
      </c>
      <c r="K318" s="6">
        <v>1204</v>
      </c>
      <c r="L318" s="6">
        <v>54</v>
      </c>
      <c r="M318" s="6">
        <v>525</v>
      </c>
      <c r="N318" s="10" t="s">
        <v>55</v>
      </c>
      <c r="O318" s="6">
        <v>1095</v>
      </c>
      <c r="P318" s="10" t="s">
        <v>55</v>
      </c>
      <c r="Q318" s="10" t="s">
        <v>55</v>
      </c>
    </row>
    <row r="319" spans="1:17">
      <c r="A319" s="9" t="s">
        <v>56</v>
      </c>
      <c r="B319" s="9" t="s">
        <v>57</v>
      </c>
      <c r="C319" s="9" t="s">
        <v>59</v>
      </c>
      <c r="D319" s="9" t="s">
        <v>6</v>
      </c>
      <c r="E319" s="9" t="s">
        <v>35</v>
      </c>
      <c r="F319" s="9" t="s">
        <v>8</v>
      </c>
      <c r="G319" s="6">
        <v>5182</v>
      </c>
      <c r="H319" s="6">
        <v>4635</v>
      </c>
      <c r="I319" s="6">
        <v>3472</v>
      </c>
      <c r="J319" s="6">
        <v>247</v>
      </c>
      <c r="K319" s="6">
        <v>1163</v>
      </c>
      <c r="L319" s="6">
        <v>50</v>
      </c>
      <c r="M319" s="6">
        <v>497</v>
      </c>
      <c r="N319" s="10" t="s">
        <v>55</v>
      </c>
      <c r="O319" s="6">
        <v>1060</v>
      </c>
      <c r="P319" s="10" t="s">
        <v>55</v>
      </c>
      <c r="Q319" s="10" t="s">
        <v>55</v>
      </c>
    </row>
    <row r="320" spans="1:17">
      <c r="A320" s="9" t="s">
        <v>56</v>
      </c>
      <c r="B320" s="9" t="s">
        <v>57</v>
      </c>
      <c r="C320" s="9" t="s">
        <v>59</v>
      </c>
      <c r="D320" s="9" t="s">
        <v>6</v>
      </c>
      <c r="E320" s="9" t="s">
        <v>35</v>
      </c>
      <c r="F320" s="9" t="s">
        <v>13</v>
      </c>
      <c r="G320" s="6">
        <v>235</v>
      </c>
      <c r="H320" s="6">
        <v>203</v>
      </c>
      <c r="I320" s="6">
        <v>162</v>
      </c>
      <c r="J320" s="6">
        <v>3</v>
      </c>
      <c r="K320" s="6">
        <v>41</v>
      </c>
      <c r="L320" s="6">
        <v>4</v>
      </c>
      <c r="M320" s="6">
        <v>28</v>
      </c>
      <c r="N320" s="10" t="s">
        <v>55</v>
      </c>
      <c r="O320" s="6">
        <v>35</v>
      </c>
      <c r="P320" s="10" t="s">
        <v>55</v>
      </c>
      <c r="Q320" s="10" t="s">
        <v>55</v>
      </c>
    </row>
    <row r="321" spans="1:17">
      <c r="A321" s="9" t="s">
        <v>56</v>
      </c>
      <c r="B321" s="9" t="s">
        <v>57</v>
      </c>
      <c r="C321" s="9" t="s">
        <v>59</v>
      </c>
      <c r="D321" s="9" t="s">
        <v>6</v>
      </c>
      <c r="E321" s="9" t="s">
        <v>35</v>
      </c>
      <c r="F321" s="9" t="s">
        <v>14</v>
      </c>
      <c r="G321" s="6">
        <v>455</v>
      </c>
      <c r="H321" s="6">
        <v>443</v>
      </c>
      <c r="I321" s="6">
        <v>354</v>
      </c>
      <c r="J321" s="6">
        <v>36</v>
      </c>
      <c r="K321" s="6">
        <v>89</v>
      </c>
      <c r="L321" s="6">
        <v>3</v>
      </c>
      <c r="M321" s="6">
        <v>9</v>
      </c>
      <c r="N321" s="10" t="s">
        <v>55</v>
      </c>
      <c r="O321" s="6">
        <v>74</v>
      </c>
      <c r="P321" s="10" t="s">
        <v>55</v>
      </c>
      <c r="Q321" s="10" t="s">
        <v>55</v>
      </c>
    </row>
    <row r="322" spans="1:17">
      <c r="A322" s="9" t="s">
        <v>56</v>
      </c>
      <c r="B322" s="9" t="s">
        <v>57</v>
      </c>
      <c r="C322" s="9" t="s">
        <v>59</v>
      </c>
      <c r="D322" s="9" t="s">
        <v>6</v>
      </c>
      <c r="E322" s="9" t="s">
        <v>35</v>
      </c>
      <c r="F322" s="9" t="s">
        <v>18</v>
      </c>
      <c r="G322" s="6">
        <v>471</v>
      </c>
      <c r="H322" s="6">
        <v>363</v>
      </c>
      <c r="I322" s="6">
        <v>320</v>
      </c>
      <c r="J322" s="6">
        <v>27</v>
      </c>
      <c r="K322" s="6">
        <v>43</v>
      </c>
      <c r="L322" s="6">
        <v>8</v>
      </c>
      <c r="M322" s="6">
        <v>100</v>
      </c>
      <c r="N322" s="10" t="s">
        <v>55</v>
      </c>
      <c r="O322" s="6">
        <v>32</v>
      </c>
      <c r="P322" s="10" t="s">
        <v>55</v>
      </c>
      <c r="Q322" s="10" t="s">
        <v>55</v>
      </c>
    </row>
    <row r="323" spans="1:17">
      <c r="A323" s="9" t="s">
        <v>56</v>
      </c>
      <c r="B323" s="9" t="s">
        <v>57</v>
      </c>
      <c r="C323" s="9" t="s">
        <v>59</v>
      </c>
      <c r="D323" s="9" t="s">
        <v>6</v>
      </c>
      <c r="E323" s="9" t="s">
        <v>36</v>
      </c>
      <c r="F323" s="9" t="s">
        <v>6</v>
      </c>
      <c r="G323" s="6">
        <v>6895</v>
      </c>
      <c r="H323" s="6">
        <v>6304</v>
      </c>
      <c r="I323" s="6">
        <v>4847</v>
      </c>
      <c r="J323" s="6">
        <v>375</v>
      </c>
      <c r="K323" s="6">
        <v>1457</v>
      </c>
      <c r="L323" s="6">
        <v>68</v>
      </c>
      <c r="M323" s="6">
        <v>523</v>
      </c>
      <c r="N323" s="10" t="s">
        <v>55</v>
      </c>
      <c r="O323" s="6">
        <v>1302</v>
      </c>
      <c r="P323" s="10" t="s">
        <v>55</v>
      </c>
      <c r="Q323" s="10" t="s">
        <v>55</v>
      </c>
    </row>
    <row r="324" spans="1:17">
      <c r="A324" s="9" t="s">
        <v>56</v>
      </c>
      <c r="B324" s="9" t="s">
        <v>57</v>
      </c>
      <c r="C324" s="9" t="s">
        <v>59</v>
      </c>
      <c r="D324" s="9" t="s">
        <v>6</v>
      </c>
      <c r="E324" s="9" t="s">
        <v>36</v>
      </c>
      <c r="F324" s="9" t="s">
        <v>7</v>
      </c>
      <c r="G324" s="6">
        <v>5910</v>
      </c>
      <c r="H324" s="6">
        <v>5443</v>
      </c>
      <c r="I324" s="6">
        <v>4129</v>
      </c>
      <c r="J324" s="6">
        <v>301</v>
      </c>
      <c r="K324" s="6">
        <v>1314</v>
      </c>
      <c r="L324" s="6">
        <v>58</v>
      </c>
      <c r="M324" s="6">
        <v>409</v>
      </c>
      <c r="N324" s="10" t="s">
        <v>55</v>
      </c>
      <c r="O324" s="6">
        <v>1193</v>
      </c>
      <c r="P324" s="10" t="s">
        <v>55</v>
      </c>
      <c r="Q324" s="10" t="s">
        <v>55</v>
      </c>
    </row>
    <row r="325" spans="1:17">
      <c r="A325" s="9" t="s">
        <v>56</v>
      </c>
      <c r="B325" s="9" t="s">
        <v>57</v>
      </c>
      <c r="C325" s="9" t="s">
        <v>59</v>
      </c>
      <c r="D325" s="9" t="s">
        <v>6</v>
      </c>
      <c r="E325" s="9" t="s">
        <v>36</v>
      </c>
      <c r="F325" s="9" t="s">
        <v>8</v>
      </c>
      <c r="G325" s="6">
        <v>5688</v>
      </c>
      <c r="H325" s="6">
        <v>5243</v>
      </c>
      <c r="I325" s="6">
        <v>3963</v>
      </c>
      <c r="J325" s="6">
        <v>294</v>
      </c>
      <c r="K325" s="6">
        <v>1280</v>
      </c>
      <c r="L325" s="6">
        <v>54</v>
      </c>
      <c r="M325" s="6">
        <v>391</v>
      </c>
      <c r="N325" s="10" t="s">
        <v>55</v>
      </c>
      <c r="O325" s="6">
        <v>1165</v>
      </c>
      <c r="P325" s="10" t="s">
        <v>55</v>
      </c>
      <c r="Q325" s="10" t="s">
        <v>55</v>
      </c>
    </row>
    <row r="326" spans="1:17">
      <c r="A326" s="9" t="s">
        <v>56</v>
      </c>
      <c r="B326" s="9" t="s">
        <v>57</v>
      </c>
      <c r="C326" s="9" t="s">
        <v>59</v>
      </c>
      <c r="D326" s="9" t="s">
        <v>6</v>
      </c>
      <c r="E326" s="9" t="s">
        <v>36</v>
      </c>
      <c r="F326" s="9" t="s">
        <v>13</v>
      </c>
      <c r="G326" s="6">
        <v>222</v>
      </c>
      <c r="H326" s="6">
        <v>200</v>
      </c>
      <c r="I326" s="6">
        <v>166</v>
      </c>
      <c r="J326" s="6">
        <v>7</v>
      </c>
      <c r="K326" s="6">
        <v>34</v>
      </c>
      <c r="L326" s="6">
        <v>4</v>
      </c>
      <c r="M326" s="6">
        <v>18</v>
      </c>
      <c r="N326" s="10" t="s">
        <v>55</v>
      </c>
      <c r="O326" s="6">
        <v>28</v>
      </c>
      <c r="P326" s="10" t="s">
        <v>55</v>
      </c>
      <c r="Q326" s="10" t="s">
        <v>55</v>
      </c>
    </row>
    <row r="327" spans="1:17">
      <c r="A327" s="9" t="s">
        <v>56</v>
      </c>
      <c r="B327" s="9" t="s">
        <v>57</v>
      </c>
      <c r="C327" s="9" t="s">
        <v>59</v>
      </c>
      <c r="D327" s="9" t="s">
        <v>6</v>
      </c>
      <c r="E327" s="9" t="s">
        <v>36</v>
      </c>
      <c r="F327" s="9" t="s">
        <v>14</v>
      </c>
      <c r="G327" s="6">
        <v>451</v>
      </c>
      <c r="H327" s="6">
        <v>438</v>
      </c>
      <c r="I327" s="6">
        <v>350</v>
      </c>
      <c r="J327" s="6">
        <v>36</v>
      </c>
      <c r="K327" s="6">
        <v>88</v>
      </c>
      <c r="L327" s="6">
        <v>1</v>
      </c>
      <c r="M327" s="6">
        <v>12</v>
      </c>
      <c r="N327" s="10" t="s">
        <v>55</v>
      </c>
      <c r="O327" s="6">
        <v>66</v>
      </c>
      <c r="P327" s="10" t="s">
        <v>55</v>
      </c>
      <c r="Q327" s="10" t="s">
        <v>55</v>
      </c>
    </row>
    <row r="328" spans="1:17">
      <c r="A328" s="9" t="s">
        <v>56</v>
      </c>
      <c r="B328" s="9" t="s">
        <v>57</v>
      </c>
      <c r="C328" s="9" t="s">
        <v>59</v>
      </c>
      <c r="D328" s="9" t="s">
        <v>6</v>
      </c>
      <c r="E328" s="9" t="s">
        <v>36</v>
      </c>
      <c r="F328" s="9" t="s">
        <v>18</v>
      </c>
      <c r="G328" s="6">
        <v>534</v>
      </c>
      <c r="H328" s="6">
        <v>423</v>
      </c>
      <c r="I328" s="6">
        <v>368</v>
      </c>
      <c r="J328" s="6">
        <v>38</v>
      </c>
      <c r="K328" s="6">
        <v>55</v>
      </c>
      <c r="L328" s="6">
        <v>9</v>
      </c>
      <c r="M328" s="6">
        <v>102</v>
      </c>
      <c r="N328" s="10" t="s">
        <v>55</v>
      </c>
      <c r="O328" s="6">
        <v>43</v>
      </c>
      <c r="P328" s="10" t="s">
        <v>55</v>
      </c>
      <c r="Q328" s="10" t="s">
        <v>55</v>
      </c>
    </row>
    <row r="329" spans="1:17">
      <c r="A329" s="9" t="s">
        <v>56</v>
      </c>
      <c r="B329" s="9" t="s">
        <v>57</v>
      </c>
      <c r="C329" s="9" t="s">
        <v>59</v>
      </c>
      <c r="D329" s="9" t="s">
        <v>6</v>
      </c>
      <c r="E329" s="9" t="s">
        <v>37</v>
      </c>
      <c r="F329" s="9" t="s">
        <v>6</v>
      </c>
      <c r="G329" s="6">
        <v>7565</v>
      </c>
      <c r="H329" s="6">
        <v>6711</v>
      </c>
      <c r="I329" s="6">
        <v>5080</v>
      </c>
      <c r="J329" s="6">
        <v>665</v>
      </c>
      <c r="K329" s="6">
        <v>1631</v>
      </c>
      <c r="L329" s="6">
        <v>92</v>
      </c>
      <c r="M329" s="6">
        <v>762</v>
      </c>
      <c r="N329" s="10" t="s">
        <v>55</v>
      </c>
      <c r="O329" s="6">
        <v>1359</v>
      </c>
      <c r="P329" s="10" t="s">
        <v>55</v>
      </c>
      <c r="Q329" s="10" t="s">
        <v>55</v>
      </c>
    </row>
    <row r="330" spans="1:17">
      <c r="A330" s="9" t="s">
        <v>56</v>
      </c>
      <c r="B330" s="9" t="s">
        <v>57</v>
      </c>
      <c r="C330" s="9" t="s">
        <v>59</v>
      </c>
      <c r="D330" s="9" t="s">
        <v>6</v>
      </c>
      <c r="E330" s="9" t="s">
        <v>37</v>
      </c>
      <c r="F330" s="9" t="s">
        <v>7</v>
      </c>
      <c r="G330" s="6">
        <v>6526</v>
      </c>
      <c r="H330" s="6">
        <v>5838</v>
      </c>
      <c r="I330" s="6">
        <v>4370</v>
      </c>
      <c r="J330" s="6">
        <v>539</v>
      </c>
      <c r="K330" s="6">
        <v>1468</v>
      </c>
      <c r="L330" s="6">
        <v>82</v>
      </c>
      <c r="M330" s="6">
        <v>606</v>
      </c>
      <c r="N330" s="10" t="s">
        <v>55</v>
      </c>
      <c r="O330" s="6">
        <v>1232</v>
      </c>
      <c r="P330" s="10" t="s">
        <v>55</v>
      </c>
      <c r="Q330" s="10" t="s">
        <v>55</v>
      </c>
    </row>
    <row r="331" spans="1:17">
      <c r="A331" s="9" t="s">
        <v>56</v>
      </c>
      <c r="B331" s="9" t="s">
        <v>57</v>
      </c>
      <c r="C331" s="9" t="s">
        <v>59</v>
      </c>
      <c r="D331" s="9" t="s">
        <v>6</v>
      </c>
      <c r="E331" s="9" t="s">
        <v>37</v>
      </c>
      <c r="F331" s="9" t="s">
        <v>8</v>
      </c>
      <c r="G331" s="6">
        <v>6254</v>
      </c>
      <c r="H331" s="6">
        <v>5609</v>
      </c>
      <c r="I331" s="6">
        <v>4183</v>
      </c>
      <c r="J331" s="6">
        <v>527</v>
      </c>
      <c r="K331" s="6">
        <v>1426</v>
      </c>
      <c r="L331" s="6">
        <v>75</v>
      </c>
      <c r="M331" s="6">
        <v>570</v>
      </c>
      <c r="N331" s="10" t="s">
        <v>55</v>
      </c>
      <c r="O331" s="6">
        <v>1204</v>
      </c>
      <c r="P331" s="10" t="s">
        <v>55</v>
      </c>
      <c r="Q331" s="10" t="s">
        <v>55</v>
      </c>
    </row>
    <row r="332" spans="1:17">
      <c r="A332" s="9" t="s">
        <v>56</v>
      </c>
      <c r="B332" s="9" t="s">
        <v>57</v>
      </c>
      <c r="C332" s="9" t="s">
        <v>59</v>
      </c>
      <c r="D332" s="9" t="s">
        <v>6</v>
      </c>
      <c r="E332" s="9" t="s">
        <v>37</v>
      </c>
      <c r="F332" s="9" t="s">
        <v>13</v>
      </c>
      <c r="G332" s="6">
        <v>272</v>
      </c>
      <c r="H332" s="6">
        <v>229</v>
      </c>
      <c r="I332" s="6">
        <v>187</v>
      </c>
      <c r="J332" s="6">
        <v>12</v>
      </c>
      <c r="K332" s="6">
        <v>42</v>
      </c>
      <c r="L332" s="6">
        <v>7</v>
      </c>
      <c r="M332" s="6">
        <v>36</v>
      </c>
      <c r="N332" s="10" t="s">
        <v>55</v>
      </c>
      <c r="O332" s="6">
        <v>28</v>
      </c>
      <c r="P332" s="10" t="s">
        <v>55</v>
      </c>
      <c r="Q332" s="10" t="s">
        <v>55</v>
      </c>
    </row>
    <row r="333" spans="1:17">
      <c r="A333" s="9" t="s">
        <v>56</v>
      </c>
      <c r="B333" s="9" t="s">
        <v>57</v>
      </c>
      <c r="C333" s="9" t="s">
        <v>59</v>
      </c>
      <c r="D333" s="9" t="s">
        <v>6</v>
      </c>
      <c r="E333" s="9" t="s">
        <v>37</v>
      </c>
      <c r="F333" s="9" t="s">
        <v>14</v>
      </c>
      <c r="G333" s="6">
        <v>571</v>
      </c>
      <c r="H333" s="6">
        <v>520</v>
      </c>
      <c r="I333" s="6">
        <v>429</v>
      </c>
      <c r="J333" s="6">
        <v>87</v>
      </c>
      <c r="K333" s="6">
        <v>91</v>
      </c>
      <c r="L333" s="6">
        <v>6</v>
      </c>
      <c r="M333" s="6">
        <v>45</v>
      </c>
      <c r="N333" s="10" t="s">
        <v>55</v>
      </c>
      <c r="O333" s="6">
        <v>66</v>
      </c>
      <c r="P333" s="10" t="s">
        <v>55</v>
      </c>
      <c r="Q333" s="10" t="s">
        <v>55</v>
      </c>
    </row>
    <row r="334" spans="1:17">
      <c r="A334" s="9" t="s">
        <v>56</v>
      </c>
      <c r="B334" s="9" t="s">
        <v>57</v>
      </c>
      <c r="C334" s="9" t="s">
        <v>59</v>
      </c>
      <c r="D334" s="9" t="s">
        <v>6</v>
      </c>
      <c r="E334" s="9" t="s">
        <v>37</v>
      </c>
      <c r="F334" s="9" t="s">
        <v>18</v>
      </c>
      <c r="G334" s="6">
        <v>468</v>
      </c>
      <c r="H334" s="6">
        <v>353</v>
      </c>
      <c r="I334" s="6">
        <v>281</v>
      </c>
      <c r="J334" s="6">
        <v>39</v>
      </c>
      <c r="K334" s="6">
        <v>72</v>
      </c>
      <c r="L334" s="6">
        <v>4</v>
      </c>
      <c r="M334" s="6">
        <v>111</v>
      </c>
      <c r="N334" s="10" t="s">
        <v>55</v>
      </c>
      <c r="O334" s="6">
        <v>61</v>
      </c>
      <c r="P334" s="10" t="s">
        <v>55</v>
      </c>
      <c r="Q334" s="10" t="s">
        <v>55</v>
      </c>
    </row>
    <row r="335" spans="1:17">
      <c r="A335" s="9" t="s">
        <v>56</v>
      </c>
      <c r="B335" s="9" t="s">
        <v>57</v>
      </c>
      <c r="C335" s="9" t="s">
        <v>59</v>
      </c>
      <c r="D335" s="9" t="s">
        <v>6</v>
      </c>
      <c r="E335" s="9" t="s">
        <v>38</v>
      </c>
      <c r="F335" s="9" t="s">
        <v>6</v>
      </c>
      <c r="G335" s="6">
        <v>7265</v>
      </c>
      <c r="H335" s="6">
        <v>6383</v>
      </c>
      <c r="I335" s="6">
        <v>4587</v>
      </c>
      <c r="J335" s="6">
        <v>1056</v>
      </c>
      <c r="K335" s="6">
        <v>1796</v>
      </c>
      <c r="L335" s="6">
        <v>74</v>
      </c>
      <c r="M335" s="6">
        <v>808</v>
      </c>
      <c r="N335" s="10" t="s">
        <v>55</v>
      </c>
      <c r="O335" s="6">
        <v>1263</v>
      </c>
      <c r="P335" s="10" t="s">
        <v>55</v>
      </c>
      <c r="Q335" s="10" t="s">
        <v>55</v>
      </c>
    </row>
    <row r="336" spans="1:17">
      <c r="A336" s="9" t="s">
        <v>56</v>
      </c>
      <c r="B336" s="9" t="s">
        <v>57</v>
      </c>
      <c r="C336" s="9" t="s">
        <v>59</v>
      </c>
      <c r="D336" s="9" t="s">
        <v>6</v>
      </c>
      <c r="E336" s="9" t="s">
        <v>38</v>
      </c>
      <c r="F336" s="9" t="s">
        <v>7</v>
      </c>
      <c r="G336" s="6">
        <v>6195</v>
      </c>
      <c r="H336" s="6">
        <v>5464</v>
      </c>
      <c r="I336" s="6">
        <v>3852</v>
      </c>
      <c r="J336" s="6">
        <v>877</v>
      </c>
      <c r="K336" s="6">
        <v>1612</v>
      </c>
      <c r="L336" s="6">
        <v>61</v>
      </c>
      <c r="M336" s="6">
        <v>670</v>
      </c>
      <c r="N336" s="10" t="s">
        <v>55</v>
      </c>
      <c r="O336" s="6">
        <v>1136</v>
      </c>
      <c r="P336" s="10" t="s">
        <v>55</v>
      </c>
      <c r="Q336" s="10" t="s">
        <v>55</v>
      </c>
    </row>
    <row r="337" spans="1:17">
      <c r="A337" s="9" t="s">
        <v>56</v>
      </c>
      <c r="B337" s="9" t="s">
        <v>57</v>
      </c>
      <c r="C337" s="9" t="s">
        <v>59</v>
      </c>
      <c r="D337" s="9" t="s">
        <v>6</v>
      </c>
      <c r="E337" s="9" t="s">
        <v>38</v>
      </c>
      <c r="F337" s="9" t="s">
        <v>8</v>
      </c>
      <c r="G337" s="6">
        <v>5938</v>
      </c>
      <c r="H337" s="6">
        <v>5259</v>
      </c>
      <c r="I337" s="6">
        <v>3681</v>
      </c>
      <c r="J337" s="6">
        <v>856</v>
      </c>
      <c r="K337" s="6">
        <v>1578</v>
      </c>
      <c r="L337" s="6">
        <v>57</v>
      </c>
      <c r="M337" s="6">
        <v>622</v>
      </c>
      <c r="N337" s="10" t="s">
        <v>55</v>
      </c>
      <c r="O337" s="6">
        <v>1115</v>
      </c>
      <c r="P337" s="10" t="s">
        <v>55</v>
      </c>
      <c r="Q337" s="10" t="s">
        <v>55</v>
      </c>
    </row>
    <row r="338" spans="1:17">
      <c r="A338" s="9" t="s">
        <v>56</v>
      </c>
      <c r="B338" s="9" t="s">
        <v>57</v>
      </c>
      <c r="C338" s="9" t="s">
        <v>59</v>
      </c>
      <c r="D338" s="9" t="s">
        <v>6</v>
      </c>
      <c r="E338" s="9" t="s">
        <v>38</v>
      </c>
      <c r="F338" s="9" t="s">
        <v>13</v>
      </c>
      <c r="G338" s="6">
        <v>257</v>
      </c>
      <c r="H338" s="6">
        <v>205</v>
      </c>
      <c r="I338" s="6">
        <v>171</v>
      </c>
      <c r="J338" s="6">
        <v>21</v>
      </c>
      <c r="K338" s="6">
        <v>34</v>
      </c>
      <c r="L338" s="6">
        <v>4</v>
      </c>
      <c r="M338" s="6">
        <v>48</v>
      </c>
      <c r="N338" s="10" t="s">
        <v>55</v>
      </c>
      <c r="O338" s="6">
        <v>21</v>
      </c>
      <c r="P338" s="10" t="s">
        <v>55</v>
      </c>
      <c r="Q338" s="10" t="s">
        <v>55</v>
      </c>
    </row>
    <row r="339" spans="1:17">
      <c r="A339" s="9" t="s">
        <v>56</v>
      </c>
      <c r="B339" s="9" t="s">
        <v>57</v>
      </c>
      <c r="C339" s="9" t="s">
        <v>59</v>
      </c>
      <c r="D339" s="9" t="s">
        <v>6</v>
      </c>
      <c r="E339" s="9" t="s">
        <v>38</v>
      </c>
      <c r="F339" s="9" t="s">
        <v>14</v>
      </c>
      <c r="G339" s="6">
        <v>701</v>
      </c>
      <c r="H339" s="6">
        <v>641</v>
      </c>
      <c r="I339" s="6">
        <v>517</v>
      </c>
      <c r="J339" s="6">
        <v>129</v>
      </c>
      <c r="K339" s="6">
        <v>124</v>
      </c>
      <c r="L339" s="6">
        <v>7</v>
      </c>
      <c r="M339" s="6">
        <v>53</v>
      </c>
      <c r="N339" s="10" t="s">
        <v>55</v>
      </c>
      <c r="O339" s="6">
        <v>77</v>
      </c>
      <c r="P339" s="10" t="s">
        <v>55</v>
      </c>
      <c r="Q339" s="10" t="s">
        <v>55</v>
      </c>
    </row>
    <row r="340" spans="1:17">
      <c r="A340" s="9" t="s">
        <v>56</v>
      </c>
      <c r="B340" s="9" t="s">
        <v>57</v>
      </c>
      <c r="C340" s="9" t="s">
        <v>59</v>
      </c>
      <c r="D340" s="9" t="s">
        <v>6</v>
      </c>
      <c r="E340" s="9" t="s">
        <v>38</v>
      </c>
      <c r="F340" s="9" t="s">
        <v>18</v>
      </c>
      <c r="G340" s="6">
        <v>369</v>
      </c>
      <c r="H340" s="6">
        <v>278</v>
      </c>
      <c r="I340" s="6">
        <v>218</v>
      </c>
      <c r="J340" s="6">
        <v>50</v>
      </c>
      <c r="K340" s="6">
        <v>60</v>
      </c>
      <c r="L340" s="6">
        <v>6</v>
      </c>
      <c r="M340" s="6">
        <v>85</v>
      </c>
      <c r="N340" s="10" t="s">
        <v>55</v>
      </c>
      <c r="O340" s="6">
        <v>50</v>
      </c>
      <c r="P340" s="10" t="s">
        <v>55</v>
      </c>
      <c r="Q340" s="10" t="s">
        <v>55</v>
      </c>
    </row>
    <row r="341" spans="1:17">
      <c r="A341" s="9" t="s">
        <v>56</v>
      </c>
      <c r="B341" s="9" t="s">
        <v>57</v>
      </c>
      <c r="C341" s="9" t="s">
        <v>59</v>
      </c>
      <c r="D341" s="9" t="s">
        <v>6</v>
      </c>
      <c r="E341" s="9" t="s">
        <v>39</v>
      </c>
      <c r="F341" s="9" t="s">
        <v>6</v>
      </c>
      <c r="G341" s="6">
        <v>7711</v>
      </c>
      <c r="H341" s="6">
        <v>6616</v>
      </c>
      <c r="I341" s="6">
        <v>4496</v>
      </c>
      <c r="J341" s="6">
        <v>1730</v>
      </c>
      <c r="K341" s="6">
        <v>2120</v>
      </c>
      <c r="L341" s="6">
        <v>81</v>
      </c>
      <c r="M341" s="6">
        <v>1014</v>
      </c>
      <c r="N341" s="10" t="s">
        <v>55</v>
      </c>
      <c r="O341" s="6">
        <v>1242</v>
      </c>
      <c r="P341" s="10" t="s">
        <v>55</v>
      </c>
      <c r="Q341" s="10" t="s">
        <v>55</v>
      </c>
    </row>
    <row r="342" spans="1:17">
      <c r="A342" s="9" t="s">
        <v>56</v>
      </c>
      <c r="B342" s="9" t="s">
        <v>57</v>
      </c>
      <c r="C342" s="9" t="s">
        <v>59</v>
      </c>
      <c r="D342" s="9" t="s">
        <v>6</v>
      </c>
      <c r="E342" s="9" t="s">
        <v>39</v>
      </c>
      <c r="F342" s="9" t="s">
        <v>7</v>
      </c>
      <c r="G342" s="6">
        <v>6439</v>
      </c>
      <c r="H342" s="6">
        <v>5548</v>
      </c>
      <c r="I342" s="6">
        <v>3681</v>
      </c>
      <c r="J342" s="6">
        <v>1408</v>
      </c>
      <c r="K342" s="6">
        <v>1867</v>
      </c>
      <c r="L342" s="6">
        <v>67</v>
      </c>
      <c r="M342" s="6">
        <v>824</v>
      </c>
      <c r="N342" s="10" t="s">
        <v>55</v>
      </c>
      <c r="O342" s="6">
        <v>1098</v>
      </c>
      <c r="P342" s="10" t="s">
        <v>55</v>
      </c>
      <c r="Q342" s="10" t="s">
        <v>55</v>
      </c>
    </row>
    <row r="343" spans="1:17">
      <c r="A343" s="9" t="s">
        <v>56</v>
      </c>
      <c r="B343" s="9" t="s">
        <v>57</v>
      </c>
      <c r="C343" s="9" t="s">
        <v>59</v>
      </c>
      <c r="D343" s="9" t="s">
        <v>6</v>
      </c>
      <c r="E343" s="9" t="s">
        <v>39</v>
      </c>
      <c r="F343" s="9" t="s">
        <v>8</v>
      </c>
      <c r="G343" s="6">
        <v>6194</v>
      </c>
      <c r="H343" s="6">
        <v>5356</v>
      </c>
      <c r="I343" s="6">
        <v>3528</v>
      </c>
      <c r="J343" s="6">
        <v>1377</v>
      </c>
      <c r="K343" s="6">
        <v>1828</v>
      </c>
      <c r="L343" s="6">
        <v>65</v>
      </c>
      <c r="M343" s="6">
        <v>773</v>
      </c>
      <c r="N343" s="10" t="s">
        <v>55</v>
      </c>
      <c r="O343" s="6">
        <v>1079</v>
      </c>
      <c r="P343" s="10" t="s">
        <v>55</v>
      </c>
      <c r="Q343" s="10" t="s">
        <v>55</v>
      </c>
    </row>
    <row r="344" spans="1:17">
      <c r="A344" s="9" t="s">
        <v>56</v>
      </c>
      <c r="B344" s="9" t="s">
        <v>57</v>
      </c>
      <c r="C344" s="9" t="s">
        <v>59</v>
      </c>
      <c r="D344" s="9" t="s">
        <v>6</v>
      </c>
      <c r="E344" s="9" t="s">
        <v>39</v>
      </c>
      <c r="F344" s="9" t="s">
        <v>13</v>
      </c>
      <c r="G344" s="6">
        <v>245</v>
      </c>
      <c r="H344" s="6">
        <v>192</v>
      </c>
      <c r="I344" s="6">
        <v>153</v>
      </c>
      <c r="J344" s="6">
        <v>31</v>
      </c>
      <c r="K344" s="6">
        <v>39</v>
      </c>
      <c r="L344" s="6">
        <v>2</v>
      </c>
      <c r="M344" s="6">
        <v>51</v>
      </c>
      <c r="N344" s="10" t="s">
        <v>55</v>
      </c>
      <c r="O344" s="6">
        <v>19</v>
      </c>
      <c r="P344" s="10" t="s">
        <v>55</v>
      </c>
      <c r="Q344" s="10" t="s">
        <v>55</v>
      </c>
    </row>
    <row r="345" spans="1:17">
      <c r="A345" s="9" t="s">
        <v>56</v>
      </c>
      <c r="B345" s="9" t="s">
        <v>57</v>
      </c>
      <c r="C345" s="9" t="s">
        <v>59</v>
      </c>
      <c r="D345" s="9" t="s">
        <v>6</v>
      </c>
      <c r="E345" s="9" t="s">
        <v>39</v>
      </c>
      <c r="F345" s="9" t="s">
        <v>14</v>
      </c>
      <c r="G345" s="6">
        <v>973</v>
      </c>
      <c r="H345" s="6">
        <v>855</v>
      </c>
      <c r="I345" s="6">
        <v>660</v>
      </c>
      <c r="J345" s="6">
        <v>263</v>
      </c>
      <c r="K345" s="6">
        <v>195</v>
      </c>
      <c r="L345" s="6">
        <v>12</v>
      </c>
      <c r="M345" s="6">
        <v>106</v>
      </c>
      <c r="N345" s="10" t="s">
        <v>55</v>
      </c>
      <c r="O345" s="6">
        <v>100</v>
      </c>
      <c r="P345" s="10" t="s">
        <v>55</v>
      </c>
      <c r="Q345" s="10" t="s">
        <v>55</v>
      </c>
    </row>
    <row r="346" spans="1:17">
      <c r="A346" s="9" t="s">
        <v>56</v>
      </c>
      <c r="B346" s="9" t="s">
        <v>57</v>
      </c>
      <c r="C346" s="9" t="s">
        <v>59</v>
      </c>
      <c r="D346" s="9" t="s">
        <v>6</v>
      </c>
      <c r="E346" s="9" t="s">
        <v>39</v>
      </c>
      <c r="F346" s="9" t="s">
        <v>18</v>
      </c>
      <c r="G346" s="6">
        <v>299</v>
      </c>
      <c r="H346" s="6">
        <v>213</v>
      </c>
      <c r="I346" s="6">
        <v>155</v>
      </c>
      <c r="J346" s="6">
        <v>59</v>
      </c>
      <c r="K346" s="6">
        <v>58</v>
      </c>
      <c r="L346" s="6">
        <v>2</v>
      </c>
      <c r="M346" s="6">
        <v>84</v>
      </c>
      <c r="N346" s="10" t="s">
        <v>55</v>
      </c>
      <c r="O346" s="6">
        <v>44</v>
      </c>
      <c r="P346" s="10" t="s">
        <v>55</v>
      </c>
      <c r="Q346" s="10" t="s">
        <v>55</v>
      </c>
    </row>
    <row r="347" spans="1:17">
      <c r="A347" s="9" t="s">
        <v>56</v>
      </c>
      <c r="B347" s="9" t="s">
        <v>57</v>
      </c>
      <c r="C347" s="9" t="s">
        <v>59</v>
      </c>
      <c r="D347" s="9" t="s">
        <v>6</v>
      </c>
      <c r="E347" s="9" t="s">
        <v>40</v>
      </c>
      <c r="F347" s="9" t="s">
        <v>6</v>
      </c>
      <c r="G347" s="6">
        <v>8429</v>
      </c>
      <c r="H347" s="6">
        <v>7170</v>
      </c>
      <c r="I347" s="6">
        <v>4803</v>
      </c>
      <c r="J347" s="6">
        <v>2516</v>
      </c>
      <c r="K347" s="6">
        <v>2367</v>
      </c>
      <c r="L347" s="6">
        <v>60</v>
      </c>
      <c r="M347" s="6">
        <v>1199</v>
      </c>
      <c r="N347" s="10" t="s">
        <v>55</v>
      </c>
      <c r="O347" s="6">
        <v>1308</v>
      </c>
      <c r="P347" s="6">
        <v>765</v>
      </c>
      <c r="Q347" s="10" t="s">
        <v>55</v>
      </c>
    </row>
    <row r="348" spans="1:17">
      <c r="A348" s="9" t="s">
        <v>56</v>
      </c>
      <c r="B348" s="9" t="s">
        <v>57</v>
      </c>
      <c r="C348" s="9" t="s">
        <v>59</v>
      </c>
      <c r="D348" s="9" t="s">
        <v>6</v>
      </c>
      <c r="E348" s="9" t="s">
        <v>40</v>
      </c>
      <c r="F348" s="9" t="s">
        <v>7</v>
      </c>
      <c r="G348" s="6">
        <v>6107</v>
      </c>
      <c r="H348" s="6">
        <v>5209</v>
      </c>
      <c r="I348" s="6">
        <v>3380</v>
      </c>
      <c r="J348" s="6">
        <v>1756</v>
      </c>
      <c r="K348" s="6">
        <v>1829</v>
      </c>
      <c r="L348" s="6">
        <v>45</v>
      </c>
      <c r="M348" s="6">
        <v>853</v>
      </c>
      <c r="N348" s="10" t="s">
        <v>55</v>
      </c>
      <c r="O348" s="6">
        <v>1036</v>
      </c>
      <c r="P348" s="6">
        <v>436</v>
      </c>
      <c r="Q348" s="10" t="s">
        <v>55</v>
      </c>
    </row>
    <row r="349" spans="1:17">
      <c r="A349" s="9" t="s">
        <v>56</v>
      </c>
      <c r="B349" s="9" t="s">
        <v>57</v>
      </c>
      <c r="C349" s="9" t="s">
        <v>59</v>
      </c>
      <c r="D349" s="9" t="s">
        <v>6</v>
      </c>
      <c r="E349" s="9" t="s">
        <v>40</v>
      </c>
      <c r="F349" s="9" t="s">
        <v>8</v>
      </c>
      <c r="G349" s="6">
        <v>5808</v>
      </c>
      <c r="H349" s="6">
        <v>4998</v>
      </c>
      <c r="I349" s="6">
        <v>3233</v>
      </c>
      <c r="J349" s="6">
        <v>1686</v>
      </c>
      <c r="K349" s="6">
        <v>1765</v>
      </c>
      <c r="L349" s="6">
        <v>45</v>
      </c>
      <c r="M349" s="6">
        <v>765</v>
      </c>
      <c r="N349" s="10" t="s">
        <v>55</v>
      </c>
      <c r="O349" s="6">
        <v>1004</v>
      </c>
      <c r="P349" s="6">
        <v>423</v>
      </c>
      <c r="Q349" s="10" t="s">
        <v>55</v>
      </c>
    </row>
    <row r="350" spans="1:17">
      <c r="A350" s="9" t="s">
        <v>56</v>
      </c>
      <c r="B350" s="9" t="s">
        <v>57</v>
      </c>
      <c r="C350" s="9" t="s">
        <v>59</v>
      </c>
      <c r="D350" s="9" t="s">
        <v>6</v>
      </c>
      <c r="E350" s="9" t="s">
        <v>40</v>
      </c>
      <c r="F350" s="9" t="s">
        <v>13</v>
      </c>
      <c r="G350" s="6">
        <v>299</v>
      </c>
      <c r="H350" s="6">
        <v>211</v>
      </c>
      <c r="I350" s="6">
        <v>147</v>
      </c>
      <c r="J350" s="6">
        <v>70</v>
      </c>
      <c r="K350" s="6">
        <v>64</v>
      </c>
      <c r="L350" s="10" t="s">
        <v>55</v>
      </c>
      <c r="M350" s="6">
        <v>88</v>
      </c>
      <c r="N350" s="10" t="s">
        <v>55</v>
      </c>
      <c r="O350" s="6">
        <v>32</v>
      </c>
      <c r="P350" s="6">
        <v>13</v>
      </c>
      <c r="Q350" s="10" t="s">
        <v>55</v>
      </c>
    </row>
    <row r="351" spans="1:17">
      <c r="A351" s="9" t="s">
        <v>56</v>
      </c>
      <c r="B351" s="9" t="s">
        <v>57</v>
      </c>
      <c r="C351" s="9" t="s">
        <v>59</v>
      </c>
      <c r="D351" s="9" t="s">
        <v>6</v>
      </c>
      <c r="E351" s="9" t="s">
        <v>40</v>
      </c>
      <c r="F351" s="9" t="s">
        <v>14</v>
      </c>
      <c r="G351" s="6">
        <v>2061</v>
      </c>
      <c r="H351" s="6">
        <v>1798</v>
      </c>
      <c r="I351" s="6">
        <v>1316</v>
      </c>
      <c r="J351" s="6">
        <v>719</v>
      </c>
      <c r="K351" s="6">
        <v>482</v>
      </c>
      <c r="L351" s="6">
        <v>15</v>
      </c>
      <c r="M351" s="6">
        <v>248</v>
      </c>
      <c r="N351" s="10" t="s">
        <v>55</v>
      </c>
      <c r="O351" s="6">
        <v>239</v>
      </c>
      <c r="P351" s="6">
        <v>322</v>
      </c>
      <c r="Q351" s="10" t="s">
        <v>55</v>
      </c>
    </row>
    <row r="352" spans="1:17">
      <c r="A352" s="9" t="s">
        <v>56</v>
      </c>
      <c r="B352" s="9" t="s">
        <v>57</v>
      </c>
      <c r="C352" s="9" t="s">
        <v>59</v>
      </c>
      <c r="D352" s="9" t="s">
        <v>6</v>
      </c>
      <c r="E352" s="9" t="s">
        <v>40</v>
      </c>
      <c r="F352" s="9" t="s">
        <v>18</v>
      </c>
      <c r="G352" s="6">
        <v>261</v>
      </c>
      <c r="H352" s="6">
        <v>163</v>
      </c>
      <c r="I352" s="6">
        <v>107</v>
      </c>
      <c r="J352" s="6">
        <v>41</v>
      </c>
      <c r="K352" s="6">
        <v>56</v>
      </c>
      <c r="L352" s="10" t="s">
        <v>55</v>
      </c>
      <c r="M352" s="6">
        <v>98</v>
      </c>
      <c r="N352" s="10" t="s">
        <v>55</v>
      </c>
      <c r="O352" s="6">
        <v>33</v>
      </c>
      <c r="P352" s="6">
        <v>7</v>
      </c>
      <c r="Q352" s="10" t="s">
        <v>55</v>
      </c>
    </row>
    <row r="353" spans="1:17">
      <c r="A353" s="9" t="s">
        <v>56</v>
      </c>
      <c r="B353" s="9" t="s">
        <v>57</v>
      </c>
      <c r="C353" s="9" t="s">
        <v>59</v>
      </c>
      <c r="D353" s="9" t="s">
        <v>6</v>
      </c>
      <c r="E353" s="9" t="s">
        <v>41</v>
      </c>
      <c r="F353" s="9" t="s">
        <v>6</v>
      </c>
      <c r="G353" s="6">
        <v>9498</v>
      </c>
      <c r="H353" s="6">
        <v>7988</v>
      </c>
      <c r="I353" s="6">
        <v>5755</v>
      </c>
      <c r="J353" s="6">
        <v>3519</v>
      </c>
      <c r="K353" s="6">
        <v>2233</v>
      </c>
      <c r="L353" s="6">
        <v>77</v>
      </c>
      <c r="M353" s="6">
        <v>1433</v>
      </c>
      <c r="N353" s="10" t="s">
        <v>55</v>
      </c>
      <c r="O353" s="6">
        <v>1359</v>
      </c>
      <c r="P353" s="6">
        <v>3264</v>
      </c>
      <c r="Q353" s="6">
        <v>1433</v>
      </c>
    </row>
    <row r="354" spans="1:17">
      <c r="A354" s="9" t="s">
        <v>56</v>
      </c>
      <c r="B354" s="9" t="s">
        <v>57</v>
      </c>
      <c r="C354" s="9" t="s">
        <v>59</v>
      </c>
      <c r="D354" s="9" t="s">
        <v>6</v>
      </c>
      <c r="E354" s="9" t="s">
        <v>41</v>
      </c>
      <c r="F354" s="9" t="s">
        <v>7</v>
      </c>
      <c r="G354" s="6">
        <v>4893</v>
      </c>
      <c r="H354" s="6">
        <v>4201</v>
      </c>
      <c r="I354" s="6">
        <v>2873</v>
      </c>
      <c r="J354" s="6">
        <v>1732</v>
      </c>
      <c r="K354" s="6">
        <v>1328</v>
      </c>
      <c r="L354" s="6">
        <v>39</v>
      </c>
      <c r="M354" s="6">
        <v>653</v>
      </c>
      <c r="N354" s="10" t="s">
        <v>55</v>
      </c>
      <c r="O354" s="6">
        <v>857</v>
      </c>
      <c r="P354" s="6">
        <v>1592</v>
      </c>
      <c r="Q354" s="6">
        <v>653</v>
      </c>
    </row>
    <row r="355" spans="1:17">
      <c r="A355" s="9" t="s">
        <v>56</v>
      </c>
      <c r="B355" s="9" t="s">
        <v>57</v>
      </c>
      <c r="C355" s="9" t="s">
        <v>59</v>
      </c>
      <c r="D355" s="9" t="s">
        <v>6</v>
      </c>
      <c r="E355" s="9" t="s">
        <v>41</v>
      </c>
      <c r="F355" s="9" t="s">
        <v>8</v>
      </c>
      <c r="G355" s="6">
        <v>4705</v>
      </c>
      <c r="H355" s="6">
        <v>4072</v>
      </c>
      <c r="I355" s="6">
        <v>2772</v>
      </c>
      <c r="J355" s="6">
        <v>1667</v>
      </c>
      <c r="K355" s="6">
        <v>1300</v>
      </c>
      <c r="L355" s="6">
        <v>35</v>
      </c>
      <c r="M355" s="6">
        <v>598</v>
      </c>
      <c r="N355" s="10" t="s">
        <v>55</v>
      </c>
      <c r="O355" s="6">
        <v>846</v>
      </c>
      <c r="P355" s="6">
        <v>1534</v>
      </c>
      <c r="Q355" s="6">
        <v>598</v>
      </c>
    </row>
    <row r="356" spans="1:17">
      <c r="A356" s="9" t="s">
        <v>56</v>
      </c>
      <c r="B356" s="9" t="s">
        <v>57</v>
      </c>
      <c r="C356" s="9" t="s">
        <v>59</v>
      </c>
      <c r="D356" s="9" t="s">
        <v>6</v>
      </c>
      <c r="E356" s="9" t="s">
        <v>41</v>
      </c>
      <c r="F356" s="9" t="s">
        <v>13</v>
      </c>
      <c r="G356" s="6">
        <v>188</v>
      </c>
      <c r="H356" s="6">
        <v>129</v>
      </c>
      <c r="I356" s="6">
        <v>101</v>
      </c>
      <c r="J356" s="6">
        <v>65</v>
      </c>
      <c r="K356" s="6">
        <v>28</v>
      </c>
      <c r="L356" s="6">
        <v>4</v>
      </c>
      <c r="M356" s="6">
        <v>55</v>
      </c>
      <c r="N356" s="10" t="s">
        <v>55</v>
      </c>
      <c r="O356" s="6">
        <v>11</v>
      </c>
      <c r="P356" s="6">
        <v>58</v>
      </c>
      <c r="Q356" s="6">
        <v>55</v>
      </c>
    </row>
    <row r="357" spans="1:17">
      <c r="A357" s="9" t="s">
        <v>56</v>
      </c>
      <c r="B357" s="9" t="s">
        <v>57</v>
      </c>
      <c r="C357" s="9" t="s">
        <v>59</v>
      </c>
      <c r="D357" s="9" t="s">
        <v>6</v>
      </c>
      <c r="E357" s="9" t="s">
        <v>41</v>
      </c>
      <c r="F357" s="9" t="s">
        <v>14</v>
      </c>
      <c r="G357" s="6">
        <v>4374</v>
      </c>
      <c r="H357" s="6">
        <v>3644</v>
      </c>
      <c r="I357" s="6">
        <v>2789</v>
      </c>
      <c r="J357" s="6">
        <v>1737</v>
      </c>
      <c r="K357" s="6">
        <v>855</v>
      </c>
      <c r="L357" s="6">
        <v>35</v>
      </c>
      <c r="M357" s="6">
        <v>695</v>
      </c>
      <c r="N357" s="10" t="s">
        <v>55</v>
      </c>
      <c r="O357" s="6">
        <v>463</v>
      </c>
      <c r="P357" s="6">
        <v>1631</v>
      </c>
      <c r="Q357" s="6">
        <v>695</v>
      </c>
    </row>
    <row r="358" spans="1:17">
      <c r="A358" s="9" t="s">
        <v>56</v>
      </c>
      <c r="B358" s="9" t="s">
        <v>57</v>
      </c>
      <c r="C358" s="9" t="s">
        <v>59</v>
      </c>
      <c r="D358" s="9" t="s">
        <v>6</v>
      </c>
      <c r="E358" s="9" t="s">
        <v>41</v>
      </c>
      <c r="F358" s="9" t="s">
        <v>18</v>
      </c>
      <c r="G358" s="6">
        <v>231</v>
      </c>
      <c r="H358" s="6">
        <v>143</v>
      </c>
      <c r="I358" s="6">
        <v>93</v>
      </c>
      <c r="J358" s="6">
        <v>50</v>
      </c>
      <c r="K358" s="6">
        <v>50</v>
      </c>
      <c r="L358" s="6">
        <v>3</v>
      </c>
      <c r="M358" s="6">
        <v>85</v>
      </c>
      <c r="N358" s="10" t="s">
        <v>55</v>
      </c>
      <c r="O358" s="6">
        <v>39</v>
      </c>
      <c r="P358" s="6">
        <v>41</v>
      </c>
      <c r="Q358" s="6">
        <v>85</v>
      </c>
    </row>
    <row r="359" spans="1:17">
      <c r="A359" s="9" t="s">
        <v>56</v>
      </c>
      <c r="B359" s="9" t="s">
        <v>57</v>
      </c>
      <c r="C359" s="9" t="s">
        <v>59</v>
      </c>
      <c r="D359" s="9" t="s">
        <v>6</v>
      </c>
      <c r="E359" s="9" t="s">
        <v>42</v>
      </c>
      <c r="F359" s="9" t="s">
        <v>6</v>
      </c>
      <c r="G359" s="6">
        <v>9492</v>
      </c>
      <c r="H359" s="6">
        <v>7909</v>
      </c>
      <c r="I359" s="6">
        <v>5987</v>
      </c>
      <c r="J359" s="6">
        <v>3869</v>
      </c>
      <c r="K359" s="6">
        <v>1922</v>
      </c>
      <c r="L359" s="6">
        <v>62</v>
      </c>
      <c r="M359" s="6">
        <v>1521</v>
      </c>
      <c r="N359" s="10" t="s">
        <v>55</v>
      </c>
      <c r="O359" s="6">
        <v>1286</v>
      </c>
      <c r="P359" s="6">
        <v>3808</v>
      </c>
      <c r="Q359" s="6">
        <v>1521</v>
      </c>
    </row>
    <row r="360" spans="1:17">
      <c r="A360" s="9" t="s">
        <v>56</v>
      </c>
      <c r="B360" s="9" t="s">
        <v>57</v>
      </c>
      <c r="C360" s="9" t="s">
        <v>59</v>
      </c>
      <c r="D360" s="9" t="s">
        <v>6</v>
      </c>
      <c r="E360" s="9" t="s">
        <v>42</v>
      </c>
      <c r="F360" s="9" t="s">
        <v>7</v>
      </c>
      <c r="G360" s="6">
        <v>3284</v>
      </c>
      <c r="H360" s="6">
        <v>2802</v>
      </c>
      <c r="I360" s="6">
        <v>1999</v>
      </c>
      <c r="J360" s="6">
        <v>1240</v>
      </c>
      <c r="K360" s="6">
        <v>803</v>
      </c>
      <c r="L360" s="6">
        <v>33</v>
      </c>
      <c r="M360" s="6">
        <v>449</v>
      </c>
      <c r="N360" s="10" t="s">
        <v>55</v>
      </c>
      <c r="O360" s="6">
        <v>580</v>
      </c>
      <c r="P360" s="6">
        <v>1216</v>
      </c>
      <c r="Q360" s="6">
        <v>449</v>
      </c>
    </row>
    <row r="361" spans="1:17">
      <c r="A361" s="9" t="s">
        <v>56</v>
      </c>
      <c r="B361" s="9" t="s">
        <v>57</v>
      </c>
      <c r="C361" s="9" t="s">
        <v>59</v>
      </c>
      <c r="D361" s="9" t="s">
        <v>6</v>
      </c>
      <c r="E361" s="9" t="s">
        <v>42</v>
      </c>
      <c r="F361" s="9" t="s">
        <v>8</v>
      </c>
      <c r="G361" s="6">
        <v>3194</v>
      </c>
      <c r="H361" s="6">
        <v>2746</v>
      </c>
      <c r="I361" s="6">
        <v>1954</v>
      </c>
      <c r="J361" s="6">
        <v>1217</v>
      </c>
      <c r="K361" s="6">
        <v>792</v>
      </c>
      <c r="L361" s="6">
        <v>33</v>
      </c>
      <c r="M361" s="6">
        <v>415</v>
      </c>
      <c r="N361" s="10" t="s">
        <v>55</v>
      </c>
      <c r="O361" s="6">
        <v>576</v>
      </c>
      <c r="P361" s="6">
        <v>1193</v>
      </c>
      <c r="Q361" s="6">
        <v>415</v>
      </c>
    </row>
    <row r="362" spans="1:17">
      <c r="A362" s="9" t="s">
        <v>56</v>
      </c>
      <c r="B362" s="9" t="s">
        <v>57</v>
      </c>
      <c r="C362" s="9" t="s">
        <v>59</v>
      </c>
      <c r="D362" s="9" t="s">
        <v>6</v>
      </c>
      <c r="E362" s="9" t="s">
        <v>42</v>
      </c>
      <c r="F362" s="9" t="s">
        <v>13</v>
      </c>
      <c r="G362" s="6">
        <v>90</v>
      </c>
      <c r="H362" s="6">
        <v>56</v>
      </c>
      <c r="I362" s="6">
        <v>45</v>
      </c>
      <c r="J362" s="6">
        <v>23</v>
      </c>
      <c r="K362" s="6">
        <v>11</v>
      </c>
      <c r="L362" s="10" t="s">
        <v>55</v>
      </c>
      <c r="M362" s="6">
        <v>34</v>
      </c>
      <c r="N362" s="10" t="s">
        <v>55</v>
      </c>
      <c r="O362" s="6">
        <v>4</v>
      </c>
      <c r="P362" s="6">
        <v>23</v>
      </c>
      <c r="Q362" s="6">
        <v>34</v>
      </c>
    </row>
    <row r="363" spans="1:17">
      <c r="A363" s="9" t="s">
        <v>56</v>
      </c>
      <c r="B363" s="9" t="s">
        <v>57</v>
      </c>
      <c r="C363" s="9" t="s">
        <v>59</v>
      </c>
      <c r="D363" s="9" t="s">
        <v>6</v>
      </c>
      <c r="E363" s="9" t="s">
        <v>42</v>
      </c>
      <c r="F363" s="9" t="s">
        <v>14</v>
      </c>
      <c r="G363" s="6">
        <v>6008</v>
      </c>
      <c r="H363" s="6">
        <v>4965</v>
      </c>
      <c r="I363" s="6">
        <v>3889</v>
      </c>
      <c r="J363" s="6">
        <v>2582</v>
      </c>
      <c r="K363" s="6">
        <v>1076</v>
      </c>
      <c r="L363" s="6">
        <v>26</v>
      </c>
      <c r="M363" s="6">
        <v>1017</v>
      </c>
      <c r="N363" s="10" t="s">
        <v>55</v>
      </c>
      <c r="O363" s="6">
        <v>673</v>
      </c>
      <c r="P363" s="6">
        <v>2549</v>
      </c>
      <c r="Q363" s="6">
        <v>1017</v>
      </c>
    </row>
    <row r="364" spans="1:17">
      <c r="A364" s="9" t="s">
        <v>56</v>
      </c>
      <c r="B364" s="9" t="s">
        <v>57</v>
      </c>
      <c r="C364" s="9" t="s">
        <v>59</v>
      </c>
      <c r="D364" s="9" t="s">
        <v>6</v>
      </c>
      <c r="E364" s="9" t="s">
        <v>42</v>
      </c>
      <c r="F364" s="9" t="s">
        <v>18</v>
      </c>
      <c r="G364" s="6">
        <v>200</v>
      </c>
      <c r="H364" s="6">
        <v>142</v>
      </c>
      <c r="I364" s="6">
        <v>99</v>
      </c>
      <c r="J364" s="6">
        <v>47</v>
      </c>
      <c r="K364" s="6">
        <v>43</v>
      </c>
      <c r="L364" s="6">
        <v>3</v>
      </c>
      <c r="M364" s="6">
        <v>55</v>
      </c>
      <c r="N364" s="10" t="s">
        <v>55</v>
      </c>
      <c r="O364" s="6">
        <v>33</v>
      </c>
      <c r="P364" s="6">
        <v>43</v>
      </c>
      <c r="Q364" s="6">
        <v>55</v>
      </c>
    </row>
    <row r="365" spans="1:17">
      <c r="A365" s="9" t="s">
        <v>56</v>
      </c>
      <c r="B365" s="9" t="s">
        <v>57</v>
      </c>
      <c r="C365" s="9" t="s">
        <v>59</v>
      </c>
      <c r="D365" s="9" t="s">
        <v>6</v>
      </c>
      <c r="E365" s="9" t="s">
        <v>43</v>
      </c>
      <c r="F365" s="9" t="s">
        <v>6</v>
      </c>
      <c r="G365" s="6">
        <v>7183</v>
      </c>
      <c r="H365" s="6">
        <v>5884</v>
      </c>
      <c r="I365" s="6">
        <v>4452</v>
      </c>
      <c r="J365" s="6">
        <v>2738</v>
      </c>
      <c r="K365" s="6">
        <v>1432</v>
      </c>
      <c r="L365" s="6">
        <v>41</v>
      </c>
      <c r="M365" s="6">
        <v>1258</v>
      </c>
      <c r="N365" s="10" t="s">
        <v>55</v>
      </c>
      <c r="O365" s="6">
        <v>976</v>
      </c>
      <c r="P365" s="6">
        <v>2729</v>
      </c>
      <c r="Q365" s="6">
        <v>1258</v>
      </c>
    </row>
    <row r="366" spans="1:17">
      <c r="A366" s="9" t="s">
        <v>56</v>
      </c>
      <c r="B366" s="9" t="s">
        <v>57</v>
      </c>
      <c r="C366" s="9" t="s">
        <v>59</v>
      </c>
      <c r="D366" s="9" t="s">
        <v>6</v>
      </c>
      <c r="E366" s="9" t="s">
        <v>43</v>
      </c>
      <c r="F366" s="9" t="s">
        <v>7</v>
      </c>
      <c r="G366" s="6">
        <v>1265</v>
      </c>
      <c r="H366" s="6">
        <v>1110</v>
      </c>
      <c r="I366" s="6">
        <v>773</v>
      </c>
      <c r="J366" s="6">
        <v>432</v>
      </c>
      <c r="K366" s="6">
        <v>337</v>
      </c>
      <c r="L366" s="6">
        <v>12</v>
      </c>
      <c r="M366" s="6">
        <v>143</v>
      </c>
      <c r="N366" s="10" t="s">
        <v>55</v>
      </c>
      <c r="O366" s="6">
        <v>244</v>
      </c>
      <c r="P366" s="6">
        <v>430</v>
      </c>
      <c r="Q366" s="6">
        <v>143</v>
      </c>
    </row>
    <row r="367" spans="1:17">
      <c r="A367" s="9" t="s">
        <v>56</v>
      </c>
      <c r="B367" s="9" t="s">
        <v>57</v>
      </c>
      <c r="C367" s="9" t="s">
        <v>59</v>
      </c>
      <c r="D367" s="9" t="s">
        <v>6</v>
      </c>
      <c r="E367" s="9" t="s">
        <v>43</v>
      </c>
      <c r="F367" s="9" t="s">
        <v>8</v>
      </c>
      <c r="G367" s="6">
        <v>1238</v>
      </c>
      <c r="H367" s="6">
        <v>1092</v>
      </c>
      <c r="I367" s="6">
        <v>756</v>
      </c>
      <c r="J367" s="6">
        <v>421</v>
      </c>
      <c r="K367" s="6">
        <v>336</v>
      </c>
      <c r="L367" s="6">
        <v>12</v>
      </c>
      <c r="M367" s="6">
        <v>134</v>
      </c>
      <c r="N367" s="10" t="s">
        <v>55</v>
      </c>
      <c r="O367" s="6">
        <v>244</v>
      </c>
      <c r="P367" s="6">
        <v>419</v>
      </c>
      <c r="Q367" s="6">
        <v>134</v>
      </c>
    </row>
    <row r="368" spans="1:17">
      <c r="A368" s="9" t="s">
        <v>56</v>
      </c>
      <c r="B368" s="9" t="s">
        <v>57</v>
      </c>
      <c r="C368" s="9" t="s">
        <v>59</v>
      </c>
      <c r="D368" s="9" t="s">
        <v>6</v>
      </c>
      <c r="E368" s="9" t="s">
        <v>43</v>
      </c>
      <c r="F368" s="9" t="s">
        <v>13</v>
      </c>
      <c r="G368" s="6">
        <v>27</v>
      </c>
      <c r="H368" s="6">
        <v>18</v>
      </c>
      <c r="I368" s="6">
        <v>17</v>
      </c>
      <c r="J368" s="6">
        <v>11</v>
      </c>
      <c r="K368" s="6">
        <v>1</v>
      </c>
      <c r="L368" s="10" t="s">
        <v>55</v>
      </c>
      <c r="M368" s="6">
        <v>9</v>
      </c>
      <c r="N368" s="10" t="s">
        <v>55</v>
      </c>
      <c r="O368" s="10" t="s">
        <v>55</v>
      </c>
      <c r="P368" s="6">
        <v>11</v>
      </c>
      <c r="Q368" s="6">
        <v>9</v>
      </c>
    </row>
    <row r="369" spans="1:17">
      <c r="A369" s="9" t="s">
        <v>56</v>
      </c>
      <c r="B369" s="9" t="s">
        <v>57</v>
      </c>
      <c r="C369" s="9" t="s">
        <v>59</v>
      </c>
      <c r="D369" s="9" t="s">
        <v>6</v>
      </c>
      <c r="E369" s="9" t="s">
        <v>43</v>
      </c>
      <c r="F369" s="9" t="s">
        <v>14</v>
      </c>
      <c r="G369" s="6">
        <v>5769</v>
      </c>
      <c r="H369" s="6">
        <v>4670</v>
      </c>
      <c r="I369" s="6">
        <v>3614</v>
      </c>
      <c r="J369" s="6">
        <v>2281</v>
      </c>
      <c r="K369" s="6">
        <v>1056</v>
      </c>
      <c r="L369" s="6">
        <v>28</v>
      </c>
      <c r="M369" s="6">
        <v>1071</v>
      </c>
      <c r="N369" s="10" t="s">
        <v>55</v>
      </c>
      <c r="O369" s="6">
        <v>701</v>
      </c>
      <c r="P369" s="6">
        <v>2274</v>
      </c>
      <c r="Q369" s="6">
        <v>1071</v>
      </c>
    </row>
    <row r="370" spans="1:17">
      <c r="A370" s="9" t="s">
        <v>56</v>
      </c>
      <c r="B370" s="9" t="s">
        <v>57</v>
      </c>
      <c r="C370" s="9" t="s">
        <v>59</v>
      </c>
      <c r="D370" s="9" t="s">
        <v>6</v>
      </c>
      <c r="E370" s="9" t="s">
        <v>43</v>
      </c>
      <c r="F370" s="9" t="s">
        <v>18</v>
      </c>
      <c r="G370" s="6">
        <v>149</v>
      </c>
      <c r="H370" s="6">
        <v>104</v>
      </c>
      <c r="I370" s="6">
        <v>65</v>
      </c>
      <c r="J370" s="6">
        <v>25</v>
      </c>
      <c r="K370" s="6">
        <v>39</v>
      </c>
      <c r="L370" s="6">
        <v>1</v>
      </c>
      <c r="M370" s="6">
        <v>44</v>
      </c>
      <c r="N370" s="10" t="s">
        <v>55</v>
      </c>
      <c r="O370" s="6">
        <v>31</v>
      </c>
      <c r="P370" s="6">
        <v>25</v>
      </c>
      <c r="Q370" s="6">
        <v>44</v>
      </c>
    </row>
    <row r="371" spans="1:17">
      <c r="A371" s="9" t="s">
        <v>56</v>
      </c>
      <c r="B371" s="9" t="s">
        <v>57</v>
      </c>
      <c r="C371" s="9" t="s">
        <v>59</v>
      </c>
      <c r="D371" s="9" t="s">
        <v>6</v>
      </c>
      <c r="E371" s="9" t="s">
        <v>44</v>
      </c>
      <c r="F371" s="9" t="s">
        <v>6</v>
      </c>
      <c r="G371" s="6">
        <v>5919</v>
      </c>
      <c r="H371" s="6">
        <v>4714</v>
      </c>
      <c r="I371" s="6">
        <v>3217</v>
      </c>
      <c r="J371" s="6">
        <v>1831</v>
      </c>
      <c r="K371" s="6">
        <v>1497</v>
      </c>
      <c r="L371" s="6">
        <v>34</v>
      </c>
      <c r="M371" s="6">
        <v>1171</v>
      </c>
      <c r="N371" s="10" t="s">
        <v>55</v>
      </c>
      <c r="O371" s="6">
        <v>911</v>
      </c>
      <c r="P371" s="6">
        <v>1830</v>
      </c>
      <c r="Q371" s="6">
        <v>1171</v>
      </c>
    </row>
    <row r="372" spans="1:17">
      <c r="A372" s="9" t="s">
        <v>56</v>
      </c>
      <c r="B372" s="9" t="s">
        <v>57</v>
      </c>
      <c r="C372" s="9" t="s">
        <v>59</v>
      </c>
      <c r="D372" s="9" t="s">
        <v>6</v>
      </c>
      <c r="E372" s="9" t="s">
        <v>44</v>
      </c>
      <c r="F372" s="9" t="s">
        <v>7</v>
      </c>
      <c r="G372" s="6">
        <v>608</v>
      </c>
      <c r="H372" s="6">
        <v>548</v>
      </c>
      <c r="I372" s="6">
        <v>339</v>
      </c>
      <c r="J372" s="6">
        <v>173</v>
      </c>
      <c r="K372" s="6">
        <v>209</v>
      </c>
      <c r="L372" s="6">
        <v>3</v>
      </c>
      <c r="M372" s="6">
        <v>57</v>
      </c>
      <c r="N372" s="10" t="s">
        <v>55</v>
      </c>
      <c r="O372" s="6">
        <v>144</v>
      </c>
      <c r="P372" s="6">
        <v>173</v>
      </c>
      <c r="Q372" s="6">
        <v>57</v>
      </c>
    </row>
    <row r="373" spans="1:17">
      <c r="A373" s="9" t="s">
        <v>56</v>
      </c>
      <c r="B373" s="9" t="s">
        <v>57</v>
      </c>
      <c r="C373" s="9" t="s">
        <v>59</v>
      </c>
      <c r="D373" s="9" t="s">
        <v>6</v>
      </c>
      <c r="E373" s="9" t="s">
        <v>44</v>
      </c>
      <c r="F373" s="9" t="s">
        <v>8</v>
      </c>
      <c r="G373" s="6">
        <v>602</v>
      </c>
      <c r="H373" s="6">
        <v>543</v>
      </c>
      <c r="I373" s="6">
        <v>336</v>
      </c>
      <c r="J373" s="6">
        <v>173</v>
      </c>
      <c r="K373" s="6">
        <v>207</v>
      </c>
      <c r="L373" s="6">
        <v>3</v>
      </c>
      <c r="M373" s="6">
        <v>56</v>
      </c>
      <c r="N373" s="10" t="s">
        <v>55</v>
      </c>
      <c r="O373" s="6">
        <v>144</v>
      </c>
      <c r="P373" s="6">
        <v>173</v>
      </c>
      <c r="Q373" s="6">
        <v>56</v>
      </c>
    </row>
    <row r="374" spans="1:17">
      <c r="A374" s="9" t="s">
        <v>56</v>
      </c>
      <c r="B374" s="9" t="s">
        <v>57</v>
      </c>
      <c r="C374" s="9" t="s">
        <v>59</v>
      </c>
      <c r="D374" s="9" t="s">
        <v>6</v>
      </c>
      <c r="E374" s="9" t="s">
        <v>44</v>
      </c>
      <c r="F374" s="9" t="s">
        <v>13</v>
      </c>
      <c r="G374" s="6">
        <v>6</v>
      </c>
      <c r="H374" s="6">
        <v>5</v>
      </c>
      <c r="I374" s="6">
        <v>3</v>
      </c>
      <c r="J374" s="10" t="s">
        <v>55</v>
      </c>
      <c r="K374" s="6">
        <v>2</v>
      </c>
      <c r="L374" s="10" t="s">
        <v>55</v>
      </c>
      <c r="M374" s="6">
        <v>1</v>
      </c>
      <c r="N374" s="10" t="s">
        <v>55</v>
      </c>
      <c r="O374" s="10" t="s">
        <v>55</v>
      </c>
      <c r="P374" s="10" t="s">
        <v>55</v>
      </c>
      <c r="Q374" s="6">
        <v>1</v>
      </c>
    </row>
    <row r="375" spans="1:17">
      <c r="A375" s="9" t="s">
        <v>56</v>
      </c>
      <c r="B375" s="9" t="s">
        <v>57</v>
      </c>
      <c r="C375" s="9" t="s">
        <v>59</v>
      </c>
      <c r="D375" s="9" t="s">
        <v>6</v>
      </c>
      <c r="E375" s="9" t="s">
        <v>44</v>
      </c>
      <c r="F375" s="9" t="s">
        <v>14</v>
      </c>
      <c r="G375" s="6">
        <v>5174</v>
      </c>
      <c r="H375" s="6">
        <v>4073</v>
      </c>
      <c r="I375" s="6">
        <v>2814</v>
      </c>
      <c r="J375" s="6">
        <v>1632</v>
      </c>
      <c r="K375" s="6">
        <v>1259</v>
      </c>
      <c r="L375" s="6">
        <v>28</v>
      </c>
      <c r="M375" s="6">
        <v>1073</v>
      </c>
      <c r="N375" s="10" t="s">
        <v>55</v>
      </c>
      <c r="O375" s="6">
        <v>742</v>
      </c>
      <c r="P375" s="6">
        <v>1631</v>
      </c>
      <c r="Q375" s="6">
        <v>1073</v>
      </c>
    </row>
    <row r="376" spans="1:17">
      <c r="A376" s="9" t="s">
        <v>56</v>
      </c>
      <c r="B376" s="9" t="s">
        <v>57</v>
      </c>
      <c r="C376" s="9" t="s">
        <v>59</v>
      </c>
      <c r="D376" s="9" t="s">
        <v>6</v>
      </c>
      <c r="E376" s="9" t="s">
        <v>44</v>
      </c>
      <c r="F376" s="9" t="s">
        <v>18</v>
      </c>
      <c r="G376" s="6">
        <v>137</v>
      </c>
      <c r="H376" s="6">
        <v>93</v>
      </c>
      <c r="I376" s="6">
        <v>64</v>
      </c>
      <c r="J376" s="6">
        <v>26</v>
      </c>
      <c r="K376" s="6">
        <v>29</v>
      </c>
      <c r="L376" s="6">
        <v>3</v>
      </c>
      <c r="M376" s="6">
        <v>41</v>
      </c>
      <c r="N376" s="10" t="s">
        <v>55</v>
      </c>
      <c r="O376" s="6">
        <v>25</v>
      </c>
      <c r="P376" s="6">
        <v>26</v>
      </c>
      <c r="Q376" s="6">
        <v>41</v>
      </c>
    </row>
    <row r="377" spans="1:17">
      <c r="A377" s="9" t="s">
        <v>56</v>
      </c>
      <c r="B377" s="9" t="s">
        <v>57</v>
      </c>
      <c r="C377" s="9" t="s">
        <v>59</v>
      </c>
      <c r="D377" s="9" t="s">
        <v>6</v>
      </c>
      <c r="E377" s="9" t="s">
        <v>45</v>
      </c>
      <c r="F377" s="9" t="s">
        <v>6</v>
      </c>
      <c r="G377" s="6">
        <v>4112</v>
      </c>
      <c r="H377" s="6">
        <v>3155</v>
      </c>
      <c r="I377" s="6">
        <v>1789</v>
      </c>
      <c r="J377" s="6">
        <v>852</v>
      </c>
      <c r="K377" s="6">
        <v>1366</v>
      </c>
      <c r="L377" s="6">
        <v>16</v>
      </c>
      <c r="M377" s="6">
        <v>941</v>
      </c>
      <c r="N377" s="10" t="s">
        <v>55</v>
      </c>
      <c r="O377" s="6">
        <v>780</v>
      </c>
      <c r="P377" s="6">
        <v>851</v>
      </c>
      <c r="Q377" s="6">
        <v>941</v>
      </c>
    </row>
    <row r="378" spans="1:17">
      <c r="A378" s="9" t="s">
        <v>56</v>
      </c>
      <c r="B378" s="9" t="s">
        <v>57</v>
      </c>
      <c r="C378" s="9" t="s">
        <v>59</v>
      </c>
      <c r="D378" s="9" t="s">
        <v>6</v>
      </c>
      <c r="E378" s="9" t="s">
        <v>45</v>
      </c>
      <c r="F378" s="9" t="s">
        <v>7</v>
      </c>
      <c r="G378" s="6">
        <v>192</v>
      </c>
      <c r="H378" s="6">
        <v>166</v>
      </c>
      <c r="I378" s="6">
        <v>87</v>
      </c>
      <c r="J378" s="6">
        <v>38</v>
      </c>
      <c r="K378" s="6">
        <v>79</v>
      </c>
      <c r="L378" s="6">
        <v>1</v>
      </c>
      <c r="M378" s="6">
        <v>25</v>
      </c>
      <c r="N378" s="10" t="s">
        <v>55</v>
      </c>
      <c r="O378" s="6">
        <v>53</v>
      </c>
      <c r="P378" s="6">
        <v>38</v>
      </c>
      <c r="Q378" s="6">
        <v>25</v>
      </c>
    </row>
    <row r="379" spans="1:17">
      <c r="A379" s="9" t="s">
        <v>56</v>
      </c>
      <c r="B379" s="9" t="s">
        <v>57</v>
      </c>
      <c r="C379" s="9" t="s">
        <v>59</v>
      </c>
      <c r="D379" s="9" t="s">
        <v>6</v>
      </c>
      <c r="E379" s="9" t="s">
        <v>45</v>
      </c>
      <c r="F379" s="9" t="s">
        <v>8</v>
      </c>
      <c r="G379" s="6">
        <v>190</v>
      </c>
      <c r="H379" s="6">
        <v>164</v>
      </c>
      <c r="I379" s="6">
        <v>86</v>
      </c>
      <c r="J379" s="6">
        <v>38</v>
      </c>
      <c r="K379" s="6">
        <v>78</v>
      </c>
      <c r="L379" s="6">
        <v>1</v>
      </c>
      <c r="M379" s="6">
        <v>25</v>
      </c>
      <c r="N379" s="10" t="s">
        <v>55</v>
      </c>
      <c r="O379" s="6">
        <v>53</v>
      </c>
      <c r="P379" s="6">
        <v>38</v>
      </c>
      <c r="Q379" s="6">
        <v>25</v>
      </c>
    </row>
    <row r="380" spans="1:17">
      <c r="A380" s="9" t="s">
        <v>56</v>
      </c>
      <c r="B380" s="9" t="s">
        <v>57</v>
      </c>
      <c r="C380" s="9" t="s">
        <v>59</v>
      </c>
      <c r="D380" s="9" t="s">
        <v>6</v>
      </c>
      <c r="E380" s="9" t="s">
        <v>45</v>
      </c>
      <c r="F380" s="9" t="s">
        <v>13</v>
      </c>
      <c r="G380" s="6">
        <v>2</v>
      </c>
      <c r="H380" s="6">
        <v>2</v>
      </c>
      <c r="I380" s="6">
        <v>1</v>
      </c>
      <c r="J380" s="10" t="s">
        <v>55</v>
      </c>
      <c r="K380" s="6">
        <v>1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</row>
    <row r="381" spans="1:17">
      <c r="A381" s="9" t="s">
        <v>56</v>
      </c>
      <c r="B381" s="9" t="s">
        <v>57</v>
      </c>
      <c r="C381" s="9" t="s">
        <v>59</v>
      </c>
      <c r="D381" s="9" t="s">
        <v>6</v>
      </c>
      <c r="E381" s="9" t="s">
        <v>45</v>
      </c>
      <c r="F381" s="9" t="s">
        <v>14</v>
      </c>
      <c r="G381" s="6">
        <v>3807</v>
      </c>
      <c r="H381" s="6">
        <v>2915</v>
      </c>
      <c r="I381" s="6">
        <v>1664</v>
      </c>
      <c r="J381" s="6">
        <v>803</v>
      </c>
      <c r="K381" s="6">
        <v>1251</v>
      </c>
      <c r="L381" s="6">
        <v>14</v>
      </c>
      <c r="M381" s="6">
        <v>878</v>
      </c>
      <c r="N381" s="10" t="s">
        <v>55</v>
      </c>
      <c r="O381" s="6">
        <v>701</v>
      </c>
      <c r="P381" s="6">
        <v>802</v>
      </c>
      <c r="Q381" s="6">
        <v>878</v>
      </c>
    </row>
    <row r="382" spans="1:17">
      <c r="A382" s="9" t="s">
        <v>56</v>
      </c>
      <c r="B382" s="9" t="s">
        <v>57</v>
      </c>
      <c r="C382" s="9" t="s">
        <v>59</v>
      </c>
      <c r="D382" s="9" t="s">
        <v>6</v>
      </c>
      <c r="E382" s="9" t="s">
        <v>45</v>
      </c>
      <c r="F382" s="9" t="s">
        <v>18</v>
      </c>
      <c r="G382" s="6">
        <v>113</v>
      </c>
      <c r="H382" s="6">
        <v>74</v>
      </c>
      <c r="I382" s="6">
        <v>38</v>
      </c>
      <c r="J382" s="6">
        <v>11</v>
      </c>
      <c r="K382" s="6">
        <v>36</v>
      </c>
      <c r="L382" s="6">
        <v>1</v>
      </c>
      <c r="M382" s="6">
        <v>38</v>
      </c>
      <c r="N382" s="10" t="s">
        <v>55</v>
      </c>
      <c r="O382" s="6">
        <v>26</v>
      </c>
      <c r="P382" s="6">
        <v>11</v>
      </c>
      <c r="Q382" s="6">
        <v>38</v>
      </c>
    </row>
    <row r="383" spans="1:17">
      <c r="A383" s="9" t="s">
        <v>56</v>
      </c>
      <c r="B383" s="9" t="s">
        <v>57</v>
      </c>
      <c r="C383" s="9" t="s">
        <v>59</v>
      </c>
      <c r="D383" s="9" t="s">
        <v>6</v>
      </c>
      <c r="E383" s="9" t="s">
        <v>46</v>
      </c>
      <c r="F383" s="9" t="s">
        <v>6</v>
      </c>
      <c r="G383" s="6">
        <v>1706</v>
      </c>
      <c r="H383" s="6">
        <v>1344</v>
      </c>
      <c r="I383" s="6">
        <v>576</v>
      </c>
      <c r="J383" s="6">
        <v>212</v>
      </c>
      <c r="K383" s="6">
        <v>768</v>
      </c>
      <c r="L383" s="6">
        <v>7</v>
      </c>
      <c r="M383" s="6">
        <v>355</v>
      </c>
      <c r="N383" s="10" t="s">
        <v>55</v>
      </c>
      <c r="O383" s="6">
        <v>384</v>
      </c>
      <c r="P383" s="6">
        <v>212</v>
      </c>
      <c r="Q383" s="6">
        <v>355</v>
      </c>
    </row>
    <row r="384" spans="1:17">
      <c r="A384" s="9" t="s">
        <v>56</v>
      </c>
      <c r="B384" s="9" t="s">
        <v>57</v>
      </c>
      <c r="C384" s="9" t="s">
        <v>59</v>
      </c>
      <c r="D384" s="9" t="s">
        <v>6</v>
      </c>
      <c r="E384" s="9" t="s">
        <v>46</v>
      </c>
      <c r="F384" s="9" t="s">
        <v>7</v>
      </c>
      <c r="G384" s="6">
        <v>44</v>
      </c>
      <c r="H384" s="6">
        <v>36</v>
      </c>
      <c r="I384" s="6">
        <v>16</v>
      </c>
      <c r="J384" s="6">
        <v>4</v>
      </c>
      <c r="K384" s="6">
        <v>20</v>
      </c>
      <c r="L384" s="10" t="s">
        <v>55</v>
      </c>
      <c r="M384" s="6">
        <v>8</v>
      </c>
      <c r="N384" s="10" t="s">
        <v>55</v>
      </c>
      <c r="O384" s="6">
        <v>10</v>
      </c>
      <c r="P384" s="6">
        <v>4</v>
      </c>
      <c r="Q384" s="6">
        <v>8</v>
      </c>
    </row>
    <row r="385" spans="1:17">
      <c r="A385" s="9" t="s">
        <v>56</v>
      </c>
      <c r="B385" s="9" t="s">
        <v>57</v>
      </c>
      <c r="C385" s="9" t="s">
        <v>59</v>
      </c>
      <c r="D385" s="9" t="s">
        <v>6</v>
      </c>
      <c r="E385" s="9" t="s">
        <v>46</v>
      </c>
      <c r="F385" s="9" t="s">
        <v>8</v>
      </c>
      <c r="G385" s="6">
        <v>44</v>
      </c>
      <c r="H385" s="6">
        <v>36</v>
      </c>
      <c r="I385" s="6">
        <v>16</v>
      </c>
      <c r="J385" s="6">
        <v>4</v>
      </c>
      <c r="K385" s="6">
        <v>20</v>
      </c>
      <c r="L385" s="10" t="s">
        <v>55</v>
      </c>
      <c r="M385" s="6">
        <v>8</v>
      </c>
      <c r="N385" s="10" t="s">
        <v>55</v>
      </c>
      <c r="O385" s="6">
        <v>10</v>
      </c>
      <c r="P385" s="6">
        <v>4</v>
      </c>
      <c r="Q385" s="6">
        <v>8</v>
      </c>
    </row>
    <row r="386" spans="1:17">
      <c r="A386" s="9" t="s">
        <v>56</v>
      </c>
      <c r="B386" s="9" t="s">
        <v>57</v>
      </c>
      <c r="C386" s="9" t="s">
        <v>59</v>
      </c>
      <c r="D386" s="9" t="s">
        <v>6</v>
      </c>
      <c r="E386" s="9" t="s">
        <v>46</v>
      </c>
      <c r="F386" s="9" t="s">
        <v>13</v>
      </c>
      <c r="G386" s="10" t="s">
        <v>55</v>
      </c>
      <c r="H386" s="10" t="s">
        <v>55</v>
      </c>
      <c r="I386" s="10" t="s">
        <v>55</v>
      </c>
      <c r="J386" s="10" t="s">
        <v>55</v>
      </c>
      <c r="K386" s="10" t="s">
        <v>55</v>
      </c>
      <c r="L386" s="10" t="s">
        <v>55</v>
      </c>
      <c r="M386" s="10" t="s">
        <v>55</v>
      </c>
      <c r="N386" s="10" t="s">
        <v>55</v>
      </c>
      <c r="O386" s="10" t="s">
        <v>55</v>
      </c>
      <c r="P386" s="10" t="s">
        <v>55</v>
      </c>
      <c r="Q386" s="10" t="s">
        <v>55</v>
      </c>
    </row>
    <row r="387" spans="1:17">
      <c r="A387" s="9" t="s">
        <v>56</v>
      </c>
      <c r="B387" s="9" t="s">
        <v>57</v>
      </c>
      <c r="C387" s="9" t="s">
        <v>59</v>
      </c>
      <c r="D387" s="9" t="s">
        <v>6</v>
      </c>
      <c r="E387" s="9" t="s">
        <v>46</v>
      </c>
      <c r="F387" s="9" t="s">
        <v>14</v>
      </c>
      <c r="G387" s="6">
        <v>1618</v>
      </c>
      <c r="H387" s="6">
        <v>1273</v>
      </c>
      <c r="I387" s="6">
        <v>547</v>
      </c>
      <c r="J387" s="6">
        <v>204</v>
      </c>
      <c r="K387" s="6">
        <v>726</v>
      </c>
      <c r="L387" s="6">
        <v>7</v>
      </c>
      <c r="M387" s="6">
        <v>338</v>
      </c>
      <c r="N387" s="10" t="s">
        <v>55</v>
      </c>
      <c r="O387" s="6">
        <v>359</v>
      </c>
      <c r="P387" s="6">
        <v>204</v>
      </c>
      <c r="Q387" s="6">
        <v>338</v>
      </c>
    </row>
    <row r="388" spans="1:17">
      <c r="A388" s="9" t="s">
        <v>56</v>
      </c>
      <c r="B388" s="9" t="s">
        <v>57</v>
      </c>
      <c r="C388" s="9" t="s">
        <v>59</v>
      </c>
      <c r="D388" s="9" t="s">
        <v>6</v>
      </c>
      <c r="E388" s="9" t="s">
        <v>46</v>
      </c>
      <c r="F388" s="9" t="s">
        <v>18</v>
      </c>
      <c r="G388" s="6">
        <v>44</v>
      </c>
      <c r="H388" s="6">
        <v>35</v>
      </c>
      <c r="I388" s="6">
        <v>13</v>
      </c>
      <c r="J388" s="6">
        <v>4</v>
      </c>
      <c r="K388" s="6">
        <v>22</v>
      </c>
      <c r="L388" s="10" t="s">
        <v>55</v>
      </c>
      <c r="M388" s="6">
        <v>9</v>
      </c>
      <c r="N388" s="10" t="s">
        <v>55</v>
      </c>
      <c r="O388" s="6">
        <v>15</v>
      </c>
      <c r="P388" s="6">
        <v>4</v>
      </c>
      <c r="Q388" s="6">
        <v>9</v>
      </c>
    </row>
    <row r="389" spans="1:17">
      <c r="A389" s="9" t="s">
        <v>56</v>
      </c>
      <c r="B389" s="9" t="s">
        <v>57</v>
      </c>
      <c r="C389" s="9" t="s">
        <v>59</v>
      </c>
      <c r="D389" s="9" t="s">
        <v>6</v>
      </c>
      <c r="E389" s="9" t="s">
        <v>47</v>
      </c>
      <c r="F389" s="9" t="s">
        <v>6</v>
      </c>
      <c r="G389" s="6">
        <v>366</v>
      </c>
      <c r="H389" s="6">
        <v>303</v>
      </c>
      <c r="I389" s="6">
        <v>109</v>
      </c>
      <c r="J389" s="6">
        <v>17</v>
      </c>
      <c r="K389" s="6">
        <v>194</v>
      </c>
      <c r="L389" s="6">
        <v>3</v>
      </c>
      <c r="M389" s="6">
        <v>60</v>
      </c>
      <c r="N389" s="10" t="s">
        <v>55</v>
      </c>
      <c r="O389" s="6">
        <v>94</v>
      </c>
      <c r="P389" s="6">
        <v>17</v>
      </c>
      <c r="Q389" s="6">
        <v>60</v>
      </c>
    </row>
    <row r="390" spans="1:17">
      <c r="A390" s="9" t="s">
        <v>56</v>
      </c>
      <c r="B390" s="9" t="s">
        <v>57</v>
      </c>
      <c r="C390" s="9" t="s">
        <v>59</v>
      </c>
      <c r="D390" s="9" t="s">
        <v>6</v>
      </c>
      <c r="E390" s="9" t="s">
        <v>47</v>
      </c>
      <c r="F390" s="9" t="s">
        <v>7</v>
      </c>
      <c r="G390" s="6">
        <v>1</v>
      </c>
      <c r="H390" s="6">
        <v>1</v>
      </c>
      <c r="I390" s="10" t="s">
        <v>55</v>
      </c>
      <c r="J390" s="10" t="s">
        <v>55</v>
      </c>
      <c r="K390" s="6">
        <v>1</v>
      </c>
      <c r="L390" s="10" t="s">
        <v>55</v>
      </c>
      <c r="M390" s="10" t="s">
        <v>55</v>
      </c>
      <c r="N390" s="10" t="s">
        <v>55</v>
      </c>
      <c r="O390" s="6">
        <v>1</v>
      </c>
      <c r="P390" s="10" t="s">
        <v>55</v>
      </c>
      <c r="Q390" s="10" t="s">
        <v>55</v>
      </c>
    </row>
    <row r="391" spans="1:17">
      <c r="A391" s="9" t="s">
        <v>56</v>
      </c>
      <c r="B391" s="9" t="s">
        <v>57</v>
      </c>
      <c r="C391" s="9" t="s">
        <v>59</v>
      </c>
      <c r="D391" s="9" t="s">
        <v>6</v>
      </c>
      <c r="E391" s="9" t="s">
        <v>47</v>
      </c>
      <c r="F391" s="9" t="s">
        <v>8</v>
      </c>
      <c r="G391" s="6">
        <v>1</v>
      </c>
      <c r="H391" s="6">
        <v>1</v>
      </c>
      <c r="I391" s="10" t="s">
        <v>55</v>
      </c>
      <c r="J391" s="10" t="s">
        <v>55</v>
      </c>
      <c r="K391" s="6">
        <v>1</v>
      </c>
      <c r="L391" s="10" t="s">
        <v>55</v>
      </c>
      <c r="M391" s="10" t="s">
        <v>55</v>
      </c>
      <c r="N391" s="10" t="s">
        <v>55</v>
      </c>
      <c r="O391" s="6">
        <v>1</v>
      </c>
      <c r="P391" s="10" t="s">
        <v>55</v>
      </c>
      <c r="Q391" s="10" t="s">
        <v>55</v>
      </c>
    </row>
    <row r="392" spans="1:17">
      <c r="A392" s="9" t="s">
        <v>56</v>
      </c>
      <c r="B392" s="9" t="s">
        <v>57</v>
      </c>
      <c r="C392" s="9" t="s">
        <v>59</v>
      </c>
      <c r="D392" s="9" t="s">
        <v>6</v>
      </c>
      <c r="E392" s="9" t="s">
        <v>47</v>
      </c>
      <c r="F392" s="9" t="s">
        <v>13</v>
      </c>
      <c r="G392" s="10" t="s">
        <v>55</v>
      </c>
      <c r="H392" s="10" t="s">
        <v>55</v>
      </c>
      <c r="I392" s="10" t="s">
        <v>55</v>
      </c>
      <c r="J392" s="10" t="s">
        <v>55</v>
      </c>
      <c r="K392" s="10" t="s">
        <v>55</v>
      </c>
      <c r="L392" s="10" t="s">
        <v>55</v>
      </c>
      <c r="M392" s="10" t="s">
        <v>55</v>
      </c>
      <c r="N392" s="10" t="s">
        <v>55</v>
      </c>
      <c r="O392" s="10" t="s">
        <v>55</v>
      </c>
      <c r="P392" s="10" t="s">
        <v>55</v>
      </c>
      <c r="Q392" s="10" t="s">
        <v>55</v>
      </c>
    </row>
    <row r="393" spans="1:17">
      <c r="A393" s="9" t="s">
        <v>56</v>
      </c>
      <c r="B393" s="9" t="s">
        <v>57</v>
      </c>
      <c r="C393" s="9" t="s">
        <v>59</v>
      </c>
      <c r="D393" s="9" t="s">
        <v>6</v>
      </c>
      <c r="E393" s="9" t="s">
        <v>47</v>
      </c>
      <c r="F393" s="9" t="s">
        <v>14</v>
      </c>
      <c r="G393" s="6">
        <v>361</v>
      </c>
      <c r="H393" s="6">
        <v>299</v>
      </c>
      <c r="I393" s="6">
        <v>107</v>
      </c>
      <c r="J393" s="6">
        <v>17</v>
      </c>
      <c r="K393" s="6">
        <v>192</v>
      </c>
      <c r="L393" s="6">
        <v>3</v>
      </c>
      <c r="M393" s="6">
        <v>59</v>
      </c>
      <c r="N393" s="10" t="s">
        <v>55</v>
      </c>
      <c r="O393" s="6">
        <v>92</v>
      </c>
      <c r="P393" s="6">
        <v>17</v>
      </c>
      <c r="Q393" s="6">
        <v>59</v>
      </c>
    </row>
    <row r="394" spans="1:17">
      <c r="A394" s="9" t="s">
        <v>56</v>
      </c>
      <c r="B394" s="9" t="s">
        <v>57</v>
      </c>
      <c r="C394" s="9" t="s">
        <v>59</v>
      </c>
      <c r="D394" s="9" t="s">
        <v>6</v>
      </c>
      <c r="E394" s="9" t="s">
        <v>47</v>
      </c>
      <c r="F394" s="9" t="s">
        <v>18</v>
      </c>
      <c r="G394" s="6">
        <v>4</v>
      </c>
      <c r="H394" s="6">
        <v>3</v>
      </c>
      <c r="I394" s="6">
        <v>2</v>
      </c>
      <c r="J394" s="10" t="s">
        <v>55</v>
      </c>
      <c r="K394" s="6">
        <v>1</v>
      </c>
      <c r="L394" s="10" t="s">
        <v>55</v>
      </c>
      <c r="M394" s="6">
        <v>1</v>
      </c>
      <c r="N394" s="10" t="s">
        <v>55</v>
      </c>
      <c r="O394" s="6">
        <v>1</v>
      </c>
      <c r="P394" s="10" t="s">
        <v>55</v>
      </c>
      <c r="Q394" s="6">
        <v>1</v>
      </c>
    </row>
    <row r="395" spans="1:17">
      <c r="A395" s="9" t="s">
        <v>56</v>
      </c>
      <c r="B395" s="9" t="s">
        <v>57</v>
      </c>
      <c r="C395" s="9" t="s">
        <v>59</v>
      </c>
      <c r="D395" s="9" t="s">
        <v>6</v>
      </c>
      <c r="E395" s="9" t="s">
        <v>48</v>
      </c>
      <c r="F395" s="9" t="s">
        <v>6</v>
      </c>
      <c r="G395" s="6">
        <v>63709</v>
      </c>
      <c r="H395" s="6">
        <v>54859</v>
      </c>
      <c r="I395" s="6">
        <v>39555</v>
      </c>
      <c r="J395" s="6">
        <v>7452</v>
      </c>
      <c r="K395" s="6">
        <v>15304</v>
      </c>
      <c r="L395" s="6">
        <v>801</v>
      </c>
      <c r="M395" s="6">
        <v>8049</v>
      </c>
      <c r="N395" s="10" t="s">
        <v>55</v>
      </c>
      <c r="O395" s="6">
        <v>11950</v>
      </c>
      <c r="P395" s="6">
        <v>765</v>
      </c>
      <c r="Q395" s="10" t="s">
        <v>55</v>
      </c>
    </row>
    <row r="396" spans="1:17">
      <c r="A396" s="9" t="s">
        <v>56</v>
      </c>
      <c r="B396" s="9" t="s">
        <v>57</v>
      </c>
      <c r="C396" s="9" t="s">
        <v>59</v>
      </c>
      <c r="D396" s="9" t="s">
        <v>6</v>
      </c>
      <c r="E396" s="9" t="s">
        <v>48</v>
      </c>
      <c r="F396" s="9" t="s">
        <v>7</v>
      </c>
      <c r="G396" s="6">
        <v>49074</v>
      </c>
      <c r="H396" s="6">
        <v>41866</v>
      </c>
      <c r="I396" s="6">
        <v>29741</v>
      </c>
      <c r="J396" s="6">
        <v>5773</v>
      </c>
      <c r="K396" s="6">
        <v>12125</v>
      </c>
      <c r="L396" s="6">
        <v>653</v>
      </c>
      <c r="M396" s="6">
        <v>6555</v>
      </c>
      <c r="N396" s="10" t="s">
        <v>55</v>
      </c>
      <c r="O396" s="6">
        <v>9405</v>
      </c>
      <c r="P396" s="6">
        <v>436</v>
      </c>
      <c r="Q396" s="10" t="s">
        <v>55</v>
      </c>
    </row>
    <row r="397" spans="1:17">
      <c r="A397" s="9" t="s">
        <v>56</v>
      </c>
      <c r="B397" s="9" t="s">
        <v>57</v>
      </c>
      <c r="C397" s="9" t="s">
        <v>59</v>
      </c>
      <c r="D397" s="9" t="s">
        <v>6</v>
      </c>
      <c r="E397" s="9" t="s">
        <v>48</v>
      </c>
      <c r="F397" s="9" t="s">
        <v>8</v>
      </c>
      <c r="G397" s="6">
        <v>46845</v>
      </c>
      <c r="H397" s="6">
        <v>39974</v>
      </c>
      <c r="I397" s="6">
        <v>28321</v>
      </c>
      <c r="J397" s="6">
        <v>5610</v>
      </c>
      <c r="K397" s="6">
        <v>11653</v>
      </c>
      <c r="L397" s="6">
        <v>618</v>
      </c>
      <c r="M397" s="6">
        <v>6253</v>
      </c>
      <c r="N397" s="10" t="s">
        <v>55</v>
      </c>
      <c r="O397" s="6">
        <v>9053</v>
      </c>
      <c r="P397" s="6">
        <v>423</v>
      </c>
      <c r="Q397" s="10" t="s">
        <v>55</v>
      </c>
    </row>
    <row r="398" spans="1:17">
      <c r="A398" s="9" t="s">
        <v>56</v>
      </c>
      <c r="B398" s="9" t="s">
        <v>57</v>
      </c>
      <c r="C398" s="9" t="s">
        <v>59</v>
      </c>
      <c r="D398" s="9" t="s">
        <v>6</v>
      </c>
      <c r="E398" s="9" t="s">
        <v>48</v>
      </c>
      <c r="F398" s="9" t="s">
        <v>13</v>
      </c>
      <c r="G398" s="6">
        <v>2229</v>
      </c>
      <c r="H398" s="6">
        <v>1892</v>
      </c>
      <c r="I398" s="6">
        <v>1420</v>
      </c>
      <c r="J398" s="6">
        <v>163</v>
      </c>
      <c r="K398" s="6">
        <v>472</v>
      </c>
      <c r="L398" s="6">
        <v>35</v>
      </c>
      <c r="M398" s="6">
        <v>302</v>
      </c>
      <c r="N398" s="10" t="s">
        <v>55</v>
      </c>
      <c r="O398" s="6">
        <v>352</v>
      </c>
      <c r="P398" s="6">
        <v>13</v>
      </c>
      <c r="Q398" s="10" t="s">
        <v>55</v>
      </c>
    </row>
    <row r="399" spans="1:17">
      <c r="A399" s="9" t="s">
        <v>56</v>
      </c>
      <c r="B399" s="9" t="s">
        <v>57</v>
      </c>
      <c r="C399" s="9" t="s">
        <v>59</v>
      </c>
      <c r="D399" s="9" t="s">
        <v>6</v>
      </c>
      <c r="E399" s="9" t="s">
        <v>48</v>
      </c>
      <c r="F399" s="9" t="s">
        <v>14</v>
      </c>
      <c r="G399" s="6">
        <v>10546</v>
      </c>
      <c r="H399" s="6">
        <v>9949</v>
      </c>
      <c r="I399" s="6">
        <v>7346</v>
      </c>
      <c r="J399" s="6">
        <v>1340</v>
      </c>
      <c r="K399" s="6">
        <v>2603</v>
      </c>
      <c r="L399" s="6">
        <v>85</v>
      </c>
      <c r="M399" s="6">
        <v>512</v>
      </c>
      <c r="N399" s="10" t="s">
        <v>55</v>
      </c>
      <c r="O399" s="6">
        <v>2083</v>
      </c>
      <c r="P399" s="6">
        <v>322</v>
      </c>
      <c r="Q399" s="10" t="s">
        <v>55</v>
      </c>
    </row>
    <row r="400" spans="1:17">
      <c r="A400" s="9" t="s">
        <v>56</v>
      </c>
      <c r="B400" s="9" t="s">
        <v>57</v>
      </c>
      <c r="C400" s="9" t="s">
        <v>59</v>
      </c>
      <c r="D400" s="9" t="s">
        <v>6</v>
      </c>
      <c r="E400" s="9" t="s">
        <v>48</v>
      </c>
      <c r="F400" s="9" t="s">
        <v>18</v>
      </c>
      <c r="G400" s="6">
        <v>4089</v>
      </c>
      <c r="H400" s="6">
        <v>3044</v>
      </c>
      <c r="I400" s="6">
        <v>2468</v>
      </c>
      <c r="J400" s="6">
        <v>339</v>
      </c>
      <c r="K400" s="6">
        <v>576</v>
      </c>
      <c r="L400" s="6">
        <v>63</v>
      </c>
      <c r="M400" s="6">
        <v>982</v>
      </c>
      <c r="N400" s="10" t="s">
        <v>55</v>
      </c>
      <c r="O400" s="6">
        <v>462</v>
      </c>
      <c r="P400" s="6">
        <v>7</v>
      </c>
      <c r="Q400" s="10" t="s">
        <v>55</v>
      </c>
    </row>
    <row r="401" spans="1:17">
      <c r="A401" s="9" t="s">
        <v>56</v>
      </c>
      <c r="B401" s="9" t="s">
        <v>57</v>
      </c>
      <c r="C401" s="9" t="s">
        <v>59</v>
      </c>
      <c r="D401" s="9" t="s">
        <v>6</v>
      </c>
      <c r="E401" s="9" t="s">
        <v>49</v>
      </c>
      <c r="F401" s="9" t="s">
        <v>6</v>
      </c>
      <c r="G401" s="6">
        <v>38276</v>
      </c>
      <c r="H401" s="6">
        <v>31297</v>
      </c>
      <c r="I401" s="6">
        <v>21885</v>
      </c>
      <c r="J401" s="6">
        <v>13038</v>
      </c>
      <c r="K401" s="6">
        <v>9412</v>
      </c>
      <c r="L401" s="6">
        <v>240</v>
      </c>
      <c r="M401" s="6">
        <v>6739</v>
      </c>
      <c r="N401" s="10" t="s">
        <v>55</v>
      </c>
      <c r="O401" s="6">
        <v>5790</v>
      </c>
      <c r="P401" s="6">
        <v>12711</v>
      </c>
      <c r="Q401" s="6">
        <v>6739</v>
      </c>
    </row>
    <row r="402" spans="1:17">
      <c r="A402" s="9" t="s">
        <v>56</v>
      </c>
      <c r="B402" s="9" t="s">
        <v>57</v>
      </c>
      <c r="C402" s="9" t="s">
        <v>59</v>
      </c>
      <c r="D402" s="9" t="s">
        <v>6</v>
      </c>
      <c r="E402" s="9" t="s">
        <v>49</v>
      </c>
      <c r="F402" s="9" t="s">
        <v>7</v>
      </c>
      <c r="G402" s="6">
        <v>10287</v>
      </c>
      <c r="H402" s="6">
        <v>8864</v>
      </c>
      <c r="I402" s="6">
        <v>6087</v>
      </c>
      <c r="J402" s="6">
        <v>3619</v>
      </c>
      <c r="K402" s="6">
        <v>2777</v>
      </c>
      <c r="L402" s="6">
        <v>88</v>
      </c>
      <c r="M402" s="6">
        <v>1335</v>
      </c>
      <c r="N402" s="10" t="s">
        <v>55</v>
      </c>
      <c r="O402" s="6">
        <v>1889</v>
      </c>
      <c r="P402" s="6">
        <v>3453</v>
      </c>
      <c r="Q402" s="6">
        <v>1335</v>
      </c>
    </row>
    <row r="403" spans="1:17">
      <c r="A403" s="9" t="s">
        <v>56</v>
      </c>
      <c r="B403" s="9" t="s">
        <v>57</v>
      </c>
      <c r="C403" s="9" t="s">
        <v>59</v>
      </c>
      <c r="D403" s="9" t="s">
        <v>6</v>
      </c>
      <c r="E403" s="9" t="s">
        <v>49</v>
      </c>
      <c r="F403" s="9" t="s">
        <v>8</v>
      </c>
      <c r="G403" s="6">
        <v>9974</v>
      </c>
      <c r="H403" s="6">
        <v>8654</v>
      </c>
      <c r="I403" s="6">
        <v>5920</v>
      </c>
      <c r="J403" s="6">
        <v>3520</v>
      </c>
      <c r="K403" s="6">
        <v>2734</v>
      </c>
      <c r="L403" s="6">
        <v>84</v>
      </c>
      <c r="M403" s="6">
        <v>1236</v>
      </c>
      <c r="N403" s="10" t="s">
        <v>55</v>
      </c>
      <c r="O403" s="6">
        <v>1874</v>
      </c>
      <c r="P403" s="6">
        <v>3361</v>
      </c>
      <c r="Q403" s="6">
        <v>1236</v>
      </c>
    </row>
    <row r="404" spans="1:17">
      <c r="A404" s="9" t="s">
        <v>56</v>
      </c>
      <c r="B404" s="9" t="s">
        <v>57</v>
      </c>
      <c r="C404" s="9" t="s">
        <v>59</v>
      </c>
      <c r="D404" s="9" t="s">
        <v>6</v>
      </c>
      <c r="E404" s="9" t="s">
        <v>49</v>
      </c>
      <c r="F404" s="9" t="s">
        <v>13</v>
      </c>
      <c r="G404" s="6">
        <v>313</v>
      </c>
      <c r="H404" s="6">
        <v>210</v>
      </c>
      <c r="I404" s="6">
        <v>167</v>
      </c>
      <c r="J404" s="6">
        <v>99</v>
      </c>
      <c r="K404" s="6">
        <v>43</v>
      </c>
      <c r="L404" s="6">
        <v>4</v>
      </c>
      <c r="M404" s="6">
        <v>99</v>
      </c>
      <c r="N404" s="10" t="s">
        <v>55</v>
      </c>
      <c r="O404" s="6">
        <v>15</v>
      </c>
      <c r="P404" s="6">
        <v>92</v>
      </c>
      <c r="Q404" s="6">
        <v>99</v>
      </c>
    </row>
    <row r="405" spans="1:17">
      <c r="A405" s="9" t="s">
        <v>56</v>
      </c>
      <c r="B405" s="9" t="s">
        <v>57</v>
      </c>
      <c r="C405" s="9" t="s">
        <v>59</v>
      </c>
      <c r="D405" s="9" t="s">
        <v>6</v>
      </c>
      <c r="E405" s="9" t="s">
        <v>49</v>
      </c>
      <c r="F405" s="9" t="s">
        <v>14</v>
      </c>
      <c r="G405" s="6">
        <v>27111</v>
      </c>
      <c r="H405" s="6">
        <v>21839</v>
      </c>
      <c r="I405" s="6">
        <v>15424</v>
      </c>
      <c r="J405" s="6">
        <v>9256</v>
      </c>
      <c r="K405" s="6">
        <v>6415</v>
      </c>
      <c r="L405" s="6">
        <v>141</v>
      </c>
      <c r="M405" s="6">
        <v>5131</v>
      </c>
      <c r="N405" s="10" t="s">
        <v>55</v>
      </c>
      <c r="O405" s="6">
        <v>3731</v>
      </c>
      <c r="P405" s="6">
        <v>9108</v>
      </c>
      <c r="Q405" s="6">
        <v>5131</v>
      </c>
    </row>
    <row r="406" spans="1:17">
      <c r="A406" s="9" t="s">
        <v>56</v>
      </c>
      <c r="B406" s="9" t="s">
        <v>57</v>
      </c>
      <c r="C406" s="9" t="s">
        <v>59</v>
      </c>
      <c r="D406" s="9" t="s">
        <v>6</v>
      </c>
      <c r="E406" s="9" t="s">
        <v>49</v>
      </c>
      <c r="F406" s="9" t="s">
        <v>18</v>
      </c>
      <c r="G406" s="6">
        <v>878</v>
      </c>
      <c r="H406" s="6">
        <v>594</v>
      </c>
      <c r="I406" s="6">
        <v>374</v>
      </c>
      <c r="J406" s="6">
        <v>163</v>
      </c>
      <c r="K406" s="6">
        <v>220</v>
      </c>
      <c r="L406" s="6">
        <v>11</v>
      </c>
      <c r="M406" s="6">
        <v>273</v>
      </c>
      <c r="N406" s="10" t="s">
        <v>55</v>
      </c>
      <c r="O406" s="6">
        <v>170</v>
      </c>
      <c r="P406" s="6">
        <v>150</v>
      </c>
      <c r="Q406" s="6">
        <v>273</v>
      </c>
    </row>
    <row r="407" spans="1:17">
      <c r="A407" s="9" t="s">
        <v>56</v>
      </c>
      <c r="B407" s="9" t="s">
        <v>57</v>
      </c>
      <c r="C407" s="9" t="s">
        <v>59</v>
      </c>
      <c r="D407" s="9" t="s">
        <v>6</v>
      </c>
      <c r="E407" s="9" t="s">
        <v>50</v>
      </c>
      <c r="F407" s="9" t="s">
        <v>6</v>
      </c>
      <c r="G407" s="6">
        <v>19286</v>
      </c>
      <c r="H407" s="6">
        <v>15400</v>
      </c>
      <c r="I407" s="6">
        <v>10143</v>
      </c>
      <c r="J407" s="6">
        <v>5650</v>
      </c>
      <c r="K407" s="6">
        <v>5257</v>
      </c>
      <c r="L407" s="6">
        <v>101</v>
      </c>
      <c r="M407" s="6">
        <v>3785</v>
      </c>
      <c r="N407" s="10" t="s">
        <v>55</v>
      </c>
      <c r="O407" s="6">
        <v>3145</v>
      </c>
      <c r="P407" s="6">
        <v>5639</v>
      </c>
      <c r="Q407" s="6">
        <v>3785</v>
      </c>
    </row>
    <row r="408" spans="1:17">
      <c r="A408" s="9" t="s">
        <v>56</v>
      </c>
      <c r="B408" s="9" t="s">
        <v>57</v>
      </c>
      <c r="C408" s="9" t="s">
        <v>59</v>
      </c>
      <c r="D408" s="9" t="s">
        <v>6</v>
      </c>
      <c r="E408" s="9" t="s">
        <v>50</v>
      </c>
      <c r="F408" s="9" t="s">
        <v>7</v>
      </c>
      <c r="G408" s="6">
        <v>2110</v>
      </c>
      <c r="H408" s="6">
        <v>1861</v>
      </c>
      <c r="I408" s="6">
        <v>1215</v>
      </c>
      <c r="J408" s="6">
        <v>647</v>
      </c>
      <c r="K408" s="6">
        <v>646</v>
      </c>
      <c r="L408" s="6">
        <v>16</v>
      </c>
      <c r="M408" s="6">
        <v>233</v>
      </c>
      <c r="N408" s="10" t="s">
        <v>55</v>
      </c>
      <c r="O408" s="6">
        <v>452</v>
      </c>
      <c r="P408" s="6">
        <v>645</v>
      </c>
      <c r="Q408" s="6">
        <v>233</v>
      </c>
    </row>
    <row r="409" spans="1:17">
      <c r="A409" s="9" t="s">
        <v>56</v>
      </c>
      <c r="B409" s="9" t="s">
        <v>57</v>
      </c>
      <c r="C409" s="9" t="s">
        <v>59</v>
      </c>
      <c r="D409" s="9" t="s">
        <v>6</v>
      </c>
      <c r="E409" s="9" t="s">
        <v>50</v>
      </c>
      <c r="F409" s="9" t="s">
        <v>8</v>
      </c>
      <c r="G409" s="6">
        <v>2075</v>
      </c>
      <c r="H409" s="6">
        <v>1836</v>
      </c>
      <c r="I409" s="6">
        <v>1194</v>
      </c>
      <c r="J409" s="6">
        <v>636</v>
      </c>
      <c r="K409" s="6">
        <v>642</v>
      </c>
      <c r="L409" s="6">
        <v>16</v>
      </c>
      <c r="M409" s="6">
        <v>223</v>
      </c>
      <c r="N409" s="10" t="s">
        <v>55</v>
      </c>
      <c r="O409" s="6">
        <v>452</v>
      </c>
      <c r="P409" s="6">
        <v>634</v>
      </c>
      <c r="Q409" s="6">
        <v>223</v>
      </c>
    </row>
    <row r="410" spans="1:17">
      <c r="A410" s="9" t="s">
        <v>56</v>
      </c>
      <c r="B410" s="9" t="s">
        <v>57</v>
      </c>
      <c r="C410" s="9" t="s">
        <v>59</v>
      </c>
      <c r="D410" s="9" t="s">
        <v>6</v>
      </c>
      <c r="E410" s="9" t="s">
        <v>50</v>
      </c>
      <c r="F410" s="9" t="s">
        <v>13</v>
      </c>
      <c r="G410" s="6">
        <v>35</v>
      </c>
      <c r="H410" s="6">
        <v>25</v>
      </c>
      <c r="I410" s="6">
        <v>21</v>
      </c>
      <c r="J410" s="6">
        <v>11</v>
      </c>
      <c r="K410" s="6">
        <v>4</v>
      </c>
      <c r="L410" s="10" t="s">
        <v>55</v>
      </c>
      <c r="M410" s="6">
        <v>10</v>
      </c>
      <c r="N410" s="10" t="s">
        <v>55</v>
      </c>
      <c r="O410" s="10" t="s">
        <v>55</v>
      </c>
      <c r="P410" s="6">
        <v>11</v>
      </c>
      <c r="Q410" s="6">
        <v>10</v>
      </c>
    </row>
    <row r="411" spans="1:17">
      <c r="A411" s="9" t="s">
        <v>56</v>
      </c>
      <c r="B411" s="9" t="s">
        <v>57</v>
      </c>
      <c r="C411" s="9" t="s">
        <v>59</v>
      </c>
      <c r="D411" s="9" t="s">
        <v>6</v>
      </c>
      <c r="E411" s="9" t="s">
        <v>50</v>
      </c>
      <c r="F411" s="9" t="s">
        <v>14</v>
      </c>
      <c r="G411" s="6">
        <v>16729</v>
      </c>
      <c r="H411" s="6">
        <v>13230</v>
      </c>
      <c r="I411" s="6">
        <v>8746</v>
      </c>
      <c r="J411" s="6">
        <v>4937</v>
      </c>
      <c r="K411" s="6">
        <v>4484</v>
      </c>
      <c r="L411" s="6">
        <v>80</v>
      </c>
      <c r="M411" s="6">
        <v>3419</v>
      </c>
      <c r="N411" s="10" t="s">
        <v>55</v>
      </c>
      <c r="O411" s="6">
        <v>2595</v>
      </c>
      <c r="P411" s="6">
        <v>4928</v>
      </c>
      <c r="Q411" s="6">
        <v>3419</v>
      </c>
    </row>
    <row r="412" spans="1:17">
      <c r="A412" s="9" t="s">
        <v>56</v>
      </c>
      <c r="B412" s="9" t="s">
        <v>57</v>
      </c>
      <c r="C412" s="9" t="s">
        <v>59</v>
      </c>
      <c r="D412" s="9" t="s">
        <v>6</v>
      </c>
      <c r="E412" s="9" t="s">
        <v>50</v>
      </c>
      <c r="F412" s="9" t="s">
        <v>18</v>
      </c>
      <c r="G412" s="6">
        <v>447</v>
      </c>
      <c r="H412" s="6">
        <v>309</v>
      </c>
      <c r="I412" s="6">
        <v>182</v>
      </c>
      <c r="J412" s="6">
        <v>66</v>
      </c>
      <c r="K412" s="6">
        <v>127</v>
      </c>
      <c r="L412" s="6">
        <v>5</v>
      </c>
      <c r="M412" s="6">
        <v>133</v>
      </c>
      <c r="N412" s="10" t="s">
        <v>55</v>
      </c>
      <c r="O412" s="6">
        <v>98</v>
      </c>
      <c r="P412" s="6">
        <v>66</v>
      </c>
      <c r="Q412" s="6">
        <v>133</v>
      </c>
    </row>
    <row r="413" spans="1:17">
      <c r="A413" s="9" t="s">
        <v>56</v>
      </c>
      <c r="B413" s="9" t="s">
        <v>57</v>
      </c>
      <c r="C413" s="9" t="s">
        <v>59</v>
      </c>
      <c r="D413" s="9" t="s">
        <v>6</v>
      </c>
      <c r="E413" s="9" t="s">
        <v>51</v>
      </c>
      <c r="F413" s="9" t="s">
        <v>6</v>
      </c>
      <c r="G413" s="6">
        <v>6184</v>
      </c>
      <c r="H413" s="6">
        <v>4802</v>
      </c>
      <c r="I413" s="6">
        <v>2474</v>
      </c>
      <c r="J413" s="6">
        <v>1081</v>
      </c>
      <c r="K413" s="6">
        <v>2328</v>
      </c>
      <c r="L413" s="6">
        <v>26</v>
      </c>
      <c r="M413" s="6">
        <v>1356</v>
      </c>
      <c r="N413" s="10" t="s">
        <v>55</v>
      </c>
      <c r="O413" s="6">
        <v>1258</v>
      </c>
      <c r="P413" s="6">
        <v>1080</v>
      </c>
      <c r="Q413" s="6">
        <v>1356</v>
      </c>
    </row>
    <row r="414" spans="1:17">
      <c r="A414" s="9" t="s">
        <v>56</v>
      </c>
      <c r="B414" s="9" t="s">
        <v>57</v>
      </c>
      <c r="C414" s="9" t="s">
        <v>59</v>
      </c>
      <c r="D414" s="9" t="s">
        <v>6</v>
      </c>
      <c r="E414" s="9" t="s">
        <v>51</v>
      </c>
      <c r="F414" s="9" t="s">
        <v>7</v>
      </c>
      <c r="G414" s="6">
        <v>237</v>
      </c>
      <c r="H414" s="6">
        <v>203</v>
      </c>
      <c r="I414" s="6">
        <v>103</v>
      </c>
      <c r="J414" s="6">
        <v>42</v>
      </c>
      <c r="K414" s="6">
        <v>100</v>
      </c>
      <c r="L414" s="6">
        <v>1</v>
      </c>
      <c r="M414" s="6">
        <v>33</v>
      </c>
      <c r="N414" s="10" t="s">
        <v>55</v>
      </c>
      <c r="O414" s="6">
        <v>64</v>
      </c>
      <c r="P414" s="6">
        <v>42</v>
      </c>
      <c r="Q414" s="6">
        <v>33</v>
      </c>
    </row>
    <row r="415" spans="1:17">
      <c r="A415" s="9" t="s">
        <v>56</v>
      </c>
      <c r="B415" s="9" t="s">
        <v>57</v>
      </c>
      <c r="C415" s="9" t="s">
        <v>59</v>
      </c>
      <c r="D415" s="9" t="s">
        <v>6</v>
      </c>
      <c r="E415" s="9" t="s">
        <v>51</v>
      </c>
      <c r="F415" s="9" t="s">
        <v>8</v>
      </c>
      <c r="G415" s="6">
        <v>235</v>
      </c>
      <c r="H415" s="6">
        <v>201</v>
      </c>
      <c r="I415" s="6">
        <v>102</v>
      </c>
      <c r="J415" s="6">
        <v>42</v>
      </c>
      <c r="K415" s="6">
        <v>99</v>
      </c>
      <c r="L415" s="6">
        <v>1</v>
      </c>
      <c r="M415" s="6">
        <v>33</v>
      </c>
      <c r="N415" s="10" t="s">
        <v>55</v>
      </c>
      <c r="O415" s="6">
        <v>64</v>
      </c>
      <c r="P415" s="6">
        <v>42</v>
      </c>
      <c r="Q415" s="6">
        <v>33</v>
      </c>
    </row>
    <row r="416" spans="1:17">
      <c r="A416" s="9" t="s">
        <v>56</v>
      </c>
      <c r="B416" s="9" t="s">
        <v>57</v>
      </c>
      <c r="C416" s="9" t="s">
        <v>59</v>
      </c>
      <c r="D416" s="9" t="s">
        <v>6</v>
      </c>
      <c r="E416" s="9" t="s">
        <v>51</v>
      </c>
      <c r="F416" s="9" t="s">
        <v>13</v>
      </c>
      <c r="G416" s="6">
        <v>2</v>
      </c>
      <c r="H416" s="6">
        <v>2</v>
      </c>
      <c r="I416" s="6">
        <v>1</v>
      </c>
      <c r="J416" s="10" t="s">
        <v>55</v>
      </c>
      <c r="K416" s="6">
        <v>1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</row>
    <row r="417" spans="1:17">
      <c r="A417" s="9" t="s">
        <v>56</v>
      </c>
      <c r="B417" s="9" t="s">
        <v>57</v>
      </c>
      <c r="C417" s="9" t="s">
        <v>59</v>
      </c>
      <c r="D417" s="9" t="s">
        <v>6</v>
      </c>
      <c r="E417" s="9" t="s">
        <v>51</v>
      </c>
      <c r="F417" s="9" t="s">
        <v>14</v>
      </c>
      <c r="G417" s="6">
        <v>5786</v>
      </c>
      <c r="H417" s="6">
        <v>4487</v>
      </c>
      <c r="I417" s="6">
        <v>2318</v>
      </c>
      <c r="J417" s="6">
        <v>1024</v>
      </c>
      <c r="K417" s="6">
        <v>2169</v>
      </c>
      <c r="L417" s="6">
        <v>24</v>
      </c>
      <c r="M417" s="6">
        <v>1275</v>
      </c>
      <c r="N417" s="10" t="s">
        <v>55</v>
      </c>
      <c r="O417" s="6">
        <v>1152</v>
      </c>
      <c r="P417" s="6">
        <v>1023</v>
      </c>
      <c r="Q417" s="6">
        <v>1275</v>
      </c>
    </row>
    <row r="418" spans="1:17">
      <c r="A418" s="9" t="s">
        <v>56</v>
      </c>
      <c r="B418" s="9" t="s">
        <v>57</v>
      </c>
      <c r="C418" s="9" t="s">
        <v>59</v>
      </c>
      <c r="D418" s="9" t="s">
        <v>6</v>
      </c>
      <c r="E418" s="9" t="s">
        <v>51</v>
      </c>
      <c r="F418" s="9" t="s">
        <v>18</v>
      </c>
      <c r="G418" s="6">
        <v>161</v>
      </c>
      <c r="H418" s="6">
        <v>112</v>
      </c>
      <c r="I418" s="6">
        <v>53</v>
      </c>
      <c r="J418" s="6">
        <v>15</v>
      </c>
      <c r="K418" s="6">
        <v>59</v>
      </c>
      <c r="L418" s="6">
        <v>1</v>
      </c>
      <c r="M418" s="6">
        <v>48</v>
      </c>
      <c r="N418" s="10" t="s">
        <v>55</v>
      </c>
      <c r="O418" s="6">
        <v>42</v>
      </c>
      <c r="P418" s="6">
        <v>15</v>
      </c>
      <c r="Q418" s="6">
        <v>48</v>
      </c>
    </row>
    <row r="419" spans="1:17">
      <c r="A419" s="9" t="s">
        <v>56</v>
      </c>
      <c r="B419" s="9" t="s">
        <v>57</v>
      </c>
      <c r="C419" s="9" t="s">
        <v>59</v>
      </c>
      <c r="D419" s="9" t="s">
        <v>6</v>
      </c>
      <c r="E419" s="9" t="s">
        <v>52</v>
      </c>
      <c r="F419" s="9" t="s">
        <v>6</v>
      </c>
      <c r="G419" s="6">
        <v>68269</v>
      </c>
      <c r="H419" s="6">
        <v>58046</v>
      </c>
      <c r="I419" s="6">
        <v>41950</v>
      </c>
      <c r="J419" s="6">
        <v>10968</v>
      </c>
      <c r="K419" s="6">
        <v>16096</v>
      </c>
      <c r="L419" s="6">
        <v>845</v>
      </c>
      <c r="M419" s="6">
        <v>9378</v>
      </c>
      <c r="N419" s="10" t="s">
        <v>55</v>
      </c>
      <c r="O419" s="6">
        <v>11938</v>
      </c>
      <c r="P419" s="6">
        <v>4029</v>
      </c>
      <c r="Q419" s="6">
        <v>1433</v>
      </c>
    </row>
    <row r="420" spans="1:17">
      <c r="A420" s="9" t="s">
        <v>56</v>
      </c>
      <c r="B420" s="9" t="s">
        <v>57</v>
      </c>
      <c r="C420" s="9" t="s">
        <v>59</v>
      </c>
      <c r="D420" s="9" t="s">
        <v>6</v>
      </c>
      <c r="E420" s="9" t="s">
        <v>52</v>
      </c>
      <c r="F420" s="9" t="s">
        <v>7</v>
      </c>
      <c r="G420" s="6">
        <v>53312</v>
      </c>
      <c r="H420" s="6">
        <v>45497</v>
      </c>
      <c r="I420" s="6">
        <v>32230</v>
      </c>
      <c r="J420" s="6">
        <v>7504</v>
      </c>
      <c r="K420" s="6">
        <v>13267</v>
      </c>
      <c r="L420" s="6">
        <v>686</v>
      </c>
      <c r="M420" s="6">
        <v>7129</v>
      </c>
      <c r="N420" s="10" t="s">
        <v>55</v>
      </c>
      <c r="O420" s="6">
        <v>10093</v>
      </c>
      <c r="P420" s="6">
        <v>2028</v>
      </c>
      <c r="Q420" s="6">
        <v>653</v>
      </c>
    </row>
    <row r="421" spans="1:17">
      <c r="A421" s="9" t="s">
        <v>56</v>
      </c>
      <c r="B421" s="9" t="s">
        <v>57</v>
      </c>
      <c r="C421" s="9" t="s">
        <v>59</v>
      </c>
      <c r="D421" s="9" t="s">
        <v>6</v>
      </c>
      <c r="E421" s="9" t="s">
        <v>52</v>
      </c>
      <c r="F421" s="9" t="s">
        <v>8</v>
      </c>
      <c r="G421" s="6">
        <v>50950</v>
      </c>
      <c r="H421" s="6">
        <v>43528</v>
      </c>
      <c r="I421" s="6">
        <v>30740</v>
      </c>
      <c r="J421" s="6">
        <v>7276</v>
      </c>
      <c r="K421" s="6">
        <v>12788</v>
      </c>
      <c r="L421" s="6">
        <v>647</v>
      </c>
      <c r="M421" s="6">
        <v>6775</v>
      </c>
      <c r="N421" s="10" t="s">
        <v>55</v>
      </c>
      <c r="O421" s="6">
        <v>9750</v>
      </c>
      <c r="P421" s="6">
        <v>1957</v>
      </c>
      <c r="Q421" s="6">
        <v>598</v>
      </c>
    </row>
    <row r="422" spans="1:17">
      <c r="A422" s="9" t="s">
        <v>56</v>
      </c>
      <c r="B422" s="9" t="s">
        <v>57</v>
      </c>
      <c r="C422" s="9" t="s">
        <v>59</v>
      </c>
      <c r="D422" s="9" t="s">
        <v>6</v>
      </c>
      <c r="E422" s="9" t="s">
        <v>52</v>
      </c>
      <c r="F422" s="9" t="s">
        <v>13</v>
      </c>
      <c r="G422" s="6">
        <v>2362</v>
      </c>
      <c r="H422" s="6">
        <v>1969</v>
      </c>
      <c r="I422" s="6">
        <v>1490</v>
      </c>
      <c r="J422" s="6">
        <v>228</v>
      </c>
      <c r="K422" s="6">
        <v>479</v>
      </c>
      <c r="L422" s="6">
        <v>39</v>
      </c>
      <c r="M422" s="6">
        <v>354</v>
      </c>
      <c r="N422" s="10" t="s">
        <v>55</v>
      </c>
      <c r="O422" s="6">
        <v>343</v>
      </c>
      <c r="P422" s="6">
        <v>71</v>
      </c>
      <c r="Q422" s="6">
        <v>55</v>
      </c>
    </row>
    <row r="423" spans="1:17">
      <c r="A423" s="9" t="s">
        <v>56</v>
      </c>
      <c r="B423" s="9" t="s">
        <v>57</v>
      </c>
      <c r="C423" s="9" t="s">
        <v>59</v>
      </c>
      <c r="D423" s="9" t="s">
        <v>6</v>
      </c>
      <c r="E423" s="9" t="s">
        <v>52</v>
      </c>
      <c r="F423" s="9" t="s">
        <v>14</v>
      </c>
      <c r="G423" s="6">
        <v>10985</v>
      </c>
      <c r="H423" s="6">
        <v>9696</v>
      </c>
      <c r="I423" s="6">
        <v>7429</v>
      </c>
      <c r="J423" s="6">
        <v>3076</v>
      </c>
      <c r="K423" s="6">
        <v>2267</v>
      </c>
      <c r="L423" s="6">
        <v>99</v>
      </c>
      <c r="M423" s="6">
        <v>1190</v>
      </c>
      <c r="N423" s="10" t="s">
        <v>55</v>
      </c>
      <c r="O423" s="6">
        <v>1403</v>
      </c>
      <c r="P423" s="6">
        <v>1953</v>
      </c>
      <c r="Q423" s="6">
        <v>695</v>
      </c>
    </row>
    <row r="424" spans="1:17">
      <c r="A424" s="9" t="s">
        <v>56</v>
      </c>
      <c r="B424" s="9" t="s">
        <v>57</v>
      </c>
      <c r="C424" s="9" t="s">
        <v>59</v>
      </c>
      <c r="D424" s="9" t="s">
        <v>6</v>
      </c>
      <c r="E424" s="9" t="s">
        <v>52</v>
      </c>
      <c r="F424" s="9" t="s">
        <v>18</v>
      </c>
      <c r="G424" s="6">
        <v>3972</v>
      </c>
      <c r="H424" s="6">
        <v>2853</v>
      </c>
      <c r="I424" s="6">
        <v>2291</v>
      </c>
      <c r="J424" s="6">
        <v>388</v>
      </c>
      <c r="K424" s="6">
        <v>562</v>
      </c>
      <c r="L424" s="6">
        <v>60</v>
      </c>
      <c r="M424" s="6">
        <v>1059</v>
      </c>
      <c r="N424" s="10" t="s">
        <v>55</v>
      </c>
      <c r="O424" s="6">
        <v>442</v>
      </c>
      <c r="P424" s="6">
        <v>48</v>
      </c>
      <c r="Q424" s="6">
        <v>8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2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32E4D5B-82EC-4762-9C03-506073A8D972}">
  <sheetPr>
    <pageSetUpPr fitToPage="1"/>
  </sheetPr>
  <dimension ref="A1:Q424"/>
  <sheetViews>
    <sheetView zoomScaleNormal="100" workbookViewId="0">
      <pane xSplit="6" ySplit="10" topLeftCell="G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0" style="11" customWidth="1"/>
    <col min="6" max="6" width="18.75" style="11" customWidth="1"/>
    <col min="7" max="16384" width="12.625" style="11"/>
  </cols>
  <sheetData>
    <row r="1" spans="1:17" s="1" customFormat="1">
      <c r="A1" s="1" t="s">
        <v>0</v>
      </c>
    </row>
    <row r="2" spans="1:17" s="1" customFormat="1">
      <c r="A2" s="1" t="s">
        <v>221</v>
      </c>
    </row>
    <row r="3" spans="1:17" s="1" customFormat="1"/>
    <row r="4" spans="1:17" s="1" customFormat="1" hidden="1"/>
    <row r="5" spans="1:17" s="1" customFormat="1">
      <c r="G5" s="3" t="s">
        <v>209</v>
      </c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  <c r="M5" s="3" t="s">
        <v>209</v>
      </c>
      <c r="N5" s="3" t="s">
        <v>209</v>
      </c>
      <c r="O5" s="3" t="s">
        <v>209</v>
      </c>
      <c r="P5" s="3" t="s">
        <v>209</v>
      </c>
      <c r="Q5" s="3" t="s">
        <v>209</v>
      </c>
    </row>
    <row r="6" spans="1:17" s="1" customFormat="1" ht="24">
      <c r="G6" s="3" t="s">
        <v>210</v>
      </c>
      <c r="H6" s="3" t="s">
        <v>210</v>
      </c>
      <c r="I6" s="3" t="s">
        <v>210</v>
      </c>
      <c r="J6" s="3" t="s">
        <v>210</v>
      </c>
      <c r="K6" s="3" t="s">
        <v>210</v>
      </c>
      <c r="L6" s="3" t="s">
        <v>210</v>
      </c>
      <c r="M6" s="3" t="s">
        <v>210</v>
      </c>
      <c r="N6" s="3" t="s">
        <v>210</v>
      </c>
      <c r="O6" s="3" t="s">
        <v>210</v>
      </c>
      <c r="P6" s="3" t="s">
        <v>210</v>
      </c>
      <c r="Q6" s="3" t="s">
        <v>210</v>
      </c>
    </row>
    <row r="7" spans="1:17" s="1" customFormat="1">
      <c r="G7" s="3">
        <v>1</v>
      </c>
      <c r="H7" s="3">
        <v>1</v>
      </c>
      <c r="I7" s="3">
        <v>2</v>
      </c>
      <c r="J7" s="3">
        <v>3</v>
      </c>
      <c r="K7" s="3">
        <v>2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</row>
    <row r="8" spans="1:17" s="1" customFormat="1" ht="48">
      <c r="G8" s="3" t="s">
        <v>6</v>
      </c>
      <c r="H8" s="3" t="s">
        <v>211</v>
      </c>
      <c r="I8" s="3" t="s">
        <v>212</v>
      </c>
      <c r="J8" s="3" t="s">
        <v>213</v>
      </c>
      <c r="K8" s="3" t="s">
        <v>214</v>
      </c>
      <c r="L8" s="3" t="s">
        <v>215</v>
      </c>
      <c r="M8" s="3" t="s">
        <v>216</v>
      </c>
      <c r="N8" s="3" t="s">
        <v>217</v>
      </c>
      <c r="O8" s="3" t="s">
        <v>218</v>
      </c>
      <c r="P8" s="3" t="s">
        <v>219</v>
      </c>
      <c r="Q8" s="3" t="s">
        <v>220</v>
      </c>
    </row>
    <row r="9" spans="1:17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</row>
    <row r="10" spans="1:17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5</v>
      </c>
      <c r="F10" s="2" t="s">
        <v>5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</row>
    <row r="11" spans="1:17">
      <c r="A11" s="5" t="s">
        <v>27</v>
      </c>
      <c r="B11" s="5" t="s">
        <v>28</v>
      </c>
      <c r="C11" s="5" t="s">
        <v>29</v>
      </c>
      <c r="D11" s="5" t="s">
        <v>53</v>
      </c>
      <c r="E11" s="5" t="s">
        <v>30</v>
      </c>
      <c r="F11" s="5" t="s">
        <v>6</v>
      </c>
      <c r="G11" s="6">
        <v>51014650</v>
      </c>
      <c r="H11" s="6">
        <v>40833558</v>
      </c>
      <c r="I11" s="6">
        <v>34794232</v>
      </c>
      <c r="J11" s="6">
        <v>11158840</v>
      </c>
      <c r="K11" s="6">
        <v>6039326</v>
      </c>
      <c r="L11" s="6">
        <v>579518</v>
      </c>
      <c r="M11" s="6">
        <v>9601574</v>
      </c>
      <c r="N11" s="10" t="s">
        <v>55</v>
      </c>
      <c r="O11" s="6">
        <v>4226692</v>
      </c>
      <c r="P11" s="6">
        <v>6533895</v>
      </c>
      <c r="Q11" s="6">
        <v>2308171</v>
      </c>
    </row>
    <row r="12" spans="1:17">
      <c r="A12" s="9" t="s">
        <v>27</v>
      </c>
      <c r="B12" s="9" t="s">
        <v>28</v>
      </c>
      <c r="C12" s="9" t="s">
        <v>29</v>
      </c>
      <c r="D12" s="9" t="s">
        <v>53</v>
      </c>
      <c r="E12" s="9" t="s">
        <v>30</v>
      </c>
      <c r="F12" s="9" t="s">
        <v>7</v>
      </c>
      <c r="G12" s="6">
        <v>32778629</v>
      </c>
      <c r="H12" s="6">
        <v>26961291</v>
      </c>
      <c r="I12" s="6">
        <v>22885803</v>
      </c>
      <c r="J12" s="6">
        <v>6160339</v>
      </c>
      <c r="K12" s="6">
        <v>4075488</v>
      </c>
      <c r="L12" s="6">
        <v>379435</v>
      </c>
      <c r="M12" s="6">
        <v>5437903</v>
      </c>
      <c r="N12" s="10" t="s">
        <v>55</v>
      </c>
      <c r="O12" s="6">
        <v>2921203</v>
      </c>
      <c r="P12" s="6">
        <v>2241484</v>
      </c>
      <c r="Q12" s="6">
        <v>677125</v>
      </c>
    </row>
    <row r="13" spans="1:17">
      <c r="A13" s="9" t="s">
        <v>27</v>
      </c>
      <c r="B13" s="9" t="s">
        <v>28</v>
      </c>
      <c r="C13" s="9" t="s">
        <v>29</v>
      </c>
      <c r="D13" s="9" t="s">
        <v>53</v>
      </c>
      <c r="E13" s="9" t="s">
        <v>30</v>
      </c>
      <c r="F13" s="9" t="s">
        <v>8</v>
      </c>
      <c r="G13" s="6">
        <v>31358674</v>
      </c>
      <c r="H13" s="6">
        <v>25863146</v>
      </c>
      <c r="I13" s="6">
        <v>21957345</v>
      </c>
      <c r="J13" s="6">
        <v>5990501</v>
      </c>
      <c r="K13" s="6">
        <v>3905801</v>
      </c>
      <c r="L13" s="6">
        <v>358160</v>
      </c>
      <c r="M13" s="6">
        <v>5137368</v>
      </c>
      <c r="N13" s="10" t="s">
        <v>55</v>
      </c>
      <c r="O13" s="6">
        <v>2811958</v>
      </c>
      <c r="P13" s="6">
        <v>2165027</v>
      </c>
      <c r="Q13" s="6">
        <v>624307</v>
      </c>
    </row>
    <row r="14" spans="1:17">
      <c r="A14" s="9" t="s">
        <v>27</v>
      </c>
      <c r="B14" s="9" t="s">
        <v>28</v>
      </c>
      <c r="C14" s="9" t="s">
        <v>29</v>
      </c>
      <c r="D14" s="9" t="s">
        <v>53</v>
      </c>
      <c r="E14" s="9" t="s">
        <v>30</v>
      </c>
      <c r="F14" s="9" t="s">
        <v>13</v>
      </c>
      <c r="G14" s="6">
        <v>1419955</v>
      </c>
      <c r="H14" s="6">
        <v>1098145</v>
      </c>
      <c r="I14" s="6">
        <v>928458</v>
      </c>
      <c r="J14" s="6">
        <v>169838</v>
      </c>
      <c r="K14" s="6">
        <v>169687</v>
      </c>
      <c r="L14" s="6">
        <v>21275</v>
      </c>
      <c r="M14" s="6">
        <v>300535</v>
      </c>
      <c r="N14" s="10" t="s">
        <v>55</v>
      </c>
      <c r="O14" s="6">
        <v>109245</v>
      </c>
      <c r="P14" s="6">
        <v>76457</v>
      </c>
      <c r="Q14" s="6">
        <v>52818</v>
      </c>
    </row>
    <row r="15" spans="1:17">
      <c r="A15" s="9" t="s">
        <v>27</v>
      </c>
      <c r="B15" s="9" t="s">
        <v>28</v>
      </c>
      <c r="C15" s="9" t="s">
        <v>29</v>
      </c>
      <c r="D15" s="9" t="s">
        <v>53</v>
      </c>
      <c r="E15" s="9" t="s">
        <v>30</v>
      </c>
      <c r="F15" s="9" t="s">
        <v>14</v>
      </c>
      <c r="G15" s="6">
        <v>12139134</v>
      </c>
      <c r="H15" s="6">
        <v>10354830</v>
      </c>
      <c r="I15" s="6">
        <v>8704748</v>
      </c>
      <c r="J15" s="6">
        <v>4083554</v>
      </c>
      <c r="K15" s="6">
        <v>1650082</v>
      </c>
      <c r="L15" s="6">
        <v>65032</v>
      </c>
      <c r="M15" s="6">
        <v>1719272</v>
      </c>
      <c r="N15" s="10" t="s">
        <v>55</v>
      </c>
      <c r="O15" s="6">
        <v>1120552</v>
      </c>
      <c r="P15" s="6">
        <v>3848788</v>
      </c>
      <c r="Q15" s="6">
        <v>1242350</v>
      </c>
    </row>
    <row r="16" spans="1:17">
      <c r="A16" s="9" t="s">
        <v>27</v>
      </c>
      <c r="B16" s="9" t="s">
        <v>28</v>
      </c>
      <c r="C16" s="9" t="s">
        <v>29</v>
      </c>
      <c r="D16" s="9" t="s">
        <v>53</v>
      </c>
      <c r="E16" s="9" t="s">
        <v>30</v>
      </c>
      <c r="F16" s="9" t="s">
        <v>18</v>
      </c>
      <c r="G16" s="6">
        <v>6096887</v>
      </c>
      <c r="H16" s="6">
        <v>3517437</v>
      </c>
      <c r="I16" s="6">
        <v>3203681</v>
      </c>
      <c r="J16" s="6">
        <v>914947</v>
      </c>
      <c r="K16" s="6">
        <v>313756</v>
      </c>
      <c r="L16" s="6">
        <v>135051</v>
      </c>
      <c r="M16" s="6">
        <v>2444399</v>
      </c>
      <c r="N16" s="10" t="s">
        <v>55</v>
      </c>
      <c r="O16" s="6">
        <v>184937</v>
      </c>
      <c r="P16" s="6">
        <v>443623</v>
      </c>
      <c r="Q16" s="6">
        <v>388696</v>
      </c>
    </row>
    <row r="17" spans="1:17">
      <c r="A17" s="9" t="s">
        <v>27</v>
      </c>
      <c r="B17" s="9" t="s">
        <v>28</v>
      </c>
      <c r="C17" s="9" t="s">
        <v>29</v>
      </c>
      <c r="D17" s="9" t="s">
        <v>53</v>
      </c>
      <c r="E17" s="9" t="s">
        <v>31</v>
      </c>
      <c r="F17" s="9" t="s">
        <v>6</v>
      </c>
      <c r="G17" s="6">
        <v>2781606</v>
      </c>
      <c r="H17" s="6">
        <v>2604692</v>
      </c>
      <c r="I17" s="6">
        <v>2193236</v>
      </c>
      <c r="J17" s="6">
        <v>798</v>
      </c>
      <c r="K17" s="6">
        <v>411456</v>
      </c>
      <c r="L17" s="6">
        <v>15776</v>
      </c>
      <c r="M17" s="6">
        <v>161138</v>
      </c>
      <c r="N17" s="10" t="s">
        <v>55</v>
      </c>
      <c r="O17" s="6">
        <v>383568</v>
      </c>
      <c r="P17" s="10" t="s">
        <v>55</v>
      </c>
      <c r="Q17" s="10" t="s">
        <v>55</v>
      </c>
    </row>
    <row r="18" spans="1:17">
      <c r="A18" s="9" t="s">
        <v>27</v>
      </c>
      <c r="B18" s="9" t="s">
        <v>28</v>
      </c>
      <c r="C18" s="9" t="s">
        <v>29</v>
      </c>
      <c r="D18" s="9" t="s">
        <v>53</v>
      </c>
      <c r="E18" s="9" t="s">
        <v>31</v>
      </c>
      <c r="F18" s="9" t="s">
        <v>7</v>
      </c>
      <c r="G18" s="6">
        <v>417153</v>
      </c>
      <c r="H18" s="6">
        <v>338193</v>
      </c>
      <c r="I18" s="6">
        <v>276419</v>
      </c>
      <c r="J18" s="6">
        <v>467</v>
      </c>
      <c r="K18" s="6">
        <v>61774</v>
      </c>
      <c r="L18" s="6">
        <v>3365</v>
      </c>
      <c r="M18" s="6">
        <v>75595</v>
      </c>
      <c r="N18" s="10" t="s">
        <v>55</v>
      </c>
      <c r="O18" s="6">
        <v>54792</v>
      </c>
      <c r="P18" s="10" t="s">
        <v>55</v>
      </c>
      <c r="Q18" s="10" t="s">
        <v>55</v>
      </c>
    </row>
    <row r="19" spans="1:17">
      <c r="A19" s="9" t="s">
        <v>27</v>
      </c>
      <c r="B19" s="9" t="s">
        <v>28</v>
      </c>
      <c r="C19" s="9" t="s">
        <v>29</v>
      </c>
      <c r="D19" s="9" t="s">
        <v>53</v>
      </c>
      <c r="E19" s="9" t="s">
        <v>31</v>
      </c>
      <c r="F19" s="9" t="s">
        <v>8</v>
      </c>
      <c r="G19" s="6">
        <v>384366</v>
      </c>
      <c r="H19" s="6">
        <v>313372</v>
      </c>
      <c r="I19" s="6">
        <v>257284</v>
      </c>
      <c r="J19" s="6">
        <v>441</v>
      </c>
      <c r="K19" s="6">
        <v>56088</v>
      </c>
      <c r="L19" s="6">
        <v>3038</v>
      </c>
      <c r="M19" s="6">
        <v>67956</v>
      </c>
      <c r="N19" s="10" t="s">
        <v>55</v>
      </c>
      <c r="O19" s="6">
        <v>50010</v>
      </c>
      <c r="P19" s="10" t="s">
        <v>55</v>
      </c>
      <c r="Q19" s="10" t="s">
        <v>55</v>
      </c>
    </row>
    <row r="20" spans="1:17">
      <c r="A20" s="9" t="s">
        <v>27</v>
      </c>
      <c r="B20" s="9" t="s">
        <v>28</v>
      </c>
      <c r="C20" s="9" t="s">
        <v>29</v>
      </c>
      <c r="D20" s="9" t="s">
        <v>53</v>
      </c>
      <c r="E20" s="9" t="s">
        <v>31</v>
      </c>
      <c r="F20" s="9" t="s">
        <v>13</v>
      </c>
      <c r="G20" s="6">
        <v>32787</v>
      </c>
      <c r="H20" s="6">
        <v>24821</v>
      </c>
      <c r="I20" s="6">
        <v>19135</v>
      </c>
      <c r="J20" s="6">
        <v>26</v>
      </c>
      <c r="K20" s="6">
        <v>5686</v>
      </c>
      <c r="L20" s="6">
        <v>327</v>
      </c>
      <c r="M20" s="6">
        <v>7639</v>
      </c>
      <c r="N20" s="10" t="s">
        <v>55</v>
      </c>
      <c r="O20" s="6">
        <v>4782</v>
      </c>
      <c r="P20" s="10" t="s">
        <v>55</v>
      </c>
      <c r="Q20" s="10" t="s">
        <v>55</v>
      </c>
    </row>
    <row r="21" spans="1:17">
      <c r="A21" s="9" t="s">
        <v>27</v>
      </c>
      <c r="B21" s="9" t="s">
        <v>28</v>
      </c>
      <c r="C21" s="9" t="s">
        <v>29</v>
      </c>
      <c r="D21" s="9" t="s">
        <v>53</v>
      </c>
      <c r="E21" s="9" t="s">
        <v>31</v>
      </c>
      <c r="F21" s="9" t="s">
        <v>14</v>
      </c>
      <c r="G21" s="6">
        <v>2062239</v>
      </c>
      <c r="H21" s="6">
        <v>1987689</v>
      </c>
      <c r="I21" s="6">
        <v>1661070</v>
      </c>
      <c r="J21" s="6">
        <v>49</v>
      </c>
      <c r="K21" s="6">
        <v>326619</v>
      </c>
      <c r="L21" s="6">
        <v>7641</v>
      </c>
      <c r="M21" s="6">
        <v>66909</v>
      </c>
      <c r="N21" s="10" t="s">
        <v>55</v>
      </c>
      <c r="O21" s="6">
        <v>309353</v>
      </c>
      <c r="P21" s="10" t="s">
        <v>55</v>
      </c>
      <c r="Q21" s="10" t="s">
        <v>55</v>
      </c>
    </row>
    <row r="22" spans="1:17">
      <c r="A22" s="9" t="s">
        <v>27</v>
      </c>
      <c r="B22" s="9" t="s">
        <v>28</v>
      </c>
      <c r="C22" s="9" t="s">
        <v>29</v>
      </c>
      <c r="D22" s="9" t="s">
        <v>53</v>
      </c>
      <c r="E22" s="9" t="s">
        <v>31</v>
      </c>
      <c r="F22" s="9" t="s">
        <v>18</v>
      </c>
      <c r="G22" s="6">
        <v>302214</v>
      </c>
      <c r="H22" s="6">
        <v>278810</v>
      </c>
      <c r="I22" s="6">
        <v>255747</v>
      </c>
      <c r="J22" s="6">
        <v>282</v>
      </c>
      <c r="K22" s="6">
        <v>23063</v>
      </c>
      <c r="L22" s="6">
        <v>4770</v>
      </c>
      <c r="M22" s="6">
        <v>18634</v>
      </c>
      <c r="N22" s="10" t="s">
        <v>55</v>
      </c>
      <c r="O22" s="6">
        <v>19423</v>
      </c>
      <c r="P22" s="10" t="s">
        <v>55</v>
      </c>
      <c r="Q22" s="10" t="s">
        <v>55</v>
      </c>
    </row>
    <row r="23" spans="1:17">
      <c r="A23" s="9" t="s">
        <v>27</v>
      </c>
      <c r="B23" s="9" t="s">
        <v>28</v>
      </c>
      <c r="C23" s="9" t="s">
        <v>29</v>
      </c>
      <c r="D23" s="9" t="s">
        <v>53</v>
      </c>
      <c r="E23" s="9" t="s">
        <v>32</v>
      </c>
      <c r="F23" s="9" t="s">
        <v>6</v>
      </c>
      <c r="G23" s="6">
        <v>2948345</v>
      </c>
      <c r="H23" s="6">
        <v>1959923</v>
      </c>
      <c r="I23" s="6">
        <v>1592950</v>
      </c>
      <c r="J23" s="6">
        <v>42988</v>
      </c>
      <c r="K23" s="6">
        <v>366973</v>
      </c>
      <c r="L23" s="6">
        <v>58765</v>
      </c>
      <c r="M23" s="6">
        <v>929657</v>
      </c>
      <c r="N23" s="10" t="s">
        <v>55</v>
      </c>
      <c r="O23" s="6">
        <v>310241</v>
      </c>
      <c r="P23" s="10" t="s">
        <v>55</v>
      </c>
      <c r="Q23" s="10" t="s">
        <v>55</v>
      </c>
    </row>
    <row r="24" spans="1:17">
      <c r="A24" s="9" t="s">
        <v>27</v>
      </c>
      <c r="B24" s="9" t="s">
        <v>28</v>
      </c>
      <c r="C24" s="9" t="s">
        <v>29</v>
      </c>
      <c r="D24" s="9" t="s">
        <v>53</v>
      </c>
      <c r="E24" s="9" t="s">
        <v>32</v>
      </c>
      <c r="F24" s="9" t="s">
        <v>7</v>
      </c>
      <c r="G24" s="6">
        <v>1832911</v>
      </c>
      <c r="H24" s="6">
        <v>1232537</v>
      </c>
      <c r="I24" s="6">
        <v>974641</v>
      </c>
      <c r="J24" s="6">
        <v>33266</v>
      </c>
      <c r="K24" s="6">
        <v>257896</v>
      </c>
      <c r="L24" s="6">
        <v>40818</v>
      </c>
      <c r="M24" s="6">
        <v>559556</v>
      </c>
      <c r="N24" s="10" t="s">
        <v>55</v>
      </c>
      <c r="O24" s="6">
        <v>222063</v>
      </c>
      <c r="P24" s="10" t="s">
        <v>55</v>
      </c>
      <c r="Q24" s="10" t="s">
        <v>55</v>
      </c>
    </row>
    <row r="25" spans="1:17">
      <c r="A25" s="9" t="s">
        <v>27</v>
      </c>
      <c r="B25" s="9" t="s">
        <v>28</v>
      </c>
      <c r="C25" s="9" t="s">
        <v>29</v>
      </c>
      <c r="D25" s="9" t="s">
        <v>53</v>
      </c>
      <c r="E25" s="9" t="s">
        <v>32</v>
      </c>
      <c r="F25" s="9" t="s">
        <v>8</v>
      </c>
      <c r="G25" s="6">
        <v>1710699</v>
      </c>
      <c r="H25" s="6">
        <v>1129436</v>
      </c>
      <c r="I25" s="6">
        <v>894510</v>
      </c>
      <c r="J25" s="6">
        <v>32589</v>
      </c>
      <c r="K25" s="6">
        <v>234926</v>
      </c>
      <c r="L25" s="6">
        <v>38698</v>
      </c>
      <c r="M25" s="6">
        <v>542565</v>
      </c>
      <c r="N25" s="10" t="s">
        <v>55</v>
      </c>
      <c r="O25" s="6">
        <v>202611</v>
      </c>
      <c r="P25" s="10" t="s">
        <v>55</v>
      </c>
      <c r="Q25" s="10" t="s">
        <v>55</v>
      </c>
    </row>
    <row r="26" spans="1:17">
      <c r="A26" s="9" t="s">
        <v>27</v>
      </c>
      <c r="B26" s="9" t="s">
        <v>28</v>
      </c>
      <c r="C26" s="9" t="s">
        <v>29</v>
      </c>
      <c r="D26" s="9" t="s">
        <v>53</v>
      </c>
      <c r="E26" s="9" t="s">
        <v>32</v>
      </c>
      <c r="F26" s="9" t="s">
        <v>13</v>
      </c>
      <c r="G26" s="6">
        <v>122212</v>
      </c>
      <c r="H26" s="6">
        <v>103101</v>
      </c>
      <c r="I26" s="6">
        <v>80131</v>
      </c>
      <c r="J26" s="6">
        <v>677</v>
      </c>
      <c r="K26" s="6">
        <v>22970</v>
      </c>
      <c r="L26" s="6">
        <v>2120</v>
      </c>
      <c r="M26" s="6">
        <v>16991</v>
      </c>
      <c r="N26" s="10" t="s">
        <v>55</v>
      </c>
      <c r="O26" s="6">
        <v>19452</v>
      </c>
      <c r="P26" s="10" t="s">
        <v>55</v>
      </c>
      <c r="Q26" s="10" t="s">
        <v>55</v>
      </c>
    </row>
    <row r="27" spans="1:17">
      <c r="A27" s="9" t="s">
        <v>27</v>
      </c>
      <c r="B27" s="9" t="s">
        <v>28</v>
      </c>
      <c r="C27" s="9" t="s">
        <v>29</v>
      </c>
      <c r="D27" s="9" t="s">
        <v>53</v>
      </c>
      <c r="E27" s="9" t="s">
        <v>32</v>
      </c>
      <c r="F27" s="9" t="s">
        <v>14</v>
      </c>
      <c r="G27" s="6">
        <v>627834</v>
      </c>
      <c r="H27" s="6">
        <v>484806</v>
      </c>
      <c r="I27" s="6">
        <v>405170</v>
      </c>
      <c r="J27" s="6">
        <v>556</v>
      </c>
      <c r="K27" s="6">
        <v>79636</v>
      </c>
      <c r="L27" s="6">
        <v>3541</v>
      </c>
      <c r="M27" s="6">
        <v>139487</v>
      </c>
      <c r="N27" s="10" t="s">
        <v>55</v>
      </c>
      <c r="O27" s="6">
        <v>69476</v>
      </c>
      <c r="P27" s="10" t="s">
        <v>55</v>
      </c>
      <c r="Q27" s="10" t="s">
        <v>55</v>
      </c>
    </row>
    <row r="28" spans="1:17">
      <c r="A28" s="9" t="s">
        <v>27</v>
      </c>
      <c r="B28" s="9" t="s">
        <v>28</v>
      </c>
      <c r="C28" s="9" t="s">
        <v>29</v>
      </c>
      <c r="D28" s="9" t="s">
        <v>53</v>
      </c>
      <c r="E28" s="9" t="s">
        <v>32</v>
      </c>
      <c r="F28" s="9" t="s">
        <v>18</v>
      </c>
      <c r="G28" s="6">
        <v>487600</v>
      </c>
      <c r="H28" s="6">
        <v>242580</v>
      </c>
      <c r="I28" s="6">
        <v>213139</v>
      </c>
      <c r="J28" s="6">
        <v>9166</v>
      </c>
      <c r="K28" s="6">
        <v>29441</v>
      </c>
      <c r="L28" s="6">
        <v>14406</v>
      </c>
      <c r="M28" s="6">
        <v>230614</v>
      </c>
      <c r="N28" s="10" t="s">
        <v>55</v>
      </c>
      <c r="O28" s="6">
        <v>18702</v>
      </c>
      <c r="P28" s="10" t="s">
        <v>55</v>
      </c>
      <c r="Q28" s="10" t="s">
        <v>55</v>
      </c>
    </row>
    <row r="29" spans="1:17">
      <c r="A29" s="9" t="s">
        <v>27</v>
      </c>
      <c r="B29" s="9" t="s">
        <v>28</v>
      </c>
      <c r="C29" s="9" t="s">
        <v>29</v>
      </c>
      <c r="D29" s="9" t="s">
        <v>53</v>
      </c>
      <c r="E29" s="9" t="s">
        <v>33</v>
      </c>
      <c r="F29" s="9" t="s">
        <v>6</v>
      </c>
      <c r="G29" s="6">
        <v>3040167</v>
      </c>
      <c r="H29" s="6">
        <v>1888373</v>
      </c>
      <c r="I29" s="6">
        <v>1575483</v>
      </c>
      <c r="J29" s="6">
        <v>307232</v>
      </c>
      <c r="K29" s="6">
        <v>312890</v>
      </c>
      <c r="L29" s="6">
        <v>97011</v>
      </c>
      <c r="M29" s="6">
        <v>1054783</v>
      </c>
      <c r="N29" s="10" t="s">
        <v>55</v>
      </c>
      <c r="O29" s="6">
        <v>256740</v>
      </c>
      <c r="P29" s="10" t="s">
        <v>55</v>
      </c>
      <c r="Q29" s="10" t="s">
        <v>55</v>
      </c>
    </row>
    <row r="30" spans="1:17">
      <c r="A30" s="9" t="s">
        <v>27</v>
      </c>
      <c r="B30" s="9" t="s">
        <v>28</v>
      </c>
      <c r="C30" s="9" t="s">
        <v>29</v>
      </c>
      <c r="D30" s="9" t="s">
        <v>53</v>
      </c>
      <c r="E30" s="9" t="s">
        <v>33</v>
      </c>
      <c r="F30" s="9" t="s">
        <v>7</v>
      </c>
      <c r="G30" s="6">
        <v>2356247</v>
      </c>
      <c r="H30" s="6">
        <v>1588230</v>
      </c>
      <c r="I30" s="6">
        <v>1313686</v>
      </c>
      <c r="J30" s="6">
        <v>256910</v>
      </c>
      <c r="K30" s="6">
        <v>274544</v>
      </c>
      <c r="L30" s="6">
        <v>74151</v>
      </c>
      <c r="M30" s="6">
        <v>693866</v>
      </c>
      <c r="N30" s="10" t="s">
        <v>55</v>
      </c>
      <c r="O30" s="6">
        <v>231901</v>
      </c>
      <c r="P30" s="10" t="s">
        <v>55</v>
      </c>
      <c r="Q30" s="10" t="s">
        <v>55</v>
      </c>
    </row>
    <row r="31" spans="1:17">
      <c r="A31" s="9" t="s">
        <v>27</v>
      </c>
      <c r="B31" s="9" t="s">
        <v>28</v>
      </c>
      <c r="C31" s="9" t="s">
        <v>29</v>
      </c>
      <c r="D31" s="9" t="s">
        <v>53</v>
      </c>
      <c r="E31" s="9" t="s">
        <v>33</v>
      </c>
      <c r="F31" s="9" t="s">
        <v>8</v>
      </c>
      <c r="G31" s="6">
        <v>2228524</v>
      </c>
      <c r="H31" s="6">
        <v>1480015</v>
      </c>
      <c r="I31" s="6">
        <v>1228044</v>
      </c>
      <c r="J31" s="6">
        <v>254241</v>
      </c>
      <c r="K31" s="6">
        <v>251971</v>
      </c>
      <c r="L31" s="6">
        <v>71195</v>
      </c>
      <c r="M31" s="6">
        <v>677314</v>
      </c>
      <c r="N31" s="10" t="s">
        <v>55</v>
      </c>
      <c r="O31" s="6">
        <v>213139</v>
      </c>
      <c r="P31" s="10" t="s">
        <v>55</v>
      </c>
      <c r="Q31" s="10" t="s">
        <v>55</v>
      </c>
    </row>
    <row r="32" spans="1:17">
      <c r="A32" s="9" t="s">
        <v>27</v>
      </c>
      <c r="B32" s="9" t="s">
        <v>28</v>
      </c>
      <c r="C32" s="9" t="s">
        <v>29</v>
      </c>
      <c r="D32" s="9" t="s">
        <v>53</v>
      </c>
      <c r="E32" s="9" t="s">
        <v>33</v>
      </c>
      <c r="F32" s="9" t="s">
        <v>13</v>
      </c>
      <c r="G32" s="6">
        <v>127723</v>
      </c>
      <c r="H32" s="6">
        <v>108215</v>
      </c>
      <c r="I32" s="6">
        <v>85642</v>
      </c>
      <c r="J32" s="6">
        <v>2669</v>
      </c>
      <c r="K32" s="6">
        <v>22573</v>
      </c>
      <c r="L32" s="6">
        <v>2956</v>
      </c>
      <c r="M32" s="6">
        <v>16552</v>
      </c>
      <c r="N32" s="10" t="s">
        <v>55</v>
      </c>
      <c r="O32" s="6">
        <v>18762</v>
      </c>
      <c r="P32" s="10" t="s">
        <v>55</v>
      </c>
      <c r="Q32" s="10" t="s">
        <v>55</v>
      </c>
    </row>
    <row r="33" spans="1:17">
      <c r="A33" s="9" t="s">
        <v>27</v>
      </c>
      <c r="B33" s="9" t="s">
        <v>28</v>
      </c>
      <c r="C33" s="9" t="s">
        <v>29</v>
      </c>
      <c r="D33" s="9" t="s">
        <v>53</v>
      </c>
      <c r="E33" s="9" t="s">
        <v>33</v>
      </c>
      <c r="F33" s="9" t="s">
        <v>14</v>
      </c>
      <c r="G33" s="6">
        <v>102901</v>
      </c>
      <c r="H33" s="6">
        <v>77903</v>
      </c>
      <c r="I33" s="6">
        <v>64093</v>
      </c>
      <c r="J33" s="6">
        <v>1787</v>
      </c>
      <c r="K33" s="6">
        <v>13810</v>
      </c>
      <c r="L33" s="6">
        <v>1941</v>
      </c>
      <c r="M33" s="6">
        <v>23057</v>
      </c>
      <c r="N33" s="10" t="s">
        <v>55</v>
      </c>
      <c r="O33" s="6">
        <v>11357</v>
      </c>
      <c r="P33" s="10" t="s">
        <v>55</v>
      </c>
      <c r="Q33" s="10" t="s">
        <v>55</v>
      </c>
    </row>
    <row r="34" spans="1:17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33</v>
      </c>
      <c r="F34" s="9" t="s">
        <v>18</v>
      </c>
      <c r="G34" s="6">
        <v>581019</v>
      </c>
      <c r="H34" s="6">
        <v>222240</v>
      </c>
      <c r="I34" s="6">
        <v>197704</v>
      </c>
      <c r="J34" s="6">
        <v>48535</v>
      </c>
      <c r="K34" s="6">
        <v>24536</v>
      </c>
      <c r="L34" s="6">
        <v>20919</v>
      </c>
      <c r="M34" s="6">
        <v>337860</v>
      </c>
      <c r="N34" s="10" t="s">
        <v>55</v>
      </c>
      <c r="O34" s="6">
        <v>13482</v>
      </c>
      <c r="P34" s="10" t="s">
        <v>55</v>
      </c>
      <c r="Q34" s="10" t="s">
        <v>55</v>
      </c>
    </row>
    <row r="35" spans="1:17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34</v>
      </c>
      <c r="F35" s="9" t="s">
        <v>6</v>
      </c>
      <c r="G35" s="6">
        <v>3269747</v>
      </c>
      <c r="H35" s="6">
        <v>2429909</v>
      </c>
      <c r="I35" s="6">
        <v>2143042</v>
      </c>
      <c r="J35" s="6">
        <v>397954</v>
      </c>
      <c r="K35" s="6">
        <v>286867</v>
      </c>
      <c r="L35" s="6">
        <v>61910</v>
      </c>
      <c r="M35" s="6">
        <v>777928</v>
      </c>
      <c r="N35" s="10" t="s">
        <v>55</v>
      </c>
      <c r="O35" s="6">
        <v>234185</v>
      </c>
      <c r="P35" s="10" t="s">
        <v>55</v>
      </c>
      <c r="Q35" s="10" t="s">
        <v>55</v>
      </c>
    </row>
    <row r="36" spans="1:17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34</v>
      </c>
      <c r="F36" s="9" t="s">
        <v>7</v>
      </c>
      <c r="G36" s="6">
        <v>2628053</v>
      </c>
      <c r="H36" s="6">
        <v>2088942</v>
      </c>
      <c r="I36" s="6">
        <v>1832349</v>
      </c>
      <c r="J36" s="6">
        <v>329805</v>
      </c>
      <c r="K36" s="6">
        <v>256593</v>
      </c>
      <c r="L36" s="6">
        <v>45526</v>
      </c>
      <c r="M36" s="6">
        <v>493585</v>
      </c>
      <c r="N36" s="10" t="s">
        <v>55</v>
      </c>
      <c r="O36" s="6">
        <v>215022</v>
      </c>
      <c r="P36" s="10" t="s">
        <v>55</v>
      </c>
      <c r="Q36" s="10" t="s">
        <v>55</v>
      </c>
    </row>
    <row r="37" spans="1:17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34</v>
      </c>
      <c r="F37" s="9" t="s">
        <v>8</v>
      </c>
      <c r="G37" s="6">
        <v>2508095</v>
      </c>
      <c r="H37" s="6">
        <v>1987527</v>
      </c>
      <c r="I37" s="6">
        <v>1748558</v>
      </c>
      <c r="J37" s="6">
        <v>325769</v>
      </c>
      <c r="K37" s="6">
        <v>238969</v>
      </c>
      <c r="L37" s="6">
        <v>43250</v>
      </c>
      <c r="M37" s="6">
        <v>477318</v>
      </c>
      <c r="N37" s="10" t="s">
        <v>55</v>
      </c>
      <c r="O37" s="6">
        <v>200886</v>
      </c>
      <c r="P37" s="10" t="s">
        <v>55</v>
      </c>
      <c r="Q37" s="10" t="s">
        <v>55</v>
      </c>
    </row>
    <row r="38" spans="1:17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34</v>
      </c>
      <c r="F38" s="9" t="s">
        <v>13</v>
      </c>
      <c r="G38" s="6">
        <v>119958</v>
      </c>
      <c r="H38" s="6">
        <v>101415</v>
      </c>
      <c r="I38" s="6">
        <v>83791</v>
      </c>
      <c r="J38" s="6">
        <v>4036</v>
      </c>
      <c r="K38" s="6">
        <v>17624</v>
      </c>
      <c r="L38" s="6">
        <v>2276</v>
      </c>
      <c r="M38" s="6">
        <v>16267</v>
      </c>
      <c r="N38" s="10" t="s">
        <v>55</v>
      </c>
      <c r="O38" s="6">
        <v>14136</v>
      </c>
      <c r="P38" s="10" t="s">
        <v>55</v>
      </c>
      <c r="Q38" s="10" t="s">
        <v>55</v>
      </c>
    </row>
    <row r="39" spans="1:17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34</v>
      </c>
      <c r="F39" s="9" t="s">
        <v>14</v>
      </c>
      <c r="G39" s="6">
        <v>75894</v>
      </c>
      <c r="H39" s="6">
        <v>65125</v>
      </c>
      <c r="I39" s="6">
        <v>54738</v>
      </c>
      <c r="J39" s="6">
        <v>2613</v>
      </c>
      <c r="K39" s="6">
        <v>10387</v>
      </c>
      <c r="L39" s="6">
        <v>1184</v>
      </c>
      <c r="M39" s="6">
        <v>9585</v>
      </c>
      <c r="N39" s="10" t="s">
        <v>55</v>
      </c>
      <c r="O39" s="6">
        <v>8360</v>
      </c>
      <c r="P39" s="10" t="s">
        <v>55</v>
      </c>
      <c r="Q39" s="10" t="s">
        <v>55</v>
      </c>
    </row>
    <row r="40" spans="1:17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34</v>
      </c>
      <c r="F40" s="9" t="s">
        <v>18</v>
      </c>
      <c r="G40" s="6">
        <v>565800</v>
      </c>
      <c r="H40" s="6">
        <v>275842</v>
      </c>
      <c r="I40" s="6">
        <v>255955</v>
      </c>
      <c r="J40" s="6">
        <v>65536</v>
      </c>
      <c r="K40" s="6">
        <v>19887</v>
      </c>
      <c r="L40" s="6">
        <v>15200</v>
      </c>
      <c r="M40" s="6">
        <v>274758</v>
      </c>
      <c r="N40" s="10" t="s">
        <v>55</v>
      </c>
      <c r="O40" s="6">
        <v>10803</v>
      </c>
      <c r="P40" s="10" t="s">
        <v>55</v>
      </c>
      <c r="Q40" s="10" t="s">
        <v>55</v>
      </c>
    </row>
    <row r="41" spans="1:17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35</v>
      </c>
      <c r="F41" s="9" t="s">
        <v>6</v>
      </c>
      <c r="G41" s="6">
        <v>3670006</v>
      </c>
      <c r="H41" s="6">
        <v>2958070</v>
      </c>
      <c r="I41" s="6">
        <v>2655177</v>
      </c>
      <c r="J41" s="6">
        <v>343246</v>
      </c>
      <c r="K41" s="6">
        <v>302893</v>
      </c>
      <c r="L41" s="6">
        <v>45917</v>
      </c>
      <c r="M41" s="6">
        <v>666019</v>
      </c>
      <c r="N41" s="10" t="s">
        <v>55</v>
      </c>
      <c r="O41" s="6">
        <v>248161</v>
      </c>
      <c r="P41" s="10" t="s">
        <v>55</v>
      </c>
      <c r="Q41" s="10" t="s">
        <v>55</v>
      </c>
    </row>
    <row r="42" spans="1:17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35</v>
      </c>
      <c r="F42" s="9" t="s">
        <v>7</v>
      </c>
      <c r="G42" s="6">
        <v>2995749</v>
      </c>
      <c r="H42" s="6">
        <v>2551247</v>
      </c>
      <c r="I42" s="6">
        <v>2276005</v>
      </c>
      <c r="J42" s="6">
        <v>280118</v>
      </c>
      <c r="K42" s="6">
        <v>275242</v>
      </c>
      <c r="L42" s="6">
        <v>32494</v>
      </c>
      <c r="M42" s="6">
        <v>412008</v>
      </c>
      <c r="N42" s="10" t="s">
        <v>55</v>
      </c>
      <c r="O42" s="6">
        <v>230883</v>
      </c>
      <c r="P42" s="10" t="s">
        <v>55</v>
      </c>
      <c r="Q42" s="10" t="s">
        <v>55</v>
      </c>
    </row>
    <row r="43" spans="1:17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35</v>
      </c>
      <c r="F43" s="9" t="s">
        <v>8</v>
      </c>
      <c r="G43" s="6">
        <v>2873071</v>
      </c>
      <c r="H43" s="6">
        <v>2448511</v>
      </c>
      <c r="I43" s="6">
        <v>2186963</v>
      </c>
      <c r="J43" s="6">
        <v>275633</v>
      </c>
      <c r="K43" s="6">
        <v>261548</v>
      </c>
      <c r="L43" s="6">
        <v>30537</v>
      </c>
      <c r="M43" s="6">
        <v>394023</v>
      </c>
      <c r="N43" s="10" t="s">
        <v>55</v>
      </c>
      <c r="O43" s="6">
        <v>220569</v>
      </c>
      <c r="P43" s="10" t="s">
        <v>55</v>
      </c>
      <c r="Q43" s="10" t="s">
        <v>55</v>
      </c>
    </row>
    <row r="44" spans="1:17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35</v>
      </c>
      <c r="F44" s="9" t="s">
        <v>13</v>
      </c>
      <c r="G44" s="6">
        <v>122678</v>
      </c>
      <c r="H44" s="6">
        <v>102736</v>
      </c>
      <c r="I44" s="6">
        <v>89042</v>
      </c>
      <c r="J44" s="6">
        <v>4485</v>
      </c>
      <c r="K44" s="6">
        <v>13694</v>
      </c>
      <c r="L44" s="6">
        <v>1957</v>
      </c>
      <c r="M44" s="6">
        <v>17985</v>
      </c>
      <c r="N44" s="10" t="s">
        <v>55</v>
      </c>
      <c r="O44" s="6">
        <v>10314</v>
      </c>
      <c r="P44" s="10" t="s">
        <v>55</v>
      </c>
      <c r="Q44" s="10" t="s">
        <v>55</v>
      </c>
    </row>
    <row r="45" spans="1:17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35</v>
      </c>
      <c r="F45" s="9" t="s">
        <v>14</v>
      </c>
      <c r="G45" s="6">
        <v>80604</v>
      </c>
      <c r="H45" s="6">
        <v>69611</v>
      </c>
      <c r="I45" s="6">
        <v>60830</v>
      </c>
      <c r="J45" s="6">
        <v>2966</v>
      </c>
      <c r="K45" s="6">
        <v>8781</v>
      </c>
      <c r="L45" s="6">
        <v>1083</v>
      </c>
      <c r="M45" s="6">
        <v>9910</v>
      </c>
      <c r="N45" s="10" t="s">
        <v>55</v>
      </c>
      <c r="O45" s="6">
        <v>6417</v>
      </c>
      <c r="P45" s="10" t="s">
        <v>55</v>
      </c>
      <c r="Q45" s="10" t="s">
        <v>55</v>
      </c>
    </row>
    <row r="46" spans="1:17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35</v>
      </c>
      <c r="F46" s="9" t="s">
        <v>18</v>
      </c>
      <c r="G46" s="6">
        <v>593653</v>
      </c>
      <c r="H46" s="6">
        <v>337212</v>
      </c>
      <c r="I46" s="6">
        <v>318342</v>
      </c>
      <c r="J46" s="6">
        <v>60162</v>
      </c>
      <c r="K46" s="6">
        <v>18870</v>
      </c>
      <c r="L46" s="6">
        <v>12340</v>
      </c>
      <c r="M46" s="6">
        <v>244101</v>
      </c>
      <c r="N46" s="10" t="s">
        <v>55</v>
      </c>
      <c r="O46" s="6">
        <v>10861</v>
      </c>
      <c r="P46" s="10" t="s">
        <v>55</v>
      </c>
      <c r="Q46" s="10" t="s">
        <v>55</v>
      </c>
    </row>
    <row r="47" spans="1:17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36</v>
      </c>
      <c r="F47" s="9" t="s">
        <v>6</v>
      </c>
      <c r="G47" s="6">
        <v>4158496</v>
      </c>
      <c r="H47" s="6">
        <v>3441837</v>
      </c>
      <c r="I47" s="6">
        <v>3085674</v>
      </c>
      <c r="J47" s="6">
        <v>360603</v>
      </c>
      <c r="K47" s="6">
        <v>356163</v>
      </c>
      <c r="L47" s="6">
        <v>42319</v>
      </c>
      <c r="M47" s="6">
        <v>674340</v>
      </c>
      <c r="N47" s="10" t="s">
        <v>55</v>
      </c>
      <c r="O47" s="6">
        <v>289127</v>
      </c>
      <c r="P47" s="10" t="s">
        <v>55</v>
      </c>
      <c r="Q47" s="10" t="s">
        <v>55</v>
      </c>
    </row>
    <row r="48" spans="1:17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36</v>
      </c>
      <c r="F48" s="9" t="s">
        <v>7</v>
      </c>
      <c r="G48" s="6">
        <v>3455679</v>
      </c>
      <c r="H48" s="6">
        <v>2993217</v>
      </c>
      <c r="I48" s="6">
        <v>2666279</v>
      </c>
      <c r="J48" s="6">
        <v>298211</v>
      </c>
      <c r="K48" s="6">
        <v>326938</v>
      </c>
      <c r="L48" s="6">
        <v>29871</v>
      </c>
      <c r="M48" s="6">
        <v>432591</v>
      </c>
      <c r="N48" s="10" t="s">
        <v>55</v>
      </c>
      <c r="O48" s="6">
        <v>271491</v>
      </c>
      <c r="P48" s="10" t="s">
        <v>55</v>
      </c>
      <c r="Q48" s="10" t="s">
        <v>55</v>
      </c>
    </row>
    <row r="49" spans="1:17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36</v>
      </c>
      <c r="F49" s="9" t="s">
        <v>8</v>
      </c>
      <c r="G49" s="6">
        <v>3326435</v>
      </c>
      <c r="H49" s="6">
        <v>2887276</v>
      </c>
      <c r="I49" s="6">
        <v>2571200</v>
      </c>
      <c r="J49" s="6">
        <v>292754</v>
      </c>
      <c r="K49" s="6">
        <v>316076</v>
      </c>
      <c r="L49" s="6">
        <v>28032</v>
      </c>
      <c r="M49" s="6">
        <v>411127</v>
      </c>
      <c r="N49" s="10" t="s">
        <v>55</v>
      </c>
      <c r="O49" s="6">
        <v>264338</v>
      </c>
      <c r="P49" s="10" t="s">
        <v>55</v>
      </c>
      <c r="Q49" s="10" t="s">
        <v>55</v>
      </c>
    </row>
    <row r="50" spans="1:17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36</v>
      </c>
      <c r="F50" s="9" t="s">
        <v>13</v>
      </c>
      <c r="G50" s="6">
        <v>129244</v>
      </c>
      <c r="H50" s="6">
        <v>105941</v>
      </c>
      <c r="I50" s="6">
        <v>95079</v>
      </c>
      <c r="J50" s="6">
        <v>5457</v>
      </c>
      <c r="K50" s="6">
        <v>10862</v>
      </c>
      <c r="L50" s="6">
        <v>1839</v>
      </c>
      <c r="M50" s="6">
        <v>21464</v>
      </c>
      <c r="N50" s="10" t="s">
        <v>55</v>
      </c>
      <c r="O50" s="6">
        <v>7153</v>
      </c>
      <c r="P50" s="10" t="s">
        <v>55</v>
      </c>
      <c r="Q50" s="10" t="s">
        <v>55</v>
      </c>
    </row>
    <row r="51" spans="1:17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36</v>
      </c>
      <c r="F51" s="9" t="s">
        <v>14</v>
      </c>
      <c r="G51" s="6">
        <v>95288</v>
      </c>
      <c r="H51" s="6">
        <v>80119</v>
      </c>
      <c r="I51" s="6">
        <v>72088</v>
      </c>
      <c r="J51" s="6">
        <v>5509</v>
      </c>
      <c r="K51" s="6">
        <v>8031</v>
      </c>
      <c r="L51" s="6">
        <v>1199</v>
      </c>
      <c r="M51" s="6">
        <v>13970</v>
      </c>
      <c r="N51" s="10" t="s">
        <v>55</v>
      </c>
      <c r="O51" s="6">
        <v>4798</v>
      </c>
      <c r="P51" s="10" t="s">
        <v>55</v>
      </c>
      <c r="Q51" s="10" t="s">
        <v>55</v>
      </c>
    </row>
    <row r="52" spans="1:17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36</v>
      </c>
      <c r="F52" s="9" t="s">
        <v>18</v>
      </c>
      <c r="G52" s="6">
        <v>607529</v>
      </c>
      <c r="H52" s="6">
        <v>368501</v>
      </c>
      <c r="I52" s="6">
        <v>347307</v>
      </c>
      <c r="J52" s="6">
        <v>56883</v>
      </c>
      <c r="K52" s="6">
        <v>21194</v>
      </c>
      <c r="L52" s="6">
        <v>11249</v>
      </c>
      <c r="M52" s="6">
        <v>227779</v>
      </c>
      <c r="N52" s="10" t="s">
        <v>55</v>
      </c>
      <c r="O52" s="6">
        <v>12838</v>
      </c>
      <c r="P52" s="10" t="s">
        <v>55</v>
      </c>
      <c r="Q52" s="10" t="s">
        <v>55</v>
      </c>
    </row>
    <row r="53" spans="1:17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37</v>
      </c>
      <c r="F53" s="9" t="s">
        <v>6</v>
      </c>
      <c r="G53" s="6">
        <v>4822475</v>
      </c>
      <c r="H53" s="6">
        <v>3943999</v>
      </c>
      <c r="I53" s="6">
        <v>3491312</v>
      </c>
      <c r="J53" s="6">
        <v>491593</v>
      </c>
      <c r="K53" s="6">
        <v>452687</v>
      </c>
      <c r="L53" s="6">
        <v>47736</v>
      </c>
      <c r="M53" s="6">
        <v>830740</v>
      </c>
      <c r="N53" s="10" t="s">
        <v>55</v>
      </c>
      <c r="O53" s="6">
        <v>347728</v>
      </c>
      <c r="P53" s="10" t="s">
        <v>55</v>
      </c>
      <c r="Q53" s="10" t="s">
        <v>55</v>
      </c>
    </row>
    <row r="54" spans="1:17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37</v>
      </c>
      <c r="F54" s="9" t="s">
        <v>7</v>
      </c>
      <c r="G54" s="6">
        <v>4050409</v>
      </c>
      <c r="H54" s="6">
        <v>3455397</v>
      </c>
      <c r="I54" s="6">
        <v>3038702</v>
      </c>
      <c r="J54" s="6">
        <v>418027</v>
      </c>
      <c r="K54" s="6">
        <v>416695</v>
      </c>
      <c r="L54" s="6">
        <v>34006</v>
      </c>
      <c r="M54" s="6">
        <v>561006</v>
      </c>
      <c r="N54" s="10" t="s">
        <v>55</v>
      </c>
      <c r="O54" s="6">
        <v>327423</v>
      </c>
      <c r="P54" s="10" t="s">
        <v>55</v>
      </c>
      <c r="Q54" s="10" t="s">
        <v>55</v>
      </c>
    </row>
    <row r="55" spans="1:17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37</v>
      </c>
      <c r="F55" s="9" t="s">
        <v>8</v>
      </c>
      <c r="G55" s="6">
        <v>3900811</v>
      </c>
      <c r="H55" s="6">
        <v>3338777</v>
      </c>
      <c r="I55" s="6">
        <v>2933232</v>
      </c>
      <c r="J55" s="6">
        <v>409790</v>
      </c>
      <c r="K55" s="6">
        <v>405545</v>
      </c>
      <c r="L55" s="6">
        <v>31844</v>
      </c>
      <c r="M55" s="6">
        <v>530190</v>
      </c>
      <c r="N55" s="10" t="s">
        <v>55</v>
      </c>
      <c r="O55" s="6">
        <v>321360</v>
      </c>
      <c r="P55" s="10" t="s">
        <v>55</v>
      </c>
      <c r="Q55" s="10" t="s">
        <v>55</v>
      </c>
    </row>
    <row r="56" spans="1:17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37</v>
      </c>
      <c r="F56" s="9" t="s">
        <v>13</v>
      </c>
      <c r="G56" s="6">
        <v>149598</v>
      </c>
      <c r="H56" s="6">
        <v>116620</v>
      </c>
      <c r="I56" s="6">
        <v>105470</v>
      </c>
      <c r="J56" s="6">
        <v>8237</v>
      </c>
      <c r="K56" s="6">
        <v>11150</v>
      </c>
      <c r="L56" s="6">
        <v>2162</v>
      </c>
      <c r="M56" s="6">
        <v>30816</v>
      </c>
      <c r="N56" s="10" t="s">
        <v>55</v>
      </c>
      <c r="O56" s="6">
        <v>6063</v>
      </c>
      <c r="P56" s="10" t="s">
        <v>55</v>
      </c>
      <c r="Q56" s="10" t="s">
        <v>55</v>
      </c>
    </row>
    <row r="57" spans="1:17">
      <c r="A57" s="9" t="s">
        <v>27</v>
      </c>
      <c r="B57" s="9" t="s">
        <v>28</v>
      </c>
      <c r="C57" s="9" t="s">
        <v>29</v>
      </c>
      <c r="D57" s="9" t="s">
        <v>53</v>
      </c>
      <c r="E57" s="9" t="s">
        <v>37</v>
      </c>
      <c r="F57" s="9" t="s">
        <v>14</v>
      </c>
      <c r="G57" s="6">
        <v>125523</v>
      </c>
      <c r="H57" s="6">
        <v>100763</v>
      </c>
      <c r="I57" s="6">
        <v>91191</v>
      </c>
      <c r="J57" s="6">
        <v>11240</v>
      </c>
      <c r="K57" s="6">
        <v>9572</v>
      </c>
      <c r="L57" s="6">
        <v>1577</v>
      </c>
      <c r="M57" s="6">
        <v>23183</v>
      </c>
      <c r="N57" s="10" t="s">
        <v>55</v>
      </c>
      <c r="O57" s="6">
        <v>4437</v>
      </c>
      <c r="P57" s="10" t="s">
        <v>55</v>
      </c>
      <c r="Q57" s="10" t="s">
        <v>55</v>
      </c>
    </row>
    <row r="58" spans="1:17">
      <c r="A58" s="9" t="s">
        <v>27</v>
      </c>
      <c r="B58" s="9" t="s">
        <v>28</v>
      </c>
      <c r="C58" s="9" t="s">
        <v>29</v>
      </c>
      <c r="D58" s="9" t="s">
        <v>53</v>
      </c>
      <c r="E58" s="9" t="s">
        <v>37</v>
      </c>
      <c r="F58" s="9" t="s">
        <v>18</v>
      </c>
      <c r="G58" s="6">
        <v>646543</v>
      </c>
      <c r="H58" s="6">
        <v>387839</v>
      </c>
      <c r="I58" s="6">
        <v>361419</v>
      </c>
      <c r="J58" s="6">
        <v>62326</v>
      </c>
      <c r="K58" s="6">
        <v>26420</v>
      </c>
      <c r="L58" s="6">
        <v>12153</v>
      </c>
      <c r="M58" s="6">
        <v>246551</v>
      </c>
      <c r="N58" s="10" t="s">
        <v>55</v>
      </c>
      <c r="O58" s="6">
        <v>15868</v>
      </c>
      <c r="P58" s="10" t="s">
        <v>55</v>
      </c>
      <c r="Q58" s="10" t="s">
        <v>55</v>
      </c>
    </row>
    <row r="59" spans="1:17">
      <c r="A59" s="9" t="s">
        <v>27</v>
      </c>
      <c r="B59" s="9" t="s">
        <v>28</v>
      </c>
      <c r="C59" s="9" t="s">
        <v>29</v>
      </c>
      <c r="D59" s="9" t="s">
        <v>53</v>
      </c>
      <c r="E59" s="9" t="s">
        <v>38</v>
      </c>
      <c r="F59" s="9" t="s">
        <v>6</v>
      </c>
      <c r="G59" s="6">
        <v>4236233</v>
      </c>
      <c r="H59" s="6">
        <v>3385070</v>
      </c>
      <c r="I59" s="6">
        <v>2916198</v>
      </c>
      <c r="J59" s="6">
        <v>594256</v>
      </c>
      <c r="K59" s="6">
        <v>468872</v>
      </c>
      <c r="L59" s="6">
        <v>43725</v>
      </c>
      <c r="M59" s="6">
        <v>807438</v>
      </c>
      <c r="N59" s="10" t="s">
        <v>55</v>
      </c>
      <c r="O59" s="6">
        <v>325824</v>
      </c>
      <c r="P59" s="10" t="s">
        <v>55</v>
      </c>
      <c r="Q59" s="10" t="s">
        <v>55</v>
      </c>
    </row>
    <row r="60" spans="1:17">
      <c r="A60" s="9" t="s">
        <v>27</v>
      </c>
      <c r="B60" s="9" t="s">
        <v>28</v>
      </c>
      <c r="C60" s="9" t="s">
        <v>29</v>
      </c>
      <c r="D60" s="9" t="s">
        <v>53</v>
      </c>
      <c r="E60" s="9" t="s">
        <v>38</v>
      </c>
      <c r="F60" s="9" t="s">
        <v>7</v>
      </c>
      <c r="G60" s="6">
        <v>3571918</v>
      </c>
      <c r="H60" s="6">
        <v>2974594</v>
      </c>
      <c r="I60" s="6">
        <v>2543421</v>
      </c>
      <c r="J60" s="6">
        <v>520224</v>
      </c>
      <c r="K60" s="6">
        <v>431173</v>
      </c>
      <c r="L60" s="6">
        <v>31129</v>
      </c>
      <c r="M60" s="6">
        <v>566195</v>
      </c>
      <c r="N60" s="10" t="s">
        <v>55</v>
      </c>
      <c r="O60" s="6">
        <v>306117</v>
      </c>
      <c r="P60" s="10" t="s">
        <v>55</v>
      </c>
      <c r="Q60" s="10" t="s">
        <v>55</v>
      </c>
    </row>
    <row r="61" spans="1:17">
      <c r="A61" s="9" t="s">
        <v>27</v>
      </c>
      <c r="B61" s="9" t="s">
        <v>28</v>
      </c>
      <c r="C61" s="9" t="s">
        <v>29</v>
      </c>
      <c r="D61" s="9" t="s">
        <v>53</v>
      </c>
      <c r="E61" s="9" t="s">
        <v>38</v>
      </c>
      <c r="F61" s="9" t="s">
        <v>8</v>
      </c>
      <c r="G61" s="6">
        <v>3434528</v>
      </c>
      <c r="H61" s="6">
        <v>2876230</v>
      </c>
      <c r="I61" s="6">
        <v>2456419</v>
      </c>
      <c r="J61" s="6">
        <v>509483</v>
      </c>
      <c r="K61" s="6">
        <v>419811</v>
      </c>
      <c r="L61" s="6">
        <v>29084</v>
      </c>
      <c r="M61" s="6">
        <v>529214</v>
      </c>
      <c r="N61" s="10" t="s">
        <v>55</v>
      </c>
      <c r="O61" s="6">
        <v>300952</v>
      </c>
      <c r="P61" s="10" t="s">
        <v>55</v>
      </c>
      <c r="Q61" s="10" t="s">
        <v>55</v>
      </c>
    </row>
    <row r="62" spans="1:17">
      <c r="A62" s="9" t="s">
        <v>27</v>
      </c>
      <c r="B62" s="9" t="s">
        <v>28</v>
      </c>
      <c r="C62" s="9" t="s">
        <v>29</v>
      </c>
      <c r="D62" s="9" t="s">
        <v>53</v>
      </c>
      <c r="E62" s="9" t="s">
        <v>38</v>
      </c>
      <c r="F62" s="9" t="s">
        <v>13</v>
      </c>
      <c r="G62" s="6">
        <v>137390</v>
      </c>
      <c r="H62" s="6">
        <v>98364</v>
      </c>
      <c r="I62" s="6">
        <v>87002</v>
      </c>
      <c r="J62" s="6">
        <v>10741</v>
      </c>
      <c r="K62" s="6">
        <v>11362</v>
      </c>
      <c r="L62" s="6">
        <v>2045</v>
      </c>
      <c r="M62" s="6">
        <v>36981</v>
      </c>
      <c r="N62" s="10" t="s">
        <v>55</v>
      </c>
      <c r="O62" s="6">
        <v>5165</v>
      </c>
      <c r="P62" s="10" t="s">
        <v>55</v>
      </c>
      <c r="Q62" s="10" t="s">
        <v>55</v>
      </c>
    </row>
    <row r="63" spans="1:17">
      <c r="A63" s="9" t="s">
        <v>27</v>
      </c>
      <c r="B63" s="9" t="s">
        <v>28</v>
      </c>
      <c r="C63" s="9" t="s">
        <v>29</v>
      </c>
      <c r="D63" s="9" t="s">
        <v>53</v>
      </c>
      <c r="E63" s="9" t="s">
        <v>38</v>
      </c>
      <c r="F63" s="9" t="s">
        <v>14</v>
      </c>
      <c r="G63" s="6">
        <v>133482</v>
      </c>
      <c r="H63" s="6">
        <v>99921</v>
      </c>
      <c r="I63" s="6">
        <v>88789</v>
      </c>
      <c r="J63" s="6">
        <v>15447</v>
      </c>
      <c r="K63" s="6">
        <v>11132</v>
      </c>
      <c r="L63" s="6">
        <v>1505</v>
      </c>
      <c r="M63" s="6">
        <v>32056</v>
      </c>
      <c r="N63" s="10" t="s">
        <v>55</v>
      </c>
      <c r="O63" s="6">
        <v>4192</v>
      </c>
      <c r="P63" s="10" t="s">
        <v>55</v>
      </c>
      <c r="Q63" s="10" t="s">
        <v>55</v>
      </c>
    </row>
    <row r="64" spans="1:17">
      <c r="A64" s="9" t="s">
        <v>27</v>
      </c>
      <c r="B64" s="9" t="s">
        <v>28</v>
      </c>
      <c r="C64" s="9" t="s">
        <v>29</v>
      </c>
      <c r="D64" s="9" t="s">
        <v>53</v>
      </c>
      <c r="E64" s="9" t="s">
        <v>38</v>
      </c>
      <c r="F64" s="9" t="s">
        <v>18</v>
      </c>
      <c r="G64" s="6">
        <v>530833</v>
      </c>
      <c r="H64" s="6">
        <v>310555</v>
      </c>
      <c r="I64" s="6">
        <v>283988</v>
      </c>
      <c r="J64" s="6">
        <v>58585</v>
      </c>
      <c r="K64" s="6">
        <v>26567</v>
      </c>
      <c r="L64" s="6">
        <v>11091</v>
      </c>
      <c r="M64" s="6">
        <v>209187</v>
      </c>
      <c r="N64" s="10" t="s">
        <v>55</v>
      </c>
      <c r="O64" s="6">
        <v>15515</v>
      </c>
      <c r="P64" s="10" t="s">
        <v>55</v>
      </c>
      <c r="Q64" s="10" t="s">
        <v>55</v>
      </c>
    </row>
    <row r="65" spans="1:17">
      <c r="A65" s="9" t="s">
        <v>27</v>
      </c>
      <c r="B65" s="9" t="s">
        <v>28</v>
      </c>
      <c r="C65" s="9" t="s">
        <v>29</v>
      </c>
      <c r="D65" s="9" t="s">
        <v>53</v>
      </c>
      <c r="E65" s="9" t="s">
        <v>39</v>
      </c>
      <c r="F65" s="9" t="s">
        <v>6</v>
      </c>
      <c r="G65" s="6">
        <v>3823872</v>
      </c>
      <c r="H65" s="6">
        <v>3046605</v>
      </c>
      <c r="I65" s="6">
        <v>2508631</v>
      </c>
      <c r="J65" s="6">
        <v>807565</v>
      </c>
      <c r="K65" s="6">
        <v>537974</v>
      </c>
      <c r="L65" s="6">
        <v>36914</v>
      </c>
      <c r="M65" s="6">
        <v>740353</v>
      </c>
      <c r="N65" s="10" t="s">
        <v>55</v>
      </c>
      <c r="O65" s="6">
        <v>324753</v>
      </c>
      <c r="P65" s="10" t="s">
        <v>55</v>
      </c>
      <c r="Q65" s="10" t="s">
        <v>55</v>
      </c>
    </row>
    <row r="66" spans="1:17">
      <c r="A66" s="9" t="s">
        <v>27</v>
      </c>
      <c r="B66" s="9" t="s">
        <v>28</v>
      </c>
      <c r="C66" s="9" t="s">
        <v>29</v>
      </c>
      <c r="D66" s="9" t="s">
        <v>53</v>
      </c>
      <c r="E66" s="9" t="s">
        <v>39</v>
      </c>
      <c r="F66" s="9" t="s">
        <v>7</v>
      </c>
      <c r="G66" s="6">
        <v>3282531</v>
      </c>
      <c r="H66" s="6">
        <v>2718598</v>
      </c>
      <c r="I66" s="6">
        <v>2222168</v>
      </c>
      <c r="J66" s="6">
        <v>731187</v>
      </c>
      <c r="K66" s="6">
        <v>496430</v>
      </c>
      <c r="L66" s="6">
        <v>26602</v>
      </c>
      <c r="M66" s="6">
        <v>537331</v>
      </c>
      <c r="N66" s="10" t="s">
        <v>55</v>
      </c>
      <c r="O66" s="6">
        <v>305370</v>
      </c>
      <c r="P66" s="10" t="s">
        <v>55</v>
      </c>
      <c r="Q66" s="10" t="s">
        <v>55</v>
      </c>
    </row>
    <row r="67" spans="1:17">
      <c r="A67" s="9" t="s">
        <v>27</v>
      </c>
      <c r="B67" s="9" t="s">
        <v>28</v>
      </c>
      <c r="C67" s="9" t="s">
        <v>29</v>
      </c>
      <c r="D67" s="9" t="s">
        <v>53</v>
      </c>
      <c r="E67" s="9" t="s">
        <v>39</v>
      </c>
      <c r="F67" s="9" t="s">
        <v>8</v>
      </c>
      <c r="G67" s="6">
        <v>3155689</v>
      </c>
      <c r="H67" s="6">
        <v>2635011</v>
      </c>
      <c r="I67" s="6">
        <v>2152083</v>
      </c>
      <c r="J67" s="6">
        <v>714781</v>
      </c>
      <c r="K67" s="6">
        <v>482928</v>
      </c>
      <c r="L67" s="6">
        <v>24863</v>
      </c>
      <c r="M67" s="6">
        <v>495815</v>
      </c>
      <c r="N67" s="10" t="s">
        <v>55</v>
      </c>
      <c r="O67" s="6">
        <v>299756</v>
      </c>
      <c r="P67" s="10" t="s">
        <v>55</v>
      </c>
      <c r="Q67" s="10" t="s">
        <v>55</v>
      </c>
    </row>
    <row r="68" spans="1:17">
      <c r="A68" s="9" t="s">
        <v>27</v>
      </c>
      <c r="B68" s="9" t="s">
        <v>28</v>
      </c>
      <c r="C68" s="9" t="s">
        <v>29</v>
      </c>
      <c r="D68" s="9" t="s">
        <v>53</v>
      </c>
      <c r="E68" s="9" t="s">
        <v>39</v>
      </c>
      <c r="F68" s="9" t="s">
        <v>13</v>
      </c>
      <c r="G68" s="6">
        <v>126842</v>
      </c>
      <c r="H68" s="6">
        <v>83587</v>
      </c>
      <c r="I68" s="6">
        <v>70085</v>
      </c>
      <c r="J68" s="6">
        <v>16406</v>
      </c>
      <c r="K68" s="6">
        <v>13502</v>
      </c>
      <c r="L68" s="6">
        <v>1739</v>
      </c>
      <c r="M68" s="6">
        <v>41516</v>
      </c>
      <c r="N68" s="10" t="s">
        <v>55</v>
      </c>
      <c r="O68" s="6">
        <v>5614</v>
      </c>
      <c r="P68" s="10" t="s">
        <v>55</v>
      </c>
      <c r="Q68" s="10" t="s">
        <v>55</v>
      </c>
    </row>
    <row r="69" spans="1:17">
      <c r="A69" s="9" t="s">
        <v>27</v>
      </c>
      <c r="B69" s="9" t="s">
        <v>28</v>
      </c>
      <c r="C69" s="9" t="s">
        <v>29</v>
      </c>
      <c r="D69" s="9" t="s">
        <v>53</v>
      </c>
      <c r="E69" s="9" t="s">
        <v>39</v>
      </c>
      <c r="F69" s="9" t="s">
        <v>14</v>
      </c>
      <c r="G69" s="6">
        <v>164430</v>
      </c>
      <c r="H69" s="6">
        <v>113771</v>
      </c>
      <c r="I69" s="6">
        <v>96015</v>
      </c>
      <c r="J69" s="6">
        <v>24490</v>
      </c>
      <c r="K69" s="6">
        <v>17756</v>
      </c>
      <c r="L69" s="6">
        <v>1715</v>
      </c>
      <c r="M69" s="6">
        <v>48944</v>
      </c>
      <c r="N69" s="10" t="s">
        <v>55</v>
      </c>
      <c r="O69" s="6">
        <v>6236</v>
      </c>
      <c r="P69" s="10" t="s">
        <v>55</v>
      </c>
      <c r="Q69" s="10" t="s">
        <v>55</v>
      </c>
    </row>
    <row r="70" spans="1:17">
      <c r="A70" s="9" t="s">
        <v>27</v>
      </c>
      <c r="B70" s="9" t="s">
        <v>28</v>
      </c>
      <c r="C70" s="9" t="s">
        <v>29</v>
      </c>
      <c r="D70" s="9" t="s">
        <v>53</v>
      </c>
      <c r="E70" s="9" t="s">
        <v>39</v>
      </c>
      <c r="F70" s="9" t="s">
        <v>18</v>
      </c>
      <c r="G70" s="6">
        <v>376911</v>
      </c>
      <c r="H70" s="6">
        <v>214236</v>
      </c>
      <c r="I70" s="6">
        <v>190448</v>
      </c>
      <c r="J70" s="6">
        <v>51888</v>
      </c>
      <c r="K70" s="6">
        <v>23788</v>
      </c>
      <c r="L70" s="6">
        <v>8597</v>
      </c>
      <c r="M70" s="6">
        <v>154078</v>
      </c>
      <c r="N70" s="10" t="s">
        <v>55</v>
      </c>
      <c r="O70" s="6">
        <v>13147</v>
      </c>
      <c r="P70" s="10" t="s">
        <v>55</v>
      </c>
      <c r="Q70" s="10" t="s">
        <v>55</v>
      </c>
    </row>
    <row r="71" spans="1:17">
      <c r="A71" s="9" t="s">
        <v>27</v>
      </c>
      <c r="B71" s="9" t="s">
        <v>28</v>
      </c>
      <c r="C71" s="9" t="s">
        <v>29</v>
      </c>
      <c r="D71" s="9" t="s">
        <v>53</v>
      </c>
      <c r="E71" s="9" t="s">
        <v>40</v>
      </c>
      <c r="F71" s="9" t="s">
        <v>6</v>
      </c>
      <c r="G71" s="6">
        <v>3543716</v>
      </c>
      <c r="H71" s="6">
        <v>2861317</v>
      </c>
      <c r="I71" s="6">
        <v>2290236</v>
      </c>
      <c r="J71" s="6">
        <v>1079954</v>
      </c>
      <c r="K71" s="6">
        <v>571081</v>
      </c>
      <c r="L71" s="6">
        <v>31392</v>
      </c>
      <c r="M71" s="6">
        <v>651007</v>
      </c>
      <c r="N71" s="10" t="s">
        <v>55</v>
      </c>
      <c r="O71" s="6">
        <v>301503</v>
      </c>
      <c r="P71" s="10" t="s">
        <v>55</v>
      </c>
      <c r="Q71" s="10" t="s">
        <v>55</v>
      </c>
    </row>
    <row r="72" spans="1:17">
      <c r="A72" s="9" t="s">
        <v>27</v>
      </c>
      <c r="B72" s="9" t="s">
        <v>28</v>
      </c>
      <c r="C72" s="9" t="s">
        <v>29</v>
      </c>
      <c r="D72" s="9" t="s">
        <v>53</v>
      </c>
      <c r="E72" s="9" t="s">
        <v>40</v>
      </c>
      <c r="F72" s="9" t="s">
        <v>7</v>
      </c>
      <c r="G72" s="6">
        <v>2879277</v>
      </c>
      <c r="H72" s="6">
        <v>2427851</v>
      </c>
      <c r="I72" s="6">
        <v>1936746</v>
      </c>
      <c r="J72" s="6">
        <v>928178</v>
      </c>
      <c r="K72" s="6">
        <v>491105</v>
      </c>
      <c r="L72" s="6">
        <v>22381</v>
      </c>
      <c r="M72" s="6">
        <v>429045</v>
      </c>
      <c r="N72" s="10" t="s">
        <v>55</v>
      </c>
      <c r="O72" s="6">
        <v>267710</v>
      </c>
      <c r="P72" s="10" t="s">
        <v>55</v>
      </c>
      <c r="Q72" s="10" t="s">
        <v>55</v>
      </c>
    </row>
    <row r="73" spans="1:17">
      <c r="A73" s="9" t="s">
        <v>27</v>
      </c>
      <c r="B73" s="9" t="s">
        <v>28</v>
      </c>
      <c r="C73" s="9" t="s">
        <v>29</v>
      </c>
      <c r="D73" s="9" t="s">
        <v>53</v>
      </c>
      <c r="E73" s="9" t="s">
        <v>40</v>
      </c>
      <c r="F73" s="9" t="s">
        <v>8</v>
      </c>
      <c r="G73" s="6">
        <v>2738954</v>
      </c>
      <c r="H73" s="6">
        <v>2330583</v>
      </c>
      <c r="I73" s="6">
        <v>1858618</v>
      </c>
      <c r="J73" s="6">
        <v>893917</v>
      </c>
      <c r="K73" s="6">
        <v>471965</v>
      </c>
      <c r="L73" s="6">
        <v>20832</v>
      </c>
      <c r="M73" s="6">
        <v>387539</v>
      </c>
      <c r="N73" s="10" t="s">
        <v>55</v>
      </c>
      <c r="O73" s="6">
        <v>259491</v>
      </c>
      <c r="P73" s="10" t="s">
        <v>55</v>
      </c>
      <c r="Q73" s="10" t="s">
        <v>55</v>
      </c>
    </row>
    <row r="74" spans="1:17">
      <c r="A74" s="9" t="s">
        <v>27</v>
      </c>
      <c r="B74" s="9" t="s">
        <v>28</v>
      </c>
      <c r="C74" s="9" t="s">
        <v>29</v>
      </c>
      <c r="D74" s="9" t="s">
        <v>53</v>
      </c>
      <c r="E74" s="9" t="s">
        <v>40</v>
      </c>
      <c r="F74" s="9" t="s">
        <v>13</v>
      </c>
      <c r="G74" s="6">
        <v>140323</v>
      </c>
      <c r="H74" s="6">
        <v>97268</v>
      </c>
      <c r="I74" s="6">
        <v>78128</v>
      </c>
      <c r="J74" s="6">
        <v>34261</v>
      </c>
      <c r="K74" s="6">
        <v>19140</v>
      </c>
      <c r="L74" s="6">
        <v>1549</v>
      </c>
      <c r="M74" s="6">
        <v>41506</v>
      </c>
      <c r="N74" s="10" t="s">
        <v>55</v>
      </c>
      <c r="O74" s="6">
        <v>8219</v>
      </c>
      <c r="P74" s="10" t="s">
        <v>55</v>
      </c>
      <c r="Q74" s="10" t="s">
        <v>55</v>
      </c>
    </row>
    <row r="75" spans="1:17">
      <c r="A75" s="9" t="s">
        <v>27</v>
      </c>
      <c r="B75" s="9" t="s">
        <v>28</v>
      </c>
      <c r="C75" s="9" t="s">
        <v>29</v>
      </c>
      <c r="D75" s="9" t="s">
        <v>53</v>
      </c>
      <c r="E75" s="9" t="s">
        <v>40</v>
      </c>
      <c r="F75" s="9" t="s">
        <v>14</v>
      </c>
      <c r="G75" s="6">
        <v>408686</v>
      </c>
      <c r="H75" s="6">
        <v>295770</v>
      </c>
      <c r="I75" s="6">
        <v>235458</v>
      </c>
      <c r="J75" s="6">
        <v>107495</v>
      </c>
      <c r="K75" s="6">
        <v>60312</v>
      </c>
      <c r="L75" s="6">
        <v>3095</v>
      </c>
      <c r="M75" s="6">
        <v>109821</v>
      </c>
      <c r="N75" s="10" t="s">
        <v>55</v>
      </c>
      <c r="O75" s="6">
        <v>23899</v>
      </c>
      <c r="P75" s="10" t="s">
        <v>55</v>
      </c>
      <c r="Q75" s="10" t="s">
        <v>55</v>
      </c>
    </row>
    <row r="76" spans="1:17">
      <c r="A76" s="9" t="s">
        <v>27</v>
      </c>
      <c r="B76" s="9" t="s">
        <v>28</v>
      </c>
      <c r="C76" s="9" t="s">
        <v>29</v>
      </c>
      <c r="D76" s="9" t="s">
        <v>53</v>
      </c>
      <c r="E76" s="9" t="s">
        <v>40</v>
      </c>
      <c r="F76" s="9" t="s">
        <v>18</v>
      </c>
      <c r="G76" s="6">
        <v>255753</v>
      </c>
      <c r="H76" s="6">
        <v>137696</v>
      </c>
      <c r="I76" s="6">
        <v>118032</v>
      </c>
      <c r="J76" s="6">
        <v>44281</v>
      </c>
      <c r="K76" s="6">
        <v>19664</v>
      </c>
      <c r="L76" s="6">
        <v>5916</v>
      </c>
      <c r="M76" s="6">
        <v>112141</v>
      </c>
      <c r="N76" s="10" t="s">
        <v>55</v>
      </c>
      <c r="O76" s="6">
        <v>9894</v>
      </c>
      <c r="P76" s="10" t="s">
        <v>55</v>
      </c>
      <c r="Q76" s="10" t="s">
        <v>55</v>
      </c>
    </row>
    <row r="77" spans="1:17">
      <c r="A77" s="9" t="s">
        <v>27</v>
      </c>
      <c r="B77" s="9" t="s">
        <v>28</v>
      </c>
      <c r="C77" s="9" t="s">
        <v>29</v>
      </c>
      <c r="D77" s="9" t="s">
        <v>53</v>
      </c>
      <c r="E77" s="9" t="s">
        <v>41</v>
      </c>
      <c r="F77" s="9" t="s">
        <v>6</v>
      </c>
      <c r="G77" s="6">
        <v>3840239</v>
      </c>
      <c r="H77" s="6">
        <v>3117594</v>
      </c>
      <c r="I77" s="6">
        <v>2566178</v>
      </c>
      <c r="J77" s="6">
        <v>1523864</v>
      </c>
      <c r="K77" s="6">
        <v>551416</v>
      </c>
      <c r="L77" s="6">
        <v>31686</v>
      </c>
      <c r="M77" s="6">
        <v>690959</v>
      </c>
      <c r="N77" s="10" t="s">
        <v>55</v>
      </c>
      <c r="O77" s="6">
        <v>290581</v>
      </c>
      <c r="P77" s="6">
        <v>1378282</v>
      </c>
      <c r="Q77" s="6">
        <v>690959</v>
      </c>
    </row>
    <row r="78" spans="1:17">
      <c r="A78" s="9" t="s">
        <v>27</v>
      </c>
      <c r="B78" s="9" t="s">
        <v>28</v>
      </c>
      <c r="C78" s="9" t="s">
        <v>29</v>
      </c>
      <c r="D78" s="9" t="s">
        <v>53</v>
      </c>
      <c r="E78" s="9" t="s">
        <v>41</v>
      </c>
      <c r="F78" s="9" t="s">
        <v>7</v>
      </c>
      <c r="G78" s="6">
        <v>2327602</v>
      </c>
      <c r="H78" s="6">
        <v>1985022</v>
      </c>
      <c r="I78" s="6">
        <v>1624304</v>
      </c>
      <c r="J78" s="6">
        <v>956832</v>
      </c>
      <c r="K78" s="6">
        <v>360718</v>
      </c>
      <c r="L78" s="6">
        <v>18464</v>
      </c>
      <c r="M78" s="6">
        <v>324116</v>
      </c>
      <c r="N78" s="10" t="s">
        <v>55</v>
      </c>
      <c r="O78" s="6">
        <v>202041</v>
      </c>
      <c r="P78" s="6">
        <v>859215</v>
      </c>
      <c r="Q78" s="6">
        <v>324116</v>
      </c>
    </row>
    <row r="79" spans="1:17">
      <c r="A79" s="9" t="s">
        <v>27</v>
      </c>
      <c r="B79" s="9" t="s">
        <v>28</v>
      </c>
      <c r="C79" s="9" t="s">
        <v>29</v>
      </c>
      <c r="D79" s="9" t="s">
        <v>53</v>
      </c>
      <c r="E79" s="9" t="s">
        <v>41</v>
      </c>
      <c r="F79" s="9" t="s">
        <v>8</v>
      </c>
      <c r="G79" s="6">
        <v>2208610</v>
      </c>
      <c r="H79" s="6">
        <v>1897593</v>
      </c>
      <c r="I79" s="6">
        <v>1550652</v>
      </c>
      <c r="J79" s="6">
        <v>914182</v>
      </c>
      <c r="K79" s="6">
        <v>346941</v>
      </c>
      <c r="L79" s="6">
        <v>17207</v>
      </c>
      <c r="M79" s="6">
        <v>293810</v>
      </c>
      <c r="N79" s="10" t="s">
        <v>55</v>
      </c>
      <c r="O79" s="6">
        <v>196099</v>
      </c>
      <c r="P79" s="6">
        <v>821908</v>
      </c>
      <c r="Q79" s="6">
        <v>293810</v>
      </c>
    </row>
    <row r="80" spans="1:17">
      <c r="A80" s="9" t="s">
        <v>27</v>
      </c>
      <c r="B80" s="9" t="s">
        <v>28</v>
      </c>
      <c r="C80" s="9" t="s">
        <v>29</v>
      </c>
      <c r="D80" s="9" t="s">
        <v>53</v>
      </c>
      <c r="E80" s="9" t="s">
        <v>41</v>
      </c>
      <c r="F80" s="9" t="s">
        <v>13</v>
      </c>
      <c r="G80" s="6">
        <v>118992</v>
      </c>
      <c r="H80" s="6">
        <v>87429</v>
      </c>
      <c r="I80" s="6">
        <v>73652</v>
      </c>
      <c r="J80" s="6">
        <v>42650</v>
      </c>
      <c r="K80" s="6">
        <v>13777</v>
      </c>
      <c r="L80" s="6">
        <v>1257</v>
      </c>
      <c r="M80" s="6">
        <v>30306</v>
      </c>
      <c r="N80" s="10" t="s">
        <v>55</v>
      </c>
      <c r="O80" s="6">
        <v>5942</v>
      </c>
      <c r="P80" s="6">
        <v>37307</v>
      </c>
      <c r="Q80" s="6">
        <v>30306</v>
      </c>
    </row>
    <row r="81" spans="1:17">
      <c r="A81" s="9" t="s">
        <v>27</v>
      </c>
      <c r="B81" s="9" t="s">
        <v>28</v>
      </c>
      <c r="C81" s="9" t="s">
        <v>29</v>
      </c>
      <c r="D81" s="9" t="s">
        <v>53</v>
      </c>
      <c r="E81" s="9" t="s">
        <v>41</v>
      </c>
      <c r="F81" s="9" t="s">
        <v>14</v>
      </c>
      <c r="G81" s="6">
        <v>1276366</v>
      </c>
      <c r="H81" s="6">
        <v>1009967</v>
      </c>
      <c r="I81" s="6">
        <v>838528</v>
      </c>
      <c r="J81" s="6">
        <v>513046</v>
      </c>
      <c r="K81" s="6">
        <v>171439</v>
      </c>
      <c r="L81" s="6">
        <v>8013</v>
      </c>
      <c r="M81" s="6">
        <v>258386</v>
      </c>
      <c r="N81" s="10" t="s">
        <v>55</v>
      </c>
      <c r="O81" s="6">
        <v>79595</v>
      </c>
      <c r="P81" s="6">
        <v>473213</v>
      </c>
      <c r="Q81" s="6">
        <v>258386</v>
      </c>
    </row>
    <row r="82" spans="1:17">
      <c r="A82" s="9" t="s">
        <v>27</v>
      </c>
      <c r="B82" s="9" t="s">
        <v>28</v>
      </c>
      <c r="C82" s="9" t="s">
        <v>29</v>
      </c>
      <c r="D82" s="9" t="s">
        <v>53</v>
      </c>
      <c r="E82" s="9" t="s">
        <v>41</v>
      </c>
      <c r="F82" s="9" t="s">
        <v>18</v>
      </c>
      <c r="G82" s="6">
        <v>236271</v>
      </c>
      <c r="H82" s="6">
        <v>122605</v>
      </c>
      <c r="I82" s="6">
        <v>103346</v>
      </c>
      <c r="J82" s="6">
        <v>53986</v>
      </c>
      <c r="K82" s="6">
        <v>19259</v>
      </c>
      <c r="L82" s="6">
        <v>5209</v>
      </c>
      <c r="M82" s="6">
        <v>108457</v>
      </c>
      <c r="N82" s="10" t="s">
        <v>55</v>
      </c>
      <c r="O82" s="6">
        <v>8945</v>
      </c>
      <c r="P82" s="6">
        <v>45854</v>
      </c>
      <c r="Q82" s="6">
        <v>108457</v>
      </c>
    </row>
    <row r="83" spans="1:17">
      <c r="A83" s="9" t="s">
        <v>27</v>
      </c>
      <c r="B83" s="9" t="s">
        <v>28</v>
      </c>
      <c r="C83" s="9" t="s">
        <v>29</v>
      </c>
      <c r="D83" s="9" t="s">
        <v>53</v>
      </c>
      <c r="E83" s="9" t="s">
        <v>42</v>
      </c>
      <c r="F83" s="9" t="s">
        <v>6</v>
      </c>
      <c r="G83" s="6">
        <v>4156270</v>
      </c>
      <c r="H83" s="6">
        <v>3456252</v>
      </c>
      <c r="I83" s="6">
        <v>2966718</v>
      </c>
      <c r="J83" s="6">
        <v>1957708</v>
      </c>
      <c r="K83" s="6">
        <v>489534</v>
      </c>
      <c r="L83" s="6">
        <v>30308</v>
      </c>
      <c r="M83" s="6">
        <v>669710</v>
      </c>
      <c r="N83" s="10" t="s">
        <v>55</v>
      </c>
      <c r="O83" s="6">
        <v>299617</v>
      </c>
      <c r="P83" s="6">
        <v>1915764</v>
      </c>
      <c r="Q83" s="6">
        <v>669710</v>
      </c>
    </row>
    <row r="84" spans="1:17">
      <c r="A84" s="9" t="s">
        <v>27</v>
      </c>
      <c r="B84" s="9" t="s">
        <v>28</v>
      </c>
      <c r="C84" s="9" t="s">
        <v>29</v>
      </c>
      <c r="D84" s="9" t="s">
        <v>53</v>
      </c>
      <c r="E84" s="9" t="s">
        <v>42</v>
      </c>
      <c r="F84" s="9" t="s">
        <v>7</v>
      </c>
      <c r="G84" s="6">
        <v>1762691</v>
      </c>
      <c r="H84" s="6">
        <v>1529600</v>
      </c>
      <c r="I84" s="6">
        <v>1292975</v>
      </c>
      <c r="J84" s="6">
        <v>832516</v>
      </c>
      <c r="K84" s="6">
        <v>236625</v>
      </c>
      <c r="L84" s="6">
        <v>13194</v>
      </c>
      <c r="M84" s="6">
        <v>219897</v>
      </c>
      <c r="N84" s="10" t="s">
        <v>55</v>
      </c>
      <c r="O84" s="6">
        <v>153652</v>
      </c>
      <c r="P84" s="6">
        <v>811363</v>
      </c>
      <c r="Q84" s="6">
        <v>219897</v>
      </c>
    </row>
    <row r="85" spans="1:17">
      <c r="A85" s="9" t="s">
        <v>27</v>
      </c>
      <c r="B85" s="9" t="s">
        <v>28</v>
      </c>
      <c r="C85" s="9" t="s">
        <v>29</v>
      </c>
      <c r="D85" s="9" t="s">
        <v>53</v>
      </c>
      <c r="E85" s="9" t="s">
        <v>42</v>
      </c>
      <c r="F85" s="9" t="s">
        <v>8</v>
      </c>
      <c r="G85" s="6">
        <v>1700928</v>
      </c>
      <c r="H85" s="6">
        <v>1484621</v>
      </c>
      <c r="I85" s="6">
        <v>1253084</v>
      </c>
      <c r="J85" s="6">
        <v>806625</v>
      </c>
      <c r="K85" s="6">
        <v>231537</v>
      </c>
      <c r="L85" s="6">
        <v>12443</v>
      </c>
      <c r="M85" s="6">
        <v>203864</v>
      </c>
      <c r="N85" s="10" t="s">
        <v>55</v>
      </c>
      <c r="O85" s="6">
        <v>151246</v>
      </c>
      <c r="P85" s="6">
        <v>786360</v>
      </c>
      <c r="Q85" s="6">
        <v>203864</v>
      </c>
    </row>
    <row r="86" spans="1:17">
      <c r="A86" s="9" t="s">
        <v>27</v>
      </c>
      <c r="B86" s="9" t="s">
        <v>28</v>
      </c>
      <c r="C86" s="9" t="s">
        <v>29</v>
      </c>
      <c r="D86" s="9" t="s">
        <v>53</v>
      </c>
      <c r="E86" s="9" t="s">
        <v>42</v>
      </c>
      <c r="F86" s="9" t="s">
        <v>13</v>
      </c>
      <c r="G86" s="6">
        <v>61763</v>
      </c>
      <c r="H86" s="6">
        <v>44979</v>
      </c>
      <c r="I86" s="6">
        <v>39891</v>
      </c>
      <c r="J86" s="6">
        <v>25891</v>
      </c>
      <c r="K86" s="6">
        <v>5088</v>
      </c>
      <c r="L86" s="6">
        <v>751</v>
      </c>
      <c r="M86" s="6">
        <v>16033</v>
      </c>
      <c r="N86" s="10" t="s">
        <v>55</v>
      </c>
      <c r="O86" s="6">
        <v>2406</v>
      </c>
      <c r="P86" s="6">
        <v>25003</v>
      </c>
      <c r="Q86" s="6">
        <v>16033</v>
      </c>
    </row>
    <row r="87" spans="1:17">
      <c r="A87" s="9" t="s">
        <v>27</v>
      </c>
      <c r="B87" s="9" t="s">
        <v>28</v>
      </c>
      <c r="C87" s="9" t="s">
        <v>29</v>
      </c>
      <c r="D87" s="9" t="s">
        <v>53</v>
      </c>
      <c r="E87" s="9" t="s">
        <v>42</v>
      </c>
      <c r="F87" s="9" t="s">
        <v>14</v>
      </c>
      <c r="G87" s="6">
        <v>2111998</v>
      </c>
      <c r="H87" s="6">
        <v>1763001</v>
      </c>
      <c r="I87" s="6">
        <v>1530817</v>
      </c>
      <c r="J87" s="6">
        <v>1030970</v>
      </c>
      <c r="K87" s="6">
        <v>232184</v>
      </c>
      <c r="L87" s="6">
        <v>11877</v>
      </c>
      <c r="M87" s="6">
        <v>337120</v>
      </c>
      <c r="N87" s="10" t="s">
        <v>55</v>
      </c>
      <c r="O87" s="6">
        <v>135412</v>
      </c>
      <c r="P87" s="6">
        <v>1014090</v>
      </c>
      <c r="Q87" s="6">
        <v>337120</v>
      </c>
    </row>
    <row r="88" spans="1:17">
      <c r="A88" s="9" t="s">
        <v>27</v>
      </c>
      <c r="B88" s="9" t="s">
        <v>28</v>
      </c>
      <c r="C88" s="9" t="s">
        <v>29</v>
      </c>
      <c r="D88" s="9" t="s">
        <v>53</v>
      </c>
      <c r="E88" s="9" t="s">
        <v>42</v>
      </c>
      <c r="F88" s="9" t="s">
        <v>18</v>
      </c>
      <c r="G88" s="6">
        <v>281581</v>
      </c>
      <c r="H88" s="6">
        <v>163651</v>
      </c>
      <c r="I88" s="6">
        <v>142926</v>
      </c>
      <c r="J88" s="6">
        <v>94222</v>
      </c>
      <c r="K88" s="6">
        <v>20725</v>
      </c>
      <c r="L88" s="6">
        <v>5237</v>
      </c>
      <c r="M88" s="6">
        <v>112693</v>
      </c>
      <c r="N88" s="10" t="s">
        <v>55</v>
      </c>
      <c r="O88" s="6">
        <v>10553</v>
      </c>
      <c r="P88" s="6">
        <v>90311</v>
      </c>
      <c r="Q88" s="6">
        <v>112693</v>
      </c>
    </row>
    <row r="89" spans="1:17">
      <c r="A89" s="9" t="s">
        <v>27</v>
      </c>
      <c r="B89" s="9" t="s">
        <v>28</v>
      </c>
      <c r="C89" s="9" t="s">
        <v>29</v>
      </c>
      <c r="D89" s="9" t="s">
        <v>53</v>
      </c>
      <c r="E89" s="9" t="s">
        <v>43</v>
      </c>
      <c r="F89" s="9" t="s">
        <v>6</v>
      </c>
      <c r="G89" s="6">
        <v>2996621</v>
      </c>
      <c r="H89" s="6">
        <v>2579429</v>
      </c>
      <c r="I89" s="6">
        <v>2252777</v>
      </c>
      <c r="J89" s="6">
        <v>1531828</v>
      </c>
      <c r="K89" s="6">
        <v>326652</v>
      </c>
      <c r="L89" s="6">
        <v>17956</v>
      </c>
      <c r="M89" s="6">
        <v>399236</v>
      </c>
      <c r="N89" s="10" t="s">
        <v>55</v>
      </c>
      <c r="O89" s="6">
        <v>228800</v>
      </c>
      <c r="P89" s="6">
        <v>1523073</v>
      </c>
      <c r="Q89" s="6">
        <v>399236</v>
      </c>
    </row>
    <row r="90" spans="1:17">
      <c r="A90" s="9" t="s">
        <v>27</v>
      </c>
      <c r="B90" s="9" t="s">
        <v>28</v>
      </c>
      <c r="C90" s="9" t="s">
        <v>29</v>
      </c>
      <c r="D90" s="9" t="s">
        <v>53</v>
      </c>
      <c r="E90" s="9" t="s">
        <v>43</v>
      </c>
      <c r="F90" s="9" t="s">
        <v>7</v>
      </c>
      <c r="G90" s="6">
        <v>755089</v>
      </c>
      <c r="H90" s="6">
        <v>669158</v>
      </c>
      <c r="I90" s="6">
        <v>567891</v>
      </c>
      <c r="J90" s="6">
        <v>371017</v>
      </c>
      <c r="K90" s="6">
        <v>101267</v>
      </c>
      <c r="L90" s="6">
        <v>4998</v>
      </c>
      <c r="M90" s="6">
        <v>80933</v>
      </c>
      <c r="N90" s="10" t="s">
        <v>55</v>
      </c>
      <c r="O90" s="6">
        <v>73335</v>
      </c>
      <c r="P90" s="6">
        <v>367915</v>
      </c>
      <c r="Q90" s="6">
        <v>80933</v>
      </c>
    </row>
    <row r="91" spans="1:17">
      <c r="A91" s="9" t="s">
        <v>27</v>
      </c>
      <c r="B91" s="9" t="s">
        <v>28</v>
      </c>
      <c r="C91" s="9" t="s">
        <v>29</v>
      </c>
      <c r="D91" s="9" t="s">
        <v>53</v>
      </c>
      <c r="E91" s="9" t="s">
        <v>43</v>
      </c>
      <c r="F91" s="9" t="s">
        <v>8</v>
      </c>
      <c r="G91" s="6">
        <v>733467</v>
      </c>
      <c r="H91" s="6">
        <v>652414</v>
      </c>
      <c r="I91" s="6">
        <v>552677</v>
      </c>
      <c r="J91" s="6">
        <v>360716</v>
      </c>
      <c r="K91" s="6">
        <v>99737</v>
      </c>
      <c r="L91" s="6">
        <v>4758</v>
      </c>
      <c r="M91" s="6">
        <v>76295</v>
      </c>
      <c r="N91" s="10" t="s">
        <v>55</v>
      </c>
      <c r="O91" s="6">
        <v>72500</v>
      </c>
      <c r="P91" s="6">
        <v>357747</v>
      </c>
      <c r="Q91" s="6">
        <v>76295</v>
      </c>
    </row>
    <row r="92" spans="1:17">
      <c r="A92" s="9" t="s">
        <v>27</v>
      </c>
      <c r="B92" s="9" t="s">
        <v>28</v>
      </c>
      <c r="C92" s="9" t="s">
        <v>29</v>
      </c>
      <c r="D92" s="9" t="s">
        <v>53</v>
      </c>
      <c r="E92" s="9" t="s">
        <v>43</v>
      </c>
      <c r="F92" s="9" t="s">
        <v>13</v>
      </c>
      <c r="G92" s="6">
        <v>21622</v>
      </c>
      <c r="H92" s="6">
        <v>16744</v>
      </c>
      <c r="I92" s="6">
        <v>15214</v>
      </c>
      <c r="J92" s="6">
        <v>10301</v>
      </c>
      <c r="K92" s="6">
        <v>1530</v>
      </c>
      <c r="L92" s="6">
        <v>240</v>
      </c>
      <c r="M92" s="6">
        <v>4638</v>
      </c>
      <c r="N92" s="10" t="s">
        <v>55</v>
      </c>
      <c r="O92" s="6">
        <v>835</v>
      </c>
      <c r="P92" s="6">
        <v>10168</v>
      </c>
      <c r="Q92" s="6">
        <v>4638</v>
      </c>
    </row>
    <row r="93" spans="1:17">
      <c r="A93" s="9" t="s">
        <v>27</v>
      </c>
      <c r="B93" s="9" t="s">
        <v>28</v>
      </c>
      <c r="C93" s="9" t="s">
        <v>29</v>
      </c>
      <c r="D93" s="9" t="s">
        <v>53</v>
      </c>
      <c r="E93" s="9" t="s">
        <v>43</v>
      </c>
      <c r="F93" s="9" t="s">
        <v>14</v>
      </c>
      <c r="G93" s="6">
        <v>1984093</v>
      </c>
      <c r="H93" s="6">
        <v>1731464</v>
      </c>
      <c r="I93" s="6">
        <v>1522005</v>
      </c>
      <c r="J93" s="6">
        <v>1042509</v>
      </c>
      <c r="K93" s="6">
        <v>209459</v>
      </c>
      <c r="L93" s="6">
        <v>9272</v>
      </c>
      <c r="M93" s="6">
        <v>243357</v>
      </c>
      <c r="N93" s="10" t="s">
        <v>55</v>
      </c>
      <c r="O93" s="6">
        <v>145869</v>
      </c>
      <c r="P93" s="6">
        <v>1038047</v>
      </c>
      <c r="Q93" s="6">
        <v>243357</v>
      </c>
    </row>
    <row r="94" spans="1:17">
      <c r="A94" s="9" t="s">
        <v>27</v>
      </c>
      <c r="B94" s="9" t="s">
        <v>28</v>
      </c>
      <c r="C94" s="9" t="s">
        <v>29</v>
      </c>
      <c r="D94" s="9" t="s">
        <v>53</v>
      </c>
      <c r="E94" s="9" t="s">
        <v>43</v>
      </c>
      <c r="F94" s="9" t="s">
        <v>18</v>
      </c>
      <c r="G94" s="6">
        <v>257439</v>
      </c>
      <c r="H94" s="6">
        <v>178807</v>
      </c>
      <c r="I94" s="6">
        <v>162881</v>
      </c>
      <c r="J94" s="6">
        <v>118302</v>
      </c>
      <c r="K94" s="6">
        <v>15926</v>
      </c>
      <c r="L94" s="6">
        <v>3686</v>
      </c>
      <c r="M94" s="6">
        <v>74946</v>
      </c>
      <c r="N94" s="10" t="s">
        <v>55</v>
      </c>
      <c r="O94" s="6">
        <v>9596</v>
      </c>
      <c r="P94" s="6">
        <v>117111</v>
      </c>
      <c r="Q94" s="6">
        <v>74946</v>
      </c>
    </row>
    <row r="95" spans="1:17">
      <c r="A95" s="9" t="s">
        <v>27</v>
      </c>
      <c r="B95" s="9" t="s">
        <v>28</v>
      </c>
      <c r="C95" s="9" t="s">
        <v>29</v>
      </c>
      <c r="D95" s="9" t="s">
        <v>53</v>
      </c>
      <c r="E95" s="9" t="s">
        <v>44</v>
      </c>
      <c r="F95" s="9" t="s">
        <v>6</v>
      </c>
      <c r="G95" s="6">
        <v>2080505</v>
      </c>
      <c r="H95" s="6">
        <v>1799266</v>
      </c>
      <c r="I95" s="6">
        <v>1528379</v>
      </c>
      <c r="J95" s="6">
        <v>1039351</v>
      </c>
      <c r="K95" s="6">
        <v>270887</v>
      </c>
      <c r="L95" s="6">
        <v>10404</v>
      </c>
      <c r="M95" s="6">
        <v>270835</v>
      </c>
      <c r="N95" s="10" t="s">
        <v>55</v>
      </c>
      <c r="O95" s="6">
        <v>188604</v>
      </c>
      <c r="P95" s="6">
        <v>1037380</v>
      </c>
      <c r="Q95" s="6">
        <v>270835</v>
      </c>
    </row>
    <row r="96" spans="1:17">
      <c r="A96" s="9" t="s">
        <v>27</v>
      </c>
      <c r="B96" s="9" t="s">
        <v>28</v>
      </c>
      <c r="C96" s="9" t="s">
        <v>29</v>
      </c>
      <c r="D96" s="9" t="s">
        <v>53</v>
      </c>
      <c r="E96" s="9" t="s">
        <v>44</v>
      </c>
      <c r="F96" s="9" t="s">
        <v>7</v>
      </c>
      <c r="G96" s="6">
        <v>320197</v>
      </c>
      <c r="H96" s="6">
        <v>285750</v>
      </c>
      <c r="I96" s="6">
        <v>230856</v>
      </c>
      <c r="J96" s="6">
        <v>148046</v>
      </c>
      <c r="K96" s="6">
        <v>54894</v>
      </c>
      <c r="L96" s="6">
        <v>1677</v>
      </c>
      <c r="M96" s="6">
        <v>32770</v>
      </c>
      <c r="N96" s="10" t="s">
        <v>55</v>
      </c>
      <c r="O96" s="6">
        <v>38731</v>
      </c>
      <c r="P96" s="6">
        <v>147549</v>
      </c>
      <c r="Q96" s="6">
        <v>32770</v>
      </c>
    </row>
    <row r="97" spans="1:17">
      <c r="A97" s="9" t="s">
        <v>27</v>
      </c>
      <c r="B97" s="9" t="s">
        <v>28</v>
      </c>
      <c r="C97" s="9" t="s">
        <v>29</v>
      </c>
      <c r="D97" s="9" t="s">
        <v>53</v>
      </c>
      <c r="E97" s="9" t="s">
        <v>44</v>
      </c>
      <c r="F97" s="9" t="s">
        <v>8</v>
      </c>
      <c r="G97" s="6">
        <v>313644</v>
      </c>
      <c r="H97" s="6">
        <v>280574</v>
      </c>
      <c r="I97" s="6">
        <v>226128</v>
      </c>
      <c r="J97" s="6">
        <v>144946</v>
      </c>
      <c r="K97" s="6">
        <v>54446</v>
      </c>
      <c r="L97" s="6">
        <v>1628</v>
      </c>
      <c r="M97" s="6">
        <v>31442</v>
      </c>
      <c r="N97" s="10" t="s">
        <v>55</v>
      </c>
      <c r="O97" s="6">
        <v>38465</v>
      </c>
      <c r="P97" s="6">
        <v>144468</v>
      </c>
      <c r="Q97" s="6">
        <v>31442</v>
      </c>
    </row>
    <row r="98" spans="1:17">
      <c r="A98" s="9" t="s">
        <v>27</v>
      </c>
      <c r="B98" s="9" t="s">
        <v>28</v>
      </c>
      <c r="C98" s="9" t="s">
        <v>29</v>
      </c>
      <c r="D98" s="9" t="s">
        <v>53</v>
      </c>
      <c r="E98" s="9" t="s">
        <v>44</v>
      </c>
      <c r="F98" s="9" t="s">
        <v>13</v>
      </c>
      <c r="G98" s="6">
        <v>6553</v>
      </c>
      <c r="H98" s="6">
        <v>5176</v>
      </c>
      <c r="I98" s="6">
        <v>4728</v>
      </c>
      <c r="J98" s="6">
        <v>3100</v>
      </c>
      <c r="K98" s="6">
        <v>448</v>
      </c>
      <c r="L98" s="6">
        <v>49</v>
      </c>
      <c r="M98" s="6">
        <v>1328</v>
      </c>
      <c r="N98" s="10" t="s">
        <v>55</v>
      </c>
      <c r="O98" s="6">
        <v>266</v>
      </c>
      <c r="P98" s="6">
        <v>3081</v>
      </c>
      <c r="Q98" s="6">
        <v>1328</v>
      </c>
    </row>
    <row r="99" spans="1:17">
      <c r="A99" s="9" t="s">
        <v>27</v>
      </c>
      <c r="B99" s="9" t="s">
        <v>28</v>
      </c>
      <c r="C99" s="9" t="s">
        <v>29</v>
      </c>
      <c r="D99" s="9" t="s">
        <v>53</v>
      </c>
      <c r="E99" s="9" t="s">
        <v>44</v>
      </c>
      <c r="F99" s="9" t="s">
        <v>14</v>
      </c>
      <c r="G99" s="6">
        <v>1548027</v>
      </c>
      <c r="H99" s="6">
        <v>1354299</v>
      </c>
      <c r="I99" s="6">
        <v>1150948</v>
      </c>
      <c r="J99" s="6">
        <v>780815</v>
      </c>
      <c r="K99" s="6">
        <v>203351</v>
      </c>
      <c r="L99" s="6">
        <v>6280</v>
      </c>
      <c r="M99" s="6">
        <v>187448</v>
      </c>
      <c r="N99" s="10" t="s">
        <v>55</v>
      </c>
      <c r="O99" s="6">
        <v>141800</v>
      </c>
      <c r="P99" s="6">
        <v>779653</v>
      </c>
      <c r="Q99" s="6">
        <v>187448</v>
      </c>
    </row>
    <row r="100" spans="1:17">
      <c r="A100" s="9" t="s">
        <v>27</v>
      </c>
      <c r="B100" s="9" t="s">
        <v>28</v>
      </c>
      <c r="C100" s="9" t="s">
        <v>29</v>
      </c>
      <c r="D100" s="9" t="s">
        <v>53</v>
      </c>
      <c r="E100" s="9" t="s">
        <v>44</v>
      </c>
      <c r="F100" s="9" t="s">
        <v>18</v>
      </c>
      <c r="G100" s="6">
        <v>212281</v>
      </c>
      <c r="H100" s="6">
        <v>159217</v>
      </c>
      <c r="I100" s="6">
        <v>146575</v>
      </c>
      <c r="J100" s="6">
        <v>110490</v>
      </c>
      <c r="K100" s="6">
        <v>12642</v>
      </c>
      <c r="L100" s="6">
        <v>2447</v>
      </c>
      <c r="M100" s="6">
        <v>50617</v>
      </c>
      <c r="N100" s="10" t="s">
        <v>55</v>
      </c>
      <c r="O100" s="6">
        <v>8073</v>
      </c>
      <c r="P100" s="6">
        <v>110178</v>
      </c>
      <c r="Q100" s="6">
        <v>50617</v>
      </c>
    </row>
    <row r="101" spans="1:17">
      <c r="A101" s="9" t="s">
        <v>27</v>
      </c>
      <c r="B101" s="9" t="s">
        <v>28</v>
      </c>
      <c r="C101" s="9" t="s">
        <v>29</v>
      </c>
      <c r="D101" s="9" t="s">
        <v>53</v>
      </c>
      <c r="E101" s="9" t="s">
        <v>45</v>
      </c>
      <c r="F101" s="9" t="s">
        <v>6</v>
      </c>
      <c r="G101" s="6">
        <v>1173754</v>
      </c>
      <c r="H101" s="6">
        <v>987892</v>
      </c>
      <c r="I101" s="6">
        <v>780471</v>
      </c>
      <c r="J101" s="6">
        <v>525915</v>
      </c>
      <c r="K101" s="6">
        <v>207421</v>
      </c>
      <c r="L101" s="6">
        <v>5365</v>
      </c>
      <c r="M101" s="6">
        <v>180497</v>
      </c>
      <c r="N101" s="10" t="s">
        <v>55</v>
      </c>
      <c r="O101" s="6">
        <v>129721</v>
      </c>
      <c r="P101" s="6">
        <v>525491</v>
      </c>
      <c r="Q101" s="6">
        <v>180497</v>
      </c>
    </row>
    <row r="102" spans="1:17">
      <c r="A102" s="9" t="s">
        <v>27</v>
      </c>
      <c r="B102" s="9" t="s">
        <v>28</v>
      </c>
      <c r="C102" s="9" t="s">
        <v>29</v>
      </c>
      <c r="D102" s="9" t="s">
        <v>53</v>
      </c>
      <c r="E102" s="9" t="s">
        <v>45</v>
      </c>
      <c r="F102" s="9" t="s">
        <v>7</v>
      </c>
      <c r="G102" s="6">
        <v>114844</v>
      </c>
      <c r="H102" s="6">
        <v>100051</v>
      </c>
      <c r="I102" s="6">
        <v>74359</v>
      </c>
      <c r="J102" s="6">
        <v>46748</v>
      </c>
      <c r="K102" s="6">
        <v>25692</v>
      </c>
      <c r="L102" s="6">
        <v>596</v>
      </c>
      <c r="M102" s="6">
        <v>14197</v>
      </c>
      <c r="N102" s="10" t="s">
        <v>55</v>
      </c>
      <c r="O102" s="6">
        <v>16268</v>
      </c>
      <c r="P102" s="6">
        <v>46662</v>
      </c>
      <c r="Q102" s="6">
        <v>14197</v>
      </c>
    </row>
    <row r="103" spans="1:17">
      <c r="A103" s="9" t="s">
        <v>27</v>
      </c>
      <c r="B103" s="9" t="s">
        <v>28</v>
      </c>
      <c r="C103" s="9" t="s">
        <v>29</v>
      </c>
      <c r="D103" s="9" t="s">
        <v>53</v>
      </c>
      <c r="E103" s="9" t="s">
        <v>45</v>
      </c>
      <c r="F103" s="9" t="s">
        <v>8</v>
      </c>
      <c r="G103" s="6">
        <v>113053</v>
      </c>
      <c r="H103" s="6">
        <v>98639</v>
      </c>
      <c r="I103" s="6">
        <v>73124</v>
      </c>
      <c r="J103" s="6">
        <v>45985</v>
      </c>
      <c r="K103" s="6">
        <v>25515</v>
      </c>
      <c r="L103" s="6">
        <v>591</v>
      </c>
      <c r="M103" s="6">
        <v>13823</v>
      </c>
      <c r="N103" s="10" t="s">
        <v>55</v>
      </c>
      <c r="O103" s="6">
        <v>16165</v>
      </c>
      <c r="P103" s="6">
        <v>45901</v>
      </c>
      <c r="Q103" s="6">
        <v>13823</v>
      </c>
    </row>
    <row r="104" spans="1:17">
      <c r="A104" s="9" t="s">
        <v>27</v>
      </c>
      <c r="B104" s="9" t="s">
        <v>28</v>
      </c>
      <c r="C104" s="9" t="s">
        <v>29</v>
      </c>
      <c r="D104" s="9" t="s">
        <v>53</v>
      </c>
      <c r="E104" s="9" t="s">
        <v>45</v>
      </c>
      <c r="F104" s="9" t="s">
        <v>13</v>
      </c>
      <c r="G104" s="6">
        <v>1791</v>
      </c>
      <c r="H104" s="6">
        <v>1412</v>
      </c>
      <c r="I104" s="6">
        <v>1235</v>
      </c>
      <c r="J104" s="6">
        <v>763</v>
      </c>
      <c r="K104" s="6">
        <v>177</v>
      </c>
      <c r="L104" s="6">
        <v>5</v>
      </c>
      <c r="M104" s="6">
        <v>374</v>
      </c>
      <c r="N104" s="10" t="s">
        <v>55</v>
      </c>
      <c r="O104" s="6">
        <v>103</v>
      </c>
      <c r="P104" s="6">
        <v>761</v>
      </c>
      <c r="Q104" s="6">
        <v>374</v>
      </c>
    </row>
    <row r="105" spans="1:17">
      <c r="A105" s="9" t="s">
        <v>27</v>
      </c>
      <c r="B105" s="9" t="s">
        <v>28</v>
      </c>
      <c r="C105" s="9" t="s">
        <v>29</v>
      </c>
      <c r="D105" s="9" t="s">
        <v>53</v>
      </c>
      <c r="E105" s="9" t="s">
        <v>45</v>
      </c>
      <c r="F105" s="9" t="s">
        <v>14</v>
      </c>
      <c r="G105" s="6">
        <v>938787</v>
      </c>
      <c r="H105" s="6">
        <v>798161</v>
      </c>
      <c r="I105" s="6">
        <v>624310</v>
      </c>
      <c r="J105" s="6">
        <v>416600</v>
      </c>
      <c r="K105" s="6">
        <v>173851</v>
      </c>
      <c r="L105" s="6">
        <v>3429</v>
      </c>
      <c r="M105" s="6">
        <v>137197</v>
      </c>
      <c r="N105" s="10" t="s">
        <v>55</v>
      </c>
      <c r="O105" s="6">
        <v>108472</v>
      </c>
      <c r="P105" s="6">
        <v>416371</v>
      </c>
      <c r="Q105" s="6">
        <v>137197</v>
      </c>
    </row>
    <row r="106" spans="1:17">
      <c r="A106" s="9" t="s">
        <v>27</v>
      </c>
      <c r="B106" s="9" t="s">
        <v>28</v>
      </c>
      <c r="C106" s="9" t="s">
        <v>29</v>
      </c>
      <c r="D106" s="9" t="s">
        <v>53</v>
      </c>
      <c r="E106" s="9" t="s">
        <v>45</v>
      </c>
      <c r="F106" s="9" t="s">
        <v>18</v>
      </c>
      <c r="G106" s="6">
        <v>120123</v>
      </c>
      <c r="H106" s="6">
        <v>89680</v>
      </c>
      <c r="I106" s="6">
        <v>81802</v>
      </c>
      <c r="J106" s="6">
        <v>62567</v>
      </c>
      <c r="K106" s="6">
        <v>7878</v>
      </c>
      <c r="L106" s="6">
        <v>1340</v>
      </c>
      <c r="M106" s="6">
        <v>29103</v>
      </c>
      <c r="N106" s="10" t="s">
        <v>55</v>
      </c>
      <c r="O106" s="6">
        <v>4981</v>
      </c>
      <c r="P106" s="6">
        <v>62458</v>
      </c>
      <c r="Q106" s="6">
        <v>29103</v>
      </c>
    </row>
    <row r="107" spans="1:17">
      <c r="A107" s="9" t="s">
        <v>27</v>
      </c>
      <c r="B107" s="9" t="s">
        <v>28</v>
      </c>
      <c r="C107" s="9" t="s">
        <v>29</v>
      </c>
      <c r="D107" s="9" t="s">
        <v>53</v>
      </c>
      <c r="E107" s="9" t="s">
        <v>46</v>
      </c>
      <c r="F107" s="9" t="s">
        <v>6</v>
      </c>
      <c r="G107" s="6">
        <v>401292</v>
      </c>
      <c r="H107" s="6">
        <v>319905</v>
      </c>
      <c r="I107" s="6">
        <v>218679</v>
      </c>
      <c r="J107" s="6">
        <v>139047</v>
      </c>
      <c r="K107" s="6">
        <v>101226</v>
      </c>
      <c r="L107" s="6">
        <v>1912</v>
      </c>
      <c r="M107" s="6">
        <v>79475</v>
      </c>
      <c r="N107" s="10" t="s">
        <v>55</v>
      </c>
      <c r="O107" s="6">
        <v>55373</v>
      </c>
      <c r="P107" s="6">
        <v>138975</v>
      </c>
      <c r="Q107" s="6">
        <v>79475</v>
      </c>
    </row>
    <row r="108" spans="1:17">
      <c r="A108" s="9" t="s">
        <v>27</v>
      </c>
      <c r="B108" s="9" t="s">
        <v>28</v>
      </c>
      <c r="C108" s="9" t="s">
        <v>29</v>
      </c>
      <c r="D108" s="9" t="s">
        <v>53</v>
      </c>
      <c r="E108" s="9" t="s">
        <v>46</v>
      </c>
      <c r="F108" s="9" t="s">
        <v>7</v>
      </c>
      <c r="G108" s="6">
        <v>25529</v>
      </c>
      <c r="H108" s="6">
        <v>20796</v>
      </c>
      <c r="I108" s="6">
        <v>13839</v>
      </c>
      <c r="J108" s="6">
        <v>8235</v>
      </c>
      <c r="K108" s="6">
        <v>6957</v>
      </c>
      <c r="L108" s="6">
        <v>156</v>
      </c>
      <c r="M108" s="6">
        <v>4577</v>
      </c>
      <c r="N108" s="10" t="s">
        <v>55</v>
      </c>
      <c r="O108" s="6">
        <v>3894</v>
      </c>
      <c r="P108" s="6">
        <v>8228</v>
      </c>
      <c r="Q108" s="6">
        <v>4577</v>
      </c>
    </row>
    <row r="109" spans="1:17">
      <c r="A109" s="9" t="s">
        <v>27</v>
      </c>
      <c r="B109" s="9" t="s">
        <v>28</v>
      </c>
      <c r="C109" s="9" t="s">
        <v>29</v>
      </c>
      <c r="D109" s="9" t="s">
        <v>53</v>
      </c>
      <c r="E109" s="9" t="s">
        <v>46</v>
      </c>
      <c r="F109" s="9" t="s">
        <v>8</v>
      </c>
      <c r="G109" s="6">
        <v>25101</v>
      </c>
      <c r="H109" s="6">
        <v>20498</v>
      </c>
      <c r="I109" s="6">
        <v>13626</v>
      </c>
      <c r="J109" s="6">
        <v>8105</v>
      </c>
      <c r="K109" s="6">
        <v>6872</v>
      </c>
      <c r="L109" s="6">
        <v>153</v>
      </c>
      <c r="M109" s="6">
        <v>4450</v>
      </c>
      <c r="N109" s="10" t="s">
        <v>55</v>
      </c>
      <c r="O109" s="6">
        <v>3867</v>
      </c>
      <c r="P109" s="6">
        <v>8099</v>
      </c>
      <c r="Q109" s="6">
        <v>4450</v>
      </c>
    </row>
    <row r="110" spans="1:17">
      <c r="A110" s="9" t="s">
        <v>27</v>
      </c>
      <c r="B110" s="9" t="s">
        <v>28</v>
      </c>
      <c r="C110" s="9" t="s">
        <v>29</v>
      </c>
      <c r="D110" s="9" t="s">
        <v>53</v>
      </c>
      <c r="E110" s="9" t="s">
        <v>46</v>
      </c>
      <c r="F110" s="9" t="s">
        <v>13</v>
      </c>
      <c r="G110" s="6">
        <v>428</v>
      </c>
      <c r="H110" s="6">
        <v>298</v>
      </c>
      <c r="I110" s="6">
        <v>213</v>
      </c>
      <c r="J110" s="6">
        <v>130</v>
      </c>
      <c r="K110" s="6">
        <v>85</v>
      </c>
      <c r="L110" s="6">
        <v>3</v>
      </c>
      <c r="M110" s="6">
        <v>127</v>
      </c>
      <c r="N110" s="10" t="s">
        <v>55</v>
      </c>
      <c r="O110" s="6">
        <v>27</v>
      </c>
      <c r="P110" s="6">
        <v>129</v>
      </c>
      <c r="Q110" s="6">
        <v>127</v>
      </c>
    </row>
    <row r="111" spans="1:17">
      <c r="A111" s="9" t="s">
        <v>27</v>
      </c>
      <c r="B111" s="9" t="s">
        <v>28</v>
      </c>
      <c r="C111" s="9" t="s">
        <v>29</v>
      </c>
      <c r="D111" s="9" t="s">
        <v>53</v>
      </c>
      <c r="E111" s="9" t="s">
        <v>46</v>
      </c>
      <c r="F111" s="9" t="s">
        <v>14</v>
      </c>
      <c r="G111" s="6">
        <v>339841</v>
      </c>
      <c r="H111" s="6">
        <v>274392</v>
      </c>
      <c r="I111" s="6">
        <v>183297</v>
      </c>
      <c r="J111" s="6">
        <v>114717</v>
      </c>
      <c r="K111" s="6">
        <v>91095</v>
      </c>
      <c r="L111" s="6">
        <v>1350</v>
      </c>
      <c r="M111" s="6">
        <v>64099</v>
      </c>
      <c r="N111" s="10" t="s">
        <v>55</v>
      </c>
      <c r="O111" s="6">
        <v>49596</v>
      </c>
      <c r="P111" s="6">
        <v>114672</v>
      </c>
      <c r="Q111" s="6">
        <v>64099</v>
      </c>
    </row>
    <row r="112" spans="1:17">
      <c r="A112" s="9" t="s">
        <v>27</v>
      </c>
      <c r="B112" s="9" t="s">
        <v>28</v>
      </c>
      <c r="C112" s="9" t="s">
        <v>29</v>
      </c>
      <c r="D112" s="9" t="s">
        <v>53</v>
      </c>
      <c r="E112" s="9" t="s">
        <v>46</v>
      </c>
      <c r="F112" s="9" t="s">
        <v>18</v>
      </c>
      <c r="G112" s="6">
        <v>35922</v>
      </c>
      <c r="H112" s="6">
        <v>24717</v>
      </c>
      <c r="I112" s="6">
        <v>21543</v>
      </c>
      <c r="J112" s="6">
        <v>16095</v>
      </c>
      <c r="K112" s="6">
        <v>3174</v>
      </c>
      <c r="L112" s="6">
        <v>406</v>
      </c>
      <c r="M112" s="6">
        <v>10799</v>
      </c>
      <c r="N112" s="10" t="s">
        <v>55</v>
      </c>
      <c r="O112" s="6">
        <v>1883</v>
      </c>
      <c r="P112" s="6">
        <v>16075</v>
      </c>
      <c r="Q112" s="6">
        <v>10799</v>
      </c>
    </row>
    <row r="113" spans="1:17">
      <c r="A113" s="9" t="s">
        <v>27</v>
      </c>
      <c r="B113" s="9" t="s">
        <v>28</v>
      </c>
      <c r="C113" s="9" t="s">
        <v>29</v>
      </c>
      <c r="D113" s="9" t="s">
        <v>53</v>
      </c>
      <c r="E113" s="9" t="s">
        <v>47</v>
      </c>
      <c r="F113" s="9" t="s">
        <v>6</v>
      </c>
      <c r="G113" s="6">
        <v>71306</v>
      </c>
      <c r="H113" s="6">
        <v>53425</v>
      </c>
      <c r="I113" s="6">
        <v>29091</v>
      </c>
      <c r="J113" s="6">
        <v>14938</v>
      </c>
      <c r="K113" s="6">
        <v>24334</v>
      </c>
      <c r="L113" s="6">
        <v>422</v>
      </c>
      <c r="M113" s="6">
        <v>17459</v>
      </c>
      <c r="N113" s="10" t="s">
        <v>55</v>
      </c>
      <c r="O113" s="6">
        <v>12166</v>
      </c>
      <c r="P113" s="6">
        <v>14930</v>
      </c>
      <c r="Q113" s="6">
        <v>17459</v>
      </c>
    </row>
    <row r="114" spans="1:17">
      <c r="A114" s="9" t="s">
        <v>27</v>
      </c>
      <c r="B114" s="9" t="s">
        <v>28</v>
      </c>
      <c r="C114" s="9" t="s">
        <v>29</v>
      </c>
      <c r="D114" s="9" t="s">
        <v>53</v>
      </c>
      <c r="E114" s="9" t="s">
        <v>47</v>
      </c>
      <c r="F114" s="9" t="s">
        <v>7</v>
      </c>
      <c r="G114" s="6">
        <v>2750</v>
      </c>
      <c r="H114" s="6">
        <v>2108</v>
      </c>
      <c r="I114" s="6">
        <v>1163</v>
      </c>
      <c r="J114" s="6">
        <v>552</v>
      </c>
      <c r="K114" s="6">
        <v>945</v>
      </c>
      <c r="L114" s="6">
        <v>7</v>
      </c>
      <c r="M114" s="6">
        <v>635</v>
      </c>
      <c r="N114" s="10" t="s">
        <v>55</v>
      </c>
      <c r="O114" s="6">
        <v>510</v>
      </c>
      <c r="P114" s="6">
        <v>552</v>
      </c>
      <c r="Q114" s="6">
        <v>635</v>
      </c>
    </row>
    <row r="115" spans="1:17">
      <c r="A115" s="9" t="s">
        <v>27</v>
      </c>
      <c r="B115" s="9" t="s">
        <v>28</v>
      </c>
      <c r="C115" s="9" t="s">
        <v>29</v>
      </c>
      <c r="D115" s="9" t="s">
        <v>53</v>
      </c>
      <c r="E115" s="9" t="s">
        <v>47</v>
      </c>
      <c r="F115" s="9" t="s">
        <v>8</v>
      </c>
      <c r="G115" s="6">
        <v>2699</v>
      </c>
      <c r="H115" s="6">
        <v>2069</v>
      </c>
      <c r="I115" s="6">
        <v>1143</v>
      </c>
      <c r="J115" s="6">
        <v>544</v>
      </c>
      <c r="K115" s="6">
        <v>926</v>
      </c>
      <c r="L115" s="6">
        <v>7</v>
      </c>
      <c r="M115" s="6">
        <v>623</v>
      </c>
      <c r="N115" s="10" t="s">
        <v>55</v>
      </c>
      <c r="O115" s="6">
        <v>504</v>
      </c>
      <c r="P115" s="6">
        <v>544</v>
      </c>
      <c r="Q115" s="6">
        <v>623</v>
      </c>
    </row>
    <row r="116" spans="1:17">
      <c r="A116" s="9" t="s">
        <v>27</v>
      </c>
      <c r="B116" s="9" t="s">
        <v>28</v>
      </c>
      <c r="C116" s="9" t="s">
        <v>29</v>
      </c>
      <c r="D116" s="9" t="s">
        <v>53</v>
      </c>
      <c r="E116" s="9" t="s">
        <v>47</v>
      </c>
      <c r="F116" s="9" t="s">
        <v>13</v>
      </c>
      <c r="G116" s="6">
        <v>51</v>
      </c>
      <c r="H116" s="6">
        <v>39</v>
      </c>
      <c r="I116" s="6">
        <v>20</v>
      </c>
      <c r="J116" s="6">
        <v>8</v>
      </c>
      <c r="K116" s="6">
        <v>19</v>
      </c>
      <c r="L116" s="10" t="s">
        <v>55</v>
      </c>
      <c r="M116" s="6">
        <v>12</v>
      </c>
      <c r="N116" s="10" t="s">
        <v>55</v>
      </c>
      <c r="O116" s="6">
        <v>6</v>
      </c>
      <c r="P116" s="6">
        <v>8</v>
      </c>
      <c r="Q116" s="6">
        <v>12</v>
      </c>
    </row>
    <row r="117" spans="1:17">
      <c r="A117" s="9" t="s">
        <v>27</v>
      </c>
      <c r="B117" s="9" t="s">
        <v>28</v>
      </c>
      <c r="C117" s="9" t="s">
        <v>29</v>
      </c>
      <c r="D117" s="9" t="s">
        <v>53</v>
      </c>
      <c r="E117" s="9" t="s">
        <v>47</v>
      </c>
      <c r="F117" s="9" t="s">
        <v>14</v>
      </c>
      <c r="G117" s="6">
        <v>63141</v>
      </c>
      <c r="H117" s="6">
        <v>48068</v>
      </c>
      <c r="I117" s="6">
        <v>25401</v>
      </c>
      <c r="J117" s="6">
        <v>12745</v>
      </c>
      <c r="K117" s="6">
        <v>22667</v>
      </c>
      <c r="L117" s="6">
        <v>330</v>
      </c>
      <c r="M117" s="6">
        <v>14743</v>
      </c>
      <c r="N117" s="10" t="s">
        <v>55</v>
      </c>
      <c r="O117" s="6">
        <v>11283</v>
      </c>
      <c r="P117" s="6">
        <v>12742</v>
      </c>
      <c r="Q117" s="6">
        <v>14743</v>
      </c>
    </row>
    <row r="118" spans="1:17">
      <c r="A118" s="9" t="s">
        <v>27</v>
      </c>
      <c r="B118" s="9" t="s">
        <v>28</v>
      </c>
      <c r="C118" s="9" t="s">
        <v>29</v>
      </c>
      <c r="D118" s="9" t="s">
        <v>53</v>
      </c>
      <c r="E118" s="9" t="s">
        <v>47</v>
      </c>
      <c r="F118" s="9" t="s">
        <v>18</v>
      </c>
      <c r="G118" s="6">
        <v>5415</v>
      </c>
      <c r="H118" s="6">
        <v>3249</v>
      </c>
      <c r="I118" s="6">
        <v>2527</v>
      </c>
      <c r="J118" s="6">
        <v>1641</v>
      </c>
      <c r="K118" s="6">
        <v>722</v>
      </c>
      <c r="L118" s="6">
        <v>85</v>
      </c>
      <c r="M118" s="6">
        <v>2081</v>
      </c>
      <c r="N118" s="10" t="s">
        <v>55</v>
      </c>
      <c r="O118" s="6">
        <v>373</v>
      </c>
      <c r="P118" s="6">
        <v>1636</v>
      </c>
      <c r="Q118" s="6">
        <v>2081</v>
      </c>
    </row>
    <row r="119" spans="1:17">
      <c r="A119" s="9" t="s">
        <v>27</v>
      </c>
      <c r="B119" s="9" t="s">
        <v>28</v>
      </c>
      <c r="C119" s="9" t="s">
        <v>29</v>
      </c>
      <c r="D119" s="9" t="s">
        <v>53</v>
      </c>
      <c r="E119" s="9" t="s">
        <v>48</v>
      </c>
      <c r="F119" s="9" t="s">
        <v>6</v>
      </c>
      <c r="G119" s="6">
        <v>36294663</v>
      </c>
      <c r="H119" s="6">
        <v>28519795</v>
      </c>
      <c r="I119" s="6">
        <v>24451939</v>
      </c>
      <c r="J119" s="6">
        <v>4426189</v>
      </c>
      <c r="K119" s="6">
        <v>4067856</v>
      </c>
      <c r="L119" s="6">
        <v>481465</v>
      </c>
      <c r="M119" s="6">
        <v>7293403</v>
      </c>
      <c r="N119" s="10" t="s">
        <v>55</v>
      </c>
      <c r="O119" s="6">
        <v>3021830</v>
      </c>
      <c r="P119" s="10" t="s">
        <v>55</v>
      </c>
      <c r="Q119" s="10" t="s">
        <v>55</v>
      </c>
    </row>
    <row r="120" spans="1:17">
      <c r="A120" s="9" t="s">
        <v>27</v>
      </c>
      <c r="B120" s="9" t="s">
        <v>28</v>
      </c>
      <c r="C120" s="9" t="s">
        <v>29</v>
      </c>
      <c r="D120" s="9" t="s">
        <v>53</v>
      </c>
      <c r="E120" s="9" t="s">
        <v>48</v>
      </c>
      <c r="F120" s="9" t="s">
        <v>7</v>
      </c>
      <c r="G120" s="6">
        <v>27469927</v>
      </c>
      <c r="H120" s="6">
        <v>22368806</v>
      </c>
      <c r="I120" s="6">
        <v>19080416</v>
      </c>
      <c r="J120" s="6">
        <v>3796393</v>
      </c>
      <c r="K120" s="6">
        <v>3288390</v>
      </c>
      <c r="L120" s="6">
        <v>340343</v>
      </c>
      <c r="M120" s="6">
        <v>4760778</v>
      </c>
      <c r="N120" s="10" t="s">
        <v>55</v>
      </c>
      <c r="O120" s="6">
        <v>2432772</v>
      </c>
      <c r="P120" s="10" t="s">
        <v>55</v>
      </c>
      <c r="Q120" s="10" t="s">
        <v>55</v>
      </c>
    </row>
    <row r="121" spans="1:17">
      <c r="A121" s="9" t="s">
        <v>27</v>
      </c>
      <c r="B121" s="9" t="s">
        <v>28</v>
      </c>
      <c r="C121" s="9" t="s">
        <v>29</v>
      </c>
      <c r="D121" s="9" t="s">
        <v>53</v>
      </c>
      <c r="E121" s="9" t="s">
        <v>48</v>
      </c>
      <c r="F121" s="9" t="s">
        <v>8</v>
      </c>
      <c r="G121" s="6">
        <v>26261172</v>
      </c>
      <c r="H121" s="6">
        <v>21426738</v>
      </c>
      <c r="I121" s="6">
        <v>18286911</v>
      </c>
      <c r="J121" s="6">
        <v>3709398</v>
      </c>
      <c r="K121" s="6">
        <v>3139827</v>
      </c>
      <c r="L121" s="6">
        <v>321373</v>
      </c>
      <c r="M121" s="6">
        <v>4513061</v>
      </c>
      <c r="N121" s="10" t="s">
        <v>55</v>
      </c>
      <c r="O121" s="6">
        <v>2333112</v>
      </c>
      <c r="P121" s="10" t="s">
        <v>55</v>
      </c>
      <c r="Q121" s="10" t="s">
        <v>55</v>
      </c>
    </row>
    <row r="122" spans="1:17">
      <c r="A122" s="9" t="s">
        <v>27</v>
      </c>
      <c r="B122" s="9" t="s">
        <v>28</v>
      </c>
      <c r="C122" s="9" t="s">
        <v>29</v>
      </c>
      <c r="D122" s="9" t="s">
        <v>53</v>
      </c>
      <c r="E122" s="9" t="s">
        <v>48</v>
      </c>
      <c r="F122" s="9" t="s">
        <v>13</v>
      </c>
      <c r="G122" s="6">
        <v>1208755</v>
      </c>
      <c r="H122" s="6">
        <v>942068</v>
      </c>
      <c r="I122" s="6">
        <v>793505</v>
      </c>
      <c r="J122" s="6">
        <v>86995</v>
      </c>
      <c r="K122" s="6">
        <v>148563</v>
      </c>
      <c r="L122" s="6">
        <v>18970</v>
      </c>
      <c r="M122" s="6">
        <v>247717</v>
      </c>
      <c r="N122" s="10" t="s">
        <v>55</v>
      </c>
      <c r="O122" s="6">
        <v>99660</v>
      </c>
      <c r="P122" s="10" t="s">
        <v>55</v>
      </c>
      <c r="Q122" s="10" t="s">
        <v>55</v>
      </c>
    </row>
    <row r="123" spans="1:17">
      <c r="A123" s="9" t="s">
        <v>27</v>
      </c>
      <c r="B123" s="9" t="s">
        <v>28</v>
      </c>
      <c r="C123" s="9" t="s">
        <v>29</v>
      </c>
      <c r="D123" s="9" t="s">
        <v>53</v>
      </c>
      <c r="E123" s="9" t="s">
        <v>48</v>
      </c>
      <c r="F123" s="9" t="s">
        <v>14</v>
      </c>
      <c r="G123" s="6">
        <v>3876881</v>
      </c>
      <c r="H123" s="6">
        <v>3375478</v>
      </c>
      <c r="I123" s="6">
        <v>2829442</v>
      </c>
      <c r="J123" s="6">
        <v>172152</v>
      </c>
      <c r="K123" s="6">
        <v>546036</v>
      </c>
      <c r="L123" s="6">
        <v>24481</v>
      </c>
      <c r="M123" s="6">
        <v>476922</v>
      </c>
      <c r="N123" s="10" t="s">
        <v>55</v>
      </c>
      <c r="O123" s="6">
        <v>448525</v>
      </c>
      <c r="P123" s="10" t="s">
        <v>55</v>
      </c>
      <c r="Q123" s="10" t="s">
        <v>55</v>
      </c>
    </row>
    <row r="124" spans="1:17">
      <c r="A124" s="9" t="s">
        <v>27</v>
      </c>
      <c r="B124" s="9" t="s">
        <v>28</v>
      </c>
      <c r="C124" s="9" t="s">
        <v>29</v>
      </c>
      <c r="D124" s="9" t="s">
        <v>53</v>
      </c>
      <c r="E124" s="9" t="s">
        <v>48</v>
      </c>
      <c r="F124" s="9" t="s">
        <v>18</v>
      </c>
      <c r="G124" s="6">
        <v>4947855</v>
      </c>
      <c r="H124" s="6">
        <v>2775511</v>
      </c>
      <c r="I124" s="6">
        <v>2542081</v>
      </c>
      <c r="J124" s="6">
        <v>457644</v>
      </c>
      <c r="K124" s="6">
        <v>233430</v>
      </c>
      <c r="L124" s="6">
        <v>116641</v>
      </c>
      <c r="M124" s="6">
        <v>2055703</v>
      </c>
      <c r="N124" s="10" t="s">
        <v>55</v>
      </c>
      <c r="O124" s="6">
        <v>140533</v>
      </c>
      <c r="P124" s="10" t="s">
        <v>55</v>
      </c>
      <c r="Q124" s="10" t="s">
        <v>55</v>
      </c>
    </row>
    <row r="125" spans="1:17">
      <c r="A125" s="9" t="s">
        <v>27</v>
      </c>
      <c r="B125" s="9" t="s">
        <v>28</v>
      </c>
      <c r="C125" s="9" t="s">
        <v>29</v>
      </c>
      <c r="D125" s="9" t="s">
        <v>53</v>
      </c>
      <c r="E125" s="9" t="s">
        <v>49</v>
      </c>
      <c r="F125" s="9" t="s">
        <v>6</v>
      </c>
      <c r="G125" s="6">
        <v>14719987</v>
      </c>
      <c r="H125" s="6">
        <v>12313763</v>
      </c>
      <c r="I125" s="6">
        <v>10342293</v>
      </c>
      <c r="J125" s="6">
        <v>6732651</v>
      </c>
      <c r="K125" s="6">
        <v>1971470</v>
      </c>
      <c r="L125" s="6">
        <v>98053</v>
      </c>
      <c r="M125" s="6">
        <v>2308171</v>
      </c>
      <c r="N125" s="10" t="s">
        <v>55</v>
      </c>
      <c r="O125" s="6">
        <v>1204862</v>
      </c>
      <c r="P125" s="6">
        <v>6533895</v>
      </c>
      <c r="Q125" s="6">
        <v>2308171</v>
      </c>
    </row>
    <row r="126" spans="1:17">
      <c r="A126" s="9" t="s">
        <v>27</v>
      </c>
      <c r="B126" s="9" t="s">
        <v>28</v>
      </c>
      <c r="C126" s="9" t="s">
        <v>29</v>
      </c>
      <c r="D126" s="9" t="s">
        <v>53</v>
      </c>
      <c r="E126" s="9" t="s">
        <v>49</v>
      </c>
      <c r="F126" s="9" t="s">
        <v>7</v>
      </c>
      <c r="G126" s="6">
        <v>5308702</v>
      </c>
      <c r="H126" s="6">
        <v>4592485</v>
      </c>
      <c r="I126" s="6">
        <v>3805387</v>
      </c>
      <c r="J126" s="6">
        <v>2363946</v>
      </c>
      <c r="K126" s="6">
        <v>787098</v>
      </c>
      <c r="L126" s="6">
        <v>39092</v>
      </c>
      <c r="M126" s="6">
        <v>677125</v>
      </c>
      <c r="N126" s="10" t="s">
        <v>55</v>
      </c>
      <c r="O126" s="6">
        <v>488431</v>
      </c>
      <c r="P126" s="6">
        <v>2241484</v>
      </c>
      <c r="Q126" s="6">
        <v>677125</v>
      </c>
    </row>
    <row r="127" spans="1:17">
      <c r="A127" s="9" t="s">
        <v>27</v>
      </c>
      <c r="B127" s="9" t="s">
        <v>28</v>
      </c>
      <c r="C127" s="9" t="s">
        <v>29</v>
      </c>
      <c r="D127" s="9" t="s">
        <v>53</v>
      </c>
      <c r="E127" s="9" t="s">
        <v>49</v>
      </c>
      <c r="F127" s="9" t="s">
        <v>8</v>
      </c>
      <c r="G127" s="6">
        <v>5097502</v>
      </c>
      <c r="H127" s="6">
        <v>4436408</v>
      </c>
      <c r="I127" s="6">
        <v>3670434</v>
      </c>
      <c r="J127" s="6">
        <v>2281103</v>
      </c>
      <c r="K127" s="6">
        <v>765974</v>
      </c>
      <c r="L127" s="6">
        <v>36787</v>
      </c>
      <c r="M127" s="6">
        <v>624307</v>
      </c>
      <c r="N127" s="10" t="s">
        <v>55</v>
      </c>
      <c r="O127" s="6">
        <v>478846</v>
      </c>
      <c r="P127" s="6">
        <v>2165027</v>
      </c>
      <c r="Q127" s="6">
        <v>624307</v>
      </c>
    </row>
    <row r="128" spans="1:17">
      <c r="A128" s="9" t="s">
        <v>27</v>
      </c>
      <c r="B128" s="9" t="s">
        <v>28</v>
      </c>
      <c r="C128" s="9" t="s">
        <v>29</v>
      </c>
      <c r="D128" s="9" t="s">
        <v>53</v>
      </c>
      <c r="E128" s="9" t="s">
        <v>49</v>
      </c>
      <c r="F128" s="9" t="s">
        <v>13</v>
      </c>
      <c r="G128" s="6">
        <v>211200</v>
      </c>
      <c r="H128" s="6">
        <v>156077</v>
      </c>
      <c r="I128" s="6">
        <v>134953</v>
      </c>
      <c r="J128" s="6">
        <v>82843</v>
      </c>
      <c r="K128" s="6">
        <v>21124</v>
      </c>
      <c r="L128" s="6">
        <v>2305</v>
      </c>
      <c r="M128" s="6">
        <v>52818</v>
      </c>
      <c r="N128" s="10" t="s">
        <v>55</v>
      </c>
      <c r="O128" s="6">
        <v>9585</v>
      </c>
      <c r="P128" s="6">
        <v>76457</v>
      </c>
      <c r="Q128" s="6">
        <v>52818</v>
      </c>
    </row>
    <row r="129" spans="1:17">
      <c r="A129" s="9" t="s">
        <v>27</v>
      </c>
      <c r="B129" s="9" t="s">
        <v>28</v>
      </c>
      <c r="C129" s="9" t="s">
        <v>29</v>
      </c>
      <c r="D129" s="9" t="s">
        <v>53</v>
      </c>
      <c r="E129" s="9" t="s">
        <v>49</v>
      </c>
      <c r="F129" s="9" t="s">
        <v>14</v>
      </c>
      <c r="G129" s="6">
        <v>8262253</v>
      </c>
      <c r="H129" s="6">
        <v>6979352</v>
      </c>
      <c r="I129" s="6">
        <v>5875306</v>
      </c>
      <c r="J129" s="6">
        <v>3911402</v>
      </c>
      <c r="K129" s="6">
        <v>1104046</v>
      </c>
      <c r="L129" s="6">
        <v>40551</v>
      </c>
      <c r="M129" s="6">
        <v>1242350</v>
      </c>
      <c r="N129" s="10" t="s">
        <v>55</v>
      </c>
      <c r="O129" s="6">
        <v>672027</v>
      </c>
      <c r="P129" s="6">
        <v>3848788</v>
      </c>
      <c r="Q129" s="6">
        <v>1242350</v>
      </c>
    </row>
    <row r="130" spans="1:17">
      <c r="A130" s="9" t="s">
        <v>27</v>
      </c>
      <c r="B130" s="9" t="s">
        <v>28</v>
      </c>
      <c r="C130" s="9" t="s">
        <v>29</v>
      </c>
      <c r="D130" s="9" t="s">
        <v>53</v>
      </c>
      <c r="E130" s="9" t="s">
        <v>49</v>
      </c>
      <c r="F130" s="9" t="s">
        <v>18</v>
      </c>
      <c r="G130" s="6">
        <v>1149032</v>
      </c>
      <c r="H130" s="6">
        <v>741926</v>
      </c>
      <c r="I130" s="6">
        <v>661600</v>
      </c>
      <c r="J130" s="6">
        <v>457303</v>
      </c>
      <c r="K130" s="6">
        <v>80326</v>
      </c>
      <c r="L130" s="6">
        <v>18410</v>
      </c>
      <c r="M130" s="6">
        <v>388696</v>
      </c>
      <c r="N130" s="10" t="s">
        <v>55</v>
      </c>
      <c r="O130" s="6">
        <v>44404</v>
      </c>
      <c r="P130" s="6">
        <v>443623</v>
      </c>
      <c r="Q130" s="6">
        <v>388696</v>
      </c>
    </row>
    <row r="131" spans="1:17">
      <c r="A131" s="9" t="s">
        <v>27</v>
      </c>
      <c r="B131" s="9" t="s">
        <v>28</v>
      </c>
      <c r="C131" s="9" t="s">
        <v>29</v>
      </c>
      <c r="D131" s="9" t="s">
        <v>53</v>
      </c>
      <c r="E131" s="9" t="s">
        <v>50</v>
      </c>
      <c r="F131" s="9" t="s">
        <v>6</v>
      </c>
      <c r="G131" s="6">
        <v>6723478</v>
      </c>
      <c r="H131" s="6">
        <v>5739917</v>
      </c>
      <c r="I131" s="6">
        <v>4809397</v>
      </c>
      <c r="J131" s="6">
        <v>3251079</v>
      </c>
      <c r="K131" s="6">
        <v>930520</v>
      </c>
      <c r="L131" s="6">
        <v>36059</v>
      </c>
      <c r="M131" s="6">
        <v>947502</v>
      </c>
      <c r="N131" s="10" t="s">
        <v>55</v>
      </c>
      <c r="O131" s="6">
        <v>614664</v>
      </c>
      <c r="P131" s="6">
        <v>3239849</v>
      </c>
      <c r="Q131" s="6">
        <v>947502</v>
      </c>
    </row>
    <row r="132" spans="1:17">
      <c r="A132" s="9" t="s">
        <v>27</v>
      </c>
      <c r="B132" s="9" t="s">
        <v>28</v>
      </c>
      <c r="C132" s="9" t="s">
        <v>29</v>
      </c>
      <c r="D132" s="9" t="s">
        <v>53</v>
      </c>
      <c r="E132" s="9" t="s">
        <v>50</v>
      </c>
      <c r="F132" s="9" t="s">
        <v>7</v>
      </c>
      <c r="G132" s="6">
        <v>1218409</v>
      </c>
      <c r="H132" s="6">
        <v>1077863</v>
      </c>
      <c r="I132" s="6">
        <v>888108</v>
      </c>
      <c r="J132" s="6">
        <v>574598</v>
      </c>
      <c r="K132" s="6">
        <v>189755</v>
      </c>
      <c r="L132" s="6">
        <v>7434</v>
      </c>
      <c r="M132" s="6">
        <v>133112</v>
      </c>
      <c r="N132" s="10" t="s">
        <v>55</v>
      </c>
      <c r="O132" s="6">
        <v>132738</v>
      </c>
      <c r="P132" s="6">
        <v>570906</v>
      </c>
      <c r="Q132" s="6">
        <v>133112</v>
      </c>
    </row>
    <row r="133" spans="1:17">
      <c r="A133" s="9" t="s">
        <v>27</v>
      </c>
      <c r="B133" s="9" t="s">
        <v>28</v>
      </c>
      <c r="C133" s="9" t="s">
        <v>29</v>
      </c>
      <c r="D133" s="9" t="s">
        <v>53</v>
      </c>
      <c r="E133" s="9" t="s">
        <v>50</v>
      </c>
      <c r="F133" s="9" t="s">
        <v>8</v>
      </c>
      <c r="G133" s="6">
        <v>1187964</v>
      </c>
      <c r="H133" s="6">
        <v>1054194</v>
      </c>
      <c r="I133" s="6">
        <v>866698</v>
      </c>
      <c r="J133" s="6">
        <v>560296</v>
      </c>
      <c r="K133" s="6">
        <v>187496</v>
      </c>
      <c r="L133" s="6">
        <v>7137</v>
      </c>
      <c r="M133" s="6">
        <v>126633</v>
      </c>
      <c r="N133" s="10" t="s">
        <v>55</v>
      </c>
      <c r="O133" s="6">
        <v>131501</v>
      </c>
      <c r="P133" s="6">
        <v>556759</v>
      </c>
      <c r="Q133" s="6">
        <v>126633</v>
      </c>
    </row>
    <row r="134" spans="1:17">
      <c r="A134" s="9" t="s">
        <v>27</v>
      </c>
      <c r="B134" s="9" t="s">
        <v>28</v>
      </c>
      <c r="C134" s="9" t="s">
        <v>29</v>
      </c>
      <c r="D134" s="9" t="s">
        <v>53</v>
      </c>
      <c r="E134" s="9" t="s">
        <v>50</v>
      </c>
      <c r="F134" s="9" t="s">
        <v>13</v>
      </c>
      <c r="G134" s="6">
        <v>30445</v>
      </c>
      <c r="H134" s="6">
        <v>23669</v>
      </c>
      <c r="I134" s="6">
        <v>21410</v>
      </c>
      <c r="J134" s="6">
        <v>14302</v>
      </c>
      <c r="K134" s="6">
        <v>2259</v>
      </c>
      <c r="L134" s="6">
        <v>297</v>
      </c>
      <c r="M134" s="6">
        <v>6479</v>
      </c>
      <c r="N134" s="10" t="s">
        <v>55</v>
      </c>
      <c r="O134" s="6">
        <v>1237</v>
      </c>
      <c r="P134" s="6">
        <v>14147</v>
      </c>
      <c r="Q134" s="6">
        <v>6479</v>
      </c>
    </row>
    <row r="135" spans="1:17">
      <c r="A135" s="9" t="s">
        <v>27</v>
      </c>
      <c r="B135" s="9" t="s">
        <v>28</v>
      </c>
      <c r="C135" s="9" t="s">
        <v>29</v>
      </c>
      <c r="D135" s="9" t="s">
        <v>53</v>
      </c>
      <c r="E135" s="9" t="s">
        <v>50</v>
      </c>
      <c r="F135" s="9" t="s">
        <v>14</v>
      </c>
      <c r="G135" s="6">
        <v>4873889</v>
      </c>
      <c r="H135" s="6">
        <v>4206384</v>
      </c>
      <c r="I135" s="6">
        <v>3505961</v>
      </c>
      <c r="J135" s="6">
        <v>2367386</v>
      </c>
      <c r="K135" s="6">
        <v>700423</v>
      </c>
      <c r="L135" s="6">
        <v>20661</v>
      </c>
      <c r="M135" s="6">
        <v>646844</v>
      </c>
      <c r="N135" s="10" t="s">
        <v>55</v>
      </c>
      <c r="O135" s="6">
        <v>457020</v>
      </c>
      <c r="P135" s="6">
        <v>2361485</v>
      </c>
      <c r="Q135" s="6">
        <v>646844</v>
      </c>
    </row>
    <row r="136" spans="1:17">
      <c r="A136" s="9" t="s">
        <v>27</v>
      </c>
      <c r="B136" s="9" t="s">
        <v>28</v>
      </c>
      <c r="C136" s="9" t="s">
        <v>29</v>
      </c>
      <c r="D136" s="9" t="s">
        <v>53</v>
      </c>
      <c r="E136" s="9" t="s">
        <v>50</v>
      </c>
      <c r="F136" s="9" t="s">
        <v>18</v>
      </c>
      <c r="G136" s="6">
        <v>631180</v>
      </c>
      <c r="H136" s="6">
        <v>455670</v>
      </c>
      <c r="I136" s="6">
        <v>415328</v>
      </c>
      <c r="J136" s="6">
        <v>309095</v>
      </c>
      <c r="K136" s="6">
        <v>40342</v>
      </c>
      <c r="L136" s="6">
        <v>7964</v>
      </c>
      <c r="M136" s="6">
        <v>167546</v>
      </c>
      <c r="N136" s="10" t="s">
        <v>55</v>
      </c>
      <c r="O136" s="6">
        <v>24906</v>
      </c>
      <c r="P136" s="6">
        <v>307458</v>
      </c>
      <c r="Q136" s="6">
        <v>167546</v>
      </c>
    </row>
    <row r="137" spans="1:17">
      <c r="A137" s="9" t="s">
        <v>27</v>
      </c>
      <c r="B137" s="9" t="s">
        <v>28</v>
      </c>
      <c r="C137" s="9" t="s">
        <v>29</v>
      </c>
      <c r="D137" s="9" t="s">
        <v>53</v>
      </c>
      <c r="E137" s="9" t="s">
        <v>51</v>
      </c>
      <c r="F137" s="9" t="s">
        <v>6</v>
      </c>
      <c r="G137" s="6">
        <v>1646352</v>
      </c>
      <c r="H137" s="6">
        <v>1361222</v>
      </c>
      <c r="I137" s="6">
        <v>1028241</v>
      </c>
      <c r="J137" s="6">
        <v>679900</v>
      </c>
      <c r="K137" s="6">
        <v>332981</v>
      </c>
      <c r="L137" s="6">
        <v>7699</v>
      </c>
      <c r="M137" s="6">
        <v>277431</v>
      </c>
      <c r="N137" s="10" t="s">
        <v>55</v>
      </c>
      <c r="O137" s="6">
        <v>197260</v>
      </c>
      <c r="P137" s="6">
        <v>679396</v>
      </c>
      <c r="Q137" s="6">
        <v>277431</v>
      </c>
    </row>
    <row r="138" spans="1:17">
      <c r="A138" s="9" t="s">
        <v>27</v>
      </c>
      <c r="B138" s="9" t="s">
        <v>28</v>
      </c>
      <c r="C138" s="9" t="s">
        <v>29</v>
      </c>
      <c r="D138" s="9" t="s">
        <v>53</v>
      </c>
      <c r="E138" s="9" t="s">
        <v>51</v>
      </c>
      <c r="F138" s="9" t="s">
        <v>7</v>
      </c>
      <c r="G138" s="6">
        <v>143123</v>
      </c>
      <c r="H138" s="6">
        <v>122955</v>
      </c>
      <c r="I138" s="6">
        <v>89361</v>
      </c>
      <c r="J138" s="6">
        <v>55535</v>
      </c>
      <c r="K138" s="6">
        <v>33594</v>
      </c>
      <c r="L138" s="6">
        <v>759</v>
      </c>
      <c r="M138" s="6">
        <v>19409</v>
      </c>
      <c r="N138" s="10" t="s">
        <v>55</v>
      </c>
      <c r="O138" s="6">
        <v>20672</v>
      </c>
      <c r="P138" s="6">
        <v>55442</v>
      </c>
      <c r="Q138" s="6">
        <v>19409</v>
      </c>
    </row>
    <row r="139" spans="1:17">
      <c r="A139" s="9" t="s">
        <v>27</v>
      </c>
      <c r="B139" s="9" t="s">
        <v>28</v>
      </c>
      <c r="C139" s="9" t="s">
        <v>29</v>
      </c>
      <c r="D139" s="9" t="s">
        <v>53</v>
      </c>
      <c r="E139" s="9" t="s">
        <v>51</v>
      </c>
      <c r="F139" s="9" t="s">
        <v>8</v>
      </c>
      <c r="G139" s="6">
        <v>140853</v>
      </c>
      <c r="H139" s="6">
        <v>121206</v>
      </c>
      <c r="I139" s="6">
        <v>87893</v>
      </c>
      <c r="J139" s="6">
        <v>54634</v>
      </c>
      <c r="K139" s="6">
        <v>33313</v>
      </c>
      <c r="L139" s="6">
        <v>751</v>
      </c>
      <c r="M139" s="6">
        <v>18896</v>
      </c>
      <c r="N139" s="10" t="s">
        <v>55</v>
      </c>
      <c r="O139" s="6">
        <v>20536</v>
      </c>
      <c r="P139" s="6">
        <v>54544</v>
      </c>
      <c r="Q139" s="6">
        <v>18896</v>
      </c>
    </row>
    <row r="140" spans="1:17">
      <c r="A140" s="9" t="s">
        <v>27</v>
      </c>
      <c r="B140" s="9" t="s">
        <v>28</v>
      </c>
      <c r="C140" s="9" t="s">
        <v>29</v>
      </c>
      <c r="D140" s="9" t="s">
        <v>53</v>
      </c>
      <c r="E140" s="9" t="s">
        <v>51</v>
      </c>
      <c r="F140" s="9" t="s">
        <v>13</v>
      </c>
      <c r="G140" s="6">
        <v>2270</v>
      </c>
      <c r="H140" s="6">
        <v>1749</v>
      </c>
      <c r="I140" s="6">
        <v>1468</v>
      </c>
      <c r="J140" s="6">
        <v>901</v>
      </c>
      <c r="K140" s="6">
        <v>281</v>
      </c>
      <c r="L140" s="6">
        <v>8</v>
      </c>
      <c r="M140" s="6">
        <v>513</v>
      </c>
      <c r="N140" s="10" t="s">
        <v>55</v>
      </c>
      <c r="O140" s="6">
        <v>136</v>
      </c>
      <c r="P140" s="6">
        <v>898</v>
      </c>
      <c r="Q140" s="6">
        <v>513</v>
      </c>
    </row>
    <row r="141" spans="1:17">
      <c r="A141" s="9" t="s">
        <v>27</v>
      </c>
      <c r="B141" s="9" t="s">
        <v>28</v>
      </c>
      <c r="C141" s="9" t="s">
        <v>29</v>
      </c>
      <c r="D141" s="9" t="s">
        <v>53</v>
      </c>
      <c r="E141" s="9" t="s">
        <v>51</v>
      </c>
      <c r="F141" s="9" t="s">
        <v>14</v>
      </c>
      <c r="G141" s="6">
        <v>1341769</v>
      </c>
      <c r="H141" s="6">
        <v>1120621</v>
      </c>
      <c r="I141" s="6">
        <v>833008</v>
      </c>
      <c r="J141" s="6">
        <v>544062</v>
      </c>
      <c r="K141" s="6">
        <v>287613</v>
      </c>
      <c r="L141" s="6">
        <v>5109</v>
      </c>
      <c r="M141" s="6">
        <v>216039</v>
      </c>
      <c r="N141" s="10" t="s">
        <v>55</v>
      </c>
      <c r="O141" s="6">
        <v>169351</v>
      </c>
      <c r="P141" s="6">
        <v>543785</v>
      </c>
      <c r="Q141" s="6">
        <v>216039</v>
      </c>
    </row>
    <row r="142" spans="1:17">
      <c r="A142" s="9" t="s">
        <v>27</v>
      </c>
      <c r="B142" s="9" t="s">
        <v>28</v>
      </c>
      <c r="C142" s="9" t="s">
        <v>29</v>
      </c>
      <c r="D142" s="9" t="s">
        <v>53</v>
      </c>
      <c r="E142" s="9" t="s">
        <v>51</v>
      </c>
      <c r="F142" s="9" t="s">
        <v>18</v>
      </c>
      <c r="G142" s="6">
        <v>161460</v>
      </c>
      <c r="H142" s="6">
        <v>117646</v>
      </c>
      <c r="I142" s="6">
        <v>105872</v>
      </c>
      <c r="J142" s="6">
        <v>80303</v>
      </c>
      <c r="K142" s="6">
        <v>11774</v>
      </c>
      <c r="L142" s="6">
        <v>1831</v>
      </c>
      <c r="M142" s="6">
        <v>41983</v>
      </c>
      <c r="N142" s="10" t="s">
        <v>55</v>
      </c>
      <c r="O142" s="6">
        <v>7237</v>
      </c>
      <c r="P142" s="6">
        <v>80169</v>
      </c>
      <c r="Q142" s="6">
        <v>41983</v>
      </c>
    </row>
    <row r="143" spans="1:17">
      <c r="A143" s="9" t="s">
        <v>27</v>
      </c>
      <c r="B143" s="9" t="s">
        <v>28</v>
      </c>
      <c r="C143" s="9" t="s">
        <v>29</v>
      </c>
      <c r="D143" s="9" t="s">
        <v>53</v>
      </c>
      <c r="E143" s="9" t="s">
        <v>52</v>
      </c>
      <c r="F143" s="9" t="s">
        <v>6</v>
      </c>
      <c r="G143" s="6">
        <v>37353296</v>
      </c>
      <c r="H143" s="6">
        <v>29032697</v>
      </c>
      <c r="I143" s="6">
        <v>24824881</v>
      </c>
      <c r="J143" s="6">
        <v>5949255</v>
      </c>
      <c r="K143" s="6">
        <v>4207816</v>
      </c>
      <c r="L143" s="6">
        <v>497375</v>
      </c>
      <c r="M143" s="6">
        <v>7823224</v>
      </c>
      <c r="N143" s="10" t="s">
        <v>55</v>
      </c>
      <c r="O143" s="6">
        <v>2928843</v>
      </c>
      <c r="P143" s="6">
        <v>1378282</v>
      </c>
      <c r="Q143" s="6">
        <v>690959</v>
      </c>
    </row>
    <row r="144" spans="1:17">
      <c r="A144" s="9" t="s">
        <v>27</v>
      </c>
      <c r="B144" s="9" t="s">
        <v>28</v>
      </c>
      <c r="C144" s="9" t="s">
        <v>29</v>
      </c>
      <c r="D144" s="9" t="s">
        <v>53</v>
      </c>
      <c r="E144" s="9" t="s">
        <v>52</v>
      </c>
      <c r="F144" s="9" t="s">
        <v>7</v>
      </c>
      <c r="G144" s="6">
        <v>29380376</v>
      </c>
      <c r="H144" s="6">
        <v>24015635</v>
      </c>
      <c r="I144" s="6">
        <v>20428301</v>
      </c>
      <c r="J144" s="6">
        <v>4752758</v>
      </c>
      <c r="K144" s="6">
        <v>3587334</v>
      </c>
      <c r="L144" s="6">
        <v>355442</v>
      </c>
      <c r="M144" s="6">
        <v>5009299</v>
      </c>
      <c r="N144" s="10" t="s">
        <v>55</v>
      </c>
      <c r="O144" s="6">
        <v>2580021</v>
      </c>
      <c r="P144" s="6">
        <v>859215</v>
      </c>
      <c r="Q144" s="6">
        <v>324116</v>
      </c>
    </row>
    <row r="145" spans="1:17">
      <c r="A145" s="9" t="s">
        <v>27</v>
      </c>
      <c r="B145" s="9" t="s">
        <v>28</v>
      </c>
      <c r="C145" s="9" t="s">
        <v>29</v>
      </c>
      <c r="D145" s="9" t="s">
        <v>53</v>
      </c>
      <c r="E145" s="9" t="s">
        <v>52</v>
      </c>
      <c r="F145" s="9" t="s">
        <v>8</v>
      </c>
      <c r="G145" s="6">
        <v>28085416</v>
      </c>
      <c r="H145" s="6">
        <v>23010959</v>
      </c>
      <c r="I145" s="6">
        <v>19580279</v>
      </c>
      <c r="J145" s="6">
        <v>4623139</v>
      </c>
      <c r="K145" s="6">
        <v>3430680</v>
      </c>
      <c r="L145" s="6">
        <v>335542</v>
      </c>
      <c r="M145" s="6">
        <v>4738915</v>
      </c>
      <c r="N145" s="10" t="s">
        <v>55</v>
      </c>
      <c r="O145" s="6">
        <v>2479201</v>
      </c>
      <c r="P145" s="6">
        <v>821908</v>
      </c>
      <c r="Q145" s="6">
        <v>293810</v>
      </c>
    </row>
    <row r="146" spans="1:17">
      <c r="A146" s="9" t="s">
        <v>27</v>
      </c>
      <c r="B146" s="9" t="s">
        <v>28</v>
      </c>
      <c r="C146" s="9" t="s">
        <v>29</v>
      </c>
      <c r="D146" s="9" t="s">
        <v>53</v>
      </c>
      <c r="E146" s="9" t="s">
        <v>52</v>
      </c>
      <c r="F146" s="9" t="s">
        <v>13</v>
      </c>
      <c r="G146" s="6">
        <v>1294960</v>
      </c>
      <c r="H146" s="6">
        <v>1004676</v>
      </c>
      <c r="I146" s="6">
        <v>848022</v>
      </c>
      <c r="J146" s="6">
        <v>129619</v>
      </c>
      <c r="K146" s="6">
        <v>156654</v>
      </c>
      <c r="L146" s="6">
        <v>19900</v>
      </c>
      <c r="M146" s="6">
        <v>270384</v>
      </c>
      <c r="N146" s="10" t="s">
        <v>55</v>
      </c>
      <c r="O146" s="6">
        <v>100820</v>
      </c>
      <c r="P146" s="6">
        <v>37307</v>
      </c>
      <c r="Q146" s="6">
        <v>30306</v>
      </c>
    </row>
    <row r="147" spans="1:17">
      <c r="A147" s="9" t="s">
        <v>27</v>
      </c>
      <c r="B147" s="9" t="s">
        <v>28</v>
      </c>
      <c r="C147" s="9" t="s">
        <v>29</v>
      </c>
      <c r="D147" s="9" t="s">
        <v>53</v>
      </c>
      <c r="E147" s="9" t="s">
        <v>52</v>
      </c>
      <c r="F147" s="9" t="s">
        <v>14</v>
      </c>
      <c r="G147" s="6">
        <v>3091008</v>
      </c>
      <c r="H147" s="6">
        <v>2397756</v>
      </c>
      <c r="I147" s="6">
        <v>2006900</v>
      </c>
      <c r="J147" s="6">
        <v>685149</v>
      </c>
      <c r="K147" s="6">
        <v>390856</v>
      </c>
      <c r="L147" s="6">
        <v>24853</v>
      </c>
      <c r="M147" s="6">
        <v>668399</v>
      </c>
      <c r="N147" s="10" t="s">
        <v>55</v>
      </c>
      <c r="O147" s="6">
        <v>218767</v>
      </c>
      <c r="P147" s="6">
        <v>473213</v>
      </c>
      <c r="Q147" s="6">
        <v>258386</v>
      </c>
    </row>
    <row r="148" spans="1:17">
      <c r="A148" s="9" t="s">
        <v>27</v>
      </c>
      <c r="B148" s="9" t="s">
        <v>28</v>
      </c>
      <c r="C148" s="9" t="s">
        <v>29</v>
      </c>
      <c r="D148" s="9" t="s">
        <v>53</v>
      </c>
      <c r="E148" s="9" t="s">
        <v>52</v>
      </c>
      <c r="F148" s="9" t="s">
        <v>18</v>
      </c>
      <c r="G148" s="6">
        <v>4881912</v>
      </c>
      <c r="H148" s="6">
        <v>2619306</v>
      </c>
      <c r="I148" s="6">
        <v>2389680</v>
      </c>
      <c r="J148" s="6">
        <v>511348</v>
      </c>
      <c r="K148" s="6">
        <v>229626</v>
      </c>
      <c r="L148" s="6">
        <v>117080</v>
      </c>
      <c r="M148" s="6">
        <v>2145526</v>
      </c>
      <c r="N148" s="10" t="s">
        <v>55</v>
      </c>
      <c r="O148" s="6">
        <v>130055</v>
      </c>
      <c r="P148" s="6">
        <v>45854</v>
      </c>
      <c r="Q148" s="6">
        <v>108457</v>
      </c>
    </row>
    <row r="149" spans="1:17">
      <c r="A149" s="9" t="s">
        <v>27</v>
      </c>
      <c r="B149" s="9" t="s">
        <v>57</v>
      </c>
      <c r="C149" s="9" t="s">
        <v>58</v>
      </c>
      <c r="D149" s="9" t="s">
        <v>53</v>
      </c>
      <c r="E149" s="9" t="s">
        <v>30</v>
      </c>
      <c r="F149" s="9" t="s">
        <v>6</v>
      </c>
      <c r="G149" s="6">
        <v>670570</v>
      </c>
      <c r="H149" s="6">
        <v>561253</v>
      </c>
      <c r="I149" s="6">
        <v>447002</v>
      </c>
      <c r="J149" s="6">
        <v>149328</v>
      </c>
      <c r="K149" s="6">
        <v>114251</v>
      </c>
      <c r="L149" s="6">
        <v>6532</v>
      </c>
      <c r="M149" s="6">
        <v>102785</v>
      </c>
      <c r="N149" s="10" t="s">
        <v>55</v>
      </c>
      <c r="O149" s="6">
        <v>79709</v>
      </c>
      <c r="P149" s="6">
        <v>94175</v>
      </c>
      <c r="Q149" s="6">
        <v>29745</v>
      </c>
    </row>
    <row r="150" spans="1:17">
      <c r="A150" s="9" t="s">
        <v>27</v>
      </c>
      <c r="B150" s="9" t="s">
        <v>57</v>
      </c>
      <c r="C150" s="9" t="s">
        <v>58</v>
      </c>
      <c r="D150" s="9" t="s">
        <v>53</v>
      </c>
      <c r="E150" s="9" t="s">
        <v>30</v>
      </c>
      <c r="F150" s="9" t="s">
        <v>7</v>
      </c>
      <c r="G150" s="6">
        <v>447247</v>
      </c>
      <c r="H150" s="6">
        <v>379925</v>
      </c>
      <c r="I150" s="6">
        <v>300637</v>
      </c>
      <c r="J150" s="6">
        <v>82084</v>
      </c>
      <c r="K150" s="6">
        <v>79288</v>
      </c>
      <c r="L150" s="6">
        <v>4769</v>
      </c>
      <c r="M150" s="6">
        <v>62553</v>
      </c>
      <c r="N150" s="10" t="s">
        <v>55</v>
      </c>
      <c r="O150" s="6">
        <v>56898</v>
      </c>
      <c r="P150" s="6">
        <v>33122</v>
      </c>
      <c r="Q150" s="6">
        <v>9035</v>
      </c>
    </row>
    <row r="151" spans="1:17">
      <c r="A151" s="9" t="s">
        <v>27</v>
      </c>
      <c r="B151" s="9" t="s">
        <v>57</v>
      </c>
      <c r="C151" s="9" t="s">
        <v>58</v>
      </c>
      <c r="D151" s="9" t="s">
        <v>53</v>
      </c>
      <c r="E151" s="9" t="s">
        <v>30</v>
      </c>
      <c r="F151" s="9" t="s">
        <v>8</v>
      </c>
      <c r="G151" s="6">
        <v>426860</v>
      </c>
      <c r="H151" s="6">
        <v>363536</v>
      </c>
      <c r="I151" s="6">
        <v>287499</v>
      </c>
      <c r="J151" s="6">
        <v>79699</v>
      </c>
      <c r="K151" s="6">
        <v>76037</v>
      </c>
      <c r="L151" s="6">
        <v>4479</v>
      </c>
      <c r="M151" s="6">
        <v>58845</v>
      </c>
      <c r="N151" s="10" t="s">
        <v>55</v>
      </c>
      <c r="O151" s="6">
        <v>54774</v>
      </c>
      <c r="P151" s="6">
        <v>32082</v>
      </c>
      <c r="Q151" s="6">
        <v>8326</v>
      </c>
    </row>
    <row r="152" spans="1:17">
      <c r="A152" s="9" t="s">
        <v>27</v>
      </c>
      <c r="B152" s="9" t="s">
        <v>57</v>
      </c>
      <c r="C152" s="9" t="s">
        <v>58</v>
      </c>
      <c r="D152" s="9" t="s">
        <v>53</v>
      </c>
      <c r="E152" s="9" t="s">
        <v>30</v>
      </c>
      <c r="F152" s="9" t="s">
        <v>13</v>
      </c>
      <c r="G152" s="6">
        <v>20387</v>
      </c>
      <c r="H152" s="6">
        <v>16389</v>
      </c>
      <c r="I152" s="6">
        <v>13138</v>
      </c>
      <c r="J152" s="6">
        <v>2385</v>
      </c>
      <c r="K152" s="6">
        <v>3251</v>
      </c>
      <c r="L152" s="6">
        <v>290</v>
      </c>
      <c r="M152" s="6">
        <v>3708</v>
      </c>
      <c r="N152" s="10" t="s">
        <v>55</v>
      </c>
      <c r="O152" s="6">
        <v>2124</v>
      </c>
      <c r="P152" s="6">
        <v>1040</v>
      </c>
      <c r="Q152" s="6">
        <v>709</v>
      </c>
    </row>
    <row r="153" spans="1:17">
      <c r="A153" s="9" t="s">
        <v>27</v>
      </c>
      <c r="B153" s="9" t="s">
        <v>57</v>
      </c>
      <c r="C153" s="9" t="s">
        <v>58</v>
      </c>
      <c r="D153" s="9" t="s">
        <v>53</v>
      </c>
      <c r="E153" s="9" t="s">
        <v>30</v>
      </c>
      <c r="F153" s="9" t="s">
        <v>14</v>
      </c>
      <c r="G153" s="6">
        <v>179319</v>
      </c>
      <c r="H153" s="6">
        <v>154100</v>
      </c>
      <c r="I153" s="6">
        <v>122620</v>
      </c>
      <c r="J153" s="6">
        <v>60265</v>
      </c>
      <c r="K153" s="6">
        <v>31480</v>
      </c>
      <c r="L153" s="6">
        <v>1058</v>
      </c>
      <c r="M153" s="6">
        <v>24161</v>
      </c>
      <c r="N153" s="10" t="s">
        <v>55</v>
      </c>
      <c r="O153" s="6">
        <v>20439</v>
      </c>
      <c r="P153" s="6">
        <v>56751</v>
      </c>
      <c r="Q153" s="6">
        <v>17870</v>
      </c>
    </row>
    <row r="154" spans="1:17">
      <c r="A154" s="9" t="s">
        <v>27</v>
      </c>
      <c r="B154" s="9" t="s">
        <v>57</v>
      </c>
      <c r="C154" s="9" t="s">
        <v>58</v>
      </c>
      <c r="D154" s="9" t="s">
        <v>53</v>
      </c>
      <c r="E154" s="9" t="s">
        <v>30</v>
      </c>
      <c r="F154" s="9" t="s">
        <v>18</v>
      </c>
      <c r="G154" s="6">
        <v>44004</v>
      </c>
      <c r="H154" s="6">
        <v>27228</v>
      </c>
      <c r="I154" s="6">
        <v>23745</v>
      </c>
      <c r="J154" s="6">
        <v>6979</v>
      </c>
      <c r="K154" s="6">
        <v>3483</v>
      </c>
      <c r="L154" s="6">
        <v>705</v>
      </c>
      <c r="M154" s="6">
        <v>16071</v>
      </c>
      <c r="N154" s="10" t="s">
        <v>55</v>
      </c>
      <c r="O154" s="6">
        <v>2372</v>
      </c>
      <c r="P154" s="6">
        <v>4302</v>
      </c>
      <c r="Q154" s="6">
        <v>2840</v>
      </c>
    </row>
    <row r="155" spans="1:17">
      <c r="A155" s="9" t="s">
        <v>27</v>
      </c>
      <c r="B155" s="9" t="s">
        <v>57</v>
      </c>
      <c r="C155" s="9" t="s">
        <v>58</v>
      </c>
      <c r="D155" s="9" t="s">
        <v>53</v>
      </c>
      <c r="E155" s="9" t="s">
        <v>31</v>
      </c>
      <c r="F155" s="9" t="s">
        <v>6</v>
      </c>
      <c r="G155" s="6">
        <v>37946</v>
      </c>
      <c r="H155" s="6">
        <v>35548</v>
      </c>
      <c r="I155" s="6">
        <v>27941</v>
      </c>
      <c r="J155" s="6">
        <v>12</v>
      </c>
      <c r="K155" s="6">
        <v>7607</v>
      </c>
      <c r="L155" s="6">
        <v>189</v>
      </c>
      <c r="M155" s="6">
        <v>2209</v>
      </c>
      <c r="N155" s="10" t="s">
        <v>55</v>
      </c>
      <c r="O155" s="6">
        <v>7054</v>
      </c>
      <c r="P155" s="10" t="s">
        <v>55</v>
      </c>
      <c r="Q155" s="10" t="s">
        <v>55</v>
      </c>
    </row>
    <row r="156" spans="1:17">
      <c r="A156" s="9" t="s">
        <v>27</v>
      </c>
      <c r="B156" s="9" t="s">
        <v>57</v>
      </c>
      <c r="C156" s="9" t="s">
        <v>58</v>
      </c>
      <c r="D156" s="9" t="s">
        <v>53</v>
      </c>
      <c r="E156" s="9" t="s">
        <v>31</v>
      </c>
      <c r="F156" s="9" t="s">
        <v>7</v>
      </c>
      <c r="G156" s="6">
        <v>5340</v>
      </c>
      <c r="H156" s="6">
        <v>4195</v>
      </c>
      <c r="I156" s="6">
        <v>3137</v>
      </c>
      <c r="J156" s="6">
        <v>10</v>
      </c>
      <c r="K156" s="6">
        <v>1058</v>
      </c>
      <c r="L156" s="6">
        <v>39</v>
      </c>
      <c r="M156" s="6">
        <v>1106</v>
      </c>
      <c r="N156" s="10" t="s">
        <v>55</v>
      </c>
      <c r="O156" s="6">
        <v>947</v>
      </c>
      <c r="P156" s="10" t="s">
        <v>55</v>
      </c>
      <c r="Q156" s="10" t="s">
        <v>55</v>
      </c>
    </row>
    <row r="157" spans="1:17">
      <c r="A157" s="9" t="s">
        <v>27</v>
      </c>
      <c r="B157" s="9" t="s">
        <v>57</v>
      </c>
      <c r="C157" s="9" t="s">
        <v>58</v>
      </c>
      <c r="D157" s="9" t="s">
        <v>53</v>
      </c>
      <c r="E157" s="9" t="s">
        <v>31</v>
      </c>
      <c r="F157" s="9" t="s">
        <v>8</v>
      </c>
      <c r="G157" s="6">
        <v>4826</v>
      </c>
      <c r="H157" s="6">
        <v>3792</v>
      </c>
      <c r="I157" s="6">
        <v>2851</v>
      </c>
      <c r="J157" s="6">
        <v>9</v>
      </c>
      <c r="K157" s="6">
        <v>941</v>
      </c>
      <c r="L157" s="6">
        <v>34</v>
      </c>
      <c r="M157" s="6">
        <v>1000</v>
      </c>
      <c r="N157" s="10" t="s">
        <v>55</v>
      </c>
      <c r="O157" s="6">
        <v>840</v>
      </c>
      <c r="P157" s="10" t="s">
        <v>55</v>
      </c>
      <c r="Q157" s="10" t="s">
        <v>55</v>
      </c>
    </row>
    <row r="158" spans="1:17">
      <c r="A158" s="9" t="s">
        <v>27</v>
      </c>
      <c r="B158" s="9" t="s">
        <v>57</v>
      </c>
      <c r="C158" s="9" t="s">
        <v>58</v>
      </c>
      <c r="D158" s="9" t="s">
        <v>53</v>
      </c>
      <c r="E158" s="9" t="s">
        <v>31</v>
      </c>
      <c r="F158" s="9" t="s">
        <v>13</v>
      </c>
      <c r="G158" s="6">
        <v>514</v>
      </c>
      <c r="H158" s="6">
        <v>403</v>
      </c>
      <c r="I158" s="6">
        <v>286</v>
      </c>
      <c r="J158" s="6">
        <v>1</v>
      </c>
      <c r="K158" s="6">
        <v>117</v>
      </c>
      <c r="L158" s="6">
        <v>5</v>
      </c>
      <c r="M158" s="6">
        <v>106</v>
      </c>
      <c r="N158" s="10" t="s">
        <v>55</v>
      </c>
      <c r="O158" s="6">
        <v>107</v>
      </c>
      <c r="P158" s="10" t="s">
        <v>55</v>
      </c>
      <c r="Q158" s="10" t="s">
        <v>55</v>
      </c>
    </row>
    <row r="159" spans="1:17">
      <c r="A159" s="9" t="s">
        <v>27</v>
      </c>
      <c r="B159" s="9" t="s">
        <v>57</v>
      </c>
      <c r="C159" s="9" t="s">
        <v>58</v>
      </c>
      <c r="D159" s="9" t="s">
        <v>53</v>
      </c>
      <c r="E159" s="9" t="s">
        <v>31</v>
      </c>
      <c r="F159" s="9" t="s">
        <v>14</v>
      </c>
      <c r="G159" s="6">
        <v>30115</v>
      </c>
      <c r="H159" s="6">
        <v>29051</v>
      </c>
      <c r="I159" s="6">
        <v>22764</v>
      </c>
      <c r="J159" s="10" t="s">
        <v>55</v>
      </c>
      <c r="K159" s="6">
        <v>6287</v>
      </c>
      <c r="L159" s="6">
        <v>122</v>
      </c>
      <c r="M159" s="6">
        <v>942</v>
      </c>
      <c r="N159" s="10" t="s">
        <v>55</v>
      </c>
      <c r="O159" s="6">
        <v>5876</v>
      </c>
      <c r="P159" s="10" t="s">
        <v>55</v>
      </c>
      <c r="Q159" s="10" t="s">
        <v>55</v>
      </c>
    </row>
    <row r="160" spans="1:17">
      <c r="A160" s="9" t="s">
        <v>27</v>
      </c>
      <c r="B160" s="9" t="s">
        <v>57</v>
      </c>
      <c r="C160" s="9" t="s">
        <v>58</v>
      </c>
      <c r="D160" s="9" t="s">
        <v>53</v>
      </c>
      <c r="E160" s="9" t="s">
        <v>31</v>
      </c>
      <c r="F160" s="9" t="s">
        <v>18</v>
      </c>
      <c r="G160" s="6">
        <v>2491</v>
      </c>
      <c r="H160" s="6">
        <v>2302</v>
      </c>
      <c r="I160" s="6">
        <v>2040</v>
      </c>
      <c r="J160" s="6">
        <v>2</v>
      </c>
      <c r="K160" s="6">
        <v>262</v>
      </c>
      <c r="L160" s="6">
        <v>28</v>
      </c>
      <c r="M160" s="6">
        <v>161</v>
      </c>
      <c r="N160" s="10" t="s">
        <v>55</v>
      </c>
      <c r="O160" s="6">
        <v>231</v>
      </c>
      <c r="P160" s="10" t="s">
        <v>55</v>
      </c>
      <c r="Q160" s="10" t="s">
        <v>55</v>
      </c>
    </row>
    <row r="161" spans="1:17">
      <c r="A161" s="9" t="s">
        <v>27</v>
      </c>
      <c r="B161" s="9" t="s">
        <v>57</v>
      </c>
      <c r="C161" s="9" t="s">
        <v>58</v>
      </c>
      <c r="D161" s="9" t="s">
        <v>53</v>
      </c>
      <c r="E161" s="9" t="s">
        <v>32</v>
      </c>
      <c r="F161" s="9" t="s">
        <v>6</v>
      </c>
      <c r="G161" s="6">
        <v>33670</v>
      </c>
      <c r="H161" s="6">
        <v>22807</v>
      </c>
      <c r="I161" s="6">
        <v>16850</v>
      </c>
      <c r="J161" s="6">
        <v>578</v>
      </c>
      <c r="K161" s="6">
        <v>5957</v>
      </c>
      <c r="L161" s="6">
        <v>633</v>
      </c>
      <c r="M161" s="6">
        <v>10230</v>
      </c>
      <c r="N161" s="10" t="s">
        <v>55</v>
      </c>
      <c r="O161" s="6">
        <v>5181</v>
      </c>
      <c r="P161" s="10" t="s">
        <v>55</v>
      </c>
      <c r="Q161" s="10" t="s">
        <v>55</v>
      </c>
    </row>
    <row r="162" spans="1:17">
      <c r="A162" s="9" t="s">
        <v>27</v>
      </c>
      <c r="B162" s="9" t="s">
        <v>57</v>
      </c>
      <c r="C162" s="9" t="s">
        <v>58</v>
      </c>
      <c r="D162" s="9" t="s">
        <v>53</v>
      </c>
      <c r="E162" s="9" t="s">
        <v>32</v>
      </c>
      <c r="F162" s="9" t="s">
        <v>7</v>
      </c>
      <c r="G162" s="6">
        <v>23234</v>
      </c>
      <c r="H162" s="6">
        <v>15949</v>
      </c>
      <c r="I162" s="6">
        <v>11396</v>
      </c>
      <c r="J162" s="6">
        <v>489</v>
      </c>
      <c r="K162" s="6">
        <v>4553</v>
      </c>
      <c r="L162" s="6">
        <v>522</v>
      </c>
      <c r="M162" s="6">
        <v>6763</v>
      </c>
      <c r="N162" s="10" t="s">
        <v>55</v>
      </c>
      <c r="O162" s="6">
        <v>3982</v>
      </c>
      <c r="P162" s="10" t="s">
        <v>55</v>
      </c>
      <c r="Q162" s="10" t="s">
        <v>55</v>
      </c>
    </row>
    <row r="163" spans="1:17">
      <c r="A163" s="9" t="s">
        <v>27</v>
      </c>
      <c r="B163" s="9" t="s">
        <v>57</v>
      </c>
      <c r="C163" s="9" t="s">
        <v>58</v>
      </c>
      <c r="D163" s="9" t="s">
        <v>53</v>
      </c>
      <c r="E163" s="9" t="s">
        <v>32</v>
      </c>
      <c r="F163" s="9" t="s">
        <v>8</v>
      </c>
      <c r="G163" s="6">
        <v>21437</v>
      </c>
      <c r="H163" s="6">
        <v>14383</v>
      </c>
      <c r="I163" s="6">
        <v>10280</v>
      </c>
      <c r="J163" s="6">
        <v>472</v>
      </c>
      <c r="K163" s="6">
        <v>4103</v>
      </c>
      <c r="L163" s="6">
        <v>501</v>
      </c>
      <c r="M163" s="6">
        <v>6553</v>
      </c>
      <c r="N163" s="10" t="s">
        <v>55</v>
      </c>
      <c r="O163" s="6">
        <v>3595</v>
      </c>
      <c r="P163" s="10" t="s">
        <v>55</v>
      </c>
      <c r="Q163" s="10" t="s">
        <v>55</v>
      </c>
    </row>
    <row r="164" spans="1:17">
      <c r="A164" s="9" t="s">
        <v>27</v>
      </c>
      <c r="B164" s="9" t="s">
        <v>57</v>
      </c>
      <c r="C164" s="9" t="s">
        <v>58</v>
      </c>
      <c r="D164" s="9" t="s">
        <v>53</v>
      </c>
      <c r="E164" s="9" t="s">
        <v>32</v>
      </c>
      <c r="F164" s="9" t="s">
        <v>13</v>
      </c>
      <c r="G164" s="6">
        <v>1797</v>
      </c>
      <c r="H164" s="6">
        <v>1566</v>
      </c>
      <c r="I164" s="6">
        <v>1116</v>
      </c>
      <c r="J164" s="6">
        <v>17</v>
      </c>
      <c r="K164" s="6">
        <v>450</v>
      </c>
      <c r="L164" s="6">
        <v>21</v>
      </c>
      <c r="M164" s="6">
        <v>210</v>
      </c>
      <c r="N164" s="10" t="s">
        <v>55</v>
      </c>
      <c r="O164" s="6">
        <v>387</v>
      </c>
      <c r="P164" s="10" t="s">
        <v>55</v>
      </c>
      <c r="Q164" s="10" t="s">
        <v>55</v>
      </c>
    </row>
    <row r="165" spans="1:17">
      <c r="A165" s="9" t="s">
        <v>27</v>
      </c>
      <c r="B165" s="9" t="s">
        <v>57</v>
      </c>
      <c r="C165" s="9" t="s">
        <v>58</v>
      </c>
      <c r="D165" s="9" t="s">
        <v>53</v>
      </c>
      <c r="E165" s="9" t="s">
        <v>32</v>
      </c>
      <c r="F165" s="9" t="s">
        <v>14</v>
      </c>
      <c r="G165" s="6">
        <v>6923</v>
      </c>
      <c r="H165" s="6">
        <v>5039</v>
      </c>
      <c r="I165" s="6">
        <v>3963</v>
      </c>
      <c r="J165" s="6">
        <v>4</v>
      </c>
      <c r="K165" s="6">
        <v>1076</v>
      </c>
      <c r="L165" s="6">
        <v>30</v>
      </c>
      <c r="M165" s="6">
        <v>1854</v>
      </c>
      <c r="N165" s="10" t="s">
        <v>55</v>
      </c>
      <c r="O165" s="6">
        <v>948</v>
      </c>
      <c r="P165" s="10" t="s">
        <v>55</v>
      </c>
      <c r="Q165" s="10" t="s">
        <v>55</v>
      </c>
    </row>
    <row r="166" spans="1:17">
      <c r="A166" s="9" t="s">
        <v>27</v>
      </c>
      <c r="B166" s="9" t="s">
        <v>57</v>
      </c>
      <c r="C166" s="9" t="s">
        <v>58</v>
      </c>
      <c r="D166" s="9" t="s">
        <v>53</v>
      </c>
      <c r="E166" s="9" t="s">
        <v>32</v>
      </c>
      <c r="F166" s="9" t="s">
        <v>18</v>
      </c>
      <c r="G166" s="6">
        <v>3513</v>
      </c>
      <c r="H166" s="6">
        <v>1819</v>
      </c>
      <c r="I166" s="6">
        <v>1491</v>
      </c>
      <c r="J166" s="6">
        <v>85</v>
      </c>
      <c r="K166" s="6">
        <v>328</v>
      </c>
      <c r="L166" s="6">
        <v>81</v>
      </c>
      <c r="M166" s="6">
        <v>1613</v>
      </c>
      <c r="N166" s="10" t="s">
        <v>55</v>
      </c>
      <c r="O166" s="6">
        <v>251</v>
      </c>
      <c r="P166" s="10" t="s">
        <v>55</v>
      </c>
      <c r="Q166" s="10" t="s">
        <v>55</v>
      </c>
    </row>
    <row r="167" spans="1:17">
      <c r="A167" s="9" t="s">
        <v>27</v>
      </c>
      <c r="B167" s="9" t="s">
        <v>57</v>
      </c>
      <c r="C167" s="9" t="s">
        <v>58</v>
      </c>
      <c r="D167" s="9" t="s">
        <v>53</v>
      </c>
      <c r="E167" s="9" t="s">
        <v>33</v>
      </c>
      <c r="F167" s="9" t="s">
        <v>6</v>
      </c>
      <c r="G167" s="6">
        <v>34879</v>
      </c>
      <c r="H167" s="6">
        <v>24952</v>
      </c>
      <c r="I167" s="6">
        <v>19509</v>
      </c>
      <c r="J167" s="6">
        <v>3079</v>
      </c>
      <c r="K167" s="6">
        <v>5443</v>
      </c>
      <c r="L167" s="6">
        <v>928</v>
      </c>
      <c r="M167" s="6">
        <v>8999</v>
      </c>
      <c r="N167" s="10" t="s">
        <v>55</v>
      </c>
      <c r="O167" s="6">
        <v>4660</v>
      </c>
      <c r="P167" s="10" t="s">
        <v>55</v>
      </c>
      <c r="Q167" s="10" t="s">
        <v>55</v>
      </c>
    </row>
    <row r="168" spans="1:17">
      <c r="A168" s="9" t="s">
        <v>27</v>
      </c>
      <c r="B168" s="9" t="s">
        <v>57</v>
      </c>
      <c r="C168" s="9" t="s">
        <v>58</v>
      </c>
      <c r="D168" s="9" t="s">
        <v>53</v>
      </c>
      <c r="E168" s="9" t="s">
        <v>33</v>
      </c>
      <c r="F168" s="9" t="s">
        <v>7</v>
      </c>
      <c r="G168" s="6">
        <v>29690</v>
      </c>
      <c r="H168" s="6">
        <v>22230</v>
      </c>
      <c r="I168" s="6">
        <v>17250</v>
      </c>
      <c r="J168" s="6">
        <v>2759</v>
      </c>
      <c r="K168" s="6">
        <v>4980</v>
      </c>
      <c r="L168" s="6">
        <v>800</v>
      </c>
      <c r="M168" s="6">
        <v>6660</v>
      </c>
      <c r="N168" s="10" t="s">
        <v>55</v>
      </c>
      <c r="O168" s="6">
        <v>4317</v>
      </c>
      <c r="P168" s="10" t="s">
        <v>55</v>
      </c>
      <c r="Q168" s="10" t="s">
        <v>55</v>
      </c>
    </row>
    <row r="169" spans="1:17">
      <c r="A169" s="9" t="s">
        <v>27</v>
      </c>
      <c r="B169" s="9" t="s">
        <v>57</v>
      </c>
      <c r="C169" s="9" t="s">
        <v>58</v>
      </c>
      <c r="D169" s="9" t="s">
        <v>53</v>
      </c>
      <c r="E169" s="9" t="s">
        <v>33</v>
      </c>
      <c r="F169" s="9" t="s">
        <v>8</v>
      </c>
      <c r="G169" s="6">
        <v>27927</v>
      </c>
      <c r="H169" s="6">
        <v>20656</v>
      </c>
      <c r="I169" s="6">
        <v>16092</v>
      </c>
      <c r="J169" s="6">
        <v>2729</v>
      </c>
      <c r="K169" s="6">
        <v>4564</v>
      </c>
      <c r="L169" s="6">
        <v>762</v>
      </c>
      <c r="M169" s="6">
        <v>6509</v>
      </c>
      <c r="N169" s="10" t="s">
        <v>55</v>
      </c>
      <c r="O169" s="6">
        <v>3967</v>
      </c>
      <c r="P169" s="10" t="s">
        <v>55</v>
      </c>
      <c r="Q169" s="10" t="s">
        <v>55</v>
      </c>
    </row>
    <row r="170" spans="1:17">
      <c r="A170" s="9" t="s">
        <v>27</v>
      </c>
      <c r="B170" s="9" t="s">
        <v>57</v>
      </c>
      <c r="C170" s="9" t="s">
        <v>58</v>
      </c>
      <c r="D170" s="9" t="s">
        <v>53</v>
      </c>
      <c r="E170" s="9" t="s">
        <v>33</v>
      </c>
      <c r="F170" s="9" t="s">
        <v>13</v>
      </c>
      <c r="G170" s="6">
        <v>1763</v>
      </c>
      <c r="H170" s="6">
        <v>1574</v>
      </c>
      <c r="I170" s="6">
        <v>1158</v>
      </c>
      <c r="J170" s="6">
        <v>30</v>
      </c>
      <c r="K170" s="6">
        <v>416</v>
      </c>
      <c r="L170" s="6">
        <v>38</v>
      </c>
      <c r="M170" s="6">
        <v>151</v>
      </c>
      <c r="N170" s="10" t="s">
        <v>55</v>
      </c>
      <c r="O170" s="6">
        <v>350</v>
      </c>
      <c r="P170" s="10" t="s">
        <v>55</v>
      </c>
      <c r="Q170" s="10" t="s">
        <v>55</v>
      </c>
    </row>
    <row r="171" spans="1:17">
      <c r="A171" s="9" t="s">
        <v>27</v>
      </c>
      <c r="B171" s="9" t="s">
        <v>57</v>
      </c>
      <c r="C171" s="9" t="s">
        <v>58</v>
      </c>
      <c r="D171" s="9" t="s">
        <v>53</v>
      </c>
      <c r="E171" s="9" t="s">
        <v>33</v>
      </c>
      <c r="F171" s="9" t="s">
        <v>14</v>
      </c>
      <c r="G171" s="6">
        <v>1198</v>
      </c>
      <c r="H171" s="6">
        <v>943</v>
      </c>
      <c r="I171" s="6">
        <v>735</v>
      </c>
      <c r="J171" s="6">
        <v>11</v>
      </c>
      <c r="K171" s="6">
        <v>208</v>
      </c>
      <c r="L171" s="6">
        <v>16</v>
      </c>
      <c r="M171" s="6">
        <v>239</v>
      </c>
      <c r="N171" s="10" t="s">
        <v>55</v>
      </c>
      <c r="O171" s="6">
        <v>174</v>
      </c>
      <c r="P171" s="10" t="s">
        <v>55</v>
      </c>
      <c r="Q171" s="10" t="s">
        <v>55</v>
      </c>
    </row>
    <row r="172" spans="1:17">
      <c r="A172" s="9" t="s">
        <v>27</v>
      </c>
      <c r="B172" s="9" t="s">
        <v>57</v>
      </c>
      <c r="C172" s="9" t="s">
        <v>58</v>
      </c>
      <c r="D172" s="9" t="s">
        <v>53</v>
      </c>
      <c r="E172" s="9" t="s">
        <v>33</v>
      </c>
      <c r="F172" s="9" t="s">
        <v>18</v>
      </c>
      <c r="G172" s="6">
        <v>3991</v>
      </c>
      <c r="H172" s="6">
        <v>1779</v>
      </c>
      <c r="I172" s="6">
        <v>1524</v>
      </c>
      <c r="J172" s="6">
        <v>309</v>
      </c>
      <c r="K172" s="6">
        <v>255</v>
      </c>
      <c r="L172" s="6">
        <v>112</v>
      </c>
      <c r="M172" s="6">
        <v>2100</v>
      </c>
      <c r="N172" s="10" t="s">
        <v>55</v>
      </c>
      <c r="O172" s="6">
        <v>169</v>
      </c>
      <c r="P172" s="10" t="s">
        <v>55</v>
      </c>
      <c r="Q172" s="10" t="s">
        <v>55</v>
      </c>
    </row>
    <row r="173" spans="1:17">
      <c r="A173" s="9" t="s">
        <v>27</v>
      </c>
      <c r="B173" s="9" t="s">
        <v>57</v>
      </c>
      <c r="C173" s="9" t="s">
        <v>58</v>
      </c>
      <c r="D173" s="9" t="s">
        <v>53</v>
      </c>
      <c r="E173" s="9" t="s">
        <v>34</v>
      </c>
      <c r="F173" s="9" t="s">
        <v>6</v>
      </c>
      <c r="G173" s="6">
        <v>40408</v>
      </c>
      <c r="H173" s="6">
        <v>33056</v>
      </c>
      <c r="I173" s="6">
        <v>27632</v>
      </c>
      <c r="J173" s="6">
        <v>3696</v>
      </c>
      <c r="K173" s="6">
        <v>5424</v>
      </c>
      <c r="L173" s="6">
        <v>581</v>
      </c>
      <c r="M173" s="6">
        <v>6771</v>
      </c>
      <c r="N173" s="10" t="s">
        <v>55</v>
      </c>
      <c r="O173" s="6">
        <v>4633</v>
      </c>
      <c r="P173" s="10" t="s">
        <v>55</v>
      </c>
      <c r="Q173" s="10" t="s">
        <v>55</v>
      </c>
    </row>
    <row r="174" spans="1:17">
      <c r="A174" s="9" t="s">
        <v>27</v>
      </c>
      <c r="B174" s="9" t="s">
        <v>57</v>
      </c>
      <c r="C174" s="9" t="s">
        <v>58</v>
      </c>
      <c r="D174" s="9" t="s">
        <v>53</v>
      </c>
      <c r="E174" s="9" t="s">
        <v>34</v>
      </c>
      <c r="F174" s="9" t="s">
        <v>7</v>
      </c>
      <c r="G174" s="6">
        <v>35441</v>
      </c>
      <c r="H174" s="6">
        <v>29988</v>
      </c>
      <c r="I174" s="6">
        <v>24953</v>
      </c>
      <c r="J174" s="6">
        <v>3308</v>
      </c>
      <c r="K174" s="6">
        <v>5035</v>
      </c>
      <c r="L174" s="6">
        <v>497</v>
      </c>
      <c r="M174" s="6">
        <v>4956</v>
      </c>
      <c r="N174" s="10" t="s">
        <v>55</v>
      </c>
      <c r="O174" s="6">
        <v>4338</v>
      </c>
      <c r="P174" s="10" t="s">
        <v>55</v>
      </c>
      <c r="Q174" s="10" t="s">
        <v>55</v>
      </c>
    </row>
    <row r="175" spans="1:17">
      <c r="A175" s="9" t="s">
        <v>27</v>
      </c>
      <c r="B175" s="9" t="s">
        <v>57</v>
      </c>
      <c r="C175" s="9" t="s">
        <v>58</v>
      </c>
      <c r="D175" s="9" t="s">
        <v>53</v>
      </c>
      <c r="E175" s="9" t="s">
        <v>34</v>
      </c>
      <c r="F175" s="9" t="s">
        <v>8</v>
      </c>
      <c r="G175" s="6">
        <v>33742</v>
      </c>
      <c r="H175" s="6">
        <v>28507</v>
      </c>
      <c r="I175" s="6">
        <v>23790</v>
      </c>
      <c r="J175" s="6">
        <v>3268</v>
      </c>
      <c r="K175" s="6">
        <v>4717</v>
      </c>
      <c r="L175" s="6">
        <v>468</v>
      </c>
      <c r="M175" s="6">
        <v>4767</v>
      </c>
      <c r="N175" s="10" t="s">
        <v>55</v>
      </c>
      <c r="O175" s="6">
        <v>4074</v>
      </c>
      <c r="P175" s="10" t="s">
        <v>55</v>
      </c>
      <c r="Q175" s="10" t="s">
        <v>55</v>
      </c>
    </row>
    <row r="176" spans="1:17">
      <c r="A176" s="9" t="s">
        <v>27</v>
      </c>
      <c r="B176" s="9" t="s">
        <v>57</v>
      </c>
      <c r="C176" s="9" t="s">
        <v>58</v>
      </c>
      <c r="D176" s="9" t="s">
        <v>53</v>
      </c>
      <c r="E176" s="9" t="s">
        <v>34</v>
      </c>
      <c r="F176" s="9" t="s">
        <v>13</v>
      </c>
      <c r="G176" s="6">
        <v>1699</v>
      </c>
      <c r="H176" s="6">
        <v>1481</v>
      </c>
      <c r="I176" s="6">
        <v>1163</v>
      </c>
      <c r="J176" s="6">
        <v>40</v>
      </c>
      <c r="K176" s="6">
        <v>318</v>
      </c>
      <c r="L176" s="6">
        <v>29</v>
      </c>
      <c r="M176" s="6">
        <v>189</v>
      </c>
      <c r="N176" s="10" t="s">
        <v>55</v>
      </c>
      <c r="O176" s="6">
        <v>264</v>
      </c>
      <c r="P176" s="10" t="s">
        <v>55</v>
      </c>
      <c r="Q176" s="10" t="s">
        <v>55</v>
      </c>
    </row>
    <row r="177" spans="1:17">
      <c r="A177" s="9" t="s">
        <v>27</v>
      </c>
      <c r="B177" s="9" t="s">
        <v>57</v>
      </c>
      <c r="C177" s="9" t="s">
        <v>58</v>
      </c>
      <c r="D177" s="9" t="s">
        <v>53</v>
      </c>
      <c r="E177" s="9" t="s">
        <v>34</v>
      </c>
      <c r="F177" s="9" t="s">
        <v>14</v>
      </c>
      <c r="G177" s="6">
        <v>936</v>
      </c>
      <c r="H177" s="6">
        <v>832</v>
      </c>
      <c r="I177" s="6">
        <v>678</v>
      </c>
      <c r="J177" s="6">
        <v>21</v>
      </c>
      <c r="K177" s="6">
        <v>154</v>
      </c>
      <c r="L177" s="6">
        <v>13</v>
      </c>
      <c r="M177" s="6">
        <v>91</v>
      </c>
      <c r="N177" s="10" t="s">
        <v>55</v>
      </c>
      <c r="O177" s="6">
        <v>132</v>
      </c>
      <c r="P177" s="10" t="s">
        <v>55</v>
      </c>
      <c r="Q177" s="10" t="s">
        <v>55</v>
      </c>
    </row>
    <row r="178" spans="1:17">
      <c r="A178" s="9" t="s">
        <v>27</v>
      </c>
      <c r="B178" s="9" t="s">
        <v>57</v>
      </c>
      <c r="C178" s="9" t="s">
        <v>58</v>
      </c>
      <c r="D178" s="9" t="s">
        <v>53</v>
      </c>
      <c r="E178" s="9" t="s">
        <v>34</v>
      </c>
      <c r="F178" s="9" t="s">
        <v>18</v>
      </c>
      <c r="G178" s="6">
        <v>4031</v>
      </c>
      <c r="H178" s="6">
        <v>2236</v>
      </c>
      <c r="I178" s="6">
        <v>2001</v>
      </c>
      <c r="J178" s="6">
        <v>367</v>
      </c>
      <c r="K178" s="6">
        <v>235</v>
      </c>
      <c r="L178" s="6">
        <v>71</v>
      </c>
      <c r="M178" s="6">
        <v>1724</v>
      </c>
      <c r="N178" s="10" t="s">
        <v>55</v>
      </c>
      <c r="O178" s="6">
        <v>163</v>
      </c>
      <c r="P178" s="10" t="s">
        <v>55</v>
      </c>
      <c r="Q178" s="10" t="s">
        <v>55</v>
      </c>
    </row>
    <row r="179" spans="1:17">
      <c r="A179" s="9" t="s">
        <v>27</v>
      </c>
      <c r="B179" s="9" t="s">
        <v>57</v>
      </c>
      <c r="C179" s="9" t="s">
        <v>58</v>
      </c>
      <c r="D179" s="9" t="s">
        <v>53</v>
      </c>
      <c r="E179" s="9" t="s">
        <v>35</v>
      </c>
      <c r="F179" s="9" t="s">
        <v>6</v>
      </c>
      <c r="G179" s="6">
        <v>47438</v>
      </c>
      <c r="H179" s="6">
        <v>40822</v>
      </c>
      <c r="I179" s="6">
        <v>34725</v>
      </c>
      <c r="J179" s="6">
        <v>3236</v>
      </c>
      <c r="K179" s="6">
        <v>6097</v>
      </c>
      <c r="L179" s="6">
        <v>475</v>
      </c>
      <c r="M179" s="6">
        <v>6141</v>
      </c>
      <c r="N179" s="10" t="s">
        <v>55</v>
      </c>
      <c r="O179" s="6">
        <v>5234</v>
      </c>
      <c r="P179" s="10" t="s">
        <v>55</v>
      </c>
      <c r="Q179" s="10" t="s">
        <v>55</v>
      </c>
    </row>
    <row r="180" spans="1:17">
      <c r="A180" s="9" t="s">
        <v>27</v>
      </c>
      <c r="B180" s="9" t="s">
        <v>57</v>
      </c>
      <c r="C180" s="9" t="s">
        <v>58</v>
      </c>
      <c r="D180" s="9" t="s">
        <v>53</v>
      </c>
      <c r="E180" s="9" t="s">
        <v>35</v>
      </c>
      <c r="F180" s="9" t="s">
        <v>7</v>
      </c>
      <c r="G180" s="6">
        <v>42128</v>
      </c>
      <c r="H180" s="6">
        <v>37256</v>
      </c>
      <c r="I180" s="6">
        <v>31534</v>
      </c>
      <c r="J180" s="6">
        <v>2871</v>
      </c>
      <c r="K180" s="6">
        <v>5722</v>
      </c>
      <c r="L180" s="6">
        <v>402</v>
      </c>
      <c r="M180" s="6">
        <v>4470</v>
      </c>
      <c r="N180" s="10" t="s">
        <v>55</v>
      </c>
      <c r="O180" s="6">
        <v>4978</v>
      </c>
      <c r="P180" s="10" t="s">
        <v>55</v>
      </c>
      <c r="Q180" s="10" t="s">
        <v>55</v>
      </c>
    </row>
    <row r="181" spans="1:17">
      <c r="A181" s="9" t="s">
        <v>27</v>
      </c>
      <c r="B181" s="9" t="s">
        <v>57</v>
      </c>
      <c r="C181" s="9" t="s">
        <v>58</v>
      </c>
      <c r="D181" s="9" t="s">
        <v>53</v>
      </c>
      <c r="E181" s="9" t="s">
        <v>35</v>
      </c>
      <c r="F181" s="9" t="s">
        <v>8</v>
      </c>
      <c r="G181" s="6">
        <v>40291</v>
      </c>
      <c r="H181" s="6">
        <v>35666</v>
      </c>
      <c r="I181" s="6">
        <v>30204</v>
      </c>
      <c r="J181" s="6">
        <v>2834</v>
      </c>
      <c r="K181" s="6">
        <v>5462</v>
      </c>
      <c r="L181" s="6">
        <v>373</v>
      </c>
      <c r="M181" s="6">
        <v>4252</v>
      </c>
      <c r="N181" s="10" t="s">
        <v>55</v>
      </c>
      <c r="O181" s="6">
        <v>4780</v>
      </c>
      <c r="P181" s="10" t="s">
        <v>55</v>
      </c>
      <c r="Q181" s="10" t="s">
        <v>55</v>
      </c>
    </row>
    <row r="182" spans="1:17">
      <c r="A182" s="9" t="s">
        <v>27</v>
      </c>
      <c r="B182" s="9" t="s">
        <v>57</v>
      </c>
      <c r="C182" s="9" t="s">
        <v>58</v>
      </c>
      <c r="D182" s="9" t="s">
        <v>53</v>
      </c>
      <c r="E182" s="9" t="s">
        <v>35</v>
      </c>
      <c r="F182" s="9" t="s">
        <v>13</v>
      </c>
      <c r="G182" s="6">
        <v>1837</v>
      </c>
      <c r="H182" s="6">
        <v>1590</v>
      </c>
      <c r="I182" s="6">
        <v>1330</v>
      </c>
      <c r="J182" s="6">
        <v>37</v>
      </c>
      <c r="K182" s="6">
        <v>260</v>
      </c>
      <c r="L182" s="6">
        <v>29</v>
      </c>
      <c r="M182" s="6">
        <v>218</v>
      </c>
      <c r="N182" s="10" t="s">
        <v>55</v>
      </c>
      <c r="O182" s="6">
        <v>198</v>
      </c>
      <c r="P182" s="10" t="s">
        <v>55</v>
      </c>
      <c r="Q182" s="10" t="s">
        <v>55</v>
      </c>
    </row>
    <row r="183" spans="1:17">
      <c r="A183" s="9" t="s">
        <v>27</v>
      </c>
      <c r="B183" s="9" t="s">
        <v>57</v>
      </c>
      <c r="C183" s="9" t="s">
        <v>58</v>
      </c>
      <c r="D183" s="9" t="s">
        <v>53</v>
      </c>
      <c r="E183" s="9" t="s">
        <v>35</v>
      </c>
      <c r="F183" s="9" t="s">
        <v>14</v>
      </c>
      <c r="G183" s="6">
        <v>1105</v>
      </c>
      <c r="H183" s="6">
        <v>976</v>
      </c>
      <c r="I183" s="6">
        <v>814</v>
      </c>
      <c r="J183" s="6">
        <v>34</v>
      </c>
      <c r="K183" s="6">
        <v>162</v>
      </c>
      <c r="L183" s="6">
        <v>18</v>
      </c>
      <c r="M183" s="6">
        <v>111</v>
      </c>
      <c r="N183" s="10" t="s">
        <v>55</v>
      </c>
      <c r="O183" s="6">
        <v>114</v>
      </c>
      <c r="P183" s="10" t="s">
        <v>55</v>
      </c>
      <c r="Q183" s="10" t="s">
        <v>55</v>
      </c>
    </row>
    <row r="184" spans="1:17">
      <c r="A184" s="9" t="s">
        <v>27</v>
      </c>
      <c r="B184" s="9" t="s">
        <v>57</v>
      </c>
      <c r="C184" s="9" t="s">
        <v>58</v>
      </c>
      <c r="D184" s="9" t="s">
        <v>53</v>
      </c>
      <c r="E184" s="9" t="s">
        <v>35</v>
      </c>
      <c r="F184" s="9" t="s">
        <v>18</v>
      </c>
      <c r="G184" s="6">
        <v>4205</v>
      </c>
      <c r="H184" s="6">
        <v>2590</v>
      </c>
      <c r="I184" s="6">
        <v>2377</v>
      </c>
      <c r="J184" s="6">
        <v>331</v>
      </c>
      <c r="K184" s="6">
        <v>213</v>
      </c>
      <c r="L184" s="6">
        <v>55</v>
      </c>
      <c r="M184" s="6">
        <v>1560</v>
      </c>
      <c r="N184" s="10" t="s">
        <v>55</v>
      </c>
      <c r="O184" s="6">
        <v>142</v>
      </c>
      <c r="P184" s="10" t="s">
        <v>55</v>
      </c>
      <c r="Q184" s="10" t="s">
        <v>55</v>
      </c>
    </row>
    <row r="185" spans="1:17">
      <c r="A185" s="9" t="s">
        <v>27</v>
      </c>
      <c r="B185" s="9" t="s">
        <v>57</v>
      </c>
      <c r="C185" s="9" t="s">
        <v>58</v>
      </c>
      <c r="D185" s="9" t="s">
        <v>53</v>
      </c>
      <c r="E185" s="9" t="s">
        <v>36</v>
      </c>
      <c r="F185" s="9" t="s">
        <v>6</v>
      </c>
      <c r="G185" s="6">
        <v>52148</v>
      </c>
      <c r="H185" s="6">
        <v>45189</v>
      </c>
      <c r="I185" s="6">
        <v>38542</v>
      </c>
      <c r="J185" s="6">
        <v>3280</v>
      </c>
      <c r="K185" s="6">
        <v>6647</v>
      </c>
      <c r="L185" s="6">
        <v>467</v>
      </c>
      <c r="M185" s="6">
        <v>6492</v>
      </c>
      <c r="N185" s="10" t="s">
        <v>55</v>
      </c>
      <c r="O185" s="6">
        <v>5685</v>
      </c>
      <c r="P185" s="10" t="s">
        <v>55</v>
      </c>
      <c r="Q185" s="10" t="s">
        <v>55</v>
      </c>
    </row>
    <row r="186" spans="1:17">
      <c r="A186" s="9" t="s">
        <v>27</v>
      </c>
      <c r="B186" s="9" t="s">
        <v>57</v>
      </c>
      <c r="C186" s="9" t="s">
        <v>58</v>
      </c>
      <c r="D186" s="9" t="s">
        <v>53</v>
      </c>
      <c r="E186" s="9" t="s">
        <v>36</v>
      </c>
      <c r="F186" s="9" t="s">
        <v>7</v>
      </c>
      <c r="G186" s="6">
        <v>46778</v>
      </c>
      <c r="H186" s="6">
        <v>41544</v>
      </c>
      <c r="I186" s="6">
        <v>35249</v>
      </c>
      <c r="J186" s="6">
        <v>2964</v>
      </c>
      <c r="K186" s="6">
        <v>6295</v>
      </c>
      <c r="L186" s="6">
        <v>394</v>
      </c>
      <c r="M186" s="6">
        <v>4840</v>
      </c>
      <c r="N186" s="10" t="s">
        <v>55</v>
      </c>
      <c r="O186" s="6">
        <v>5443</v>
      </c>
      <c r="P186" s="10" t="s">
        <v>55</v>
      </c>
      <c r="Q186" s="10" t="s">
        <v>55</v>
      </c>
    </row>
    <row r="187" spans="1:17">
      <c r="A187" s="9" t="s">
        <v>27</v>
      </c>
      <c r="B187" s="9" t="s">
        <v>57</v>
      </c>
      <c r="C187" s="9" t="s">
        <v>58</v>
      </c>
      <c r="D187" s="9" t="s">
        <v>53</v>
      </c>
      <c r="E187" s="9" t="s">
        <v>36</v>
      </c>
      <c r="F187" s="9" t="s">
        <v>8</v>
      </c>
      <c r="G187" s="6">
        <v>44943</v>
      </c>
      <c r="H187" s="6">
        <v>39972</v>
      </c>
      <c r="I187" s="6">
        <v>33895</v>
      </c>
      <c r="J187" s="6">
        <v>2884</v>
      </c>
      <c r="K187" s="6">
        <v>6077</v>
      </c>
      <c r="L187" s="6">
        <v>364</v>
      </c>
      <c r="M187" s="6">
        <v>4607</v>
      </c>
      <c r="N187" s="10" t="s">
        <v>55</v>
      </c>
      <c r="O187" s="6">
        <v>5286</v>
      </c>
      <c r="P187" s="10" t="s">
        <v>55</v>
      </c>
      <c r="Q187" s="10" t="s">
        <v>55</v>
      </c>
    </row>
    <row r="188" spans="1:17">
      <c r="A188" s="9" t="s">
        <v>27</v>
      </c>
      <c r="B188" s="9" t="s">
        <v>57</v>
      </c>
      <c r="C188" s="9" t="s">
        <v>58</v>
      </c>
      <c r="D188" s="9" t="s">
        <v>53</v>
      </c>
      <c r="E188" s="9" t="s">
        <v>36</v>
      </c>
      <c r="F188" s="9" t="s">
        <v>13</v>
      </c>
      <c r="G188" s="6">
        <v>1835</v>
      </c>
      <c r="H188" s="6">
        <v>1572</v>
      </c>
      <c r="I188" s="6">
        <v>1354</v>
      </c>
      <c r="J188" s="6">
        <v>80</v>
      </c>
      <c r="K188" s="6">
        <v>218</v>
      </c>
      <c r="L188" s="6">
        <v>30</v>
      </c>
      <c r="M188" s="6">
        <v>233</v>
      </c>
      <c r="N188" s="10" t="s">
        <v>55</v>
      </c>
      <c r="O188" s="6">
        <v>157</v>
      </c>
      <c r="P188" s="10" t="s">
        <v>55</v>
      </c>
      <c r="Q188" s="10" t="s">
        <v>55</v>
      </c>
    </row>
    <row r="189" spans="1:17">
      <c r="A189" s="9" t="s">
        <v>27</v>
      </c>
      <c r="B189" s="9" t="s">
        <v>57</v>
      </c>
      <c r="C189" s="9" t="s">
        <v>58</v>
      </c>
      <c r="D189" s="9" t="s">
        <v>53</v>
      </c>
      <c r="E189" s="9" t="s">
        <v>36</v>
      </c>
      <c r="F189" s="9" t="s">
        <v>14</v>
      </c>
      <c r="G189" s="6">
        <v>1199</v>
      </c>
      <c r="H189" s="6">
        <v>1023</v>
      </c>
      <c r="I189" s="6">
        <v>883</v>
      </c>
      <c r="J189" s="6">
        <v>56</v>
      </c>
      <c r="K189" s="6">
        <v>140</v>
      </c>
      <c r="L189" s="6">
        <v>14</v>
      </c>
      <c r="M189" s="6">
        <v>162</v>
      </c>
      <c r="N189" s="10" t="s">
        <v>55</v>
      </c>
      <c r="O189" s="6">
        <v>86</v>
      </c>
      <c r="P189" s="10" t="s">
        <v>55</v>
      </c>
      <c r="Q189" s="10" t="s">
        <v>55</v>
      </c>
    </row>
    <row r="190" spans="1:17">
      <c r="A190" s="9" t="s">
        <v>27</v>
      </c>
      <c r="B190" s="9" t="s">
        <v>57</v>
      </c>
      <c r="C190" s="9" t="s">
        <v>58</v>
      </c>
      <c r="D190" s="9" t="s">
        <v>53</v>
      </c>
      <c r="E190" s="9" t="s">
        <v>36</v>
      </c>
      <c r="F190" s="9" t="s">
        <v>18</v>
      </c>
      <c r="G190" s="6">
        <v>4171</v>
      </c>
      <c r="H190" s="6">
        <v>2622</v>
      </c>
      <c r="I190" s="6">
        <v>2410</v>
      </c>
      <c r="J190" s="6">
        <v>260</v>
      </c>
      <c r="K190" s="6">
        <v>212</v>
      </c>
      <c r="L190" s="6">
        <v>59</v>
      </c>
      <c r="M190" s="6">
        <v>1490</v>
      </c>
      <c r="N190" s="10" t="s">
        <v>55</v>
      </c>
      <c r="O190" s="6">
        <v>156</v>
      </c>
      <c r="P190" s="10" t="s">
        <v>55</v>
      </c>
      <c r="Q190" s="10" t="s">
        <v>55</v>
      </c>
    </row>
    <row r="191" spans="1:17">
      <c r="A191" s="9" t="s">
        <v>27</v>
      </c>
      <c r="B191" s="9" t="s">
        <v>57</v>
      </c>
      <c r="C191" s="9" t="s">
        <v>58</v>
      </c>
      <c r="D191" s="9" t="s">
        <v>53</v>
      </c>
      <c r="E191" s="9" t="s">
        <v>37</v>
      </c>
      <c r="F191" s="9" t="s">
        <v>6</v>
      </c>
      <c r="G191" s="6">
        <v>54517</v>
      </c>
      <c r="H191" s="6">
        <v>46308</v>
      </c>
      <c r="I191" s="6">
        <v>38956</v>
      </c>
      <c r="J191" s="6">
        <v>4737</v>
      </c>
      <c r="K191" s="6">
        <v>7352</v>
      </c>
      <c r="L191" s="6">
        <v>512</v>
      </c>
      <c r="M191" s="6">
        <v>7697</v>
      </c>
      <c r="N191" s="10" t="s">
        <v>55</v>
      </c>
      <c r="O191" s="6">
        <v>5879</v>
      </c>
      <c r="P191" s="10" t="s">
        <v>55</v>
      </c>
      <c r="Q191" s="10" t="s">
        <v>55</v>
      </c>
    </row>
    <row r="192" spans="1:17">
      <c r="A192" s="9" t="s">
        <v>27</v>
      </c>
      <c r="B192" s="9" t="s">
        <v>57</v>
      </c>
      <c r="C192" s="9" t="s">
        <v>58</v>
      </c>
      <c r="D192" s="9" t="s">
        <v>53</v>
      </c>
      <c r="E192" s="9" t="s">
        <v>37</v>
      </c>
      <c r="F192" s="9" t="s">
        <v>7</v>
      </c>
      <c r="G192" s="6">
        <v>49001</v>
      </c>
      <c r="H192" s="6">
        <v>42665</v>
      </c>
      <c r="I192" s="6">
        <v>35692</v>
      </c>
      <c r="J192" s="6">
        <v>4304</v>
      </c>
      <c r="K192" s="6">
        <v>6973</v>
      </c>
      <c r="L192" s="6">
        <v>421</v>
      </c>
      <c r="M192" s="6">
        <v>5915</v>
      </c>
      <c r="N192" s="10" t="s">
        <v>55</v>
      </c>
      <c r="O192" s="6">
        <v>5652</v>
      </c>
      <c r="P192" s="10" t="s">
        <v>55</v>
      </c>
      <c r="Q192" s="10" t="s">
        <v>55</v>
      </c>
    </row>
    <row r="193" spans="1:17">
      <c r="A193" s="9" t="s">
        <v>27</v>
      </c>
      <c r="B193" s="9" t="s">
        <v>57</v>
      </c>
      <c r="C193" s="9" t="s">
        <v>58</v>
      </c>
      <c r="D193" s="9" t="s">
        <v>53</v>
      </c>
      <c r="E193" s="9" t="s">
        <v>37</v>
      </c>
      <c r="F193" s="9" t="s">
        <v>8</v>
      </c>
      <c r="G193" s="6">
        <v>47103</v>
      </c>
      <c r="H193" s="6">
        <v>41103</v>
      </c>
      <c r="I193" s="6">
        <v>34307</v>
      </c>
      <c r="J193" s="6">
        <v>4209</v>
      </c>
      <c r="K193" s="6">
        <v>6796</v>
      </c>
      <c r="L193" s="6">
        <v>395</v>
      </c>
      <c r="M193" s="6">
        <v>5605</v>
      </c>
      <c r="N193" s="10" t="s">
        <v>55</v>
      </c>
      <c r="O193" s="6">
        <v>5546</v>
      </c>
      <c r="P193" s="10" t="s">
        <v>55</v>
      </c>
      <c r="Q193" s="10" t="s">
        <v>55</v>
      </c>
    </row>
    <row r="194" spans="1:17">
      <c r="A194" s="9" t="s">
        <v>27</v>
      </c>
      <c r="B194" s="9" t="s">
        <v>57</v>
      </c>
      <c r="C194" s="9" t="s">
        <v>58</v>
      </c>
      <c r="D194" s="9" t="s">
        <v>53</v>
      </c>
      <c r="E194" s="9" t="s">
        <v>37</v>
      </c>
      <c r="F194" s="9" t="s">
        <v>13</v>
      </c>
      <c r="G194" s="6">
        <v>1898</v>
      </c>
      <c r="H194" s="6">
        <v>1562</v>
      </c>
      <c r="I194" s="6">
        <v>1385</v>
      </c>
      <c r="J194" s="6">
        <v>95</v>
      </c>
      <c r="K194" s="6">
        <v>177</v>
      </c>
      <c r="L194" s="6">
        <v>26</v>
      </c>
      <c r="M194" s="6">
        <v>310</v>
      </c>
      <c r="N194" s="10" t="s">
        <v>55</v>
      </c>
      <c r="O194" s="6">
        <v>106</v>
      </c>
      <c r="P194" s="10" t="s">
        <v>55</v>
      </c>
      <c r="Q194" s="10" t="s">
        <v>55</v>
      </c>
    </row>
    <row r="195" spans="1:17">
      <c r="A195" s="9" t="s">
        <v>27</v>
      </c>
      <c r="B195" s="9" t="s">
        <v>57</v>
      </c>
      <c r="C195" s="9" t="s">
        <v>58</v>
      </c>
      <c r="D195" s="9" t="s">
        <v>53</v>
      </c>
      <c r="E195" s="9" t="s">
        <v>37</v>
      </c>
      <c r="F195" s="9" t="s">
        <v>14</v>
      </c>
      <c r="G195" s="6">
        <v>1581</v>
      </c>
      <c r="H195" s="6">
        <v>1288</v>
      </c>
      <c r="I195" s="6">
        <v>1150</v>
      </c>
      <c r="J195" s="6">
        <v>129</v>
      </c>
      <c r="K195" s="6">
        <v>138</v>
      </c>
      <c r="L195" s="6">
        <v>27</v>
      </c>
      <c r="M195" s="6">
        <v>266</v>
      </c>
      <c r="N195" s="10" t="s">
        <v>55</v>
      </c>
      <c r="O195" s="6">
        <v>66</v>
      </c>
      <c r="P195" s="10" t="s">
        <v>55</v>
      </c>
      <c r="Q195" s="10" t="s">
        <v>55</v>
      </c>
    </row>
    <row r="196" spans="1:17">
      <c r="A196" s="9" t="s">
        <v>27</v>
      </c>
      <c r="B196" s="9" t="s">
        <v>57</v>
      </c>
      <c r="C196" s="9" t="s">
        <v>58</v>
      </c>
      <c r="D196" s="9" t="s">
        <v>53</v>
      </c>
      <c r="E196" s="9" t="s">
        <v>37</v>
      </c>
      <c r="F196" s="9" t="s">
        <v>18</v>
      </c>
      <c r="G196" s="6">
        <v>3935</v>
      </c>
      <c r="H196" s="6">
        <v>2355</v>
      </c>
      <c r="I196" s="6">
        <v>2114</v>
      </c>
      <c r="J196" s="6">
        <v>304</v>
      </c>
      <c r="K196" s="6">
        <v>241</v>
      </c>
      <c r="L196" s="6">
        <v>64</v>
      </c>
      <c r="M196" s="6">
        <v>1516</v>
      </c>
      <c r="N196" s="10" t="s">
        <v>55</v>
      </c>
      <c r="O196" s="6">
        <v>161</v>
      </c>
      <c r="P196" s="10" t="s">
        <v>55</v>
      </c>
      <c r="Q196" s="10" t="s">
        <v>55</v>
      </c>
    </row>
    <row r="197" spans="1:17">
      <c r="A197" s="9" t="s">
        <v>27</v>
      </c>
      <c r="B197" s="9" t="s">
        <v>57</v>
      </c>
      <c r="C197" s="9" t="s">
        <v>58</v>
      </c>
      <c r="D197" s="9" t="s">
        <v>53</v>
      </c>
      <c r="E197" s="9" t="s">
        <v>38</v>
      </c>
      <c r="F197" s="9" t="s">
        <v>6</v>
      </c>
      <c r="G197" s="6">
        <v>47855</v>
      </c>
      <c r="H197" s="6">
        <v>39813</v>
      </c>
      <c r="I197" s="6">
        <v>31794</v>
      </c>
      <c r="J197" s="6">
        <v>6446</v>
      </c>
      <c r="K197" s="6">
        <v>8019</v>
      </c>
      <c r="L197" s="6">
        <v>449</v>
      </c>
      <c r="M197" s="6">
        <v>7593</v>
      </c>
      <c r="N197" s="10" t="s">
        <v>55</v>
      </c>
      <c r="O197" s="6">
        <v>5683</v>
      </c>
      <c r="P197" s="10" t="s">
        <v>55</v>
      </c>
      <c r="Q197" s="10" t="s">
        <v>55</v>
      </c>
    </row>
    <row r="198" spans="1:17">
      <c r="A198" s="9" t="s">
        <v>27</v>
      </c>
      <c r="B198" s="9" t="s">
        <v>57</v>
      </c>
      <c r="C198" s="9" t="s">
        <v>58</v>
      </c>
      <c r="D198" s="9" t="s">
        <v>53</v>
      </c>
      <c r="E198" s="9" t="s">
        <v>38</v>
      </c>
      <c r="F198" s="9" t="s">
        <v>7</v>
      </c>
      <c r="G198" s="6">
        <v>43002</v>
      </c>
      <c r="H198" s="6">
        <v>36597</v>
      </c>
      <c r="I198" s="6">
        <v>29017</v>
      </c>
      <c r="J198" s="6">
        <v>5993</v>
      </c>
      <c r="K198" s="6">
        <v>7580</v>
      </c>
      <c r="L198" s="6">
        <v>373</v>
      </c>
      <c r="M198" s="6">
        <v>6032</v>
      </c>
      <c r="N198" s="10" t="s">
        <v>55</v>
      </c>
      <c r="O198" s="6">
        <v>5408</v>
      </c>
      <c r="P198" s="10" t="s">
        <v>55</v>
      </c>
      <c r="Q198" s="10" t="s">
        <v>55</v>
      </c>
    </row>
    <row r="199" spans="1:17">
      <c r="A199" s="9" t="s">
        <v>27</v>
      </c>
      <c r="B199" s="9" t="s">
        <v>57</v>
      </c>
      <c r="C199" s="9" t="s">
        <v>58</v>
      </c>
      <c r="D199" s="9" t="s">
        <v>53</v>
      </c>
      <c r="E199" s="9" t="s">
        <v>38</v>
      </c>
      <c r="F199" s="9" t="s">
        <v>8</v>
      </c>
      <c r="G199" s="6">
        <v>41232</v>
      </c>
      <c r="H199" s="6">
        <v>35256</v>
      </c>
      <c r="I199" s="6">
        <v>27884</v>
      </c>
      <c r="J199" s="6">
        <v>5877</v>
      </c>
      <c r="K199" s="6">
        <v>7372</v>
      </c>
      <c r="L199" s="6">
        <v>337</v>
      </c>
      <c r="M199" s="6">
        <v>5639</v>
      </c>
      <c r="N199" s="10" t="s">
        <v>55</v>
      </c>
      <c r="O199" s="6">
        <v>5297</v>
      </c>
      <c r="P199" s="10" t="s">
        <v>55</v>
      </c>
      <c r="Q199" s="10" t="s">
        <v>55</v>
      </c>
    </row>
    <row r="200" spans="1:17">
      <c r="A200" s="9" t="s">
        <v>27</v>
      </c>
      <c r="B200" s="9" t="s">
        <v>57</v>
      </c>
      <c r="C200" s="9" t="s">
        <v>58</v>
      </c>
      <c r="D200" s="9" t="s">
        <v>53</v>
      </c>
      <c r="E200" s="9" t="s">
        <v>38</v>
      </c>
      <c r="F200" s="9" t="s">
        <v>13</v>
      </c>
      <c r="G200" s="6">
        <v>1770</v>
      </c>
      <c r="H200" s="6">
        <v>1341</v>
      </c>
      <c r="I200" s="6">
        <v>1133</v>
      </c>
      <c r="J200" s="6">
        <v>116</v>
      </c>
      <c r="K200" s="6">
        <v>208</v>
      </c>
      <c r="L200" s="6">
        <v>36</v>
      </c>
      <c r="M200" s="6">
        <v>393</v>
      </c>
      <c r="N200" s="10" t="s">
        <v>55</v>
      </c>
      <c r="O200" s="6">
        <v>111</v>
      </c>
      <c r="P200" s="10" t="s">
        <v>55</v>
      </c>
      <c r="Q200" s="10" t="s">
        <v>55</v>
      </c>
    </row>
    <row r="201" spans="1:17">
      <c r="A201" s="9" t="s">
        <v>27</v>
      </c>
      <c r="B201" s="9" t="s">
        <v>57</v>
      </c>
      <c r="C201" s="9" t="s">
        <v>58</v>
      </c>
      <c r="D201" s="9" t="s">
        <v>53</v>
      </c>
      <c r="E201" s="9" t="s">
        <v>38</v>
      </c>
      <c r="F201" s="9" t="s">
        <v>14</v>
      </c>
      <c r="G201" s="6">
        <v>1676</v>
      </c>
      <c r="H201" s="6">
        <v>1318</v>
      </c>
      <c r="I201" s="6">
        <v>1142</v>
      </c>
      <c r="J201" s="6">
        <v>148</v>
      </c>
      <c r="K201" s="6">
        <v>176</v>
      </c>
      <c r="L201" s="6">
        <v>18</v>
      </c>
      <c r="M201" s="6">
        <v>340</v>
      </c>
      <c r="N201" s="10" t="s">
        <v>55</v>
      </c>
      <c r="O201" s="6">
        <v>81</v>
      </c>
      <c r="P201" s="10" t="s">
        <v>55</v>
      </c>
      <c r="Q201" s="10" t="s">
        <v>55</v>
      </c>
    </row>
    <row r="202" spans="1:17">
      <c r="A202" s="9" t="s">
        <v>27</v>
      </c>
      <c r="B202" s="9" t="s">
        <v>57</v>
      </c>
      <c r="C202" s="9" t="s">
        <v>58</v>
      </c>
      <c r="D202" s="9" t="s">
        <v>53</v>
      </c>
      <c r="E202" s="9" t="s">
        <v>38</v>
      </c>
      <c r="F202" s="9" t="s">
        <v>18</v>
      </c>
      <c r="G202" s="6">
        <v>3177</v>
      </c>
      <c r="H202" s="6">
        <v>1898</v>
      </c>
      <c r="I202" s="6">
        <v>1635</v>
      </c>
      <c r="J202" s="6">
        <v>305</v>
      </c>
      <c r="K202" s="6">
        <v>263</v>
      </c>
      <c r="L202" s="6">
        <v>58</v>
      </c>
      <c r="M202" s="6">
        <v>1221</v>
      </c>
      <c r="N202" s="10" t="s">
        <v>55</v>
      </c>
      <c r="O202" s="6">
        <v>194</v>
      </c>
      <c r="P202" s="10" t="s">
        <v>55</v>
      </c>
      <c r="Q202" s="10" t="s">
        <v>55</v>
      </c>
    </row>
    <row r="203" spans="1:17">
      <c r="A203" s="9" t="s">
        <v>27</v>
      </c>
      <c r="B203" s="9" t="s">
        <v>57</v>
      </c>
      <c r="C203" s="9" t="s">
        <v>58</v>
      </c>
      <c r="D203" s="9" t="s">
        <v>53</v>
      </c>
      <c r="E203" s="9" t="s">
        <v>39</v>
      </c>
      <c r="F203" s="9" t="s">
        <v>6</v>
      </c>
      <c r="G203" s="6">
        <v>50031</v>
      </c>
      <c r="H203" s="6">
        <v>41471</v>
      </c>
      <c r="I203" s="6">
        <v>31017</v>
      </c>
      <c r="J203" s="6">
        <v>10527</v>
      </c>
      <c r="K203" s="6">
        <v>10454</v>
      </c>
      <c r="L203" s="6">
        <v>433</v>
      </c>
      <c r="M203" s="6">
        <v>8127</v>
      </c>
      <c r="N203" s="10" t="s">
        <v>55</v>
      </c>
      <c r="O203" s="6">
        <v>6122</v>
      </c>
      <c r="P203" s="10" t="s">
        <v>55</v>
      </c>
      <c r="Q203" s="10" t="s">
        <v>55</v>
      </c>
    </row>
    <row r="204" spans="1:17">
      <c r="A204" s="9" t="s">
        <v>27</v>
      </c>
      <c r="B204" s="9" t="s">
        <v>57</v>
      </c>
      <c r="C204" s="9" t="s">
        <v>58</v>
      </c>
      <c r="D204" s="9" t="s">
        <v>53</v>
      </c>
      <c r="E204" s="9" t="s">
        <v>39</v>
      </c>
      <c r="F204" s="9" t="s">
        <v>7</v>
      </c>
      <c r="G204" s="6">
        <v>45228</v>
      </c>
      <c r="H204" s="6">
        <v>38327</v>
      </c>
      <c r="I204" s="6">
        <v>28475</v>
      </c>
      <c r="J204" s="6">
        <v>9938</v>
      </c>
      <c r="K204" s="6">
        <v>9852</v>
      </c>
      <c r="L204" s="6">
        <v>366</v>
      </c>
      <c r="M204" s="6">
        <v>6535</v>
      </c>
      <c r="N204" s="10" t="s">
        <v>55</v>
      </c>
      <c r="O204" s="6">
        <v>5807</v>
      </c>
      <c r="P204" s="10" t="s">
        <v>55</v>
      </c>
      <c r="Q204" s="10" t="s">
        <v>55</v>
      </c>
    </row>
    <row r="205" spans="1:17">
      <c r="A205" s="9" t="s">
        <v>27</v>
      </c>
      <c r="B205" s="9" t="s">
        <v>57</v>
      </c>
      <c r="C205" s="9" t="s">
        <v>58</v>
      </c>
      <c r="D205" s="9" t="s">
        <v>53</v>
      </c>
      <c r="E205" s="9" t="s">
        <v>39</v>
      </c>
      <c r="F205" s="9" t="s">
        <v>8</v>
      </c>
      <c r="G205" s="6">
        <v>43366</v>
      </c>
      <c r="H205" s="6">
        <v>36997</v>
      </c>
      <c r="I205" s="6">
        <v>27409</v>
      </c>
      <c r="J205" s="6">
        <v>9701</v>
      </c>
      <c r="K205" s="6">
        <v>9588</v>
      </c>
      <c r="L205" s="6">
        <v>346</v>
      </c>
      <c r="M205" s="6">
        <v>6023</v>
      </c>
      <c r="N205" s="10" t="s">
        <v>55</v>
      </c>
      <c r="O205" s="6">
        <v>5694</v>
      </c>
      <c r="P205" s="10" t="s">
        <v>55</v>
      </c>
      <c r="Q205" s="10" t="s">
        <v>55</v>
      </c>
    </row>
    <row r="206" spans="1:17">
      <c r="A206" s="9" t="s">
        <v>27</v>
      </c>
      <c r="B206" s="9" t="s">
        <v>57</v>
      </c>
      <c r="C206" s="9" t="s">
        <v>58</v>
      </c>
      <c r="D206" s="9" t="s">
        <v>53</v>
      </c>
      <c r="E206" s="9" t="s">
        <v>39</v>
      </c>
      <c r="F206" s="9" t="s">
        <v>13</v>
      </c>
      <c r="G206" s="6">
        <v>1862</v>
      </c>
      <c r="H206" s="6">
        <v>1330</v>
      </c>
      <c r="I206" s="6">
        <v>1066</v>
      </c>
      <c r="J206" s="6">
        <v>237</v>
      </c>
      <c r="K206" s="6">
        <v>264</v>
      </c>
      <c r="L206" s="6">
        <v>20</v>
      </c>
      <c r="M206" s="6">
        <v>512</v>
      </c>
      <c r="N206" s="10" t="s">
        <v>55</v>
      </c>
      <c r="O206" s="6">
        <v>113</v>
      </c>
      <c r="P206" s="10" t="s">
        <v>55</v>
      </c>
      <c r="Q206" s="10" t="s">
        <v>55</v>
      </c>
    </row>
    <row r="207" spans="1:17">
      <c r="A207" s="9" t="s">
        <v>27</v>
      </c>
      <c r="B207" s="9" t="s">
        <v>57</v>
      </c>
      <c r="C207" s="9" t="s">
        <v>58</v>
      </c>
      <c r="D207" s="9" t="s">
        <v>53</v>
      </c>
      <c r="E207" s="9" t="s">
        <v>39</v>
      </c>
      <c r="F207" s="9" t="s">
        <v>14</v>
      </c>
      <c r="G207" s="6">
        <v>2400</v>
      </c>
      <c r="H207" s="6">
        <v>1734</v>
      </c>
      <c r="I207" s="6">
        <v>1400</v>
      </c>
      <c r="J207" s="6">
        <v>287</v>
      </c>
      <c r="K207" s="6">
        <v>334</v>
      </c>
      <c r="L207" s="6">
        <v>31</v>
      </c>
      <c r="M207" s="6">
        <v>635</v>
      </c>
      <c r="N207" s="10" t="s">
        <v>55</v>
      </c>
      <c r="O207" s="6">
        <v>131</v>
      </c>
      <c r="P207" s="10" t="s">
        <v>55</v>
      </c>
      <c r="Q207" s="10" t="s">
        <v>55</v>
      </c>
    </row>
    <row r="208" spans="1:17">
      <c r="A208" s="9" t="s">
        <v>27</v>
      </c>
      <c r="B208" s="9" t="s">
        <v>57</v>
      </c>
      <c r="C208" s="9" t="s">
        <v>58</v>
      </c>
      <c r="D208" s="9" t="s">
        <v>53</v>
      </c>
      <c r="E208" s="9" t="s">
        <v>39</v>
      </c>
      <c r="F208" s="9" t="s">
        <v>18</v>
      </c>
      <c r="G208" s="6">
        <v>2403</v>
      </c>
      <c r="H208" s="6">
        <v>1410</v>
      </c>
      <c r="I208" s="6">
        <v>1142</v>
      </c>
      <c r="J208" s="6">
        <v>302</v>
      </c>
      <c r="K208" s="6">
        <v>268</v>
      </c>
      <c r="L208" s="6">
        <v>36</v>
      </c>
      <c r="M208" s="6">
        <v>957</v>
      </c>
      <c r="N208" s="10" t="s">
        <v>55</v>
      </c>
      <c r="O208" s="6">
        <v>184</v>
      </c>
      <c r="P208" s="10" t="s">
        <v>55</v>
      </c>
      <c r="Q208" s="10" t="s">
        <v>55</v>
      </c>
    </row>
    <row r="209" spans="1:17">
      <c r="A209" s="9" t="s">
        <v>27</v>
      </c>
      <c r="B209" s="9" t="s">
        <v>57</v>
      </c>
      <c r="C209" s="9" t="s">
        <v>58</v>
      </c>
      <c r="D209" s="9" t="s">
        <v>53</v>
      </c>
      <c r="E209" s="9" t="s">
        <v>40</v>
      </c>
      <c r="F209" s="9" t="s">
        <v>6</v>
      </c>
      <c r="G209" s="6">
        <v>54885</v>
      </c>
      <c r="H209" s="6">
        <v>45668</v>
      </c>
      <c r="I209" s="6">
        <v>33800</v>
      </c>
      <c r="J209" s="6">
        <v>16842</v>
      </c>
      <c r="K209" s="6">
        <v>11868</v>
      </c>
      <c r="L209" s="6">
        <v>436</v>
      </c>
      <c r="M209" s="6">
        <v>8781</v>
      </c>
      <c r="N209" s="10" t="s">
        <v>55</v>
      </c>
      <c r="O209" s="6">
        <v>6144</v>
      </c>
      <c r="P209" s="10" t="s">
        <v>55</v>
      </c>
      <c r="Q209" s="10" t="s">
        <v>55</v>
      </c>
    </row>
    <row r="210" spans="1:17">
      <c r="A210" s="9" t="s">
        <v>27</v>
      </c>
      <c r="B210" s="9" t="s">
        <v>57</v>
      </c>
      <c r="C210" s="9" t="s">
        <v>58</v>
      </c>
      <c r="D210" s="9" t="s">
        <v>53</v>
      </c>
      <c r="E210" s="9" t="s">
        <v>40</v>
      </c>
      <c r="F210" s="9" t="s">
        <v>7</v>
      </c>
      <c r="G210" s="6">
        <v>45735</v>
      </c>
      <c r="H210" s="6">
        <v>39142</v>
      </c>
      <c r="I210" s="6">
        <v>28814</v>
      </c>
      <c r="J210" s="6">
        <v>14601</v>
      </c>
      <c r="K210" s="6">
        <v>10328</v>
      </c>
      <c r="L210" s="6">
        <v>352</v>
      </c>
      <c r="M210" s="6">
        <v>6241</v>
      </c>
      <c r="N210" s="10" t="s">
        <v>55</v>
      </c>
      <c r="O210" s="6">
        <v>5485</v>
      </c>
      <c r="P210" s="10" t="s">
        <v>55</v>
      </c>
      <c r="Q210" s="10" t="s">
        <v>55</v>
      </c>
    </row>
    <row r="211" spans="1:17">
      <c r="A211" s="9" t="s">
        <v>27</v>
      </c>
      <c r="B211" s="9" t="s">
        <v>57</v>
      </c>
      <c r="C211" s="9" t="s">
        <v>58</v>
      </c>
      <c r="D211" s="9" t="s">
        <v>53</v>
      </c>
      <c r="E211" s="9" t="s">
        <v>40</v>
      </c>
      <c r="F211" s="9" t="s">
        <v>8</v>
      </c>
      <c r="G211" s="6">
        <v>43251</v>
      </c>
      <c r="H211" s="6">
        <v>37354</v>
      </c>
      <c r="I211" s="6">
        <v>27455</v>
      </c>
      <c r="J211" s="6">
        <v>13994</v>
      </c>
      <c r="K211" s="6">
        <v>9899</v>
      </c>
      <c r="L211" s="6">
        <v>333</v>
      </c>
      <c r="M211" s="6">
        <v>5564</v>
      </c>
      <c r="N211" s="10" t="s">
        <v>55</v>
      </c>
      <c r="O211" s="6">
        <v>5315</v>
      </c>
      <c r="P211" s="10" t="s">
        <v>55</v>
      </c>
      <c r="Q211" s="10" t="s">
        <v>55</v>
      </c>
    </row>
    <row r="212" spans="1:17">
      <c r="A212" s="9" t="s">
        <v>27</v>
      </c>
      <c r="B212" s="9" t="s">
        <v>57</v>
      </c>
      <c r="C212" s="9" t="s">
        <v>58</v>
      </c>
      <c r="D212" s="9" t="s">
        <v>53</v>
      </c>
      <c r="E212" s="9" t="s">
        <v>40</v>
      </c>
      <c r="F212" s="9" t="s">
        <v>13</v>
      </c>
      <c r="G212" s="6">
        <v>2484</v>
      </c>
      <c r="H212" s="6">
        <v>1788</v>
      </c>
      <c r="I212" s="6">
        <v>1359</v>
      </c>
      <c r="J212" s="6">
        <v>607</v>
      </c>
      <c r="K212" s="6">
        <v>429</v>
      </c>
      <c r="L212" s="6">
        <v>19</v>
      </c>
      <c r="M212" s="6">
        <v>677</v>
      </c>
      <c r="N212" s="10" t="s">
        <v>55</v>
      </c>
      <c r="O212" s="6">
        <v>170</v>
      </c>
      <c r="P212" s="10" t="s">
        <v>55</v>
      </c>
      <c r="Q212" s="10" t="s">
        <v>55</v>
      </c>
    </row>
    <row r="213" spans="1:17">
      <c r="A213" s="9" t="s">
        <v>27</v>
      </c>
      <c r="B213" s="9" t="s">
        <v>57</v>
      </c>
      <c r="C213" s="9" t="s">
        <v>58</v>
      </c>
      <c r="D213" s="9" t="s">
        <v>53</v>
      </c>
      <c r="E213" s="9" t="s">
        <v>40</v>
      </c>
      <c r="F213" s="9" t="s">
        <v>14</v>
      </c>
      <c r="G213" s="6">
        <v>7095</v>
      </c>
      <c r="H213" s="6">
        <v>5385</v>
      </c>
      <c r="I213" s="6">
        <v>4086</v>
      </c>
      <c r="J213" s="6">
        <v>1906</v>
      </c>
      <c r="K213" s="6">
        <v>1299</v>
      </c>
      <c r="L213" s="6">
        <v>59</v>
      </c>
      <c r="M213" s="6">
        <v>1651</v>
      </c>
      <c r="N213" s="10" t="s">
        <v>55</v>
      </c>
      <c r="O213" s="6">
        <v>521</v>
      </c>
      <c r="P213" s="10" t="s">
        <v>55</v>
      </c>
      <c r="Q213" s="10" t="s">
        <v>55</v>
      </c>
    </row>
    <row r="214" spans="1:17">
      <c r="A214" s="9" t="s">
        <v>27</v>
      </c>
      <c r="B214" s="9" t="s">
        <v>57</v>
      </c>
      <c r="C214" s="9" t="s">
        <v>58</v>
      </c>
      <c r="D214" s="9" t="s">
        <v>53</v>
      </c>
      <c r="E214" s="9" t="s">
        <v>40</v>
      </c>
      <c r="F214" s="9" t="s">
        <v>18</v>
      </c>
      <c r="G214" s="6">
        <v>2055</v>
      </c>
      <c r="H214" s="6">
        <v>1141</v>
      </c>
      <c r="I214" s="6">
        <v>900</v>
      </c>
      <c r="J214" s="6">
        <v>335</v>
      </c>
      <c r="K214" s="6">
        <v>241</v>
      </c>
      <c r="L214" s="6">
        <v>25</v>
      </c>
      <c r="M214" s="6">
        <v>889</v>
      </c>
      <c r="N214" s="10" t="s">
        <v>55</v>
      </c>
      <c r="O214" s="6">
        <v>138</v>
      </c>
      <c r="P214" s="10" t="s">
        <v>55</v>
      </c>
      <c r="Q214" s="10" t="s">
        <v>55</v>
      </c>
    </row>
    <row r="215" spans="1:17">
      <c r="A215" s="9" t="s">
        <v>27</v>
      </c>
      <c r="B215" s="9" t="s">
        <v>57</v>
      </c>
      <c r="C215" s="9" t="s">
        <v>58</v>
      </c>
      <c r="D215" s="9" t="s">
        <v>53</v>
      </c>
      <c r="E215" s="9" t="s">
        <v>41</v>
      </c>
      <c r="F215" s="9" t="s">
        <v>6</v>
      </c>
      <c r="G215" s="6">
        <v>61205</v>
      </c>
      <c r="H215" s="6">
        <v>51007</v>
      </c>
      <c r="I215" s="6">
        <v>39389</v>
      </c>
      <c r="J215" s="6">
        <v>24393</v>
      </c>
      <c r="K215" s="6">
        <v>11618</v>
      </c>
      <c r="L215" s="6">
        <v>467</v>
      </c>
      <c r="M215" s="6">
        <v>9731</v>
      </c>
      <c r="N215" s="10" t="s">
        <v>55</v>
      </c>
      <c r="O215" s="6">
        <v>6135</v>
      </c>
      <c r="P215" s="6">
        <v>22330</v>
      </c>
      <c r="Q215" s="6">
        <v>9731</v>
      </c>
    </row>
    <row r="216" spans="1:17">
      <c r="A216" s="9" t="s">
        <v>27</v>
      </c>
      <c r="B216" s="9" t="s">
        <v>57</v>
      </c>
      <c r="C216" s="9" t="s">
        <v>58</v>
      </c>
      <c r="D216" s="9" t="s">
        <v>53</v>
      </c>
      <c r="E216" s="9" t="s">
        <v>41</v>
      </c>
      <c r="F216" s="9" t="s">
        <v>7</v>
      </c>
      <c r="G216" s="6">
        <v>37902</v>
      </c>
      <c r="H216" s="6">
        <v>32854</v>
      </c>
      <c r="I216" s="6">
        <v>24924</v>
      </c>
      <c r="J216" s="6">
        <v>15218</v>
      </c>
      <c r="K216" s="6">
        <v>7930</v>
      </c>
      <c r="L216" s="6">
        <v>289</v>
      </c>
      <c r="M216" s="6">
        <v>4759</v>
      </c>
      <c r="N216" s="10" t="s">
        <v>55</v>
      </c>
      <c r="O216" s="6">
        <v>4437</v>
      </c>
      <c r="P216" s="6">
        <v>13802</v>
      </c>
      <c r="Q216" s="6">
        <v>4759</v>
      </c>
    </row>
    <row r="217" spans="1:17">
      <c r="A217" s="9" t="s">
        <v>27</v>
      </c>
      <c r="B217" s="9" t="s">
        <v>57</v>
      </c>
      <c r="C217" s="9" t="s">
        <v>58</v>
      </c>
      <c r="D217" s="9" t="s">
        <v>53</v>
      </c>
      <c r="E217" s="9" t="s">
        <v>41</v>
      </c>
      <c r="F217" s="9" t="s">
        <v>8</v>
      </c>
      <c r="G217" s="6">
        <v>36060</v>
      </c>
      <c r="H217" s="6">
        <v>31473</v>
      </c>
      <c r="I217" s="6">
        <v>23825</v>
      </c>
      <c r="J217" s="6">
        <v>14544</v>
      </c>
      <c r="K217" s="6">
        <v>7648</v>
      </c>
      <c r="L217" s="6">
        <v>264</v>
      </c>
      <c r="M217" s="6">
        <v>4323</v>
      </c>
      <c r="N217" s="10" t="s">
        <v>55</v>
      </c>
      <c r="O217" s="6">
        <v>4328</v>
      </c>
      <c r="P217" s="6">
        <v>13204</v>
      </c>
      <c r="Q217" s="6">
        <v>4323</v>
      </c>
    </row>
    <row r="218" spans="1:17">
      <c r="A218" s="9" t="s">
        <v>27</v>
      </c>
      <c r="B218" s="9" t="s">
        <v>57</v>
      </c>
      <c r="C218" s="9" t="s">
        <v>58</v>
      </c>
      <c r="D218" s="9" t="s">
        <v>53</v>
      </c>
      <c r="E218" s="9" t="s">
        <v>41</v>
      </c>
      <c r="F218" s="9" t="s">
        <v>13</v>
      </c>
      <c r="G218" s="6">
        <v>1842</v>
      </c>
      <c r="H218" s="6">
        <v>1381</v>
      </c>
      <c r="I218" s="6">
        <v>1099</v>
      </c>
      <c r="J218" s="6">
        <v>674</v>
      </c>
      <c r="K218" s="6">
        <v>282</v>
      </c>
      <c r="L218" s="6">
        <v>25</v>
      </c>
      <c r="M218" s="6">
        <v>436</v>
      </c>
      <c r="N218" s="10" t="s">
        <v>55</v>
      </c>
      <c r="O218" s="6">
        <v>109</v>
      </c>
      <c r="P218" s="6">
        <v>598</v>
      </c>
      <c r="Q218" s="6">
        <v>436</v>
      </c>
    </row>
    <row r="219" spans="1:17">
      <c r="A219" s="9" t="s">
        <v>27</v>
      </c>
      <c r="B219" s="9" t="s">
        <v>57</v>
      </c>
      <c r="C219" s="9" t="s">
        <v>58</v>
      </c>
      <c r="D219" s="9" t="s">
        <v>53</v>
      </c>
      <c r="E219" s="9" t="s">
        <v>41</v>
      </c>
      <c r="F219" s="9" t="s">
        <v>14</v>
      </c>
      <c r="G219" s="6">
        <v>21272</v>
      </c>
      <c r="H219" s="6">
        <v>17033</v>
      </c>
      <c r="I219" s="6">
        <v>13560</v>
      </c>
      <c r="J219" s="6">
        <v>8676</v>
      </c>
      <c r="K219" s="6">
        <v>3473</v>
      </c>
      <c r="L219" s="6">
        <v>154</v>
      </c>
      <c r="M219" s="6">
        <v>4085</v>
      </c>
      <c r="N219" s="10" t="s">
        <v>55</v>
      </c>
      <c r="O219" s="6">
        <v>1575</v>
      </c>
      <c r="P219" s="6">
        <v>8068</v>
      </c>
      <c r="Q219" s="6">
        <v>4085</v>
      </c>
    </row>
    <row r="220" spans="1:17">
      <c r="A220" s="9" t="s">
        <v>27</v>
      </c>
      <c r="B220" s="9" t="s">
        <v>57</v>
      </c>
      <c r="C220" s="9" t="s">
        <v>58</v>
      </c>
      <c r="D220" s="9" t="s">
        <v>53</v>
      </c>
      <c r="E220" s="9" t="s">
        <v>41</v>
      </c>
      <c r="F220" s="9" t="s">
        <v>18</v>
      </c>
      <c r="G220" s="6">
        <v>2031</v>
      </c>
      <c r="H220" s="6">
        <v>1120</v>
      </c>
      <c r="I220" s="6">
        <v>905</v>
      </c>
      <c r="J220" s="6">
        <v>499</v>
      </c>
      <c r="K220" s="6">
        <v>215</v>
      </c>
      <c r="L220" s="6">
        <v>24</v>
      </c>
      <c r="M220" s="6">
        <v>887</v>
      </c>
      <c r="N220" s="10" t="s">
        <v>55</v>
      </c>
      <c r="O220" s="6">
        <v>123</v>
      </c>
      <c r="P220" s="6">
        <v>460</v>
      </c>
      <c r="Q220" s="6">
        <v>887</v>
      </c>
    </row>
    <row r="221" spans="1:17">
      <c r="A221" s="9" t="s">
        <v>27</v>
      </c>
      <c r="B221" s="9" t="s">
        <v>57</v>
      </c>
      <c r="C221" s="9" t="s">
        <v>58</v>
      </c>
      <c r="D221" s="9" t="s">
        <v>53</v>
      </c>
      <c r="E221" s="9" t="s">
        <v>42</v>
      </c>
      <c r="F221" s="9" t="s">
        <v>6</v>
      </c>
      <c r="G221" s="6">
        <v>59068</v>
      </c>
      <c r="H221" s="6">
        <v>50526</v>
      </c>
      <c r="I221" s="6">
        <v>41097</v>
      </c>
      <c r="J221" s="6">
        <v>27920</v>
      </c>
      <c r="K221" s="6">
        <v>9429</v>
      </c>
      <c r="L221" s="6">
        <v>434</v>
      </c>
      <c r="M221" s="6">
        <v>8108</v>
      </c>
      <c r="N221" s="10" t="s">
        <v>55</v>
      </c>
      <c r="O221" s="6">
        <v>5872</v>
      </c>
      <c r="P221" s="6">
        <v>27411</v>
      </c>
      <c r="Q221" s="6">
        <v>8108</v>
      </c>
    </row>
    <row r="222" spans="1:17">
      <c r="A222" s="9" t="s">
        <v>27</v>
      </c>
      <c r="B222" s="9" t="s">
        <v>57</v>
      </c>
      <c r="C222" s="9" t="s">
        <v>58</v>
      </c>
      <c r="D222" s="9" t="s">
        <v>53</v>
      </c>
      <c r="E222" s="9" t="s">
        <v>42</v>
      </c>
      <c r="F222" s="9" t="s">
        <v>7</v>
      </c>
      <c r="G222" s="6">
        <v>25909</v>
      </c>
      <c r="H222" s="6">
        <v>22979</v>
      </c>
      <c r="I222" s="6">
        <v>18074</v>
      </c>
      <c r="J222" s="6">
        <v>11889</v>
      </c>
      <c r="K222" s="6">
        <v>4905</v>
      </c>
      <c r="L222" s="6">
        <v>196</v>
      </c>
      <c r="M222" s="6">
        <v>2734</v>
      </c>
      <c r="N222" s="10" t="s">
        <v>55</v>
      </c>
      <c r="O222" s="6">
        <v>3271</v>
      </c>
      <c r="P222" s="6">
        <v>11624</v>
      </c>
      <c r="Q222" s="6">
        <v>2734</v>
      </c>
    </row>
    <row r="223" spans="1:17">
      <c r="A223" s="9" t="s">
        <v>27</v>
      </c>
      <c r="B223" s="9" t="s">
        <v>57</v>
      </c>
      <c r="C223" s="9" t="s">
        <v>58</v>
      </c>
      <c r="D223" s="9" t="s">
        <v>53</v>
      </c>
      <c r="E223" s="9" t="s">
        <v>42</v>
      </c>
      <c r="F223" s="9" t="s">
        <v>8</v>
      </c>
      <c r="G223" s="6">
        <v>25134</v>
      </c>
      <c r="H223" s="6">
        <v>22421</v>
      </c>
      <c r="I223" s="6">
        <v>17597</v>
      </c>
      <c r="J223" s="6">
        <v>11578</v>
      </c>
      <c r="K223" s="6">
        <v>4824</v>
      </c>
      <c r="L223" s="6">
        <v>188</v>
      </c>
      <c r="M223" s="6">
        <v>2525</v>
      </c>
      <c r="N223" s="10" t="s">
        <v>55</v>
      </c>
      <c r="O223" s="6">
        <v>3231</v>
      </c>
      <c r="P223" s="6">
        <v>11321</v>
      </c>
      <c r="Q223" s="6">
        <v>2525</v>
      </c>
    </row>
    <row r="224" spans="1:17">
      <c r="A224" s="9" t="s">
        <v>27</v>
      </c>
      <c r="B224" s="9" t="s">
        <v>57</v>
      </c>
      <c r="C224" s="9" t="s">
        <v>58</v>
      </c>
      <c r="D224" s="9" t="s">
        <v>53</v>
      </c>
      <c r="E224" s="9" t="s">
        <v>42</v>
      </c>
      <c r="F224" s="9" t="s">
        <v>13</v>
      </c>
      <c r="G224" s="6">
        <v>775</v>
      </c>
      <c r="H224" s="6">
        <v>558</v>
      </c>
      <c r="I224" s="6">
        <v>477</v>
      </c>
      <c r="J224" s="6">
        <v>311</v>
      </c>
      <c r="K224" s="6">
        <v>81</v>
      </c>
      <c r="L224" s="6">
        <v>8</v>
      </c>
      <c r="M224" s="6">
        <v>209</v>
      </c>
      <c r="N224" s="10" t="s">
        <v>55</v>
      </c>
      <c r="O224" s="6">
        <v>40</v>
      </c>
      <c r="P224" s="6">
        <v>303</v>
      </c>
      <c r="Q224" s="6">
        <v>209</v>
      </c>
    </row>
    <row r="225" spans="1:17">
      <c r="A225" s="9" t="s">
        <v>27</v>
      </c>
      <c r="B225" s="9" t="s">
        <v>57</v>
      </c>
      <c r="C225" s="9" t="s">
        <v>58</v>
      </c>
      <c r="D225" s="9" t="s">
        <v>53</v>
      </c>
      <c r="E225" s="9" t="s">
        <v>42</v>
      </c>
      <c r="F225" s="9" t="s">
        <v>14</v>
      </c>
      <c r="G225" s="6">
        <v>30717</v>
      </c>
      <c r="H225" s="6">
        <v>25903</v>
      </c>
      <c r="I225" s="6">
        <v>21636</v>
      </c>
      <c r="J225" s="6">
        <v>15077</v>
      </c>
      <c r="K225" s="6">
        <v>4267</v>
      </c>
      <c r="L225" s="6">
        <v>202</v>
      </c>
      <c r="M225" s="6">
        <v>4612</v>
      </c>
      <c r="N225" s="10" t="s">
        <v>55</v>
      </c>
      <c r="O225" s="6">
        <v>2453</v>
      </c>
      <c r="P225" s="6">
        <v>14856</v>
      </c>
      <c r="Q225" s="6">
        <v>4612</v>
      </c>
    </row>
    <row r="226" spans="1:17">
      <c r="A226" s="9" t="s">
        <v>27</v>
      </c>
      <c r="B226" s="9" t="s">
        <v>57</v>
      </c>
      <c r="C226" s="9" t="s">
        <v>58</v>
      </c>
      <c r="D226" s="9" t="s">
        <v>53</v>
      </c>
      <c r="E226" s="9" t="s">
        <v>42</v>
      </c>
      <c r="F226" s="9" t="s">
        <v>18</v>
      </c>
      <c r="G226" s="6">
        <v>2442</v>
      </c>
      <c r="H226" s="6">
        <v>1644</v>
      </c>
      <c r="I226" s="6">
        <v>1387</v>
      </c>
      <c r="J226" s="6">
        <v>954</v>
      </c>
      <c r="K226" s="6">
        <v>257</v>
      </c>
      <c r="L226" s="6">
        <v>36</v>
      </c>
      <c r="M226" s="6">
        <v>762</v>
      </c>
      <c r="N226" s="10" t="s">
        <v>55</v>
      </c>
      <c r="O226" s="6">
        <v>148</v>
      </c>
      <c r="P226" s="6">
        <v>931</v>
      </c>
      <c r="Q226" s="6">
        <v>762</v>
      </c>
    </row>
    <row r="227" spans="1:17">
      <c r="A227" s="9" t="s">
        <v>27</v>
      </c>
      <c r="B227" s="9" t="s">
        <v>57</v>
      </c>
      <c r="C227" s="9" t="s">
        <v>58</v>
      </c>
      <c r="D227" s="9" t="s">
        <v>53</v>
      </c>
      <c r="E227" s="9" t="s">
        <v>43</v>
      </c>
      <c r="F227" s="9" t="s">
        <v>6</v>
      </c>
      <c r="G227" s="6">
        <v>38394</v>
      </c>
      <c r="H227" s="6">
        <v>33583</v>
      </c>
      <c r="I227" s="6">
        <v>27953</v>
      </c>
      <c r="J227" s="6">
        <v>19495</v>
      </c>
      <c r="K227" s="6">
        <v>5630</v>
      </c>
      <c r="L227" s="6">
        <v>260</v>
      </c>
      <c r="M227" s="6">
        <v>4551</v>
      </c>
      <c r="N227" s="10" t="s">
        <v>55</v>
      </c>
      <c r="O227" s="6">
        <v>3865</v>
      </c>
      <c r="P227" s="6">
        <v>19381</v>
      </c>
      <c r="Q227" s="6">
        <v>4551</v>
      </c>
    </row>
    <row r="228" spans="1:17">
      <c r="A228" s="9" t="s">
        <v>27</v>
      </c>
      <c r="B228" s="9" t="s">
        <v>57</v>
      </c>
      <c r="C228" s="9" t="s">
        <v>58</v>
      </c>
      <c r="D228" s="9" t="s">
        <v>53</v>
      </c>
      <c r="E228" s="9" t="s">
        <v>43</v>
      </c>
      <c r="F228" s="9" t="s">
        <v>7</v>
      </c>
      <c r="G228" s="6">
        <v>10229</v>
      </c>
      <c r="H228" s="6">
        <v>9258</v>
      </c>
      <c r="I228" s="6">
        <v>7239</v>
      </c>
      <c r="J228" s="6">
        <v>4736</v>
      </c>
      <c r="K228" s="6">
        <v>2019</v>
      </c>
      <c r="L228" s="6">
        <v>77</v>
      </c>
      <c r="M228" s="6">
        <v>894</v>
      </c>
      <c r="N228" s="10" t="s">
        <v>55</v>
      </c>
      <c r="O228" s="6">
        <v>1473</v>
      </c>
      <c r="P228" s="6">
        <v>4701</v>
      </c>
      <c r="Q228" s="6">
        <v>894</v>
      </c>
    </row>
    <row r="229" spans="1:17">
      <c r="A229" s="9" t="s">
        <v>27</v>
      </c>
      <c r="B229" s="9" t="s">
        <v>57</v>
      </c>
      <c r="C229" s="9" t="s">
        <v>58</v>
      </c>
      <c r="D229" s="9" t="s">
        <v>53</v>
      </c>
      <c r="E229" s="9" t="s">
        <v>43</v>
      </c>
      <c r="F229" s="9" t="s">
        <v>8</v>
      </c>
      <c r="G229" s="6">
        <v>10033</v>
      </c>
      <c r="H229" s="6">
        <v>9107</v>
      </c>
      <c r="I229" s="6">
        <v>7109</v>
      </c>
      <c r="J229" s="6">
        <v>4642</v>
      </c>
      <c r="K229" s="6">
        <v>1998</v>
      </c>
      <c r="L229" s="6">
        <v>75</v>
      </c>
      <c r="M229" s="6">
        <v>851</v>
      </c>
      <c r="N229" s="10" t="s">
        <v>55</v>
      </c>
      <c r="O229" s="6">
        <v>1465</v>
      </c>
      <c r="P229" s="6">
        <v>4608</v>
      </c>
      <c r="Q229" s="6">
        <v>851</v>
      </c>
    </row>
    <row r="230" spans="1:17">
      <c r="A230" s="9" t="s">
        <v>27</v>
      </c>
      <c r="B230" s="9" t="s">
        <v>57</v>
      </c>
      <c r="C230" s="9" t="s">
        <v>58</v>
      </c>
      <c r="D230" s="9" t="s">
        <v>53</v>
      </c>
      <c r="E230" s="9" t="s">
        <v>43</v>
      </c>
      <c r="F230" s="9" t="s">
        <v>13</v>
      </c>
      <c r="G230" s="6">
        <v>196</v>
      </c>
      <c r="H230" s="6">
        <v>151</v>
      </c>
      <c r="I230" s="6">
        <v>130</v>
      </c>
      <c r="J230" s="6">
        <v>94</v>
      </c>
      <c r="K230" s="6">
        <v>21</v>
      </c>
      <c r="L230" s="6">
        <v>2</v>
      </c>
      <c r="M230" s="6">
        <v>43</v>
      </c>
      <c r="N230" s="10" t="s">
        <v>55</v>
      </c>
      <c r="O230" s="6">
        <v>8</v>
      </c>
      <c r="P230" s="6">
        <v>93</v>
      </c>
      <c r="Q230" s="6">
        <v>43</v>
      </c>
    </row>
    <row r="231" spans="1:17">
      <c r="A231" s="9" t="s">
        <v>27</v>
      </c>
      <c r="B231" s="9" t="s">
        <v>57</v>
      </c>
      <c r="C231" s="9" t="s">
        <v>58</v>
      </c>
      <c r="D231" s="9" t="s">
        <v>53</v>
      </c>
      <c r="E231" s="9" t="s">
        <v>43</v>
      </c>
      <c r="F231" s="9" t="s">
        <v>14</v>
      </c>
      <c r="G231" s="6">
        <v>26065</v>
      </c>
      <c r="H231" s="6">
        <v>22758</v>
      </c>
      <c r="I231" s="6">
        <v>19317</v>
      </c>
      <c r="J231" s="6">
        <v>13699</v>
      </c>
      <c r="K231" s="6">
        <v>3441</v>
      </c>
      <c r="L231" s="6">
        <v>160</v>
      </c>
      <c r="M231" s="6">
        <v>3147</v>
      </c>
      <c r="N231" s="10" t="s">
        <v>55</v>
      </c>
      <c r="O231" s="6">
        <v>2284</v>
      </c>
      <c r="P231" s="6">
        <v>13631</v>
      </c>
      <c r="Q231" s="6">
        <v>3147</v>
      </c>
    </row>
    <row r="232" spans="1:17">
      <c r="A232" s="9" t="s">
        <v>27</v>
      </c>
      <c r="B232" s="9" t="s">
        <v>57</v>
      </c>
      <c r="C232" s="9" t="s">
        <v>58</v>
      </c>
      <c r="D232" s="9" t="s">
        <v>53</v>
      </c>
      <c r="E232" s="9" t="s">
        <v>43</v>
      </c>
      <c r="F232" s="9" t="s">
        <v>18</v>
      </c>
      <c r="G232" s="6">
        <v>2100</v>
      </c>
      <c r="H232" s="6">
        <v>1567</v>
      </c>
      <c r="I232" s="6">
        <v>1397</v>
      </c>
      <c r="J232" s="6">
        <v>1060</v>
      </c>
      <c r="K232" s="6">
        <v>170</v>
      </c>
      <c r="L232" s="6">
        <v>23</v>
      </c>
      <c r="M232" s="6">
        <v>510</v>
      </c>
      <c r="N232" s="10" t="s">
        <v>55</v>
      </c>
      <c r="O232" s="6">
        <v>108</v>
      </c>
      <c r="P232" s="6">
        <v>1049</v>
      </c>
      <c r="Q232" s="6">
        <v>510</v>
      </c>
    </row>
    <row r="233" spans="1:17">
      <c r="A233" s="9" t="s">
        <v>27</v>
      </c>
      <c r="B233" s="9" t="s">
        <v>57</v>
      </c>
      <c r="C233" s="9" t="s">
        <v>58</v>
      </c>
      <c r="D233" s="9" t="s">
        <v>53</v>
      </c>
      <c r="E233" s="9" t="s">
        <v>44</v>
      </c>
      <c r="F233" s="9" t="s">
        <v>6</v>
      </c>
      <c r="G233" s="6">
        <v>30129</v>
      </c>
      <c r="H233" s="6">
        <v>26573</v>
      </c>
      <c r="I233" s="6">
        <v>21160</v>
      </c>
      <c r="J233" s="6">
        <v>14489</v>
      </c>
      <c r="K233" s="6">
        <v>5413</v>
      </c>
      <c r="L233" s="6">
        <v>149</v>
      </c>
      <c r="M233" s="6">
        <v>3407</v>
      </c>
      <c r="N233" s="10" t="s">
        <v>55</v>
      </c>
      <c r="O233" s="6">
        <v>3601</v>
      </c>
      <c r="P233" s="6">
        <v>14459</v>
      </c>
      <c r="Q233" s="6">
        <v>3407</v>
      </c>
    </row>
    <row r="234" spans="1:17">
      <c r="A234" s="9" t="s">
        <v>27</v>
      </c>
      <c r="B234" s="9" t="s">
        <v>57</v>
      </c>
      <c r="C234" s="9" t="s">
        <v>58</v>
      </c>
      <c r="D234" s="9" t="s">
        <v>53</v>
      </c>
      <c r="E234" s="9" t="s">
        <v>44</v>
      </c>
      <c r="F234" s="9" t="s">
        <v>7</v>
      </c>
      <c r="G234" s="6">
        <v>5224</v>
      </c>
      <c r="H234" s="6">
        <v>4796</v>
      </c>
      <c r="I234" s="6">
        <v>3495</v>
      </c>
      <c r="J234" s="6">
        <v>2173</v>
      </c>
      <c r="K234" s="6">
        <v>1301</v>
      </c>
      <c r="L234" s="6">
        <v>26</v>
      </c>
      <c r="M234" s="6">
        <v>402</v>
      </c>
      <c r="N234" s="10" t="s">
        <v>55</v>
      </c>
      <c r="O234" s="6">
        <v>913</v>
      </c>
      <c r="P234" s="6">
        <v>2165</v>
      </c>
      <c r="Q234" s="6">
        <v>402</v>
      </c>
    </row>
    <row r="235" spans="1:17">
      <c r="A235" s="9" t="s">
        <v>27</v>
      </c>
      <c r="B235" s="9" t="s">
        <v>57</v>
      </c>
      <c r="C235" s="9" t="s">
        <v>58</v>
      </c>
      <c r="D235" s="9" t="s">
        <v>53</v>
      </c>
      <c r="E235" s="9" t="s">
        <v>44</v>
      </c>
      <c r="F235" s="9" t="s">
        <v>8</v>
      </c>
      <c r="G235" s="6">
        <v>5148</v>
      </c>
      <c r="H235" s="6">
        <v>4732</v>
      </c>
      <c r="I235" s="6">
        <v>3435</v>
      </c>
      <c r="J235" s="6">
        <v>2137</v>
      </c>
      <c r="K235" s="6">
        <v>1297</v>
      </c>
      <c r="L235" s="6">
        <v>24</v>
      </c>
      <c r="M235" s="6">
        <v>392</v>
      </c>
      <c r="N235" s="10" t="s">
        <v>55</v>
      </c>
      <c r="O235" s="6">
        <v>912</v>
      </c>
      <c r="P235" s="6">
        <v>2129</v>
      </c>
      <c r="Q235" s="6">
        <v>392</v>
      </c>
    </row>
    <row r="236" spans="1:17">
      <c r="A236" s="9" t="s">
        <v>27</v>
      </c>
      <c r="B236" s="9" t="s">
        <v>57</v>
      </c>
      <c r="C236" s="9" t="s">
        <v>58</v>
      </c>
      <c r="D236" s="9" t="s">
        <v>53</v>
      </c>
      <c r="E236" s="9" t="s">
        <v>44</v>
      </c>
      <c r="F236" s="9" t="s">
        <v>13</v>
      </c>
      <c r="G236" s="6">
        <v>76</v>
      </c>
      <c r="H236" s="6">
        <v>64</v>
      </c>
      <c r="I236" s="6">
        <v>60</v>
      </c>
      <c r="J236" s="6">
        <v>36</v>
      </c>
      <c r="K236" s="6">
        <v>4</v>
      </c>
      <c r="L236" s="6">
        <v>2</v>
      </c>
      <c r="M236" s="6">
        <v>10</v>
      </c>
      <c r="N236" s="10" t="s">
        <v>55</v>
      </c>
      <c r="O236" s="6">
        <v>1</v>
      </c>
      <c r="P236" s="6">
        <v>36</v>
      </c>
      <c r="Q236" s="6">
        <v>10</v>
      </c>
    </row>
    <row r="237" spans="1:17">
      <c r="A237" s="9" t="s">
        <v>27</v>
      </c>
      <c r="B237" s="9" t="s">
        <v>57</v>
      </c>
      <c r="C237" s="9" t="s">
        <v>58</v>
      </c>
      <c r="D237" s="9" t="s">
        <v>53</v>
      </c>
      <c r="E237" s="9" t="s">
        <v>44</v>
      </c>
      <c r="F237" s="9" t="s">
        <v>14</v>
      </c>
      <c r="G237" s="6">
        <v>23028</v>
      </c>
      <c r="H237" s="6">
        <v>20268</v>
      </c>
      <c r="I237" s="6">
        <v>16310</v>
      </c>
      <c r="J237" s="6">
        <v>11252</v>
      </c>
      <c r="K237" s="6">
        <v>3958</v>
      </c>
      <c r="L237" s="6">
        <v>106</v>
      </c>
      <c r="M237" s="6">
        <v>2654</v>
      </c>
      <c r="N237" s="10" t="s">
        <v>55</v>
      </c>
      <c r="O237" s="6">
        <v>2587</v>
      </c>
      <c r="P237" s="6">
        <v>11233</v>
      </c>
      <c r="Q237" s="6">
        <v>2654</v>
      </c>
    </row>
    <row r="238" spans="1:17">
      <c r="A238" s="9" t="s">
        <v>27</v>
      </c>
      <c r="B238" s="9" t="s">
        <v>57</v>
      </c>
      <c r="C238" s="9" t="s">
        <v>58</v>
      </c>
      <c r="D238" s="9" t="s">
        <v>53</v>
      </c>
      <c r="E238" s="9" t="s">
        <v>44</v>
      </c>
      <c r="F238" s="9" t="s">
        <v>18</v>
      </c>
      <c r="G238" s="6">
        <v>1877</v>
      </c>
      <c r="H238" s="6">
        <v>1509</v>
      </c>
      <c r="I238" s="6">
        <v>1355</v>
      </c>
      <c r="J238" s="6">
        <v>1064</v>
      </c>
      <c r="K238" s="6">
        <v>154</v>
      </c>
      <c r="L238" s="6">
        <v>17</v>
      </c>
      <c r="M238" s="6">
        <v>351</v>
      </c>
      <c r="N238" s="10" t="s">
        <v>55</v>
      </c>
      <c r="O238" s="6">
        <v>101</v>
      </c>
      <c r="P238" s="6">
        <v>1061</v>
      </c>
      <c r="Q238" s="6">
        <v>351</v>
      </c>
    </row>
    <row r="239" spans="1:17">
      <c r="A239" s="9" t="s">
        <v>27</v>
      </c>
      <c r="B239" s="9" t="s">
        <v>57</v>
      </c>
      <c r="C239" s="9" t="s">
        <v>58</v>
      </c>
      <c r="D239" s="9" t="s">
        <v>53</v>
      </c>
      <c r="E239" s="9" t="s">
        <v>45</v>
      </c>
      <c r="F239" s="9" t="s">
        <v>6</v>
      </c>
      <c r="G239" s="6">
        <v>19371</v>
      </c>
      <c r="H239" s="6">
        <v>16789</v>
      </c>
      <c r="I239" s="6">
        <v>12295</v>
      </c>
      <c r="J239" s="6">
        <v>8041</v>
      </c>
      <c r="K239" s="6">
        <v>4494</v>
      </c>
      <c r="L239" s="6">
        <v>87</v>
      </c>
      <c r="M239" s="6">
        <v>2495</v>
      </c>
      <c r="N239" s="10" t="s">
        <v>55</v>
      </c>
      <c r="O239" s="6">
        <v>2610</v>
      </c>
      <c r="P239" s="6">
        <v>8037</v>
      </c>
      <c r="Q239" s="6">
        <v>2495</v>
      </c>
    </row>
    <row r="240" spans="1:17">
      <c r="A240" s="9" t="s">
        <v>27</v>
      </c>
      <c r="B240" s="9" t="s">
        <v>57</v>
      </c>
      <c r="C240" s="9" t="s">
        <v>58</v>
      </c>
      <c r="D240" s="9" t="s">
        <v>53</v>
      </c>
      <c r="E240" s="9" t="s">
        <v>45</v>
      </c>
      <c r="F240" s="9" t="s">
        <v>7</v>
      </c>
      <c r="G240" s="6">
        <v>1962</v>
      </c>
      <c r="H240" s="6">
        <v>1764</v>
      </c>
      <c r="I240" s="6">
        <v>1156</v>
      </c>
      <c r="J240" s="6">
        <v>696</v>
      </c>
      <c r="K240" s="6">
        <v>608</v>
      </c>
      <c r="L240" s="6">
        <v>12</v>
      </c>
      <c r="M240" s="6">
        <v>186</v>
      </c>
      <c r="N240" s="10" t="s">
        <v>55</v>
      </c>
      <c r="O240" s="6">
        <v>370</v>
      </c>
      <c r="P240" s="6">
        <v>695</v>
      </c>
      <c r="Q240" s="6">
        <v>186</v>
      </c>
    </row>
    <row r="241" spans="1:17">
      <c r="A241" s="9" t="s">
        <v>27</v>
      </c>
      <c r="B241" s="9" t="s">
        <v>57</v>
      </c>
      <c r="C241" s="9" t="s">
        <v>58</v>
      </c>
      <c r="D241" s="9" t="s">
        <v>53</v>
      </c>
      <c r="E241" s="9" t="s">
        <v>45</v>
      </c>
      <c r="F241" s="9" t="s">
        <v>8</v>
      </c>
      <c r="G241" s="6">
        <v>1926</v>
      </c>
      <c r="H241" s="6">
        <v>1738</v>
      </c>
      <c r="I241" s="6">
        <v>1136</v>
      </c>
      <c r="J241" s="6">
        <v>687</v>
      </c>
      <c r="K241" s="6">
        <v>602</v>
      </c>
      <c r="L241" s="6">
        <v>12</v>
      </c>
      <c r="M241" s="6">
        <v>176</v>
      </c>
      <c r="N241" s="10" t="s">
        <v>55</v>
      </c>
      <c r="O241" s="6">
        <v>367</v>
      </c>
      <c r="P241" s="6">
        <v>686</v>
      </c>
      <c r="Q241" s="6">
        <v>176</v>
      </c>
    </row>
    <row r="242" spans="1:17">
      <c r="A242" s="9" t="s">
        <v>27</v>
      </c>
      <c r="B242" s="9" t="s">
        <v>57</v>
      </c>
      <c r="C242" s="9" t="s">
        <v>58</v>
      </c>
      <c r="D242" s="9" t="s">
        <v>53</v>
      </c>
      <c r="E242" s="9" t="s">
        <v>45</v>
      </c>
      <c r="F242" s="9" t="s">
        <v>13</v>
      </c>
      <c r="G242" s="6">
        <v>36</v>
      </c>
      <c r="H242" s="6">
        <v>26</v>
      </c>
      <c r="I242" s="6">
        <v>20</v>
      </c>
      <c r="J242" s="6">
        <v>9</v>
      </c>
      <c r="K242" s="6">
        <v>6</v>
      </c>
      <c r="L242" s="10" t="s">
        <v>55</v>
      </c>
      <c r="M242" s="6">
        <v>10</v>
      </c>
      <c r="N242" s="10" t="s">
        <v>55</v>
      </c>
      <c r="O242" s="6">
        <v>3</v>
      </c>
      <c r="P242" s="6">
        <v>9</v>
      </c>
      <c r="Q242" s="6">
        <v>10</v>
      </c>
    </row>
    <row r="243" spans="1:17">
      <c r="A243" s="9" t="s">
        <v>27</v>
      </c>
      <c r="B243" s="9" t="s">
        <v>57</v>
      </c>
      <c r="C243" s="9" t="s">
        <v>58</v>
      </c>
      <c r="D243" s="9" t="s">
        <v>53</v>
      </c>
      <c r="E243" s="9" t="s">
        <v>45</v>
      </c>
      <c r="F243" s="9" t="s">
        <v>14</v>
      </c>
      <c r="G243" s="6">
        <v>16272</v>
      </c>
      <c r="H243" s="6">
        <v>14132</v>
      </c>
      <c r="I243" s="6">
        <v>10359</v>
      </c>
      <c r="J243" s="6">
        <v>6749</v>
      </c>
      <c r="K243" s="6">
        <v>3773</v>
      </c>
      <c r="L243" s="6">
        <v>62</v>
      </c>
      <c r="M243" s="6">
        <v>2078</v>
      </c>
      <c r="N243" s="10" t="s">
        <v>55</v>
      </c>
      <c r="O243" s="6">
        <v>2174</v>
      </c>
      <c r="P243" s="6">
        <v>6747</v>
      </c>
      <c r="Q243" s="6">
        <v>2078</v>
      </c>
    </row>
    <row r="244" spans="1:17">
      <c r="A244" s="9" t="s">
        <v>27</v>
      </c>
      <c r="B244" s="9" t="s">
        <v>57</v>
      </c>
      <c r="C244" s="9" t="s">
        <v>58</v>
      </c>
      <c r="D244" s="9" t="s">
        <v>53</v>
      </c>
      <c r="E244" s="9" t="s">
        <v>45</v>
      </c>
      <c r="F244" s="9" t="s">
        <v>18</v>
      </c>
      <c r="G244" s="6">
        <v>1137</v>
      </c>
      <c r="H244" s="6">
        <v>893</v>
      </c>
      <c r="I244" s="6">
        <v>780</v>
      </c>
      <c r="J244" s="6">
        <v>596</v>
      </c>
      <c r="K244" s="6">
        <v>113</v>
      </c>
      <c r="L244" s="6">
        <v>13</v>
      </c>
      <c r="M244" s="6">
        <v>231</v>
      </c>
      <c r="N244" s="10" t="s">
        <v>55</v>
      </c>
      <c r="O244" s="6">
        <v>66</v>
      </c>
      <c r="P244" s="6">
        <v>595</v>
      </c>
      <c r="Q244" s="6">
        <v>231</v>
      </c>
    </row>
    <row r="245" spans="1:17">
      <c r="A245" s="9" t="s">
        <v>27</v>
      </c>
      <c r="B245" s="9" t="s">
        <v>57</v>
      </c>
      <c r="C245" s="9" t="s">
        <v>58</v>
      </c>
      <c r="D245" s="9" t="s">
        <v>53</v>
      </c>
      <c r="E245" s="9" t="s">
        <v>46</v>
      </c>
      <c r="F245" s="9" t="s">
        <v>6</v>
      </c>
      <c r="G245" s="6">
        <v>7293</v>
      </c>
      <c r="H245" s="6">
        <v>6067</v>
      </c>
      <c r="I245" s="6">
        <v>3812</v>
      </c>
      <c r="J245" s="6">
        <v>2310</v>
      </c>
      <c r="K245" s="6">
        <v>2255</v>
      </c>
      <c r="L245" s="6">
        <v>29</v>
      </c>
      <c r="M245" s="6">
        <v>1197</v>
      </c>
      <c r="N245" s="10" t="s">
        <v>55</v>
      </c>
      <c r="O245" s="6">
        <v>1107</v>
      </c>
      <c r="P245" s="6">
        <v>2310</v>
      </c>
      <c r="Q245" s="6">
        <v>1197</v>
      </c>
    </row>
    <row r="246" spans="1:17">
      <c r="A246" s="9" t="s">
        <v>27</v>
      </c>
      <c r="B246" s="9" t="s">
        <v>57</v>
      </c>
      <c r="C246" s="9" t="s">
        <v>58</v>
      </c>
      <c r="D246" s="9" t="s">
        <v>53</v>
      </c>
      <c r="E246" s="9" t="s">
        <v>46</v>
      </c>
      <c r="F246" s="9" t="s">
        <v>7</v>
      </c>
      <c r="G246" s="6">
        <v>410</v>
      </c>
      <c r="H246" s="6">
        <v>354</v>
      </c>
      <c r="I246" s="6">
        <v>219</v>
      </c>
      <c r="J246" s="6">
        <v>128</v>
      </c>
      <c r="K246" s="6">
        <v>135</v>
      </c>
      <c r="L246" s="6">
        <v>3</v>
      </c>
      <c r="M246" s="6">
        <v>53</v>
      </c>
      <c r="N246" s="10" t="s">
        <v>55</v>
      </c>
      <c r="O246" s="6">
        <v>67</v>
      </c>
      <c r="P246" s="6">
        <v>128</v>
      </c>
      <c r="Q246" s="6">
        <v>53</v>
      </c>
    </row>
    <row r="247" spans="1:17">
      <c r="A247" s="9" t="s">
        <v>27</v>
      </c>
      <c r="B247" s="9" t="s">
        <v>57</v>
      </c>
      <c r="C247" s="9" t="s">
        <v>58</v>
      </c>
      <c r="D247" s="9" t="s">
        <v>53</v>
      </c>
      <c r="E247" s="9" t="s">
        <v>46</v>
      </c>
      <c r="F247" s="9" t="s">
        <v>8</v>
      </c>
      <c r="G247" s="6">
        <v>408</v>
      </c>
      <c r="H247" s="6">
        <v>352</v>
      </c>
      <c r="I247" s="6">
        <v>217</v>
      </c>
      <c r="J247" s="6">
        <v>127</v>
      </c>
      <c r="K247" s="6">
        <v>135</v>
      </c>
      <c r="L247" s="6">
        <v>3</v>
      </c>
      <c r="M247" s="6">
        <v>53</v>
      </c>
      <c r="N247" s="10" t="s">
        <v>55</v>
      </c>
      <c r="O247" s="6">
        <v>67</v>
      </c>
      <c r="P247" s="6">
        <v>127</v>
      </c>
      <c r="Q247" s="6">
        <v>53</v>
      </c>
    </row>
    <row r="248" spans="1:17">
      <c r="A248" s="9" t="s">
        <v>27</v>
      </c>
      <c r="B248" s="9" t="s">
        <v>57</v>
      </c>
      <c r="C248" s="9" t="s">
        <v>58</v>
      </c>
      <c r="D248" s="9" t="s">
        <v>53</v>
      </c>
      <c r="E248" s="9" t="s">
        <v>46</v>
      </c>
      <c r="F248" s="9" t="s">
        <v>13</v>
      </c>
      <c r="G248" s="6">
        <v>2</v>
      </c>
      <c r="H248" s="6">
        <v>2</v>
      </c>
      <c r="I248" s="6">
        <v>2</v>
      </c>
      <c r="J248" s="6">
        <v>1</v>
      </c>
      <c r="K248" s="10" t="s">
        <v>55</v>
      </c>
      <c r="L248" s="10" t="s">
        <v>55</v>
      </c>
      <c r="M248" s="10" t="s">
        <v>55</v>
      </c>
      <c r="N248" s="10" t="s">
        <v>55</v>
      </c>
      <c r="O248" s="10" t="s">
        <v>55</v>
      </c>
      <c r="P248" s="6">
        <v>1</v>
      </c>
      <c r="Q248" s="10" t="s">
        <v>55</v>
      </c>
    </row>
    <row r="249" spans="1:17">
      <c r="A249" s="9" t="s">
        <v>27</v>
      </c>
      <c r="B249" s="9" t="s">
        <v>57</v>
      </c>
      <c r="C249" s="9" t="s">
        <v>58</v>
      </c>
      <c r="D249" s="9" t="s">
        <v>53</v>
      </c>
      <c r="E249" s="9" t="s">
        <v>46</v>
      </c>
      <c r="F249" s="9" t="s">
        <v>14</v>
      </c>
      <c r="G249" s="6">
        <v>6493</v>
      </c>
      <c r="H249" s="6">
        <v>5405</v>
      </c>
      <c r="I249" s="6">
        <v>3333</v>
      </c>
      <c r="J249" s="6">
        <v>1994</v>
      </c>
      <c r="K249" s="6">
        <v>2072</v>
      </c>
      <c r="L249" s="6">
        <v>23</v>
      </c>
      <c r="M249" s="6">
        <v>1065</v>
      </c>
      <c r="N249" s="10" t="s">
        <v>55</v>
      </c>
      <c r="O249" s="6">
        <v>1007</v>
      </c>
      <c r="P249" s="6">
        <v>1994</v>
      </c>
      <c r="Q249" s="6">
        <v>1065</v>
      </c>
    </row>
    <row r="250" spans="1:17">
      <c r="A250" s="9" t="s">
        <v>27</v>
      </c>
      <c r="B250" s="9" t="s">
        <v>57</v>
      </c>
      <c r="C250" s="9" t="s">
        <v>58</v>
      </c>
      <c r="D250" s="9" t="s">
        <v>53</v>
      </c>
      <c r="E250" s="9" t="s">
        <v>46</v>
      </c>
      <c r="F250" s="9" t="s">
        <v>18</v>
      </c>
      <c r="G250" s="6">
        <v>390</v>
      </c>
      <c r="H250" s="6">
        <v>308</v>
      </c>
      <c r="I250" s="6">
        <v>260</v>
      </c>
      <c r="J250" s="6">
        <v>188</v>
      </c>
      <c r="K250" s="6">
        <v>48</v>
      </c>
      <c r="L250" s="6">
        <v>3</v>
      </c>
      <c r="M250" s="6">
        <v>79</v>
      </c>
      <c r="N250" s="10" t="s">
        <v>55</v>
      </c>
      <c r="O250" s="6">
        <v>33</v>
      </c>
      <c r="P250" s="6">
        <v>188</v>
      </c>
      <c r="Q250" s="6">
        <v>79</v>
      </c>
    </row>
    <row r="251" spans="1:17">
      <c r="A251" s="9" t="s">
        <v>27</v>
      </c>
      <c r="B251" s="9" t="s">
        <v>57</v>
      </c>
      <c r="C251" s="9" t="s">
        <v>58</v>
      </c>
      <c r="D251" s="9" t="s">
        <v>53</v>
      </c>
      <c r="E251" s="9" t="s">
        <v>47</v>
      </c>
      <c r="F251" s="9" t="s">
        <v>6</v>
      </c>
      <c r="G251" s="6">
        <v>1333</v>
      </c>
      <c r="H251" s="6">
        <v>1074</v>
      </c>
      <c r="I251" s="6">
        <v>530</v>
      </c>
      <c r="J251" s="6">
        <v>247</v>
      </c>
      <c r="K251" s="6">
        <v>544</v>
      </c>
      <c r="L251" s="6">
        <v>3</v>
      </c>
      <c r="M251" s="6">
        <v>256</v>
      </c>
      <c r="N251" s="10" t="s">
        <v>55</v>
      </c>
      <c r="O251" s="6">
        <v>244</v>
      </c>
      <c r="P251" s="6">
        <v>247</v>
      </c>
      <c r="Q251" s="6">
        <v>256</v>
      </c>
    </row>
    <row r="252" spans="1:17">
      <c r="A252" s="9" t="s">
        <v>27</v>
      </c>
      <c r="B252" s="9" t="s">
        <v>57</v>
      </c>
      <c r="C252" s="9" t="s">
        <v>58</v>
      </c>
      <c r="D252" s="9" t="s">
        <v>53</v>
      </c>
      <c r="E252" s="9" t="s">
        <v>47</v>
      </c>
      <c r="F252" s="9" t="s">
        <v>7</v>
      </c>
      <c r="G252" s="6">
        <v>34</v>
      </c>
      <c r="H252" s="6">
        <v>27</v>
      </c>
      <c r="I252" s="6">
        <v>13</v>
      </c>
      <c r="J252" s="6">
        <v>7</v>
      </c>
      <c r="K252" s="6">
        <v>14</v>
      </c>
      <c r="L252" s="10" t="s">
        <v>55</v>
      </c>
      <c r="M252" s="6">
        <v>7</v>
      </c>
      <c r="N252" s="10" t="s">
        <v>55</v>
      </c>
      <c r="O252" s="6">
        <v>10</v>
      </c>
      <c r="P252" s="6">
        <v>7</v>
      </c>
      <c r="Q252" s="6">
        <v>7</v>
      </c>
    </row>
    <row r="253" spans="1:17">
      <c r="A253" s="9" t="s">
        <v>27</v>
      </c>
      <c r="B253" s="9" t="s">
        <v>57</v>
      </c>
      <c r="C253" s="9" t="s">
        <v>58</v>
      </c>
      <c r="D253" s="9" t="s">
        <v>53</v>
      </c>
      <c r="E253" s="9" t="s">
        <v>47</v>
      </c>
      <c r="F253" s="9" t="s">
        <v>8</v>
      </c>
      <c r="G253" s="6">
        <v>33</v>
      </c>
      <c r="H253" s="6">
        <v>27</v>
      </c>
      <c r="I253" s="6">
        <v>13</v>
      </c>
      <c r="J253" s="6">
        <v>7</v>
      </c>
      <c r="K253" s="6">
        <v>14</v>
      </c>
      <c r="L253" s="10" t="s">
        <v>55</v>
      </c>
      <c r="M253" s="6">
        <v>6</v>
      </c>
      <c r="N253" s="10" t="s">
        <v>55</v>
      </c>
      <c r="O253" s="6">
        <v>10</v>
      </c>
      <c r="P253" s="6">
        <v>7</v>
      </c>
      <c r="Q253" s="6">
        <v>6</v>
      </c>
    </row>
    <row r="254" spans="1:17">
      <c r="A254" s="9" t="s">
        <v>27</v>
      </c>
      <c r="B254" s="9" t="s">
        <v>57</v>
      </c>
      <c r="C254" s="9" t="s">
        <v>58</v>
      </c>
      <c r="D254" s="9" t="s">
        <v>53</v>
      </c>
      <c r="E254" s="9" t="s">
        <v>47</v>
      </c>
      <c r="F254" s="9" t="s">
        <v>13</v>
      </c>
      <c r="G254" s="6">
        <v>1</v>
      </c>
      <c r="H254" s="10" t="s">
        <v>55</v>
      </c>
      <c r="I254" s="10" t="s">
        <v>55</v>
      </c>
      <c r="J254" s="10" t="s">
        <v>55</v>
      </c>
      <c r="K254" s="10" t="s">
        <v>55</v>
      </c>
      <c r="L254" s="10" t="s">
        <v>55</v>
      </c>
      <c r="M254" s="6">
        <v>1</v>
      </c>
      <c r="N254" s="10" t="s">
        <v>55</v>
      </c>
      <c r="O254" s="10" t="s">
        <v>55</v>
      </c>
      <c r="P254" s="10" t="s">
        <v>55</v>
      </c>
      <c r="Q254" s="6">
        <v>1</v>
      </c>
    </row>
    <row r="255" spans="1:17">
      <c r="A255" s="9" t="s">
        <v>27</v>
      </c>
      <c r="B255" s="9" t="s">
        <v>57</v>
      </c>
      <c r="C255" s="9" t="s">
        <v>58</v>
      </c>
      <c r="D255" s="9" t="s">
        <v>53</v>
      </c>
      <c r="E255" s="9" t="s">
        <v>47</v>
      </c>
      <c r="F255" s="9" t="s">
        <v>14</v>
      </c>
      <c r="G255" s="6">
        <v>1244</v>
      </c>
      <c r="H255" s="6">
        <v>1012</v>
      </c>
      <c r="I255" s="6">
        <v>490</v>
      </c>
      <c r="J255" s="6">
        <v>222</v>
      </c>
      <c r="K255" s="6">
        <v>522</v>
      </c>
      <c r="L255" s="6">
        <v>3</v>
      </c>
      <c r="M255" s="6">
        <v>229</v>
      </c>
      <c r="N255" s="10" t="s">
        <v>55</v>
      </c>
      <c r="O255" s="6">
        <v>230</v>
      </c>
      <c r="P255" s="6">
        <v>222</v>
      </c>
      <c r="Q255" s="6">
        <v>229</v>
      </c>
    </row>
    <row r="256" spans="1:17">
      <c r="A256" s="9" t="s">
        <v>27</v>
      </c>
      <c r="B256" s="9" t="s">
        <v>57</v>
      </c>
      <c r="C256" s="9" t="s">
        <v>58</v>
      </c>
      <c r="D256" s="9" t="s">
        <v>53</v>
      </c>
      <c r="E256" s="9" t="s">
        <v>47</v>
      </c>
      <c r="F256" s="9" t="s">
        <v>18</v>
      </c>
      <c r="G256" s="6">
        <v>55</v>
      </c>
      <c r="H256" s="6">
        <v>35</v>
      </c>
      <c r="I256" s="6">
        <v>27</v>
      </c>
      <c r="J256" s="6">
        <v>18</v>
      </c>
      <c r="K256" s="6">
        <v>8</v>
      </c>
      <c r="L256" s="10" t="s">
        <v>55</v>
      </c>
      <c r="M256" s="6">
        <v>20</v>
      </c>
      <c r="N256" s="10" t="s">
        <v>55</v>
      </c>
      <c r="O256" s="6">
        <v>4</v>
      </c>
      <c r="P256" s="6">
        <v>18</v>
      </c>
      <c r="Q256" s="6">
        <v>20</v>
      </c>
    </row>
    <row r="257" spans="1:17">
      <c r="A257" s="9" t="s">
        <v>27</v>
      </c>
      <c r="B257" s="9" t="s">
        <v>57</v>
      </c>
      <c r="C257" s="9" t="s">
        <v>58</v>
      </c>
      <c r="D257" s="9" t="s">
        <v>53</v>
      </c>
      <c r="E257" s="9" t="s">
        <v>48</v>
      </c>
      <c r="F257" s="9" t="s">
        <v>6</v>
      </c>
      <c r="G257" s="6">
        <v>453777</v>
      </c>
      <c r="H257" s="6">
        <v>375634</v>
      </c>
      <c r="I257" s="6">
        <v>300766</v>
      </c>
      <c r="J257" s="6">
        <v>52433</v>
      </c>
      <c r="K257" s="6">
        <v>74868</v>
      </c>
      <c r="L257" s="6">
        <v>5103</v>
      </c>
      <c r="M257" s="6">
        <v>73040</v>
      </c>
      <c r="N257" s="10" t="s">
        <v>55</v>
      </c>
      <c r="O257" s="6">
        <v>56275</v>
      </c>
      <c r="P257" s="10" t="s">
        <v>55</v>
      </c>
      <c r="Q257" s="10" t="s">
        <v>55</v>
      </c>
    </row>
    <row r="258" spans="1:17">
      <c r="A258" s="9" t="s">
        <v>27</v>
      </c>
      <c r="B258" s="9" t="s">
        <v>57</v>
      </c>
      <c r="C258" s="9" t="s">
        <v>58</v>
      </c>
      <c r="D258" s="9" t="s">
        <v>53</v>
      </c>
      <c r="E258" s="9" t="s">
        <v>48</v>
      </c>
      <c r="F258" s="9" t="s">
        <v>7</v>
      </c>
      <c r="G258" s="6">
        <v>365577</v>
      </c>
      <c r="H258" s="6">
        <v>307893</v>
      </c>
      <c r="I258" s="6">
        <v>245517</v>
      </c>
      <c r="J258" s="6">
        <v>47237</v>
      </c>
      <c r="K258" s="6">
        <v>62376</v>
      </c>
      <c r="L258" s="6">
        <v>4166</v>
      </c>
      <c r="M258" s="6">
        <v>53518</v>
      </c>
      <c r="N258" s="10" t="s">
        <v>55</v>
      </c>
      <c r="O258" s="6">
        <v>46357</v>
      </c>
      <c r="P258" s="10" t="s">
        <v>55</v>
      </c>
      <c r="Q258" s="10" t="s">
        <v>55</v>
      </c>
    </row>
    <row r="259" spans="1:17">
      <c r="A259" s="9" t="s">
        <v>27</v>
      </c>
      <c r="B259" s="9" t="s">
        <v>57</v>
      </c>
      <c r="C259" s="9" t="s">
        <v>58</v>
      </c>
      <c r="D259" s="9" t="s">
        <v>53</v>
      </c>
      <c r="E259" s="9" t="s">
        <v>48</v>
      </c>
      <c r="F259" s="9" t="s">
        <v>8</v>
      </c>
      <c r="G259" s="6">
        <v>348118</v>
      </c>
      <c r="H259" s="6">
        <v>293686</v>
      </c>
      <c r="I259" s="6">
        <v>234167</v>
      </c>
      <c r="J259" s="6">
        <v>45977</v>
      </c>
      <c r="K259" s="6">
        <v>59519</v>
      </c>
      <c r="L259" s="6">
        <v>3913</v>
      </c>
      <c r="M259" s="6">
        <v>50519</v>
      </c>
      <c r="N259" s="10" t="s">
        <v>55</v>
      </c>
      <c r="O259" s="6">
        <v>44394</v>
      </c>
      <c r="P259" s="10" t="s">
        <v>55</v>
      </c>
      <c r="Q259" s="10" t="s">
        <v>55</v>
      </c>
    </row>
    <row r="260" spans="1:17">
      <c r="A260" s="9" t="s">
        <v>27</v>
      </c>
      <c r="B260" s="9" t="s">
        <v>57</v>
      </c>
      <c r="C260" s="9" t="s">
        <v>58</v>
      </c>
      <c r="D260" s="9" t="s">
        <v>53</v>
      </c>
      <c r="E260" s="9" t="s">
        <v>48</v>
      </c>
      <c r="F260" s="9" t="s">
        <v>13</v>
      </c>
      <c r="G260" s="6">
        <v>17459</v>
      </c>
      <c r="H260" s="6">
        <v>14207</v>
      </c>
      <c r="I260" s="6">
        <v>11350</v>
      </c>
      <c r="J260" s="6">
        <v>1260</v>
      </c>
      <c r="K260" s="6">
        <v>2857</v>
      </c>
      <c r="L260" s="6">
        <v>253</v>
      </c>
      <c r="M260" s="6">
        <v>2999</v>
      </c>
      <c r="N260" s="10" t="s">
        <v>55</v>
      </c>
      <c r="O260" s="6">
        <v>1963</v>
      </c>
      <c r="P260" s="10" t="s">
        <v>55</v>
      </c>
      <c r="Q260" s="10" t="s">
        <v>55</v>
      </c>
    </row>
    <row r="261" spans="1:17">
      <c r="A261" s="9" t="s">
        <v>27</v>
      </c>
      <c r="B261" s="9" t="s">
        <v>57</v>
      </c>
      <c r="C261" s="9" t="s">
        <v>58</v>
      </c>
      <c r="D261" s="9" t="s">
        <v>53</v>
      </c>
      <c r="E261" s="9" t="s">
        <v>48</v>
      </c>
      <c r="F261" s="9" t="s">
        <v>14</v>
      </c>
      <c r="G261" s="6">
        <v>54228</v>
      </c>
      <c r="H261" s="6">
        <v>47589</v>
      </c>
      <c r="I261" s="6">
        <v>37615</v>
      </c>
      <c r="J261" s="6">
        <v>2596</v>
      </c>
      <c r="K261" s="6">
        <v>9974</v>
      </c>
      <c r="L261" s="6">
        <v>348</v>
      </c>
      <c r="M261" s="6">
        <v>6291</v>
      </c>
      <c r="N261" s="10" t="s">
        <v>55</v>
      </c>
      <c r="O261" s="6">
        <v>8129</v>
      </c>
      <c r="P261" s="10" t="s">
        <v>55</v>
      </c>
      <c r="Q261" s="10" t="s">
        <v>55</v>
      </c>
    </row>
    <row r="262" spans="1:17">
      <c r="A262" s="9" t="s">
        <v>27</v>
      </c>
      <c r="B262" s="9" t="s">
        <v>57</v>
      </c>
      <c r="C262" s="9" t="s">
        <v>58</v>
      </c>
      <c r="D262" s="9" t="s">
        <v>53</v>
      </c>
      <c r="E262" s="9" t="s">
        <v>48</v>
      </c>
      <c r="F262" s="9" t="s">
        <v>18</v>
      </c>
      <c r="G262" s="6">
        <v>33972</v>
      </c>
      <c r="H262" s="6">
        <v>20152</v>
      </c>
      <c r="I262" s="6">
        <v>17634</v>
      </c>
      <c r="J262" s="6">
        <v>2600</v>
      </c>
      <c r="K262" s="6">
        <v>2518</v>
      </c>
      <c r="L262" s="6">
        <v>589</v>
      </c>
      <c r="M262" s="6">
        <v>13231</v>
      </c>
      <c r="N262" s="10" t="s">
        <v>55</v>
      </c>
      <c r="O262" s="6">
        <v>1789</v>
      </c>
      <c r="P262" s="10" t="s">
        <v>55</v>
      </c>
      <c r="Q262" s="10" t="s">
        <v>55</v>
      </c>
    </row>
    <row r="263" spans="1:17">
      <c r="A263" s="9" t="s">
        <v>27</v>
      </c>
      <c r="B263" s="9" t="s">
        <v>57</v>
      </c>
      <c r="C263" s="9" t="s">
        <v>58</v>
      </c>
      <c r="D263" s="9" t="s">
        <v>53</v>
      </c>
      <c r="E263" s="9" t="s">
        <v>49</v>
      </c>
      <c r="F263" s="9" t="s">
        <v>6</v>
      </c>
      <c r="G263" s="6">
        <v>216793</v>
      </c>
      <c r="H263" s="6">
        <v>185619</v>
      </c>
      <c r="I263" s="6">
        <v>146236</v>
      </c>
      <c r="J263" s="6">
        <v>96895</v>
      </c>
      <c r="K263" s="6">
        <v>39383</v>
      </c>
      <c r="L263" s="6">
        <v>1429</v>
      </c>
      <c r="M263" s="6">
        <v>29745</v>
      </c>
      <c r="N263" s="10" t="s">
        <v>55</v>
      </c>
      <c r="O263" s="6">
        <v>23434</v>
      </c>
      <c r="P263" s="6">
        <v>94175</v>
      </c>
      <c r="Q263" s="6">
        <v>29745</v>
      </c>
    </row>
    <row r="264" spans="1:17">
      <c r="A264" s="9" t="s">
        <v>27</v>
      </c>
      <c r="B264" s="9" t="s">
        <v>57</v>
      </c>
      <c r="C264" s="9" t="s">
        <v>58</v>
      </c>
      <c r="D264" s="9" t="s">
        <v>53</v>
      </c>
      <c r="E264" s="9" t="s">
        <v>49</v>
      </c>
      <c r="F264" s="9" t="s">
        <v>7</v>
      </c>
      <c r="G264" s="6">
        <v>81670</v>
      </c>
      <c r="H264" s="6">
        <v>72032</v>
      </c>
      <c r="I264" s="6">
        <v>55120</v>
      </c>
      <c r="J264" s="6">
        <v>34847</v>
      </c>
      <c r="K264" s="6">
        <v>16912</v>
      </c>
      <c r="L264" s="6">
        <v>603</v>
      </c>
      <c r="M264" s="6">
        <v>9035</v>
      </c>
      <c r="N264" s="10" t="s">
        <v>55</v>
      </c>
      <c r="O264" s="6">
        <v>10541</v>
      </c>
      <c r="P264" s="6">
        <v>33122</v>
      </c>
      <c r="Q264" s="6">
        <v>9035</v>
      </c>
    </row>
    <row r="265" spans="1:17">
      <c r="A265" s="9" t="s">
        <v>27</v>
      </c>
      <c r="B265" s="9" t="s">
        <v>57</v>
      </c>
      <c r="C265" s="9" t="s">
        <v>58</v>
      </c>
      <c r="D265" s="9" t="s">
        <v>53</v>
      </c>
      <c r="E265" s="9" t="s">
        <v>49</v>
      </c>
      <c r="F265" s="9" t="s">
        <v>8</v>
      </c>
      <c r="G265" s="6">
        <v>78742</v>
      </c>
      <c r="H265" s="6">
        <v>69850</v>
      </c>
      <c r="I265" s="6">
        <v>53332</v>
      </c>
      <c r="J265" s="6">
        <v>33722</v>
      </c>
      <c r="K265" s="6">
        <v>16518</v>
      </c>
      <c r="L265" s="6">
        <v>566</v>
      </c>
      <c r="M265" s="6">
        <v>8326</v>
      </c>
      <c r="N265" s="10" t="s">
        <v>55</v>
      </c>
      <c r="O265" s="6">
        <v>10380</v>
      </c>
      <c r="P265" s="6">
        <v>32082</v>
      </c>
      <c r="Q265" s="6">
        <v>8326</v>
      </c>
    </row>
    <row r="266" spans="1:17">
      <c r="A266" s="9" t="s">
        <v>27</v>
      </c>
      <c r="B266" s="9" t="s">
        <v>57</v>
      </c>
      <c r="C266" s="9" t="s">
        <v>58</v>
      </c>
      <c r="D266" s="9" t="s">
        <v>53</v>
      </c>
      <c r="E266" s="9" t="s">
        <v>49</v>
      </c>
      <c r="F266" s="9" t="s">
        <v>13</v>
      </c>
      <c r="G266" s="6">
        <v>2928</v>
      </c>
      <c r="H266" s="6">
        <v>2182</v>
      </c>
      <c r="I266" s="6">
        <v>1788</v>
      </c>
      <c r="J266" s="6">
        <v>1125</v>
      </c>
      <c r="K266" s="6">
        <v>394</v>
      </c>
      <c r="L266" s="6">
        <v>37</v>
      </c>
      <c r="M266" s="6">
        <v>709</v>
      </c>
      <c r="N266" s="10" t="s">
        <v>55</v>
      </c>
      <c r="O266" s="6">
        <v>161</v>
      </c>
      <c r="P266" s="6">
        <v>1040</v>
      </c>
      <c r="Q266" s="6">
        <v>709</v>
      </c>
    </row>
    <row r="267" spans="1:17">
      <c r="A267" s="9" t="s">
        <v>27</v>
      </c>
      <c r="B267" s="9" t="s">
        <v>57</v>
      </c>
      <c r="C267" s="9" t="s">
        <v>58</v>
      </c>
      <c r="D267" s="9" t="s">
        <v>53</v>
      </c>
      <c r="E267" s="9" t="s">
        <v>49</v>
      </c>
      <c r="F267" s="9" t="s">
        <v>14</v>
      </c>
      <c r="G267" s="6">
        <v>125091</v>
      </c>
      <c r="H267" s="6">
        <v>106511</v>
      </c>
      <c r="I267" s="6">
        <v>85005</v>
      </c>
      <c r="J267" s="6">
        <v>57669</v>
      </c>
      <c r="K267" s="6">
        <v>21506</v>
      </c>
      <c r="L267" s="6">
        <v>710</v>
      </c>
      <c r="M267" s="6">
        <v>17870</v>
      </c>
      <c r="N267" s="10" t="s">
        <v>55</v>
      </c>
      <c r="O267" s="6">
        <v>12310</v>
      </c>
      <c r="P267" s="6">
        <v>56751</v>
      </c>
      <c r="Q267" s="6">
        <v>17870</v>
      </c>
    </row>
    <row r="268" spans="1:17">
      <c r="A268" s="9" t="s">
        <v>27</v>
      </c>
      <c r="B268" s="9" t="s">
        <v>57</v>
      </c>
      <c r="C268" s="9" t="s">
        <v>58</v>
      </c>
      <c r="D268" s="9" t="s">
        <v>53</v>
      </c>
      <c r="E268" s="9" t="s">
        <v>49</v>
      </c>
      <c r="F268" s="9" t="s">
        <v>18</v>
      </c>
      <c r="G268" s="6">
        <v>10032</v>
      </c>
      <c r="H268" s="6">
        <v>7076</v>
      </c>
      <c r="I268" s="6">
        <v>6111</v>
      </c>
      <c r="J268" s="6">
        <v>4379</v>
      </c>
      <c r="K268" s="6">
        <v>965</v>
      </c>
      <c r="L268" s="6">
        <v>116</v>
      </c>
      <c r="M268" s="6">
        <v>2840</v>
      </c>
      <c r="N268" s="10" t="s">
        <v>55</v>
      </c>
      <c r="O268" s="6">
        <v>583</v>
      </c>
      <c r="P268" s="6">
        <v>4302</v>
      </c>
      <c r="Q268" s="6">
        <v>2840</v>
      </c>
    </row>
    <row r="269" spans="1:17">
      <c r="A269" s="9" t="s">
        <v>27</v>
      </c>
      <c r="B269" s="9" t="s">
        <v>57</v>
      </c>
      <c r="C269" s="9" t="s">
        <v>58</v>
      </c>
      <c r="D269" s="9" t="s">
        <v>53</v>
      </c>
      <c r="E269" s="9" t="s">
        <v>50</v>
      </c>
      <c r="F269" s="9" t="s">
        <v>6</v>
      </c>
      <c r="G269" s="6">
        <v>96520</v>
      </c>
      <c r="H269" s="6">
        <v>84086</v>
      </c>
      <c r="I269" s="6">
        <v>65750</v>
      </c>
      <c r="J269" s="6">
        <v>44582</v>
      </c>
      <c r="K269" s="6">
        <v>18336</v>
      </c>
      <c r="L269" s="6">
        <v>528</v>
      </c>
      <c r="M269" s="6">
        <v>11906</v>
      </c>
      <c r="N269" s="10" t="s">
        <v>55</v>
      </c>
      <c r="O269" s="6">
        <v>11427</v>
      </c>
      <c r="P269" s="6">
        <v>44434</v>
      </c>
      <c r="Q269" s="6">
        <v>11906</v>
      </c>
    </row>
    <row r="270" spans="1:17">
      <c r="A270" s="9" t="s">
        <v>27</v>
      </c>
      <c r="B270" s="9" t="s">
        <v>57</v>
      </c>
      <c r="C270" s="9" t="s">
        <v>58</v>
      </c>
      <c r="D270" s="9" t="s">
        <v>53</v>
      </c>
      <c r="E270" s="9" t="s">
        <v>50</v>
      </c>
      <c r="F270" s="9" t="s">
        <v>7</v>
      </c>
      <c r="G270" s="6">
        <v>17859</v>
      </c>
      <c r="H270" s="6">
        <v>16199</v>
      </c>
      <c r="I270" s="6">
        <v>12122</v>
      </c>
      <c r="J270" s="6">
        <v>7740</v>
      </c>
      <c r="K270" s="6">
        <v>4077</v>
      </c>
      <c r="L270" s="6">
        <v>118</v>
      </c>
      <c r="M270" s="6">
        <v>1542</v>
      </c>
      <c r="N270" s="10" t="s">
        <v>55</v>
      </c>
      <c r="O270" s="6">
        <v>2833</v>
      </c>
      <c r="P270" s="6">
        <v>7696</v>
      </c>
      <c r="Q270" s="6">
        <v>1542</v>
      </c>
    </row>
    <row r="271" spans="1:17">
      <c r="A271" s="9" t="s">
        <v>27</v>
      </c>
      <c r="B271" s="9" t="s">
        <v>57</v>
      </c>
      <c r="C271" s="9" t="s">
        <v>58</v>
      </c>
      <c r="D271" s="9" t="s">
        <v>53</v>
      </c>
      <c r="E271" s="9" t="s">
        <v>50</v>
      </c>
      <c r="F271" s="9" t="s">
        <v>8</v>
      </c>
      <c r="G271" s="6">
        <v>17548</v>
      </c>
      <c r="H271" s="6">
        <v>15956</v>
      </c>
      <c r="I271" s="6">
        <v>11910</v>
      </c>
      <c r="J271" s="6">
        <v>7600</v>
      </c>
      <c r="K271" s="6">
        <v>4046</v>
      </c>
      <c r="L271" s="6">
        <v>114</v>
      </c>
      <c r="M271" s="6">
        <v>1478</v>
      </c>
      <c r="N271" s="10" t="s">
        <v>55</v>
      </c>
      <c r="O271" s="6">
        <v>2821</v>
      </c>
      <c r="P271" s="6">
        <v>7557</v>
      </c>
      <c r="Q271" s="6">
        <v>1478</v>
      </c>
    </row>
    <row r="272" spans="1:17">
      <c r="A272" s="9" t="s">
        <v>27</v>
      </c>
      <c r="B272" s="9" t="s">
        <v>57</v>
      </c>
      <c r="C272" s="9" t="s">
        <v>58</v>
      </c>
      <c r="D272" s="9" t="s">
        <v>53</v>
      </c>
      <c r="E272" s="9" t="s">
        <v>50</v>
      </c>
      <c r="F272" s="9" t="s">
        <v>13</v>
      </c>
      <c r="G272" s="6">
        <v>311</v>
      </c>
      <c r="H272" s="6">
        <v>243</v>
      </c>
      <c r="I272" s="6">
        <v>212</v>
      </c>
      <c r="J272" s="6">
        <v>140</v>
      </c>
      <c r="K272" s="6">
        <v>31</v>
      </c>
      <c r="L272" s="6">
        <v>4</v>
      </c>
      <c r="M272" s="6">
        <v>64</v>
      </c>
      <c r="N272" s="10" t="s">
        <v>55</v>
      </c>
      <c r="O272" s="6">
        <v>12</v>
      </c>
      <c r="P272" s="6">
        <v>139</v>
      </c>
      <c r="Q272" s="6">
        <v>64</v>
      </c>
    </row>
    <row r="273" spans="1:17">
      <c r="A273" s="9" t="s">
        <v>27</v>
      </c>
      <c r="B273" s="9" t="s">
        <v>57</v>
      </c>
      <c r="C273" s="9" t="s">
        <v>58</v>
      </c>
      <c r="D273" s="9" t="s">
        <v>53</v>
      </c>
      <c r="E273" s="9" t="s">
        <v>50</v>
      </c>
      <c r="F273" s="9" t="s">
        <v>14</v>
      </c>
      <c r="G273" s="6">
        <v>73102</v>
      </c>
      <c r="H273" s="6">
        <v>63575</v>
      </c>
      <c r="I273" s="6">
        <v>49809</v>
      </c>
      <c r="J273" s="6">
        <v>33916</v>
      </c>
      <c r="K273" s="6">
        <v>13766</v>
      </c>
      <c r="L273" s="6">
        <v>354</v>
      </c>
      <c r="M273" s="6">
        <v>9173</v>
      </c>
      <c r="N273" s="10" t="s">
        <v>55</v>
      </c>
      <c r="O273" s="6">
        <v>8282</v>
      </c>
      <c r="P273" s="6">
        <v>33827</v>
      </c>
      <c r="Q273" s="6">
        <v>9173</v>
      </c>
    </row>
    <row r="274" spans="1:17">
      <c r="A274" s="9" t="s">
        <v>27</v>
      </c>
      <c r="B274" s="9" t="s">
        <v>57</v>
      </c>
      <c r="C274" s="9" t="s">
        <v>58</v>
      </c>
      <c r="D274" s="9" t="s">
        <v>53</v>
      </c>
      <c r="E274" s="9" t="s">
        <v>50</v>
      </c>
      <c r="F274" s="9" t="s">
        <v>18</v>
      </c>
      <c r="G274" s="6">
        <v>5559</v>
      </c>
      <c r="H274" s="6">
        <v>4312</v>
      </c>
      <c r="I274" s="6">
        <v>3819</v>
      </c>
      <c r="J274" s="6">
        <v>2926</v>
      </c>
      <c r="K274" s="6">
        <v>493</v>
      </c>
      <c r="L274" s="6">
        <v>56</v>
      </c>
      <c r="M274" s="6">
        <v>1191</v>
      </c>
      <c r="N274" s="10" t="s">
        <v>55</v>
      </c>
      <c r="O274" s="6">
        <v>312</v>
      </c>
      <c r="P274" s="6">
        <v>2911</v>
      </c>
      <c r="Q274" s="6">
        <v>1191</v>
      </c>
    </row>
    <row r="275" spans="1:17">
      <c r="A275" s="9" t="s">
        <v>27</v>
      </c>
      <c r="B275" s="9" t="s">
        <v>57</v>
      </c>
      <c r="C275" s="9" t="s">
        <v>58</v>
      </c>
      <c r="D275" s="9" t="s">
        <v>53</v>
      </c>
      <c r="E275" s="9" t="s">
        <v>51</v>
      </c>
      <c r="F275" s="9" t="s">
        <v>6</v>
      </c>
      <c r="G275" s="6">
        <v>27997</v>
      </c>
      <c r="H275" s="6">
        <v>23930</v>
      </c>
      <c r="I275" s="6">
        <v>16637</v>
      </c>
      <c r="J275" s="6">
        <v>10598</v>
      </c>
      <c r="K275" s="6">
        <v>7293</v>
      </c>
      <c r="L275" s="6">
        <v>119</v>
      </c>
      <c r="M275" s="6">
        <v>3948</v>
      </c>
      <c r="N275" s="10" t="s">
        <v>55</v>
      </c>
      <c r="O275" s="6">
        <v>3961</v>
      </c>
      <c r="P275" s="6">
        <v>10594</v>
      </c>
      <c r="Q275" s="6">
        <v>3948</v>
      </c>
    </row>
    <row r="276" spans="1:17">
      <c r="A276" s="9" t="s">
        <v>27</v>
      </c>
      <c r="B276" s="9" t="s">
        <v>57</v>
      </c>
      <c r="C276" s="9" t="s">
        <v>58</v>
      </c>
      <c r="D276" s="9" t="s">
        <v>53</v>
      </c>
      <c r="E276" s="9" t="s">
        <v>51</v>
      </c>
      <c r="F276" s="9" t="s">
        <v>7</v>
      </c>
      <c r="G276" s="6">
        <v>2406</v>
      </c>
      <c r="H276" s="6">
        <v>2145</v>
      </c>
      <c r="I276" s="6">
        <v>1388</v>
      </c>
      <c r="J276" s="6">
        <v>831</v>
      </c>
      <c r="K276" s="6">
        <v>757</v>
      </c>
      <c r="L276" s="6">
        <v>15</v>
      </c>
      <c r="M276" s="6">
        <v>246</v>
      </c>
      <c r="N276" s="10" t="s">
        <v>55</v>
      </c>
      <c r="O276" s="6">
        <v>447</v>
      </c>
      <c r="P276" s="6">
        <v>830</v>
      </c>
      <c r="Q276" s="6">
        <v>246</v>
      </c>
    </row>
    <row r="277" spans="1:17">
      <c r="A277" s="9" t="s">
        <v>27</v>
      </c>
      <c r="B277" s="9" t="s">
        <v>57</v>
      </c>
      <c r="C277" s="9" t="s">
        <v>58</v>
      </c>
      <c r="D277" s="9" t="s">
        <v>53</v>
      </c>
      <c r="E277" s="9" t="s">
        <v>51</v>
      </c>
      <c r="F277" s="9" t="s">
        <v>8</v>
      </c>
      <c r="G277" s="6">
        <v>2367</v>
      </c>
      <c r="H277" s="6">
        <v>2117</v>
      </c>
      <c r="I277" s="6">
        <v>1366</v>
      </c>
      <c r="J277" s="6">
        <v>821</v>
      </c>
      <c r="K277" s="6">
        <v>751</v>
      </c>
      <c r="L277" s="6">
        <v>15</v>
      </c>
      <c r="M277" s="6">
        <v>235</v>
      </c>
      <c r="N277" s="10" t="s">
        <v>55</v>
      </c>
      <c r="O277" s="6">
        <v>444</v>
      </c>
      <c r="P277" s="6">
        <v>820</v>
      </c>
      <c r="Q277" s="6">
        <v>235</v>
      </c>
    </row>
    <row r="278" spans="1:17">
      <c r="A278" s="9" t="s">
        <v>27</v>
      </c>
      <c r="B278" s="9" t="s">
        <v>57</v>
      </c>
      <c r="C278" s="9" t="s">
        <v>58</v>
      </c>
      <c r="D278" s="9" t="s">
        <v>53</v>
      </c>
      <c r="E278" s="9" t="s">
        <v>51</v>
      </c>
      <c r="F278" s="9" t="s">
        <v>13</v>
      </c>
      <c r="G278" s="6">
        <v>39</v>
      </c>
      <c r="H278" s="6">
        <v>28</v>
      </c>
      <c r="I278" s="6">
        <v>22</v>
      </c>
      <c r="J278" s="6">
        <v>10</v>
      </c>
      <c r="K278" s="6">
        <v>6</v>
      </c>
      <c r="L278" s="10" t="s">
        <v>55</v>
      </c>
      <c r="M278" s="6">
        <v>11</v>
      </c>
      <c r="N278" s="10" t="s">
        <v>55</v>
      </c>
      <c r="O278" s="6">
        <v>3</v>
      </c>
      <c r="P278" s="6">
        <v>10</v>
      </c>
      <c r="Q278" s="6">
        <v>11</v>
      </c>
    </row>
    <row r="279" spans="1:17">
      <c r="A279" s="9" t="s">
        <v>27</v>
      </c>
      <c r="B279" s="9" t="s">
        <v>57</v>
      </c>
      <c r="C279" s="9" t="s">
        <v>58</v>
      </c>
      <c r="D279" s="9" t="s">
        <v>53</v>
      </c>
      <c r="E279" s="9" t="s">
        <v>51</v>
      </c>
      <c r="F279" s="9" t="s">
        <v>14</v>
      </c>
      <c r="G279" s="6">
        <v>24009</v>
      </c>
      <c r="H279" s="6">
        <v>20549</v>
      </c>
      <c r="I279" s="6">
        <v>14182</v>
      </c>
      <c r="J279" s="6">
        <v>8965</v>
      </c>
      <c r="K279" s="6">
        <v>6367</v>
      </c>
      <c r="L279" s="6">
        <v>88</v>
      </c>
      <c r="M279" s="6">
        <v>3372</v>
      </c>
      <c r="N279" s="10" t="s">
        <v>55</v>
      </c>
      <c r="O279" s="6">
        <v>3411</v>
      </c>
      <c r="P279" s="6">
        <v>8963</v>
      </c>
      <c r="Q279" s="6">
        <v>3372</v>
      </c>
    </row>
    <row r="280" spans="1:17">
      <c r="A280" s="9" t="s">
        <v>27</v>
      </c>
      <c r="B280" s="9" t="s">
        <v>57</v>
      </c>
      <c r="C280" s="9" t="s">
        <v>58</v>
      </c>
      <c r="D280" s="9" t="s">
        <v>53</v>
      </c>
      <c r="E280" s="9" t="s">
        <v>51</v>
      </c>
      <c r="F280" s="9" t="s">
        <v>18</v>
      </c>
      <c r="G280" s="6">
        <v>1582</v>
      </c>
      <c r="H280" s="6">
        <v>1236</v>
      </c>
      <c r="I280" s="6">
        <v>1067</v>
      </c>
      <c r="J280" s="6">
        <v>802</v>
      </c>
      <c r="K280" s="6">
        <v>169</v>
      </c>
      <c r="L280" s="6">
        <v>16</v>
      </c>
      <c r="M280" s="6">
        <v>330</v>
      </c>
      <c r="N280" s="10" t="s">
        <v>55</v>
      </c>
      <c r="O280" s="6">
        <v>103</v>
      </c>
      <c r="P280" s="6">
        <v>801</v>
      </c>
      <c r="Q280" s="6">
        <v>330</v>
      </c>
    </row>
    <row r="281" spans="1:17">
      <c r="A281" s="9" t="s">
        <v>27</v>
      </c>
      <c r="B281" s="9" t="s">
        <v>57</v>
      </c>
      <c r="C281" s="9" t="s">
        <v>58</v>
      </c>
      <c r="D281" s="9" t="s">
        <v>53</v>
      </c>
      <c r="E281" s="9" t="s">
        <v>52</v>
      </c>
      <c r="F281" s="9" t="s">
        <v>6</v>
      </c>
      <c r="G281" s="6">
        <v>477036</v>
      </c>
      <c r="H281" s="6">
        <v>391093</v>
      </c>
      <c r="I281" s="6">
        <v>312214</v>
      </c>
      <c r="J281" s="6">
        <v>76814</v>
      </c>
      <c r="K281" s="6">
        <v>78879</v>
      </c>
      <c r="L281" s="6">
        <v>5381</v>
      </c>
      <c r="M281" s="6">
        <v>80562</v>
      </c>
      <c r="N281" s="10" t="s">
        <v>55</v>
      </c>
      <c r="O281" s="6">
        <v>55356</v>
      </c>
      <c r="P281" s="6">
        <v>22330</v>
      </c>
      <c r="Q281" s="6">
        <v>9731</v>
      </c>
    </row>
    <row r="282" spans="1:17">
      <c r="A282" s="9" t="s">
        <v>27</v>
      </c>
      <c r="B282" s="9" t="s">
        <v>57</v>
      </c>
      <c r="C282" s="9" t="s">
        <v>58</v>
      </c>
      <c r="D282" s="9" t="s">
        <v>53</v>
      </c>
      <c r="E282" s="9" t="s">
        <v>52</v>
      </c>
      <c r="F282" s="9" t="s">
        <v>7</v>
      </c>
      <c r="G282" s="6">
        <v>398139</v>
      </c>
      <c r="H282" s="6">
        <v>336552</v>
      </c>
      <c r="I282" s="6">
        <v>267304</v>
      </c>
      <c r="J282" s="6">
        <v>62445</v>
      </c>
      <c r="K282" s="6">
        <v>69248</v>
      </c>
      <c r="L282" s="6">
        <v>4416</v>
      </c>
      <c r="M282" s="6">
        <v>57171</v>
      </c>
      <c r="N282" s="10" t="s">
        <v>55</v>
      </c>
      <c r="O282" s="6">
        <v>49847</v>
      </c>
      <c r="P282" s="6">
        <v>13802</v>
      </c>
      <c r="Q282" s="6">
        <v>4759</v>
      </c>
    </row>
    <row r="283" spans="1:17">
      <c r="A283" s="9" t="s">
        <v>27</v>
      </c>
      <c r="B283" s="9" t="s">
        <v>57</v>
      </c>
      <c r="C283" s="9" t="s">
        <v>58</v>
      </c>
      <c r="D283" s="9" t="s">
        <v>53</v>
      </c>
      <c r="E283" s="9" t="s">
        <v>52</v>
      </c>
      <c r="F283" s="9" t="s">
        <v>8</v>
      </c>
      <c r="G283" s="6">
        <v>379352</v>
      </c>
      <c r="H283" s="6">
        <v>321367</v>
      </c>
      <c r="I283" s="6">
        <v>255141</v>
      </c>
      <c r="J283" s="6">
        <v>60512</v>
      </c>
      <c r="K283" s="6">
        <v>66226</v>
      </c>
      <c r="L283" s="6">
        <v>4143</v>
      </c>
      <c r="M283" s="6">
        <v>53842</v>
      </c>
      <c r="N283" s="10" t="s">
        <v>55</v>
      </c>
      <c r="O283" s="6">
        <v>47882</v>
      </c>
      <c r="P283" s="6">
        <v>13204</v>
      </c>
      <c r="Q283" s="6">
        <v>4323</v>
      </c>
    </row>
    <row r="284" spans="1:17">
      <c r="A284" s="9" t="s">
        <v>27</v>
      </c>
      <c r="B284" s="9" t="s">
        <v>57</v>
      </c>
      <c r="C284" s="9" t="s">
        <v>58</v>
      </c>
      <c r="D284" s="9" t="s">
        <v>53</v>
      </c>
      <c r="E284" s="9" t="s">
        <v>52</v>
      </c>
      <c r="F284" s="9" t="s">
        <v>13</v>
      </c>
      <c r="G284" s="6">
        <v>18787</v>
      </c>
      <c r="H284" s="6">
        <v>15185</v>
      </c>
      <c r="I284" s="6">
        <v>12163</v>
      </c>
      <c r="J284" s="6">
        <v>1933</v>
      </c>
      <c r="K284" s="6">
        <v>3022</v>
      </c>
      <c r="L284" s="6">
        <v>273</v>
      </c>
      <c r="M284" s="6">
        <v>3329</v>
      </c>
      <c r="N284" s="10" t="s">
        <v>55</v>
      </c>
      <c r="O284" s="6">
        <v>1965</v>
      </c>
      <c r="P284" s="6">
        <v>598</v>
      </c>
      <c r="Q284" s="6">
        <v>436</v>
      </c>
    </row>
    <row r="285" spans="1:17">
      <c r="A285" s="9" t="s">
        <v>27</v>
      </c>
      <c r="B285" s="9" t="s">
        <v>57</v>
      </c>
      <c r="C285" s="9" t="s">
        <v>58</v>
      </c>
      <c r="D285" s="9" t="s">
        <v>53</v>
      </c>
      <c r="E285" s="9" t="s">
        <v>52</v>
      </c>
      <c r="F285" s="9" t="s">
        <v>14</v>
      </c>
      <c r="G285" s="6">
        <v>45385</v>
      </c>
      <c r="H285" s="6">
        <v>35571</v>
      </c>
      <c r="I285" s="6">
        <v>28411</v>
      </c>
      <c r="J285" s="6">
        <v>11272</v>
      </c>
      <c r="K285" s="6">
        <v>7160</v>
      </c>
      <c r="L285" s="6">
        <v>380</v>
      </c>
      <c r="M285" s="6">
        <v>9434</v>
      </c>
      <c r="N285" s="10" t="s">
        <v>55</v>
      </c>
      <c r="O285" s="6">
        <v>3828</v>
      </c>
      <c r="P285" s="6">
        <v>8068</v>
      </c>
      <c r="Q285" s="6">
        <v>4085</v>
      </c>
    </row>
    <row r="286" spans="1:17">
      <c r="A286" s="9" t="s">
        <v>27</v>
      </c>
      <c r="B286" s="9" t="s">
        <v>57</v>
      </c>
      <c r="C286" s="9" t="s">
        <v>58</v>
      </c>
      <c r="D286" s="9" t="s">
        <v>53</v>
      </c>
      <c r="E286" s="9" t="s">
        <v>52</v>
      </c>
      <c r="F286" s="9" t="s">
        <v>18</v>
      </c>
      <c r="G286" s="6">
        <v>33512</v>
      </c>
      <c r="H286" s="6">
        <v>18970</v>
      </c>
      <c r="I286" s="6">
        <v>16499</v>
      </c>
      <c r="J286" s="6">
        <v>3097</v>
      </c>
      <c r="K286" s="6">
        <v>2471</v>
      </c>
      <c r="L286" s="6">
        <v>585</v>
      </c>
      <c r="M286" s="6">
        <v>13957</v>
      </c>
      <c r="N286" s="10" t="s">
        <v>55</v>
      </c>
      <c r="O286" s="6">
        <v>1681</v>
      </c>
      <c r="P286" s="6">
        <v>460</v>
      </c>
      <c r="Q286" s="6">
        <v>887</v>
      </c>
    </row>
    <row r="287" spans="1:17">
      <c r="A287" s="9" t="s">
        <v>56</v>
      </c>
      <c r="B287" s="9" t="s">
        <v>57</v>
      </c>
      <c r="C287" s="9" t="s">
        <v>59</v>
      </c>
      <c r="D287" s="9" t="s">
        <v>53</v>
      </c>
      <c r="E287" s="9" t="s">
        <v>30</v>
      </c>
      <c r="F287" s="9" t="s">
        <v>6</v>
      </c>
      <c r="G287" s="6">
        <v>47298</v>
      </c>
      <c r="H287" s="6">
        <v>40535</v>
      </c>
      <c r="I287" s="6">
        <v>29771</v>
      </c>
      <c r="J287" s="6">
        <v>10245</v>
      </c>
      <c r="K287" s="6">
        <v>10764</v>
      </c>
      <c r="L287" s="6">
        <v>476</v>
      </c>
      <c r="M287" s="6">
        <v>6287</v>
      </c>
      <c r="N287" s="10" t="s">
        <v>55</v>
      </c>
      <c r="O287" s="6">
        <v>7723</v>
      </c>
      <c r="P287" s="6">
        <v>6738</v>
      </c>
      <c r="Q287" s="6">
        <v>2135</v>
      </c>
    </row>
    <row r="288" spans="1:17">
      <c r="A288" s="9" t="s">
        <v>56</v>
      </c>
      <c r="B288" s="9" t="s">
        <v>57</v>
      </c>
      <c r="C288" s="9" t="s">
        <v>59</v>
      </c>
      <c r="D288" s="9" t="s">
        <v>53</v>
      </c>
      <c r="E288" s="9" t="s">
        <v>30</v>
      </c>
      <c r="F288" s="9" t="s">
        <v>7</v>
      </c>
      <c r="G288" s="6">
        <v>30733</v>
      </c>
      <c r="H288" s="6">
        <v>26542</v>
      </c>
      <c r="I288" s="6">
        <v>19115</v>
      </c>
      <c r="J288" s="6">
        <v>5175</v>
      </c>
      <c r="K288" s="6">
        <v>7427</v>
      </c>
      <c r="L288" s="6">
        <v>348</v>
      </c>
      <c r="M288" s="6">
        <v>3843</v>
      </c>
      <c r="N288" s="10" t="s">
        <v>55</v>
      </c>
      <c r="O288" s="6">
        <v>5491</v>
      </c>
      <c r="P288" s="6">
        <v>2133</v>
      </c>
      <c r="Q288" s="6">
        <v>578</v>
      </c>
    </row>
    <row r="289" spans="1:17">
      <c r="A289" s="9" t="s">
        <v>56</v>
      </c>
      <c r="B289" s="9" t="s">
        <v>57</v>
      </c>
      <c r="C289" s="9" t="s">
        <v>59</v>
      </c>
      <c r="D289" s="9" t="s">
        <v>53</v>
      </c>
      <c r="E289" s="9" t="s">
        <v>30</v>
      </c>
      <c r="F289" s="9" t="s">
        <v>8</v>
      </c>
      <c r="G289" s="6">
        <v>29112</v>
      </c>
      <c r="H289" s="6">
        <v>25212</v>
      </c>
      <c r="I289" s="6">
        <v>18094</v>
      </c>
      <c r="J289" s="6">
        <v>5004</v>
      </c>
      <c r="K289" s="6">
        <v>7118</v>
      </c>
      <c r="L289" s="6">
        <v>328</v>
      </c>
      <c r="M289" s="6">
        <v>3572</v>
      </c>
      <c r="N289" s="10" t="s">
        <v>55</v>
      </c>
      <c r="O289" s="6">
        <v>5286</v>
      </c>
      <c r="P289" s="6">
        <v>2053</v>
      </c>
      <c r="Q289" s="6">
        <v>507</v>
      </c>
    </row>
    <row r="290" spans="1:17">
      <c r="A290" s="9" t="s">
        <v>56</v>
      </c>
      <c r="B290" s="9" t="s">
        <v>57</v>
      </c>
      <c r="C290" s="9" t="s">
        <v>59</v>
      </c>
      <c r="D290" s="9" t="s">
        <v>53</v>
      </c>
      <c r="E290" s="9" t="s">
        <v>30</v>
      </c>
      <c r="F290" s="9" t="s">
        <v>13</v>
      </c>
      <c r="G290" s="6">
        <v>1621</v>
      </c>
      <c r="H290" s="6">
        <v>1330</v>
      </c>
      <c r="I290" s="6">
        <v>1021</v>
      </c>
      <c r="J290" s="6">
        <v>171</v>
      </c>
      <c r="K290" s="6">
        <v>309</v>
      </c>
      <c r="L290" s="6">
        <v>20</v>
      </c>
      <c r="M290" s="6">
        <v>271</v>
      </c>
      <c r="N290" s="10" t="s">
        <v>55</v>
      </c>
      <c r="O290" s="6">
        <v>205</v>
      </c>
      <c r="P290" s="6">
        <v>80</v>
      </c>
      <c r="Q290" s="6">
        <v>71</v>
      </c>
    </row>
    <row r="291" spans="1:17">
      <c r="A291" s="9" t="s">
        <v>56</v>
      </c>
      <c r="B291" s="9" t="s">
        <v>57</v>
      </c>
      <c r="C291" s="9" t="s">
        <v>59</v>
      </c>
      <c r="D291" s="9" t="s">
        <v>53</v>
      </c>
      <c r="E291" s="9" t="s">
        <v>30</v>
      </c>
      <c r="F291" s="9" t="s">
        <v>14</v>
      </c>
      <c r="G291" s="6">
        <v>14039</v>
      </c>
      <c r="H291" s="6">
        <v>12281</v>
      </c>
      <c r="I291" s="6">
        <v>9311</v>
      </c>
      <c r="J291" s="6">
        <v>4822</v>
      </c>
      <c r="K291" s="6">
        <v>2970</v>
      </c>
      <c r="L291" s="6">
        <v>93</v>
      </c>
      <c r="M291" s="6">
        <v>1665</v>
      </c>
      <c r="N291" s="10" t="s">
        <v>55</v>
      </c>
      <c r="O291" s="6">
        <v>1945</v>
      </c>
      <c r="P291" s="6">
        <v>4528</v>
      </c>
      <c r="Q291" s="6">
        <v>1428</v>
      </c>
    </row>
    <row r="292" spans="1:17">
      <c r="A292" s="9" t="s">
        <v>56</v>
      </c>
      <c r="B292" s="9" t="s">
        <v>57</v>
      </c>
      <c r="C292" s="9" t="s">
        <v>59</v>
      </c>
      <c r="D292" s="9" t="s">
        <v>53</v>
      </c>
      <c r="E292" s="9" t="s">
        <v>30</v>
      </c>
      <c r="F292" s="9" t="s">
        <v>18</v>
      </c>
      <c r="G292" s="6">
        <v>2526</v>
      </c>
      <c r="H292" s="6">
        <v>1712</v>
      </c>
      <c r="I292" s="6">
        <v>1345</v>
      </c>
      <c r="J292" s="6">
        <v>248</v>
      </c>
      <c r="K292" s="6">
        <v>367</v>
      </c>
      <c r="L292" s="6">
        <v>35</v>
      </c>
      <c r="M292" s="6">
        <v>779</v>
      </c>
      <c r="N292" s="10" t="s">
        <v>55</v>
      </c>
      <c r="O292" s="6">
        <v>287</v>
      </c>
      <c r="P292" s="6">
        <v>77</v>
      </c>
      <c r="Q292" s="6">
        <v>129</v>
      </c>
    </row>
    <row r="293" spans="1:17">
      <c r="A293" s="9" t="s">
        <v>56</v>
      </c>
      <c r="B293" s="9" t="s">
        <v>57</v>
      </c>
      <c r="C293" s="9" t="s">
        <v>59</v>
      </c>
      <c r="D293" s="9" t="s">
        <v>53</v>
      </c>
      <c r="E293" s="9" t="s">
        <v>31</v>
      </c>
      <c r="F293" s="9" t="s">
        <v>6</v>
      </c>
      <c r="G293" s="6">
        <v>2458</v>
      </c>
      <c r="H293" s="6">
        <v>2383</v>
      </c>
      <c r="I293" s="6">
        <v>1659</v>
      </c>
      <c r="J293" s="6">
        <v>1</v>
      </c>
      <c r="K293" s="6">
        <v>724</v>
      </c>
      <c r="L293" s="6">
        <v>17</v>
      </c>
      <c r="M293" s="6">
        <v>58</v>
      </c>
      <c r="N293" s="10" t="s">
        <v>55</v>
      </c>
      <c r="O293" s="6">
        <v>678</v>
      </c>
      <c r="P293" s="10" t="s">
        <v>55</v>
      </c>
      <c r="Q293" s="10" t="s">
        <v>55</v>
      </c>
    </row>
    <row r="294" spans="1:17">
      <c r="A294" s="9" t="s">
        <v>56</v>
      </c>
      <c r="B294" s="9" t="s">
        <v>57</v>
      </c>
      <c r="C294" s="9" t="s">
        <v>59</v>
      </c>
      <c r="D294" s="9" t="s">
        <v>53</v>
      </c>
      <c r="E294" s="9" t="s">
        <v>31</v>
      </c>
      <c r="F294" s="9" t="s">
        <v>7</v>
      </c>
      <c r="G294" s="6">
        <v>363</v>
      </c>
      <c r="H294" s="6">
        <v>318</v>
      </c>
      <c r="I294" s="6">
        <v>206</v>
      </c>
      <c r="J294" s="6">
        <v>1</v>
      </c>
      <c r="K294" s="6">
        <v>112</v>
      </c>
      <c r="L294" s="6">
        <v>2</v>
      </c>
      <c r="M294" s="6">
        <v>43</v>
      </c>
      <c r="N294" s="10" t="s">
        <v>55</v>
      </c>
      <c r="O294" s="6">
        <v>103</v>
      </c>
      <c r="P294" s="10" t="s">
        <v>55</v>
      </c>
      <c r="Q294" s="10" t="s">
        <v>55</v>
      </c>
    </row>
    <row r="295" spans="1:17">
      <c r="A295" s="9" t="s">
        <v>56</v>
      </c>
      <c r="B295" s="9" t="s">
        <v>57</v>
      </c>
      <c r="C295" s="9" t="s">
        <v>59</v>
      </c>
      <c r="D295" s="9" t="s">
        <v>53</v>
      </c>
      <c r="E295" s="9" t="s">
        <v>31</v>
      </c>
      <c r="F295" s="9" t="s">
        <v>8</v>
      </c>
      <c r="G295" s="6">
        <v>331</v>
      </c>
      <c r="H295" s="6">
        <v>289</v>
      </c>
      <c r="I295" s="6">
        <v>190</v>
      </c>
      <c r="J295" s="6">
        <v>1</v>
      </c>
      <c r="K295" s="6">
        <v>99</v>
      </c>
      <c r="L295" s="6">
        <v>2</v>
      </c>
      <c r="M295" s="6">
        <v>40</v>
      </c>
      <c r="N295" s="10" t="s">
        <v>55</v>
      </c>
      <c r="O295" s="6">
        <v>90</v>
      </c>
      <c r="P295" s="10" t="s">
        <v>55</v>
      </c>
      <c r="Q295" s="10" t="s">
        <v>55</v>
      </c>
    </row>
    <row r="296" spans="1:17">
      <c r="A296" s="9" t="s">
        <v>56</v>
      </c>
      <c r="B296" s="9" t="s">
        <v>57</v>
      </c>
      <c r="C296" s="9" t="s">
        <v>59</v>
      </c>
      <c r="D296" s="9" t="s">
        <v>53</v>
      </c>
      <c r="E296" s="9" t="s">
        <v>31</v>
      </c>
      <c r="F296" s="9" t="s">
        <v>13</v>
      </c>
      <c r="G296" s="6">
        <v>32</v>
      </c>
      <c r="H296" s="6">
        <v>29</v>
      </c>
      <c r="I296" s="6">
        <v>16</v>
      </c>
      <c r="J296" s="10" t="s">
        <v>55</v>
      </c>
      <c r="K296" s="6">
        <v>13</v>
      </c>
      <c r="L296" s="10" t="s">
        <v>55</v>
      </c>
      <c r="M296" s="6">
        <v>3</v>
      </c>
      <c r="N296" s="10" t="s">
        <v>55</v>
      </c>
      <c r="O296" s="6">
        <v>13</v>
      </c>
      <c r="P296" s="10" t="s">
        <v>55</v>
      </c>
      <c r="Q296" s="10" t="s">
        <v>55</v>
      </c>
    </row>
    <row r="297" spans="1:17">
      <c r="A297" s="9" t="s">
        <v>56</v>
      </c>
      <c r="B297" s="9" t="s">
        <v>57</v>
      </c>
      <c r="C297" s="9" t="s">
        <v>59</v>
      </c>
      <c r="D297" s="9" t="s">
        <v>53</v>
      </c>
      <c r="E297" s="9" t="s">
        <v>31</v>
      </c>
      <c r="F297" s="9" t="s">
        <v>14</v>
      </c>
      <c r="G297" s="6">
        <v>1921</v>
      </c>
      <c r="H297" s="6">
        <v>1899</v>
      </c>
      <c r="I297" s="6">
        <v>1314</v>
      </c>
      <c r="J297" s="10" t="s">
        <v>55</v>
      </c>
      <c r="K297" s="6">
        <v>585</v>
      </c>
      <c r="L297" s="6">
        <v>13</v>
      </c>
      <c r="M297" s="6">
        <v>9</v>
      </c>
      <c r="N297" s="10" t="s">
        <v>55</v>
      </c>
      <c r="O297" s="6">
        <v>552</v>
      </c>
      <c r="P297" s="10" t="s">
        <v>55</v>
      </c>
      <c r="Q297" s="10" t="s">
        <v>55</v>
      </c>
    </row>
    <row r="298" spans="1:17">
      <c r="A298" s="9" t="s">
        <v>56</v>
      </c>
      <c r="B298" s="9" t="s">
        <v>57</v>
      </c>
      <c r="C298" s="9" t="s">
        <v>59</v>
      </c>
      <c r="D298" s="9" t="s">
        <v>53</v>
      </c>
      <c r="E298" s="9" t="s">
        <v>31</v>
      </c>
      <c r="F298" s="9" t="s">
        <v>18</v>
      </c>
      <c r="G298" s="6">
        <v>174</v>
      </c>
      <c r="H298" s="6">
        <v>166</v>
      </c>
      <c r="I298" s="6">
        <v>139</v>
      </c>
      <c r="J298" s="10" t="s">
        <v>55</v>
      </c>
      <c r="K298" s="6">
        <v>27</v>
      </c>
      <c r="L298" s="6">
        <v>2</v>
      </c>
      <c r="M298" s="6">
        <v>6</v>
      </c>
      <c r="N298" s="10" t="s">
        <v>55</v>
      </c>
      <c r="O298" s="6">
        <v>23</v>
      </c>
      <c r="P298" s="10" t="s">
        <v>55</v>
      </c>
      <c r="Q298" s="10" t="s">
        <v>55</v>
      </c>
    </row>
    <row r="299" spans="1:17">
      <c r="A299" s="9" t="s">
        <v>56</v>
      </c>
      <c r="B299" s="9" t="s">
        <v>57</v>
      </c>
      <c r="C299" s="9" t="s">
        <v>59</v>
      </c>
      <c r="D299" s="9" t="s">
        <v>53</v>
      </c>
      <c r="E299" s="9" t="s">
        <v>32</v>
      </c>
      <c r="F299" s="9" t="s">
        <v>6</v>
      </c>
      <c r="G299" s="6">
        <v>1991</v>
      </c>
      <c r="H299" s="6">
        <v>1541</v>
      </c>
      <c r="I299" s="6">
        <v>1045</v>
      </c>
      <c r="J299" s="6">
        <v>44</v>
      </c>
      <c r="K299" s="6">
        <v>496</v>
      </c>
      <c r="L299" s="6">
        <v>48</v>
      </c>
      <c r="M299" s="6">
        <v>402</v>
      </c>
      <c r="N299" s="10" t="s">
        <v>55</v>
      </c>
      <c r="O299" s="6">
        <v>461</v>
      </c>
      <c r="P299" s="10" t="s">
        <v>55</v>
      </c>
      <c r="Q299" s="10" t="s">
        <v>55</v>
      </c>
    </row>
    <row r="300" spans="1:17">
      <c r="A300" s="9" t="s">
        <v>56</v>
      </c>
      <c r="B300" s="9" t="s">
        <v>57</v>
      </c>
      <c r="C300" s="9" t="s">
        <v>59</v>
      </c>
      <c r="D300" s="9" t="s">
        <v>53</v>
      </c>
      <c r="E300" s="9" t="s">
        <v>32</v>
      </c>
      <c r="F300" s="9" t="s">
        <v>7</v>
      </c>
      <c r="G300" s="6">
        <v>1501</v>
      </c>
      <c r="H300" s="6">
        <v>1129</v>
      </c>
      <c r="I300" s="6">
        <v>737</v>
      </c>
      <c r="J300" s="6">
        <v>41</v>
      </c>
      <c r="K300" s="6">
        <v>392</v>
      </c>
      <c r="L300" s="6">
        <v>41</v>
      </c>
      <c r="M300" s="6">
        <v>331</v>
      </c>
      <c r="N300" s="10" t="s">
        <v>55</v>
      </c>
      <c r="O300" s="6">
        <v>358</v>
      </c>
      <c r="P300" s="10" t="s">
        <v>55</v>
      </c>
      <c r="Q300" s="10" t="s">
        <v>55</v>
      </c>
    </row>
    <row r="301" spans="1:17">
      <c r="A301" s="9" t="s">
        <v>56</v>
      </c>
      <c r="B301" s="9" t="s">
        <v>57</v>
      </c>
      <c r="C301" s="9" t="s">
        <v>59</v>
      </c>
      <c r="D301" s="9" t="s">
        <v>53</v>
      </c>
      <c r="E301" s="9" t="s">
        <v>32</v>
      </c>
      <c r="F301" s="9" t="s">
        <v>8</v>
      </c>
      <c r="G301" s="6">
        <v>1390</v>
      </c>
      <c r="H301" s="6">
        <v>1024</v>
      </c>
      <c r="I301" s="6">
        <v>667</v>
      </c>
      <c r="J301" s="6">
        <v>40</v>
      </c>
      <c r="K301" s="6">
        <v>357</v>
      </c>
      <c r="L301" s="6">
        <v>41</v>
      </c>
      <c r="M301" s="6">
        <v>325</v>
      </c>
      <c r="N301" s="10" t="s">
        <v>55</v>
      </c>
      <c r="O301" s="6">
        <v>326</v>
      </c>
      <c r="P301" s="10" t="s">
        <v>55</v>
      </c>
      <c r="Q301" s="10" t="s">
        <v>55</v>
      </c>
    </row>
    <row r="302" spans="1:17">
      <c r="A302" s="9" t="s">
        <v>56</v>
      </c>
      <c r="B302" s="9" t="s">
        <v>57</v>
      </c>
      <c r="C302" s="9" t="s">
        <v>59</v>
      </c>
      <c r="D302" s="9" t="s">
        <v>53</v>
      </c>
      <c r="E302" s="9" t="s">
        <v>32</v>
      </c>
      <c r="F302" s="9" t="s">
        <v>13</v>
      </c>
      <c r="G302" s="6">
        <v>111</v>
      </c>
      <c r="H302" s="6">
        <v>105</v>
      </c>
      <c r="I302" s="6">
        <v>70</v>
      </c>
      <c r="J302" s="6">
        <v>1</v>
      </c>
      <c r="K302" s="6">
        <v>35</v>
      </c>
      <c r="L302" s="10" t="s">
        <v>55</v>
      </c>
      <c r="M302" s="6">
        <v>6</v>
      </c>
      <c r="N302" s="10" t="s">
        <v>55</v>
      </c>
      <c r="O302" s="6">
        <v>32</v>
      </c>
      <c r="P302" s="10" t="s">
        <v>55</v>
      </c>
      <c r="Q302" s="10" t="s">
        <v>55</v>
      </c>
    </row>
    <row r="303" spans="1:17">
      <c r="A303" s="9" t="s">
        <v>56</v>
      </c>
      <c r="B303" s="9" t="s">
        <v>57</v>
      </c>
      <c r="C303" s="9" t="s">
        <v>59</v>
      </c>
      <c r="D303" s="9" t="s">
        <v>53</v>
      </c>
      <c r="E303" s="9" t="s">
        <v>32</v>
      </c>
      <c r="F303" s="9" t="s">
        <v>14</v>
      </c>
      <c r="G303" s="6">
        <v>288</v>
      </c>
      <c r="H303" s="6">
        <v>280</v>
      </c>
      <c r="I303" s="6">
        <v>210</v>
      </c>
      <c r="J303" s="6">
        <v>1</v>
      </c>
      <c r="K303" s="6">
        <v>70</v>
      </c>
      <c r="L303" s="6">
        <v>3</v>
      </c>
      <c r="M303" s="6">
        <v>5</v>
      </c>
      <c r="N303" s="10" t="s">
        <v>55</v>
      </c>
      <c r="O303" s="6">
        <v>70</v>
      </c>
      <c r="P303" s="10" t="s">
        <v>55</v>
      </c>
      <c r="Q303" s="10" t="s">
        <v>55</v>
      </c>
    </row>
    <row r="304" spans="1:17">
      <c r="A304" s="9" t="s">
        <v>56</v>
      </c>
      <c r="B304" s="9" t="s">
        <v>57</v>
      </c>
      <c r="C304" s="9" t="s">
        <v>59</v>
      </c>
      <c r="D304" s="9" t="s">
        <v>53</v>
      </c>
      <c r="E304" s="9" t="s">
        <v>32</v>
      </c>
      <c r="F304" s="9" t="s">
        <v>18</v>
      </c>
      <c r="G304" s="6">
        <v>202</v>
      </c>
      <c r="H304" s="6">
        <v>132</v>
      </c>
      <c r="I304" s="6">
        <v>98</v>
      </c>
      <c r="J304" s="6">
        <v>2</v>
      </c>
      <c r="K304" s="6">
        <v>34</v>
      </c>
      <c r="L304" s="6">
        <v>4</v>
      </c>
      <c r="M304" s="6">
        <v>66</v>
      </c>
      <c r="N304" s="10" t="s">
        <v>55</v>
      </c>
      <c r="O304" s="6">
        <v>33</v>
      </c>
      <c r="P304" s="10" t="s">
        <v>55</v>
      </c>
      <c r="Q304" s="10" t="s">
        <v>55</v>
      </c>
    </row>
    <row r="305" spans="1:17">
      <c r="A305" s="9" t="s">
        <v>56</v>
      </c>
      <c r="B305" s="9" t="s">
        <v>57</v>
      </c>
      <c r="C305" s="9" t="s">
        <v>59</v>
      </c>
      <c r="D305" s="9" t="s">
        <v>53</v>
      </c>
      <c r="E305" s="9" t="s">
        <v>33</v>
      </c>
      <c r="F305" s="9" t="s">
        <v>6</v>
      </c>
      <c r="G305" s="6">
        <v>2256</v>
      </c>
      <c r="H305" s="6">
        <v>1706</v>
      </c>
      <c r="I305" s="6">
        <v>1208</v>
      </c>
      <c r="J305" s="6">
        <v>145</v>
      </c>
      <c r="K305" s="6">
        <v>498</v>
      </c>
      <c r="L305" s="6">
        <v>48</v>
      </c>
      <c r="M305" s="6">
        <v>502</v>
      </c>
      <c r="N305" s="10" t="s">
        <v>55</v>
      </c>
      <c r="O305" s="6">
        <v>443</v>
      </c>
      <c r="P305" s="10" t="s">
        <v>55</v>
      </c>
      <c r="Q305" s="10" t="s">
        <v>55</v>
      </c>
    </row>
    <row r="306" spans="1:17">
      <c r="A306" s="9" t="s">
        <v>56</v>
      </c>
      <c r="B306" s="9" t="s">
        <v>57</v>
      </c>
      <c r="C306" s="9" t="s">
        <v>59</v>
      </c>
      <c r="D306" s="9" t="s">
        <v>53</v>
      </c>
      <c r="E306" s="9" t="s">
        <v>33</v>
      </c>
      <c r="F306" s="9" t="s">
        <v>7</v>
      </c>
      <c r="G306" s="6">
        <v>1965</v>
      </c>
      <c r="H306" s="6">
        <v>1518</v>
      </c>
      <c r="I306" s="6">
        <v>1065</v>
      </c>
      <c r="J306" s="6">
        <v>128</v>
      </c>
      <c r="K306" s="6">
        <v>453</v>
      </c>
      <c r="L306" s="6">
        <v>39</v>
      </c>
      <c r="M306" s="6">
        <v>408</v>
      </c>
      <c r="N306" s="10" t="s">
        <v>55</v>
      </c>
      <c r="O306" s="6">
        <v>405</v>
      </c>
      <c r="P306" s="10" t="s">
        <v>55</v>
      </c>
      <c r="Q306" s="10" t="s">
        <v>55</v>
      </c>
    </row>
    <row r="307" spans="1:17">
      <c r="A307" s="9" t="s">
        <v>56</v>
      </c>
      <c r="B307" s="9" t="s">
        <v>57</v>
      </c>
      <c r="C307" s="9" t="s">
        <v>59</v>
      </c>
      <c r="D307" s="9" t="s">
        <v>53</v>
      </c>
      <c r="E307" s="9" t="s">
        <v>33</v>
      </c>
      <c r="F307" s="9" t="s">
        <v>8</v>
      </c>
      <c r="G307" s="6">
        <v>1832</v>
      </c>
      <c r="H307" s="6">
        <v>1393</v>
      </c>
      <c r="I307" s="6">
        <v>986</v>
      </c>
      <c r="J307" s="6">
        <v>126</v>
      </c>
      <c r="K307" s="6">
        <v>407</v>
      </c>
      <c r="L307" s="6">
        <v>37</v>
      </c>
      <c r="M307" s="6">
        <v>402</v>
      </c>
      <c r="N307" s="10" t="s">
        <v>55</v>
      </c>
      <c r="O307" s="6">
        <v>366</v>
      </c>
      <c r="P307" s="10" t="s">
        <v>55</v>
      </c>
      <c r="Q307" s="10" t="s">
        <v>55</v>
      </c>
    </row>
    <row r="308" spans="1:17">
      <c r="A308" s="9" t="s">
        <v>56</v>
      </c>
      <c r="B308" s="9" t="s">
        <v>57</v>
      </c>
      <c r="C308" s="9" t="s">
        <v>59</v>
      </c>
      <c r="D308" s="9" t="s">
        <v>53</v>
      </c>
      <c r="E308" s="9" t="s">
        <v>33</v>
      </c>
      <c r="F308" s="9" t="s">
        <v>13</v>
      </c>
      <c r="G308" s="6">
        <v>133</v>
      </c>
      <c r="H308" s="6">
        <v>125</v>
      </c>
      <c r="I308" s="6">
        <v>79</v>
      </c>
      <c r="J308" s="6">
        <v>2</v>
      </c>
      <c r="K308" s="6">
        <v>46</v>
      </c>
      <c r="L308" s="6">
        <v>2</v>
      </c>
      <c r="M308" s="6">
        <v>6</v>
      </c>
      <c r="N308" s="10" t="s">
        <v>55</v>
      </c>
      <c r="O308" s="6">
        <v>39</v>
      </c>
      <c r="P308" s="10" t="s">
        <v>55</v>
      </c>
      <c r="Q308" s="10" t="s">
        <v>55</v>
      </c>
    </row>
    <row r="309" spans="1:17">
      <c r="A309" s="9" t="s">
        <v>56</v>
      </c>
      <c r="B309" s="9" t="s">
        <v>57</v>
      </c>
      <c r="C309" s="9" t="s">
        <v>59</v>
      </c>
      <c r="D309" s="9" t="s">
        <v>53</v>
      </c>
      <c r="E309" s="9" t="s">
        <v>33</v>
      </c>
      <c r="F309" s="9" t="s">
        <v>14</v>
      </c>
      <c r="G309" s="6">
        <v>61</v>
      </c>
      <c r="H309" s="6">
        <v>57</v>
      </c>
      <c r="I309" s="6">
        <v>39</v>
      </c>
      <c r="J309" s="6">
        <v>1</v>
      </c>
      <c r="K309" s="6">
        <v>18</v>
      </c>
      <c r="L309" s="6">
        <v>2</v>
      </c>
      <c r="M309" s="6">
        <v>2</v>
      </c>
      <c r="N309" s="10" t="s">
        <v>55</v>
      </c>
      <c r="O309" s="6">
        <v>17</v>
      </c>
      <c r="P309" s="10" t="s">
        <v>55</v>
      </c>
      <c r="Q309" s="10" t="s">
        <v>55</v>
      </c>
    </row>
    <row r="310" spans="1:17">
      <c r="A310" s="9" t="s">
        <v>56</v>
      </c>
      <c r="B310" s="9" t="s">
        <v>57</v>
      </c>
      <c r="C310" s="9" t="s">
        <v>59</v>
      </c>
      <c r="D310" s="9" t="s">
        <v>53</v>
      </c>
      <c r="E310" s="9" t="s">
        <v>33</v>
      </c>
      <c r="F310" s="9" t="s">
        <v>18</v>
      </c>
      <c r="G310" s="6">
        <v>230</v>
      </c>
      <c r="H310" s="6">
        <v>131</v>
      </c>
      <c r="I310" s="6">
        <v>104</v>
      </c>
      <c r="J310" s="6">
        <v>16</v>
      </c>
      <c r="K310" s="6">
        <v>27</v>
      </c>
      <c r="L310" s="6">
        <v>7</v>
      </c>
      <c r="M310" s="6">
        <v>92</v>
      </c>
      <c r="N310" s="10" t="s">
        <v>55</v>
      </c>
      <c r="O310" s="6">
        <v>21</v>
      </c>
      <c r="P310" s="10" t="s">
        <v>55</v>
      </c>
      <c r="Q310" s="10" t="s">
        <v>55</v>
      </c>
    </row>
    <row r="311" spans="1:17">
      <c r="A311" s="9" t="s">
        <v>56</v>
      </c>
      <c r="B311" s="9" t="s">
        <v>57</v>
      </c>
      <c r="C311" s="9" t="s">
        <v>59</v>
      </c>
      <c r="D311" s="9" t="s">
        <v>53</v>
      </c>
      <c r="E311" s="9" t="s">
        <v>34</v>
      </c>
      <c r="F311" s="9" t="s">
        <v>6</v>
      </c>
      <c r="G311" s="6">
        <v>2595</v>
      </c>
      <c r="H311" s="6">
        <v>2158</v>
      </c>
      <c r="I311" s="6">
        <v>1642</v>
      </c>
      <c r="J311" s="6">
        <v>175</v>
      </c>
      <c r="K311" s="6">
        <v>516</v>
      </c>
      <c r="L311" s="6">
        <v>39</v>
      </c>
      <c r="M311" s="6">
        <v>398</v>
      </c>
      <c r="N311" s="10" t="s">
        <v>55</v>
      </c>
      <c r="O311" s="6">
        <v>458</v>
      </c>
      <c r="P311" s="10" t="s">
        <v>55</v>
      </c>
      <c r="Q311" s="10" t="s">
        <v>55</v>
      </c>
    </row>
    <row r="312" spans="1:17">
      <c r="A312" s="9" t="s">
        <v>56</v>
      </c>
      <c r="B312" s="9" t="s">
        <v>57</v>
      </c>
      <c r="C312" s="9" t="s">
        <v>59</v>
      </c>
      <c r="D312" s="9" t="s">
        <v>53</v>
      </c>
      <c r="E312" s="9" t="s">
        <v>34</v>
      </c>
      <c r="F312" s="9" t="s">
        <v>7</v>
      </c>
      <c r="G312" s="6">
        <v>2279</v>
      </c>
      <c r="H312" s="6">
        <v>1921</v>
      </c>
      <c r="I312" s="6">
        <v>1452</v>
      </c>
      <c r="J312" s="6">
        <v>151</v>
      </c>
      <c r="K312" s="6">
        <v>469</v>
      </c>
      <c r="L312" s="6">
        <v>36</v>
      </c>
      <c r="M312" s="6">
        <v>322</v>
      </c>
      <c r="N312" s="10" t="s">
        <v>55</v>
      </c>
      <c r="O312" s="6">
        <v>419</v>
      </c>
      <c r="P312" s="10" t="s">
        <v>55</v>
      </c>
      <c r="Q312" s="10" t="s">
        <v>55</v>
      </c>
    </row>
    <row r="313" spans="1:17">
      <c r="A313" s="9" t="s">
        <v>56</v>
      </c>
      <c r="B313" s="9" t="s">
        <v>57</v>
      </c>
      <c r="C313" s="9" t="s">
        <v>59</v>
      </c>
      <c r="D313" s="9" t="s">
        <v>53</v>
      </c>
      <c r="E313" s="9" t="s">
        <v>34</v>
      </c>
      <c r="F313" s="9" t="s">
        <v>8</v>
      </c>
      <c r="G313" s="6">
        <v>2162</v>
      </c>
      <c r="H313" s="6">
        <v>1814</v>
      </c>
      <c r="I313" s="6">
        <v>1380</v>
      </c>
      <c r="J313" s="6">
        <v>146</v>
      </c>
      <c r="K313" s="6">
        <v>434</v>
      </c>
      <c r="L313" s="6">
        <v>33</v>
      </c>
      <c r="M313" s="6">
        <v>315</v>
      </c>
      <c r="N313" s="10" t="s">
        <v>55</v>
      </c>
      <c r="O313" s="6">
        <v>393</v>
      </c>
      <c r="P313" s="10" t="s">
        <v>55</v>
      </c>
      <c r="Q313" s="10" t="s">
        <v>55</v>
      </c>
    </row>
    <row r="314" spans="1:17">
      <c r="A314" s="9" t="s">
        <v>56</v>
      </c>
      <c r="B314" s="9" t="s">
        <v>57</v>
      </c>
      <c r="C314" s="9" t="s">
        <v>59</v>
      </c>
      <c r="D314" s="9" t="s">
        <v>53</v>
      </c>
      <c r="E314" s="9" t="s">
        <v>34</v>
      </c>
      <c r="F314" s="9" t="s">
        <v>13</v>
      </c>
      <c r="G314" s="6">
        <v>117</v>
      </c>
      <c r="H314" s="6">
        <v>107</v>
      </c>
      <c r="I314" s="6">
        <v>72</v>
      </c>
      <c r="J314" s="6">
        <v>5</v>
      </c>
      <c r="K314" s="6">
        <v>35</v>
      </c>
      <c r="L314" s="6">
        <v>3</v>
      </c>
      <c r="M314" s="6">
        <v>7</v>
      </c>
      <c r="N314" s="10" t="s">
        <v>55</v>
      </c>
      <c r="O314" s="6">
        <v>26</v>
      </c>
      <c r="P314" s="10" t="s">
        <v>55</v>
      </c>
      <c r="Q314" s="10" t="s">
        <v>55</v>
      </c>
    </row>
    <row r="315" spans="1:17">
      <c r="A315" s="9" t="s">
        <v>56</v>
      </c>
      <c r="B315" s="9" t="s">
        <v>57</v>
      </c>
      <c r="C315" s="9" t="s">
        <v>59</v>
      </c>
      <c r="D315" s="9" t="s">
        <v>53</v>
      </c>
      <c r="E315" s="9" t="s">
        <v>34</v>
      </c>
      <c r="F315" s="9" t="s">
        <v>14</v>
      </c>
      <c r="G315" s="6">
        <v>75</v>
      </c>
      <c r="H315" s="6">
        <v>72</v>
      </c>
      <c r="I315" s="6">
        <v>54</v>
      </c>
      <c r="J315" s="6">
        <v>2</v>
      </c>
      <c r="K315" s="6">
        <v>18</v>
      </c>
      <c r="L315" s="6">
        <v>1</v>
      </c>
      <c r="M315" s="6">
        <v>2</v>
      </c>
      <c r="N315" s="10" t="s">
        <v>55</v>
      </c>
      <c r="O315" s="6">
        <v>16</v>
      </c>
      <c r="P315" s="10" t="s">
        <v>55</v>
      </c>
      <c r="Q315" s="10" t="s">
        <v>55</v>
      </c>
    </row>
    <row r="316" spans="1:17">
      <c r="A316" s="9" t="s">
        <v>56</v>
      </c>
      <c r="B316" s="9" t="s">
        <v>57</v>
      </c>
      <c r="C316" s="9" t="s">
        <v>59</v>
      </c>
      <c r="D316" s="9" t="s">
        <v>53</v>
      </c>
      <c r="E316" s="9" t="s">
        <v>34</v>
      </c>
      <c r="F316" s="9" t="s">
        <v>18</v>
      </c>
      <c r="G316" s="6">
        <v>241</v>
      </c>
      <c r="H316" s="6">
        <v>165</v>
      </c>
      <c r="I316" s="6">
        <v>136</v>
      </c>
      <c r="J316" s="6">
        <v>22</v>
      </c>
      <c r="K316" s="6">
        <v>29</v>
      </c>
      <c r="L316" s="6">
        <v>2</v>
      </c>
      <c r="M316" s="6">
        <v>74</v>
      </c>
      <c r="N316" s="10" t="s">
        <v>55</v>
      </c>
      <c r="O316" s="6">
        <v>23</v>
      </c>
      <c r="P316" s="10" t="s">
        <v>55</v>
      </c>
      <c r="Q316" s="10" t="s">
        <v>55</v>
      </c>
    </row>
    <row r="317" spans="1:17">
      <c r="A317" s="9" t="s">
        <v>56</v>
      </c>
      <c r="B317" s="9" t="s">
        <v>57</v>
      </c>
      <c r="C317" s="9" t="s">
        <v>59</v>
      </c>
      <c r="D317" s="9" t="s">
        <v>53</v>
      </c>
      <c r="E317" s="9" t="s">
        <v>35</v>
      </c>
      <c r="F317" s="9" t="s">
        <v>6</v>
      </c>
      <c r="G317" s="6">
        <v>3087</v>
      </c>
      <c r="H317" s="6">
        <v>2709</v>
      </c>
      <c r="I317" s="6">
        <v>2102</v>
      </c>
      <c r="J317" s="6">
        <v>161</v>
      </c>
      <c r="K317" s="6">
        <v>607</v>
      </c>
      <c r="L317" s="6">
        <v>29</v>
      </c>
      <c r="M317" s="6">
        <v>349</v>
      </c>
      <c r="N317" s="10" t="s">
        <v>55</v>
      </c>
      <c r="O317" s="6">
        <v>537</v>
      </c>
      <c r="P317" s="10" t="s">
        <v>55</v>
      </c>
      <c r="Q317" s="10" t="s">
        <v>55</v>
      </c>
    </row>
    <row r="318" spans="1:17">
      <c r="A318" s="9" t="s">
        <v>56</v>
      </c>
      <c r="B318" s="9" t="s">
        <v>57</v>
      </c>
      <c r="C318" s="9" t="s">
        <v>59</v>
      </c>
      <c r="D318" s="9" t="s">
        <v>53</v>
      </c>
      <c r="E318" s="9" t="s">
        <v>35</v>
      </c>
      <c r="F318" s="9" t="s">
        <v>7</v>
      </c>
      <c r="G318" s="6">
        <v>2756</v>
      </c>
      <c r="H318" s="6">
        <v>2465</v>
      </c>
      <c r="I318" s="6">
        <v>1891</v>
      </c>
      <c r="J318" s="6">
        <v>139</v>
      </c>
      <c r="K318" s="6">
        <v>574</v>
      </c>
      <c r="L318" s="6">
        <v>23</v>
      </c>
      <c r="M318" s="6">
        <v>268</v>
      </c>
      <c r="N318" s="10" t="s">
        <v>55</v>
      </c>
      <c r="O318" s="6">
        <v>516</v>
      </c>
      <c r="P318" s="10" t="s">
        <v>55</v>
      </c>
      <c r="Q318" s="10" t="s">
        <v>55</v>
      </c>
    </row>
    <row r="319" spans="1:17">
      <c r="A319" s="9" t="s">
        <v>56</v>
      </c>
      <c r="B319" s="9" t="s">
        <v>57</v>
      </c>
      <c r="C319" s="9" t="s">
        <v>59</v>
      </c>
      <c r="D319" s="9" t="s">
        <v>53</v>
      </c>
      <c r="E319" s="9" t="s">
        <v>35</v>
      </c>
      <c r="F319" s="9" t="s">
        <v>8</v>
      </c>
      <c r="G319" s="6">
        <v>2597</v>
      </c>
      <c r="H319" s="6">
        <v>2328</v>
      </c>
      <c r="I319" s="6">
        <v>1778</v>
      </c>
      <c r="J319" s="6">
        <v>138</v>
      </c>
      <c r="K319" s="6">
        <v>550</v>
      </c>
      <c r="L319" s="6">
        <v>21</v>
      </c>
      <c r="M319" s="6">
        <v>248</v>
      </c>
      <c r="N319" s="10" t="s">
        <v>55</v>
      </c>
      <c r="O319" s="6">
        <v>497</v>
      </c>
      <c r="P319" s="10" t="s">
        <v>55</v>
      </c>
      <c r="Q319" s="10" t="s">
        <v>55</v>
      </c>
    </row>
    <row r="320" spans="1:17">
      <c r="A320" s="9" t="s">
        <v>56</v>
      </c>
      <c r="B320" s="9" t="s">
        <v>57</v>
      </c>
      <c r="C320" s="9" t="s">
        <v>59</v>
      </c>
      <c r="D320" s="9" t="s">
        <v>53</v>
      </c>
      <c r="E320" s="9" t="s">
        <v>35</v>
      </c>
      <c r="F320" s="9" t="s">
        <v>13</v>
      </c>
      <c r="G320" s="6">
        <v>159</v>
      </c>
      <c r="H320" s="6">
        <v>137</v>
      </c>
      <c r="I320" s="6">
        <v>113</v>
      </c>
      <c r="J320" s="6">
        <v>1</v>
      </c>
      <c r="K320" s="6">
        <v>24</v>
      </c>
      <c r="L320" s="6">
        <v>2</v>
      </c>
      <c r="M320" s="6">
        <v>20</v>
      </c>
      <c r="N320" s="10" t="s">
        <v>55</v>
      </c>
      <c r="O320" s="6">
        <v>19</v>
      </c>
      <c r="P320" s="10" t="s">
        <v>55</v>
      </c>
      <c r="Q320" s="10" t="s">
        <v>55</v>
      </c>
    </row>
    <row r="321" spans="1:17">
      <c r="A321" s="9" t="s">
        <v>56</v>
      </c>
      <c r="B321" s="9" t="s">
        <v>57</v>
      </c>
      <c r="C321" s="9" t="s">
        <v>59</v>
      </c>
      <c r="D321" s="9" t="s">
        <v>53</v>
      </c>
      <c r="E321" s="9" t="s">
        <v>35</v>
      </c>
      <c r="F321" s="9" t="s">
        <v>14</v>
      </c>
      <c r="G321" s="6">
        <v>76</v>
      </c>
      <c r="H321" s="6">
        <v>72</v>
      </c>
      <c r="I321" s="6">
        <v>57</v>
      </c>
      <c r="J321" s="6">
        <v>4</v>
      </c>
      <c r="K321" s="6">
        <v>15</v>
      </c>
      <c r="L321" s="6">
        <v>1</v>
      </c>
      <c r="M321" s="6">
        <v>3</v>
      </c>
      <c r="N321" s="10" t="s">
        <v>55</v>
      </c>
      <c r="O321" s="6">
        <v>11</v>
      </c>
      <c r="P321" s="10" t="s">
        <v>55</v>
      </c>
      <c r="Q321" s="10" t="s">
        <v>55</v>
      </c>
    </row>
    <row r="322" spans="1:17">
      <c r="A322" s="9" t="s">
        <v>56</v>
      </c>
      <c r="B322" s="9" t="s">
        <v>57</v>
      </c>
      <c r="C322" s="9" t="s">
        <v>59</v>
      </c>
      <c r="D322" s="9" t="s">
        <v>53</v>
      </c>
      <c r="E322" s="9" t="s">
        <v>35</v>
      </c>
      <c r="F322" s="9" t="s">
        <v>18</v>
      </c>
      <c r="G322" s="6">
        <v>255</v>
      </c>
      <c r="H322" s="6">
        <v>172</v>
      </c>
      <c r="I322" s="6">
        <v>154</v>
      </c>
      <c r="J322" s="6">
        <v>18</v>
      </c>
      <c r="K322" s="6">
        <v>18</v>
      </c>
      <c r="L322" s="6">
        <v>5</v>
      </c>
      <c r="M322" s="6">
        <v>78</v>
      </c>
      <c r="N322" s="10" t="s">
        <v>55</v>
      </c>
      <c r="O322" s="6">
        <v>10</v>
      </c>
      <c r="P322" s="10" t="s">
        <v>55</v>
      </c>
      <c r="Q322" s="10" t="s">
        <v>55</v>
      </c>
    </row>
    <row r="323" spans="1:17">
      <c r="A323" s="9" t="s">
        <v>56</v>
      </c>
      <c r="B323" s="9" t="s">
        <v>57</v>
      </c>
      <c r="C323" s="9" t="s">
        <v>59</v>
      </c>
      <c r="D323" s="9" t="s">
        <v>53</v>
      </c>
      <c r="E323" s="9" t="s">
        <v>36</v>
      </c>
      <c r="F323" s="9" t="s">
        <v>6</v>
      </c>
      <c r="G323" s="6">
        <v>3391</v>
      </c>
      <c r="H323" s="6">
        <v>3044</v>
      </c>
      <c r="I323" s="6">
        <v>2397</v>
      </c>
      <c r="J323" s="6">
        <v>180</v>
      </c>
      <c r="K323" s="6">
        <v>647</v>
      </c>
      <c r="L323" s="6">
        <v>29</v>
      </c>
      <c r="M323" s="6">
        <v>318</v>
      </c>
      <c r="N323" s="10" t="s">
        <v>55</v>
      </c>
      <c r="O323" s="6">
        <v>569</v>
      </c>
      <c r="P323" s="10" t="s">
        <v>55</v>
      </c>
      <c r="Q323" s="10" t="s">
        <v>55</v>
      </c>
    </row>
    <row r="324" spans="1:17">
      <c r="A324" s="9" t="s">
        <v>56</v>
      </c>
      <c r="B324" s="9" t="s">
        <v>57</v>
      </c>
      <c r="C324" s="9" t="s">
        <v>59</v>
      </c>
      <c r="D324" s="9" t="s">
        <v>53</v>
      </c>
      <c r="E324" s="9" t="s">
        <v>36</v>
      </c>
      <c r="F324" s="9" t="s">
        <v>7</v>
      </c>
      <c r="G324" s="6">
        <v>3041</v>
      </c>
      <c r="H324" s="6">
        <v>2778</v>
      </c>
      <c r="I324" s="6">
        <v>2169</v>
      </c>
      <c r="J324" s="6">
        <v>165</v>
      </c>
      <c r="K324" s="6">
        <v>609</v>
      </c>
      <c r="L324" s="6">
        <v>25</v>
      </c>
      <c r="M324" s="6">
        <v>238</v>
      </c>
      <c r="N324" s="10" t="s">
        <v>55</v>
      </c>
      <c r="O324" s="6">
        <v>540</v>
      </c>
      <c r="P324" s="10" t="s">
        <v>55</v>
      </c>
      <c r="Q324" s="10" t="s">
        <v>55</v>
      </c>
    </row>
    <row r="325" spans="1:17">
      <c r="A325" s="9" t="s">
        <v>56</v>
      </c>
      <c r="B325" s="9" t="s">
        <v>57</v>
      </c>
      <c r="C325" s="9" t="s">
        <v>59</v>
      </c>
      <c r="D325" s="9" t="s">
        <v>53</v>
      </c>
      <c r="E325" s="9" t="s">
        <v>36</v>
      </c>
      <c r="F325" s="9" t="s">
        <v>8</v>
      </c>
      <c r="G325" s="6">
        <v>2894</v>
      </c>
      <c r="H325" s="6">
        <v>2647</v>
      </c>
      <c r="I325" s="6">
        <v>2059</v>
      </c>
      <c r="J325" s="6">
        <v>162</v>
      </c>
      <c r="K325" s="6">
        <v>588</v>
      </c>
      <c r="L325" s="6">
        <v>23</v>
      </c>
      <c r="M325" s="6">
        <v>224</v>
      </c>
      <c r="N325" s="10" t="s">
        <v>55</v>
      </c>
      <c r="O325" s="6">
        <v>524</v>
      </c>
      <c r="P325" s="10" t="s">
        <v>55</v>
      </c>
      <c r="Q325" s="10" t="s">
        <v>55</v>
      </c>
    </row>
    <row r="326" spans="1:17">
      <c r="A326" s="9" t="s">
        <v>56</v>
      </c>
      <c r="B326" s="9" t="s">
        <v>57</v>
      </c>
      <c r="C326" s="9" t="s">
        <v>59</v>
      </c>
      <c r="D326" s="9" t="s">
        <v>53</v>
      </c>
      <c r="E326" s="9" t="s">
        <v>36</v>
      </c>
      <c r="F326" s="9" t="s">
        <v>13</v>
      </c>
      <c r="G326" s="6">
        <v>147</v>
      </c>
      <c r="H326" s="6">
        <v>131</v>
      </c>
      <c r="I326" s="6">
        <v>110</v>
      </c>
      <c r="J326" s="6">
        <v>3</v>
      </c>
      <c r="K326" s="6">
        <v>21</v>
      </c>
      <c r="L326" s="6">
        <v>2</v>
      </c>
      <c r="M326" s="6">
        <v>14</v>
      </c>
      <c r="N326" s="10" t="s">
        <v>55</v>
      </c>
      <c r="O326" s="6">
        <v>16</v>
      </c>
      <c r="P326" s="10" t="s">
        <v>55</v>
      </c>
      <c r="Q326" s="10" t="s">
        <v>55</v>
      </c>
    </row>
    <row r="327" spans="1:17">
      <c r="A327" s="9" t="s">
        <v>56</v>
      </c>
      <c r="B327" s="9" t="s">
        <v>57</v>
      </c>
      <c r="C327" s="9" t="s">
        <v>59</v>
      </c>
      <c r="D327" s="9" t="s">
        <v>53</v>
      </c>
      <c r="E327" s="9" t="s">
        <v>36</v>
      </c>
      <c r="F327" s="9" t="s">
        <v>14</v>
      </c>
      <c r="G327" s="6">
        <v>77</v>
      </c>
      <c r="H327" s="6">
        <v>74</v>
      </c>
      <c r="I327" s="6">
        <v>62</v>
      </c>
      <c r="J327" s="6">
        <v>2</v>
      </c>
      <c r="K327" s="6">
        <v>12</v>
      </c>
      <c r="L327" s="10" t="s">
        <v>55</v>
      </c>
      <c r="M327" s="6">
        <v>3</v>
      </c>
      <c r="N327" s="10" t="s">
        <v>55</v>
      </c>
      <c r="O327" s="6">
        <v>7</v>
      </c>
      <c r="P327" s="10" t="s">
        <v>55</v>
      </c>
      <c r="Q327" s="10" t="s">
        <v>55</v>
      </c>
    </row>
    <row r="328" spans="1:17">
      <c r="A328" s="9" t="s">
        <v>56</v>
      </c>
      <c r="B328" s="9" t="s">
        <v>57</v>
      </c>
      <c r="C328" s="9" t="s">
        <v>59</v>
      </c>
      <c r="D328" s="9" t="s">
        <v>53</v>
      </c>
      <c r="E328" s="9" t="s">
        <v>36</v>
      </c>
      <c r="F328" s="9" t="s">
        <v>18</v>
      </c>
      <c r="G328" s="6">
        <v>273</v>
      </c>
      <c r="H328" s="6">
        <v>192</v>
      </c>
      <c r="I328" s="6">
        <v>166</v>
      </c>
      <c r="J328" s="6">
        <v>13</v>
      </c>
      <c r="K328" s="6">
        <v>26</v>
      </c>
      <c r="L328" s="6">
        <v>4</v>
      </c>
      <c r="M328" s="6">
        <v>77</v>
      </c>
      <c r="N328" s="10" t="s">
        <v>55</v>
      </c>
      <c r="O328" s="6">
        <v>22</v>
      </c>
      <c r="P328" s="10" t="s">
        <v>55</v>
      </c>
      <c r="Q328" s="10" t="s">
        <v>55</v>
      </c>
    </row>
    <row r="329" spans="1:17">
      <c r="A329" s="9" t="s">
        <v>56</v>
      </c>
      <c r="B329" s="9" t="s">
        <v>57</v>
      </c>
      <c r="C329" s="9" t="s">
        <v>59</v>
      </c>
      <c r="D329" s="9" t="s">
        <v>53</v>
      </c>
      <c r="E329" s="9" t="s">
        <v>37</v>
      </c>
      <c r="F329" s="9" t="s">
        <v>6</v>
      </c>
      <c r="G329" s="6">
        <v>3676</v>
      </c>
      <c r="H329" s="6">
        <v>3170</v>
      </c>
      <c r="I329" s="6">
        <v>2469</v>
      </c>
      <c r="J329" s="6">
        <v>297</v>
      </c>
      <c r="K329" s="6">
        <v>701</v>
      </c>
      <c r="L329" s="6">
        <v>49</v>
      </c>
      <c r="M329" s="6">
        <v>457</v>
      </c>
      <c r="N329" s="10" t="s">
        <v>55</v>
      </c>
      <c r="O329" s="6">
        <v>583</v>
      </c>
      <c r="P329" s="10" t="s">
        <v>55</v>
      </c>
      <c r="Q329" s="10" t="s">
        <v>55</v>
      </c>
    </row>
    <row r="330" spans="1:17">
      <c r="A330" s="9" t="s">
        <v>56</v>
      </c>
      <c r="B330" s="9" t="s">
        <v>57</v>
      </c>
      <c r="C330" s="9" t="s">
        <v>59</v>
      </c>
      <c r="D330" s="9" t="s">
        <v>53</v>
      </c>
      <c r="E330" s="9" t="s">
        <v>37</v>
      </c>
      <c r="F330" s="9" t="s">
        <v>7</v>
      </c>
      <c r="G330" s="6">
        <v>3329</v>
      </c>
      <c r="H330" s="6">
        <v>2922</v>
      </c>
      <c r="I330" s="6">
        <v>2262</v>
      </c>
      <c r="J330" s="6">
        <v>271</v>
      </c>
      <c r="K330" s="6">
        <v>660</v>
      </c>
      <c r="L330" s="6">
        <v>44</v>
      </c>
      <c r="M330" s="6">
        <v>363</v>
      </c>
      <c r="N330" s="10" t="s">
        <v>55</v>
      </c>
      <c r="O330" s="6">
        <v>555</v>
      </c>
      <c r="P330" s="10" t="s">
        <v>55</v>
      </c>
      <c r="Q330" s="10" t="s">
        <v>55</v>
      </c>
    </row>
    <row r="331" spans="1:17">
      <c r="A331" s="9" t="s">
        <v>56</v>
      </c>
      <c r="B331" s="9" t="s">
        <v>57</v>
      </c>
      <c r="C331" s="9" t="s">
        <v>59</v>
      </c>
      <c r="D331" s="9" t="s">
        <v>53</v>
      </c>
      <c r="E331" s="9" t="s">
        <v>37</v>
      </c>
      <c r="F331" s="9" t="s">
        <v>8</v>
      </c>
      <c r="G331" s="6">
        <v>3175</v>
      </c>
      <c r="H331" s="6">
        <v>2795</v>
      </c>
      <c r="I331" s="6">
        <v>2153</v>
      </c>
      <c r="J331" s="6">
        <v>266</v>
      </c>
      <c r="K331" s="6">
        <v>642</v>
      </c>
      <c r="L331" s="6">
        <v>39</v>
      </c>
      <c r="M331" s="6">
        <v>341</v>
      </c>
      <c r="N331" s="10" t="s">
        <v>55</v>
      </c>
      <c r="O331" s="6">
        <v>545</v>
      </c>
      <c r="P331" s="10" t="s">
        <v>55</v>
      </c>
      <c r="Q331" s="10" t="s">
        <v>55</v>
      </c>
    </row>
    <row r="332" spans="1:17">
      <c r="A332" s="9" t="s">
        <v>56</v>
      </c>
      <c r="B332" s="9" t="s">
        <v>57</v>
      </c>
      <c r="C332" s="9" t="s">
        <v>59</v>
      </c>
      <c r="D332" s="9" t="s">
        <v>53</v>
      </c>
      <c r="E332" s="9" t="s">
        <v>37</v>
      </c>
      <c r="F332" s="9" t="s">
        <v>13</v>
      </c>
      <c r="G332" s="6">
        <v>154</v>
      </c>
      <c r="H332" s="6">
        <v>127</v>
      </c>
      <c r="I332" s="6">
        <v>109</v>
      </c>
      <c r="J332" s="6">
        <v>5</v>
      </c>
      <c r="K332" s="6">
        <v>18</v>
      </c>
      <c r="L332" s="6">
        <v>5</v>
      </c>
      <c r="M332" s="6">
        <v>22</v>
      </c>
      <c r="N332" s="10" t="s">
        <v>55</v>
      </c>
      <c r="O332" s="6">
        <v>10</v>
      </c>
      <c r="P332" s="10" t="s">
        <v>55</v>
      </c>
      <c r="Q332" s="10" t="s">
        <v>55</v>
      </c>
    </row>
    <row r="333" spans="1:17">
      <c r="A333" s="9" t="s">
        <v>56</v>
      </c>
      <c r="B333" s="9" t="s">
        <v>57</v>
      </c>
      <c r="C333" s="9" t="s">
        <v>59</v>
      </c>
      <c r="D333" s="9" t="s">
        <v>53</v>
      </c>
      <c r="E333" s="9" t="s">
        <v>37</v>
      </c>
      <c r="F333" s="9" t="s">
        <v>14</v>
      </c>
      <c r="G333" s="6">
        <v>112</v>
      </c>
      <c r="H333" s="6">
        <v>92</v>
      </c>
      <c r="I333" s="6">
        <v>78</v>
      </c>
      <c r="J333" s="6">
        <v>9</v>
      </c>
      <c r="K333" s="6">
        <v>14</v>
      </c>
      <c r="L333" s="6">
        <v>4</v>
      </c>
      <c r="M333" s="6">
        <v>16</v>
      </c>
      <c r="N333" s="10" t="s">
        <v>55</v>
      </c>
      <c r="O333" s="6">
        <v>7</v>
      </c>
      <c r="P333" s="10" t="s">
        <v>55</v>
      </c>
      <c r="Q333" s="10" t="s">
        <v>55</v>
      </c>
    </row>
    <row r="334" spans="1:17">
      <c r="A334" s="9" t="s">
        <v>56</v>
      </c>
      <c r="B334" s="9" t="s">
        <v>57</v>
      </c>
      <c r="C334" s="9" t="s">
        <v>59</v>
      </c>
      <c r="D334" s="9" t="s">
        <v>53</v>
      </c>
      <c r="E334" s="9" t="s">
        <v>37</v>
      </c>
      <c r="F334" s="9" t="s">
        <v>18</v>
      </c>
      <c r="G334" s="6">
        <v>235</v>
      </c>
      <c r="H334" s="6">
        <v>156</v>
      </c>
      <c r="I334" s="6">
        <v>129</v>
      </c>
      <c r="J334" s="6">
        <v>17</v>
      </c>
      <c r="K334" s="6">
        <v>27</v>
      </c>
      <c r="L334" s="6">
        <v>1</v>
      </c>
      <c r="M334" s="6">
        <v>78</v>
      </c>
      <c r="N334" s="10" t="s">
        <v>55</v>
      </c>
      <c r="O334" s="6">
        <v>21</v>
      </c>
      <c r="P334" s="10" t="s">
        <v>55</v>
      </c>
      <c r="Q334" s="10" t="s">
        <v>55</v>
      </c>
    </row>
    <row r="335" spans="1:17">
      <c r="A335" s="9" t="s">
        <v>56</v>
      </c>
      <c r="B335" s="9" t="s">
        <v>57</v>
      </c>
      <c r="C335" s="9" t="s">
        <v>59</v>
      </c>
      <c r="D335" s="9" t="s">
        <v>53</v>
      </c>
      <c r="E335" s="9" t="s">
        <v>38</v>
      </c>
      <c r="F335" s="9" t="s">
        <v>6</v>
      </c>
      <c r="G335" s="6">
        <v>3514</v>
      </c>
      <c r="H335" s="6">
        <v>3023</v>
      </c>
      <c r="I335" s="6">
        <v>2221</v>
      </c>
      <c r="J335" s="6">
        <v>440</v>
      </c>
      <c r="K335" s="6">
        <v>802</v>
      </c>
      <c r="L335" s="6">
        <v>30</v>
      </c>
      <c r="M335" s="6">
        <v>461</v>
      </c>
      <c r="N335" s="10" t="s">
        <v>55</v>
      </c>
      <c r="O335" s="6">
        <v>590</v>
      </c>
      <c r="P335" s="10" t="s">
        <v>55</v>
      </c>
      <c r="Q335" s="10" t="s">
        <v>55</v>
      </c>
    </row>
    <row r="336" spans="1:17">
      <c r="A336" s="9" t="s">
        <v>56</v>
      </c>
      <c r="B336" s="9" t="s">
        <v>57</v>
      </c>
      <c r="C336" s="9" t="s">
        <v>59</v>
      </c>
      <c r="D336" s="9" t="s">
        <v>53</v>
      </c>
      <c r="E336" s="9" t="s">
        <v>38</v>
      </c>
      <c r="F336" s="9" t="s">
        <v>7</v>
      </c>
      <c r="G336" s="6">
        <v>3155</v>
      </c>
      <c r="H336" s="6">
        <v>2752</v>
      </c>
      <c r="I336" s="6">
        <v>2003</v>
      </c>
      <c r="J336" s="6">
        <v>411</v>
      </c>
      <c r="K336" s="6">
        <v>749</v>
      </c>
      <c r="L336" s="6">
        <v>26</v>
      </c>
      <c r="M336" s="6">
        <v>377</v>
      </c>
      <c r="N336" s="10" t="s">
        <v>55</v>
      </c>
      <c r="O336" s="6">
        <v>547</v>
      </c>
      <c r="P336" s="10" t="s">
        <v>55</v>
      </c>
      <c r="Q336" s="10" t="s">
        <v>55</v>
      </c>
    </row>
    <row r="337" spans="1:17">
      <c r="A337" s="9" t="s">
        <v>56</v>
      </c>
      <c r="B337" s="9" t="s">
        <v>57</v>
      </c>
      <c r="C337" s="9" t="s">
        <v>59</v>
      </c>
      <c r="D337" s="9" t="s">
        <v>53</v>
      </c>
      <c r="E337" s="9" t="s">
        <v>38</v>
      </c>
      <c r="F337" s="9" t="s">
        <v>8</v>
      </c>
      <c r="G337" s="6">
        <v>2986</v>
      </c>
      <c r="H337" s="6">
        <v>2616</v>
      </c>
      <c r="I337" s="6">
        <v>1889</v>
      </c>
      <c r="J337" s="6">
        <v>403</v>
      </c>
      <c r="K337" s="6">
        <v>727</v>
      </c>
      <c r="L337" s="6">
        <v>23</v>
      </c>
      <c r="M337" s="6">
        <v>347</v>
      </c>
      <c r="N337" s="10" t="s">
        <v>55</v>
      </c>
      <c r="O337" s="6">
        <v>534</v>
      </c>
      <c r="P337" s="10" t="s">
        <v>55</v>
      </c>
      <c r="Q337" s="10" t="s">
        <v>55</v>
      </c>
    </row>
    <row r="338" spans="1:17">
      <c r="A338" s="9" t="s">
        <v>56</v>
      </c>
      <c r="B338" s="9" t="s">
        <v>57</v>
      </c>
      <c r="C338" s="9" t="s">
        <v>59</v>
      </c>
      <c r="D338" s="9" t="s">
        <v>53</v>
      </c>
      <c r="E338" s="9" t="s">
        <v>38</v>
      </c>
      <c r="F338" s="9" t="s">
        <v>13</v>
      </c>
      <c r="G338" s="6">
        <v>169</v>
      </c>
      <c r="H338" s="6">
        <v>136</v>
      </c>
      <c r="I338" s="6">
        <v>114</v>
      </c>
      <c r="J338" s="6">
        <v>8</v>
      </c>
      <c r="K338" s="6">
        <v>22</v>
      </c>
      <c r="L338" s="6">
        <v>3</v>
      </c>
      <c r="M338" s="6">
        <v>30</v>
      </c>
      <c r="N338" s="10" t="s">
        <v>55</v>
      </c>
      <c r="O338" s="6">
        <v>13</v>
      </c>
      <c r="P338" s="10" t="s">
        <v>55</v>
      </c>
      <c r="Q338" s="10" t="s">
        <v>55</v>
      </c>
    </row>
    <row r="339" spans="1:17">
      <c r="A339" s="9" t="s">
        <v>56</v>
      </c>
      <c r="B339" s="9" t="s">
        <v>57</v>
      </c>
      <c r="C339" s="9" t="s">
        <v>59</v>
      </c>
      <c r="D339" s="9" t="s">
        <v>53</v>
      </c>
      <c r="E339" s="9" t="s">
        <v>38</v>
      </c>
      <c r="F339" s="9" t="s">
        <v>14</v>
      </c>
      <c r="G339" s="6">
        <v>145</v>
      </c>
      <c r="H339" s="6">
        <v>122</v>
      </c>
      <c r="I339" s="6">
        <v>104</v>
      </c>
      <c r="J339" s="6">
        <v>4</v>
      </c>
      <c r="K339" s="6">
        <v>18</v>
      </c>
      <c r="L339" s="10" t="s">
        <v>55</v>
      </c>
      <c r="M339" s="6">
        <v>23</v>
      </c>
      <c r="N339" s="10" t="s">
        <v>55</v>
      </c>
      <c r="O339" s="6">
        <v>12</v>
      </c>
      <c r="P339" s="10" t="s">
        <v>55</v>
      </c>
      <c r="Q339" s="10" t="s">
        <v>55</v>
      </c>
    </row>
    <row r="340" spans="1:17">
      <c r="A340" s="9" t="s">
        <v>56</v>
      </c>
      <c r="B340" s="9" t="s">
        <v>57</v>
      </c>
      <c r="C340" s="9" t="s">
        <v>59</v>
      </c>
      <c r="D340" s="9" t="s">
        <v>53</v>
      </c>
      <c r="E340" s="9" t="s">
        <v>38</v>
      </c>
      <c r="F340" s="9" t="s">
        <v>18</v>
      </c>
      <c r="G340" s="6">
        <v>214</v>
      </c>
      <c r="H340" s="6">
        <v>149</v>
      </c>
      <c r="I340" s="6">
        <v>114</v>
      </c>
      <c r="J340" s="6">
        <v>25</v>
      </c>
      <c r="K340" s="6">
        <v>35</v>
      </c>
      <c r="L340" s="6">
        <v>4</v>
      </c>
      <c r="M340" s="6">
        <v>61</v>
      </c>
      <c r="N340" s="10" t="s">
        <v>55</v>
      </c>
      <c r="O340" s="6">
        <v>31</v>
      </c>
      <c r="P340" s="10" t="s">
        <v>55</v>
      </c>
      <c r="Q340" s="10" t="s">
        <v>55</v>
      </c>
    </row>
    <row r="341" spans="1:17">
      <c r="A341" s="9" t="s">
        <v>56</v>
      </c>
      <c r="B341" s="9" t="s">
        <v>57</v>
      </c>
      <c r="C341" s="9" t="s">
        <v>59</v>
      </c>
      <c r="D341" s="9" t="s">
        <v>53</v>
      </c>
      <c r="E341" s="9" t="s">
        <v>39</v>
      </c>
      <c r="F341" s="9" t="s">
        <v>6</v>
      </c>
      <c r="G341" s="6">
        <v>3721</v>
      </c>
      <c r="H341" s="6">
        <v>3120</v>
      </c>
      <c r="I341" s="6">
        <v>2138</v>
      </c>
      <c r="J341" s="6">
        <v>747</v>
      </c>
      <c r="K341" s="6">
        <v>982</v>
      </c>
      <c r="L341" s="6">
        <v>38</v>
      </c>
      <c r="M341" s="6">
        <v>563</v>
      </c>
      <c r="N341" s="10" t="s">
        <v>55</v>
      </c>
      <c r="O341" s="6">
        <v>573</v>
      </c>
      <c r="P341" s="10" t="s">
        <v>55</v>
      </c>
      <c r="Q341" s="10" t="s">
        <v>55</v>
      </c>
    </row>
    <row r="342" spans="1:17">
      <c r="A342" s="9" t="s">
        <v>56</v>
      </c>
      <c r="B342" s="9" t="s">
        <v>57</v>
      </c>
      <c r="C342" s="9" t="s">
        <v>59</v>
      </c>
      <c r="D342" s="9" t="s">
        <v>53</v>
      </c>
      <c r="E342" s="9" t="s">
        <v>39</v>
      </c>
      <c r="F342" s="9" t="s">
        <v>7</v>
      </c>
      <c r="G342" s="6">
        <v>3339</v>
      </c>
      <c r="H342" s="6">
        <v>2858</v>
      </c>
      <c r="I342" s="6">
        <v>1931</v>
      </c>
      <c r="J342" s="6">
        <v>700</v>
      </c>
      <c r="K342" s="6">
        <v>927</v>
      </c>
      <c r="L342" s="6">
        <v>34</v>
      </c>
      <c r="M342" s="6">
        <v>447</v>
      </c>
      <c r="N342" s="10" t="s">
        <v>55</v>
      </c>
      <c r="O342" s="6">
        <v>543</v>
      </c>
      <c r="P342" s="10" t="s">
        <v>55</v>
      </c>
      <c r="Q342" s="10" t="s">
        <v>55</v>
      </c>
    </row>
    <row r="343" spans="1:17">
      <c r="A343" s="9" t="s">
        <v>56</v>
      </c>
      <c r="B343" s="9" t="s">
        <v>57</v>
      </c>
      <c r="C343" s="9" t="s">
        <v>59</v>
      </c>
      <c r="D343" s="9" t="s">
        <v>53</v>
      </c>
      <c r="E343" s="9" t="s">
        <v>39</v>
      </c>
      <c r="F343" s="9" t="s">
        <v>8</v>
      </c>
      <c r="G343" s="6">
        <v>3176</v>
      </c>
      <c r="H343" s="6">
        <v>2727</v>
      </c>
      <c r="I343" s="6">
        <v>1819</v>
      </c>
      <c r="J343" s="6">
        <v>683</v>
      </c>
      <c r="K343" s="6">
        <v>908</v>
      </c>
      <c r="L343" s="6">
        <v>33</v>
      </c>
      <c r="M343" s="6">
        <v>416</v>
      </c>
      <c r="N343" s="10" t="s">
        <v>55</v>
      </c>
      <c r="O343" s="6">
        <v>535</v>
      </c>
      <c r="P343" s="10" t="s">
        <v>55</v>
      </c>
      <c r="Q343" s="10" t="s">
        <v>55</v>
      </c>
    </row>
    <row r="344" spans="1:17">
      <c r="A344" s="9" t="s">
        <v>56</v>
      </c>
      <c r="B344" s="9" t="s">
        <v>57</v>
      </c>
      <c r="C344" s="9" t="s">
        <v>59</v>
      </c>
      <c r="D344" s="9" t="s">
        <v>53</v>
      </c>
      <c r="E344" s="9" t="s">
        <v>39</v>
      </c>
      <c r="F344" s="9" t="s">
        <v>13</v>
      </c>
      <c r="G344" s="6">
        <v>163</v>
      </c>
      <c r="H344" s="6">
        <v>131</v>
      </c>
      <c r="I344" s="6">
        <v>112</v>
      </c>
      <c r="J344" s="6">
        <v>17</v>
      </c>
      <c r="K344" s="6">
        <v>19</v>
      </c>
      <c r="L344" s="6">
        <v>1</v>
      </c>
      <c r="M344" s="6">
        <v>31</v>
      </c>
      <c r="N344" s="10" t="s">
        <v>55</v>
      </c>
      <c r="O344" s="6">
        <v>8</v>
      </c>
      <c r="P344" s="10" t="s">
        <v>55</v>
      </c>
      <c r="Q344" s="10" t="s">
        <v>55</v>
      </c>
    </row>
    <row r="345" spans="1:17">
      <c r="A345" s="9" t="s">
        <v>56</v>
      </c>
      <c r="B345" s="9" t="s">
        <v>57</v>
      </c>
      <c r="C345" s="9" t="s">
        <v>59</v>
      </c>
      <c r="D345" s="9" t="s">
        <v>53</v>
      </c>
      <c r="E345" s="9" t="s">
        <v>39</v>
      </c>
      <c r="F345" s="9" t="s">
        <v>14</v>
      </c>
      <c r="G345" s="6">
        <v>222</v>
      </c>
      <c r="H345" s="6">
        <v>159</v>
      </c>
      <c r="I345" s="6">
        <v>130</v>
      </c>
      <c r="J345" s="6">
        <v>23</v>
      </c>
      <c r="K345" s="6">
        <v>29</v>
      </c>
      <c r="L345" s="6">
        <v>4</v>
      </c>
      <c r="M345" s="6">
        <v>59</v>
      </c>
      <c r="N345" s="10" t="s">
        <v>55</v>
      </c>
      <c r="O345" s="6">
        <v>10</v>
      </c>
      <c r="P345" s="10" t="s">
        <v>55</v>
      </c>
      <c r="Q345" s="10" t="s">
        <v>55</v>
      </c>
    </row>
    <row r="346" spans="1:17">
      <c r="A346" s="9" t="s">
        <v>56</v>
      </c>
      <c r="B346" s="9" t="s">
        <v>57</v>
      </c>
      <c r="C346" s="9" t="s">
        <v>59</v>
      </c>
      <c r="D346" s="9" t="s">
        <v>53</v>
      </c>
      <c r="E346" s="9" t="s">
        <v>39</v>
      </c>
      <c r="F346" s="9" t="s">
        <v>18</v>
      </c>
      <c r="G346" s="6">
        <v>160</v>
      </c>
      <c r="H346" s="6">
        <v>103</v>
      </c>
      <c r="I346" s="6">
        <v>77</v>
      </c>
      <c r="J346" s="6">
        <v>24</v>
      </c>
      <c r="K346" s="6">
        <v>26</v>
      </c>
      <c r="L346" s="10" t="s">
        <v>55</v>
      </c>
      <c r="M346" s="6">
        <v>57</v>
      </c>
      <c r="N346" s="10" t="s">
        <v>55</v>
      </c>
      <c r="O346" s="6">
        <v>20</v>
      </c>
      <c r="P346" s="10" t="s">
        <v>55</v>
      </c>
      <c r="Q346" s="10" t="s">
        <v>55</v>
      </c>
    </row>
    <row r="347" spans="1:17">
      <c r="A347" s="9" t="s">
        <v>56</v>
      </c>
      <c r="B347" s="9" t="s">
        <v>57</v>
      </c>
      <c r="C347" s="9" t="s">
        <v>59</v>
      </c>
      <c r="D347" s="9" t="s">
        <v>53</v>
      </c>
      <c r="E347" s="9" t="s">
        <v>40</v>
      </c>
      <c r="F347" s="9" t="s">
        <v>6</v>
      </c>
      <c r="G347" s="6">
        <v>4069</v>
      </c>
      <c r="H347" s="6">
        <v>3396</v>
      </c>
      <c r="I347" s="6">
        <v>2232</v>
      </c>
      <c r="J347" s="6">
        <v>1112</v>
      </c>
      <c r="K347" s="6">
        <v>1164</v>
      </c>
      <c r="L347" s="6">
        <v>29</v>
      </c>
      <c r="M347" s="6">
        <v>644</v>
      </c>
      <c r="N347" s="10" t="s">
        <v>55</v>
      </c>
      <c r="O347" s="6">
        <v>602</v>
      </c>
      <c r="P347" s="10" t="s">
        <v>55</v>
      </c>
      <c r="Q347" s="10" t="s">
        <v>55</v>
      </c>
    </row>
    <row r="348" spans="1:17">
      <c r="A348" s="9" t="s">
        <v>56</v>
      </c>
      <c r="B348" s="9" t="s">
        <v>57</v>
      </c>
      <c r="C348" s="9" t="s">
        <v>59</v>
      </c>
      <c r="D348" s="9" t="s">
        <v>53</v>
      </c>
      <c r="E348" s="9" t="s">
        <v>40</v>
      </c>
      <c r="F348" s="9" t="s">
        <v>7</v>
      </c>
      <c r="G348" s="6">
        <v>3298</v>
      </c>
      <c r="H348" s="6">
        <v>2805</v>
      </c>
      <c r="I348" s="6">
        <v>1810</v>
      </c>
      <c r="J348" s="6">
        <v>913</v>
      </c>
      <c r="K348" s="6">
        <v>995</v>
      </c>
      <c r="L348" s="6">
        <v>25</v>
      </c>
      <c r="M348" s="6">
        <v>468</v>
      </c>
      <c r="N348" s="10" t="s">
        <v>55</v>
      </c>
      <c r="O348" s="6">
        <v>526</v>
      </c>
      <c r="P348" s="10" t="s">
        <v>55</v>
      </c>
      <c r="Q348" s="10" t="s">
        <v>55</v>
      </c>
    </row>
    <row r="349" spans="1:17">
      <c r="A349" s="9" t="s">
        <v>56</v>
      </c>
      <c r="B349" s="9" t="s">
        <v>57</v>
      </c>
      <c r="C349" s="9" t="s">
        <v>59</v>
      </c>
      <c r="D349" s="9" t="s">
        <v>53</v>
      </c>
      <c r="E349" s="9" t="s">
        <v>40</v>
      </c>
      <c r="F349" s="9" t="s">
        <v>8</v>
      </c>
      <c r="G349" s="6">
        <v>3102</v>
      </c>
      <c r="H349" s="6">
        <v>2670</v>
      </c>
      <c r="I349" s="6">
        <v>1716</v>
      </c>
      <c r="J349" s="6">
        <v>871</v>
      </c>
      <c r="K349" s="6">
        <v>954</v>
      </c>
      <c r="L349" s="6">
        <v>25</v>
      </c>
      <c r="M349" s="6">
        <v>407</v>
      </c>
      <c r="N349" s="10" t="s">
        <v>55</v>
      </c>
      <c r="O349" s="6">
        <v>508</v>
      </c>
      <c r="P349" s="10" t="s">
        <v>55</v>
      </c>
      <c r="Q349" s="10" t="s">
        <v>55</v>
      </c>
    </row>
    <row r="350" spans="1:17">
      <c r="A350" s="9" t="s">
        <v>56</v>
      </c>
      <c r="B350" s="9" t="s">
        <v>57</v>
      </c>
      <c r="C350" s="9" t="s">
        <v>59</v>
      </c>
      <c r="D350" s="9" t="s">
        <v>53</v>
      </c>
      <c r="E350" s="9" t="s">
        <v>40</v>
      </c>
      <c r="F350" s="9" t="s">
        <v>13</v>
      </c>
      <c r="G350" s="6">
        <v>196</v>
      </c>
      <c r="H350" s="6">
        <v>135</v>
      </c>
      <c r="I350" s="6">
        <v>94</v>
      </c>
      <c r="J350" s="6">
        <v>42</v>
      </c>
      <c r="K350" s="6">
        <v>41</v>
      </c>
      <c r="L350" s="10" t="s">
        <v>55</v>
      </c>
      <c r="M350" s="6">
        <v>61</v>
      </c>
      <c r="N350" s="10" t="s">
        <v>55</v>
      </c>
      <c r="O350" s="6">
        <v>18</v>
      </c>
      <c r="P350" s="10" t="s">
        <v>55</v>
      </c>
      <c r="Q350" s="10" t="s">
        <v>55</v>
      </c>
    </row>
    <row r="351" spans="1:17">
      <c r="A351" s="9" t="s">
        <v>56</v>
      </c>
      <c r="B351" s="9" t="s">
        <v>57</v>
      </c>
      <c r="C351" s="9" t="s">
        <v>59</v>
      </c>
      <c r="D351" s="9" t="s">
        <v>53</v>
      </c>
      <c r="E351" s="9" t="s">
        <v>40</v>
      </c>
      <c r="F351" s="9" t="s">
        <v>14</v>
      </c>
      <c r="G351" s="6">
        <v>628</v>
      </c>
      <c r="H351" s="6">
        <v>509</v>
      </c>
      <c r="I351" s="6">
        <v>366</v>
      </c>
      <c r="J351" s="6">
        <v>174</v>
      </c>
      <c r="K351" s="6">
        <v>143</v>
      </c>
      <c r="L351" s="6">
        <v>4</v>
      </c>
      <c r="M351" s="6">
        <v>115</v>
      </c>
      <c r="N351" s="10" t="s">
        <v>55</v>
      </c>
      <c r="O351" s="6">
        <v>63</v>
      </c>
      <c r="P351" s="10" t="s">
        <v>55</v>
      </c>
      <c r="Q351" s="10" t="s">
        <v>55</v>
      </c>
    </row>
    <row r="352" spans="1:17">
      <c r="A352" s="9" t="s">
        <v>56</v>
      </c>
      <c r="B352" s="9" t="s">
        <v>57</v>
      </c>
      <c r="C352" s="9" t="s">
        <v>59</v>
      </c>
      <c r="D352" s="9" t="s">
        <v>53</v>
      </c>
      <c r="E352" s="9" t="s">
        <v>40</v>
      </c>
      <c r="F352" s="9" t="s">
        <v>18</v>
      </c>
      <c r="G352" s="6">
        <v>143</v>
      </c>
      <c r="H352" s="6">
        <v>82</v>
      </c>
      <c r="I352" s="6">
        <v>56</v>
      </c>
      <c r="J352" s="6">
        <v>25</v>
      </c>
      <c r="K352" s="6">
        <v>26</v>
      </c>
      <c r="L352" s="10" t="s">
        <v>55</v>
      </c>
      <c r="M352" s="6">
        <v>61</v>
      </c>
      <c r="N352" s="10" t="s">
        <v>55</v>
      </c>
      <c r="O352" s="6">
        <v>13</v>
      </c>
      <c r="P352" s="10" t="s">
        <v>55</v>
      </c>
      <c r="Q352" s="10" t="s">
        <v>55</v>
      </c>
    </row>
    <row r="353" spans="1:17">
      <c r="A353" s="9" t="s">
        <v>56</v>
      </c>
      <c r="B353" s="9" t="s">
        <v>57</v>
      </c>
      <c r="C353" s="9" t="s">
        <v>59</v>
      </c>
      <c r="D353" s="9" t="s">
        <v>53</v>
      </c>
      <c r="E353" s="9" t="s">
        <v>41</v>
      </c>
      <c r="F353" s="9" t="s">
        <v>6</v>
      </c>
      <c r="G353" s="6">
        <v>4539</v>
      </c>
      <c r="H353" s="6">
        <v>3790</v>
      </c>
      <c r="I353" s="6">
        <v>2726</v>
      </c>
      <c r="J353" s="6">
        <v>1698</v>
      </c>
      <c r="K353" s="6">
        <v>1064</v>
      </c>
      <c r="L353" s="6">
        <v>41</v>
      </c>
      <c r="M353" s="6">
        <v>708</v>
      </c>
      <c r="N353" s="10" t="s">
        <v>55</v>
      </c>
      <c r="O353" s="6">
        <v>614</v>
      </c>
      <c r="P353" s="6">
        <v>1548</v>
      </c>
      <c r="Q353" s="6">
        <v>708</v>
      </c>
    </row>
    <row r="354" spans="1:17">
      <c r="A354" s="9" t="s">
        <v>56</v>
      </c>
      <c r="B354" s="9" t="s">
        <v>57</v>
      </c>
      <c r="C354" s="9" t="s">
        <v>59</v>
      </c>
      <c r="D354" s="9" t="s">
        <v>53</v>
      </c>
      <c r="E354" s="9" t="s">
        <v>41</v>
      </c>
      <c r="F354" s="9" t="s">
        <v>7</v>
      </c>
      <c r="G354" s="6">
        <v>2668</v>
      </c>
      <c r="H354" s="6">
        <v>2347</v>
      </c>
      <c r="I354" s="6">
        <v>1632</v>
      </c>
      <c r="J354" s="6">
        <v>1012</v>
      </c>
      <c r="K354" s="6">
        <v>715</v>
      </c>
      <c r="L354" s="6">
        <v>22</v>
      </c>
      <c r="M354" s="6">
        <v>299</v>
      </c>
      <c r="N354" s="10" t="s">
        <v>55</v>
      </c>
      <c r="O354" s="6">
        <v>437</v>
      </c>
      <c r="P354" s="6">
        <v>913</v>
      </c>
      <c r="Q354" s="6">
        <v>299</v>
      </c>
    </row>
    <row r="355" spans="1:17">
      <c r="A355" s="9" t="s">
        <v>56</v>
      </c>
      <c r="B355" s="9" t="s">
        <v>57</v>
      </c>
      <c r="C355" s="9" t="s">
        <v>59</v>
      </c>
      <c r="D355" s="9" t="s">
        <v>53</v>
      </c>
      <c r="E355" s="9" t="s">
        <v>41</v>
      </c>
      <c r="F355" s="9" t="s">
        <v>8</v>
      </c>
      <c r="G355" s="6">
        <v>2521</v>
      </c>
      <c r="H355" s="6">
        <v>2241</v>
      </c>
      <c r="I355" s="6">
        <v>1549</v>
      </c>
      <c r="J355" s="6">
        <v>955</v>
      </c>
      <c r="K355" s="6">
        <v>692</v>
      </c>
      <c r="L355" s="6">
        <v>20</v>
      </c>
      <c r="M355" s="6">
        <v>260</v>
      </c>
      <c r="N355" s="10" t="s">
        <v>55</v>
      </c>
      <c r="O355" s="6">
        <v>429</v>
      </c>
      <c r="P355" s="6">
        <v>863</v>
      </c>
      <c r="Q355" s="6">
        <v>260</v>
      </c>
    </row>
    <row r="356" spans="1:17">
      <c r="A356" s="9" t="s">
        <v>56</v>
      </c>
      <c r="B356" s="9" t="s">
        <v>57</v>
      </c>
      <c r="C356" s="9" t="s">
        <v>59</v>
      </c>
      <c r="D356" s="9" t="s">
        <v>53</v>
      </c>
      <c r="E356" s="9" t="s">
        <v>41</v>
      </c>
      <c r="F356" s="9" t="s">
        <v>13</v>
      </c>
      <c r="G356" s="6">
        <v>147</v>
      </c>
      <c r="H356" s="6">
        <v>106</v>
      </c>
      <c r="I356" s="6">
        <v>83</v>
      </c>
      <c r="J356" s="6">
        <v>57</v>
      </c>
      <c r="K356" s="6">
        <v>23</v>
      </c>
      <c r="L356" s="6">
        <v>2</v>
      </c>
      <c r="M356" s="6">
        <v>39</v>
      </c>
      <c r="N356" s="10" t="s">
        <v>55</v>
      </c>
      <c r="O356" s="6">
        <v>8</v>
      </c>
      <c r="P356" s="6">
        <v>50</v>
      </c>
      <c r="Q356" s="6">
        <v>39</v>
      </c>
    </row>
    <row r="357" spans="1:17">
      <c r="A357" s="9" t="s">
        <v>56</v>
      </c>
      <c r="B357" s="9" t="s">
        <v>57</v>
      </c>
      <c r="C357" s="9" t="s">
        <v>59</v>
      </c>
      <c r="D357" s="9" t="s">
        <v>53</v>
      </c>
      <c r="E357" s="9" t="s">
        <v>41</v>
      </c>
      <c r="F357" s="9" t="s">
        <v>14</v>
      </c>
      <c r="G357" s="6">
        <v>1747</v>
      </c>
      <c r="H357" s="6">
        <v>1374</v>
      </c>
      <c r="I357" s="6">
        <v>1050</v>
      </c>
      <c r="J357" s="6">
        <v>665</v>
      </c>
      <c r="K357" s="6">
        <v>324</v>
      </c>
      <c r="L357" s="6">
        <v>18</v>
      </c>
      <c r="M357" s="6">
        <v>355</v>
      </c>
      <c r="N357" s="10" t="s">
        <v>55</v>
      </c>
      <c r="O357" s="6">
        <v>159</v>
      </c>
      <c r="P357" s="6">
        <v>620</v>
      </c>
      <c r="Q357" s="6">
        <v>355</v>
      </c>
    </row>
    <row r="358" spans="1:17">
      <c r="A358" s="9" t="s">
        <v>56</v>
      </c>
      <c r="B358" s="9" t="s">
        <v>57</v>
      </c>
      <c r="C358" s="9" t="s">
        <v>59</v>
      </c>
      <c r="D358" s="9" t="s">
        <v>53</v>
      </c>
      <c r="E358" s="9" t="s">
        <v>41</v>
      </c>
      <c r="F358" s="9" t="s">
        <v>18</v>
      </c>
      <c r="G358" s="6">
        <v>124</v>
      </c>
      <c r="H358" s="6">
        <v>69</v>
      </c>
      <c r="I358" s="6">
        <v>44</v>
      </c>
      <c r="J358" s="6">
        <v>21</v>
      </c>
      <c r="K358" s="6">
        <v>25</v>
      </c>
      <c r="L358" s="6">
        <v>1</v>
      </c>
      <c r="M358" s="6">
        <v>54</v>
      </c>
      <c r="N358" s="10" t="s">
        <v>55</v>
      </c>
      <c r="O358" s="6">
        <v>18</v>
      </c>
      <c r="P358" s="6">
        <v>15</v>
      </c>
      <c r="Q358" s="6">
        <v>54</v>
      </c>
    </row>
    <row r="359" spans="1:17">
      <c r="A359" s="9" t="s">
        <v>56</v>
      </c>
      <c r="B359" s="9" t="s">
        <v>57</v>
      </c>
      <c r="C359" s="9" t="s">
        <v>59</v>
      </c>
      <c r="D359" s="9" t="s">
        <v>53</v>
      </c>
      <c r="E359" s="9" t="s">
        <v>42</v>
      </c>
      <c r="F359" s="9" t="s">
        <v>6</v>
      </c>
      <c r="G359" s="6">
        <v>4465</v>
      </c>
      <c r="H359" s="6">
        <v>3835</v>
      </c>
      <c r="I359" s="6">
        <v>2959</v>
      </c>
      <c r="J359" s="6">
        <v>1987</v>
      </c>
      <c r="K359" s="6">
        <v>876</v>
      </c>
      <c r="L359" s="6">
        <v>35</v>
      </c>
      <c r="M359" s="6">
        <v>595</v>
      </c>
      <c r="N359" s="10" t="s">
        <v>55</v>
      </c>
      <c r="O359" s="6">
        <v>550</v>
      </c>
      <c r="P359" s="6">
        <v>1941</v>
      </c>
      <c r="Q359" s="6">
        <v>595</v>
      </c>
    </row>
    <row r="360" spans="1:17">
      <c r="A360" s="9" t="s">
        <v>56</v>
      </c>
      <c r="B360" s="9" t="s">
        <v>57</v>
      </c>
      <c r="C360" s="9" t="s">
        <v>59</v>
      </c>
      <c r="D360" s="9" t="s">
        <v>53</v>
      </c>
      <c r="E360" s="9" t="s">
        <v>42</v>
      </c>
      <c r="F360" s="9" t="s">
        <v>7</v>
      </c>
      <c r="G360" s="6">
        <v>1853</v>
      </c>
      <c r="H360" s="6">
        <v>1639</v>
      </c>
      <c r="I360" s="6">
        <v>1200</v>
      </c>
      <c r="J360" s="6">
        <v>790</v>
      </c>
      <c r="K360" s="6">
        <v>439</v>
      </c>
      <c r="L360" s="6">
        <v>20</v>
      </c>
      <c r="M360" s="6">
        <v>194</v>
      </c>
      <c r="N360" s="10" t="s">
        <v>55</v>
      </c>
      <c r="O360" s="6">
        <v>300</v>
      </c>
      <c r="P360" s="6">
        <v>769</v>
      </c>
      <c r="Q360" s="6">
        <v>194</v>
      </c>
    </row>
    <row r="361" spans="1:17">
      <c r="A361" s="9" t="s">
        <v>56</v>
      </c>
      <c r="B361" s="9" t="s">
        <v>57</v>
      </c>
      <c r="C361" s="9" t="s">
        <v>59</v>
      </c>
      <c r="D361" s="9" t="s">
        <v>53</v>
      </c>
      <c r="E361" s="9" t="s">
        <v>42</v>
      </c>
      <c r="F361" s="9" t="s">
        <v>8</v>
      </c>
      <c r="G361" s="6">
        <v>1788</v>
      </c>
      <c r="H361" s="6">
        <v>1599</v>
      </c>
      <c r="I361" s="6">
        <v>1168</v>
      </c>
      <c r="J361" s="6">
        <v>770</v>
      </c>
      <c r="K361" s="6">
        <v>431</v>
      </c>
      <c r="L361" s="6">
        <v>20</v>
      </c>
      <c r="M361" s="6">
        <v>169</v>
      </c>
      <c r="N361" s="10" t="s">
        <v>55</v>
      </c>
      <c r="O361" s="6">
        <v>297</v>
      </c>
      <c r="P361" s="6">
        <v>749</v>
      </c>
      <c r="Q361" s="6">
        <v>169</v>
      </c>
    </row>
    <row r="362" spans="1:17">
      <c r="A362" s="9" t="s">
        <v>56</v>
      </c>
      <c r="B362" s="9" t="s">
        <v>57</v>
      </c>
      <c r="C362" s="9" t="s">
        <v>59</v>
      </c>
      <c r="D362" s="9" t="s">
        <v>53</v>
      </c>
      <c r="E362" s="9" t="s">
        <v>42</v>
      </c>
      <c r="F362" s="9" t="s">
        <v>13</v>
      </c>
      <c r="G362" s="6">
        <v>65</v>
      </c>
      <c r="H362" s="6">
        <v>40</v>
      </c>
      <c r="I362" s="6">
        <v>32</v>
      </c>
      <c r="J362" s="6">
        <v>20</v>
      </c>
      <c r="K362" s="6">
        <v>8</v>
      </c>
      <c r="L362" s="10" t="s">
        <v>55</v>
      </c>
      <c r="M362" s="6">
        <v>25</v>
      </c>
      <c r="N362" s="10" t="s">
        <v>55</v>
      </c>
      <c r="O362" s="6">
        <v>3</v>
      </c>
      <c r="P362" s="6">
        <v>20</v>
      </c>
      <c r="Q362" s="6">
        <v>25</v>
      </c>
    </row>
    <row r="363" spans="1:17">
      <c r="A363" s="9" t="s">
        <v>56</v>
      </c>
      <c r="B363" s="9" t="s">
        <v>57</v>
      </c>
      <c r="C363" s="9" t="s">
        <v>59</v>
      </c>
      <c r="D363" s="9" t="s">
        <v>53</v>
      </c>
      <c r="E363" s="9" t="s">
        <v>42</v>
      </c>
      <c r="F363" s="9" t="s">
        <v>14</v>
      </c>
      <c r="G363" s="6">
        <v>2508</v>
      </c>
      <c r="H363" s="6">
        <v>2126</v>
      </c>
      <c r="I363" s="6">
        <v>1709</v>
      </c>
      <c r="J363" s="6">
        <v>1169</v>
      </c>
      <c r="K363" s="6">
        <v>417</v>
      </c>
      <c r="L363" s="6">
        <v>12</v>
      </c>
      <c r="M363" s="6">
        <v>370</v>
      </c>
      <c r="N363" s="10" t="s">
        <v>55</v>
      </c>
      <c r="O363" s="6">
        <v>236</v>
      </c>
      <c r="P363" s="6">
        <v>1147</v>
      </c>
      <c r="Q363" s="6">
        <v>370</v>
      </c>
    </row>
    <row r="364" spans="1:17">
      <c r="A364" s="9" t="s">
        <v>56</v>
      </c>
      <c r="B364" s="9" t="s">
        <v>57</v>
      </c>
      <c r="C364" s="9" t="s">
        <v>59</v>
      </c>
      <c r="D364" s="9" t="s">
        <v>53</v>
      </c>
      <c r="E364" s="9" t="s">
        <v>42</v>
      </c>
      <c r="F364" s="9" t="s">
        <v>18</v>
      </c>
      <c r="G364" s="6">
        <v>104</v>
      </c>
      <c r="H364" s="6">
        <v>70</v>
      </c>
      <c r="I364" s="6">
        <v>50</v>
      </c>
      <c r="J364" s="6">
        <v>28</v>
      </c>
      <c r="K364" s="6">
        <v>20</v>
      </c>
      <c r="L364" s="6">
        <v>3</v>
      </c>
      <c r="M364" s="6">
        <v>31</v>
      </c>
      <c r="N364" s="10" t="s">
        <v>55</v>
      </c>
      <c r="O364" s="6">
        <v>14</v>
      </c>
      <c r="P364" s="6">
        <v>25</v>
      </c>
      <c r="Q364" s="6">
        <v>31</v>
      </c>
    </row>
    <row r="365" spans="1:17">
      <c r="A365" s="9" t="s">
        <v>56</v>
      </c>
      <c r="B365" s="9" t="s">
        <v>57</v>
      </c>
      <c r="C365" s="9" t="s">
        <v>59</v>
      </c>
      <c r="D365" s="9" t="s">
        <v>53</v>
      </c>
      <c r="E365" s="9" t="s">
        <v>43</v>
      </c>
      <c r="F365" s="9" t="s">
        <v>6</v>
      </c>
      <c r="G365" s="6">
        <v>3039</v>
      </c>
      <c r="H365" s="6">
        <v>2699</v>
      </c>
      <c r="I365" s="6">
        <v>2166</v>
      </c>
      <c r="J365" s="6">
        <v>1458</v>
      </c>
      <c r="K365" s="6">
        <v>533</v>
      </c>
      <c r="L365" s="6">
        <v>20</v>
      </c>
      <c r="M365" s="6">
        <v>320</v>
      </c>
      <c r="N365" s="10" t="s">
        <v>55</v>
      </c>
      <c r="O365" s="6">
        <v>383</v>
      </c>
      <c r="P365" s="6">
        <v>1450</v>
      </c>
      <c r="Q365" s="6">
        <v>320</v>
      </c>
    </row>
    <row r="366" spans="1:17">
      <c r="A366" s="9" t="s">
        <v>56</v>
      </c>
      <c r="B366" s="9" t="s">
        <v>57</v>
      </c>
      <c r="C366" s="9" t="s">
        <v>59</v>
      </c>
      <c r="D366" s="9" t="s">
        <v>53</v>
      </c>
      <c r="E366" s="9" t="s">
        <v>43</v>
      </c>
      <c r="F366" s="9" t="s">
        <v>7</v>
      </c>
      <c r="G366" s="6">
        <v>708</v>
      </c>
      <c r="H366" s="6">
        <v>644</v>
      </c>
      <c r="I366" s="6">
        <v>469</v>
      </c>
      <c r="J366" s="6">
        <v>290</v>
      </c>
      <c r="K366" s="6">
        <v>175</v>
      </c>
      <c r="L366" s="6">
        <v>8</v>
      </c>
      <c r="M366" s="6">
        <v>56</v>
      </c>
      <c r="N366" s="10" t="s">
        <v>55</v>
      </c>
      <c r="O366" s="6">
        <v>134</v>
      </c>
      <c r="P366" s="6">
        <v>288</v>
      </c>
      <c r="Q366" s="6">
        <v>56</v>
      </c>
    </row>
    <row r="367" spans="1:17">
      <c r="A367" s="9" t="s">
        <v>56</v>
      </c>
      <c r="B367" s="9" t="s">
        <v>57</v>
      </c>
      <c r="C367" s="9" t="s">
        <v>59</v>
      </c>
      <c r="D367" s="9" t="s">
        <v>53</v>
      </c>
      <c r="E367" s="9" t="s">
        <v>43</v>
      </c>
      <c r="F367" s="9" t="s">
        <v>8</v>
      </c>
      <c r="G367" s="6">
        <v>688</v>
      </c>
      <c r="H367" s="6">
        <v>630</v>
      </c>
      <c r="I367" s="6">
        <v>456</v>
      </c>
      <c r="J367" s="6">
        <v>280</v>
      </c>
      <c r="K367" s="6">
        <v>174</v>
      </c>
      <c r="L367" s="6">
        <v>8</v>
      </c>
      <c r="M367" s="6">
        <v>50</v>
      </c>
      <c r="N367" s="10" t="s">
        <v>55</v>
      </c>
      <c r="O367" s="6">
        <v>134</v>
      </c>
      <c r="P367" s="6">
        <v>278</v>
      </c>
      <c r="Q367" s="6">
        <v>50</v>
      </c>
    </row>
    <row r="368" spans="1:17">
      <c r="A368" s="9" t="s">
        <v>56</v>
      </c>
      <c r="B368" s="9" t="s">
        <v>57</v>
      </c>
      <c r="C368" s="9" t="s">
        <v>59</v>
      </c>
      <c r="D368" s="9" t="s">
        <v>53</v>
      </c>
      <c r="E368" s="9" t="s">
        <v>43</v>
      </c>
      <c r="F368" s="9" t="s">
        <v>13</v>
      </c>
      <c r="G368" s="6">
        <v>20</v>
      </c>
      <c r="H368" s="6">
        <v>14</v>
      </c>
      <c r="I368" s="6">
        <v>13</v>
      </c>
      <c r="J368" s="6">
        <v>10</v>
      </c>
      <c r="K368" s="6">
        <v>1</v>
      </c>
      <c r="L368" s="10" t="s">
        <v>55</v>
      </c>
      <c r="M368" s="6">
        <v>6</v>
      </c>
      <c r="N368" s="10" t="s">
        <v>55</v>
      </c>
      <c r="O368" s="10" t="s">
        <v>55</v>
      </c>
      <c r="P368" s="6">
        <v>10</v>
      </c>
      <c r="Q368" s="6">
        <v>6</v>
      </c>
    </row>
    <row r="369" spans="1:17">
      <c r="A369" s="9" t="s">
        <v>56</v>
      </c>
      <c r="B369" s="9" t="s">
        <v>57</v>
      </c>
      <c r="C369" s="9" t="s">
        <v>59</v>
      </c>
      <c r="D369" s="9" t="s">
        <v>53</v>
      </c>
      <c r="E369" s="9" t="s">
        <v>43</v>
      </c>
      <c r="F369" s="9" t="s">
        <v>14</v>
      </c>
      <c r="G369" s="6">
        <v>2262</v>
      </c>
      <c r="H369" s="6">
        <v>2009</v>
      </c>
      <c r="I369" s="6">
        <v>1663</v>
      </c>
      <c r="J369" s="6">
        <v>1152</v>
      </c>
      <c r="K369" s="6">
        <v>346</v>
      </c>
      <c r="L369" s="6">
        <v>11</v>
      </c>
      <c r="M369" s="6">
        <v>242</v>
      </c>
      <c r="N369" s="10" t="s">
        <v>55</v>
      </c>
      <c r="O369" s="6">
        <v>240</v>
      </c>
      <c r="P369" s="6">
        <v>1146</v>
      </c>
      <c r="Q369" s="6">
        <v>242</v>
      </c>
    </row>
    <row r="370" spans="1:17">
      <c r="A370" s="9" t="s">
        <v>56</v>
      </c>
      <c r="B370" s="9" t="s">
        <v>57</v>
      </c>
      <c r="C370" s="9" t="s">
        <v>59</v>
      </c>
      <c r="D370" s="9" t="s">
        <v>53</v>
      </c>
      <c r="E370" s="9" t="s">
        <v>43</v>
      </c>
      <c r="F370" s="9" t="s">
        <v>18</v>
      </c>
      <c r="G370" s="6">
        <v>69</v>
      </c>
      <c r="H370" s="6">
        <v>46</v>
      </c>
      <c r="I370" s="6">
        <v>34</v>
      </c>
      <c r="J370" s="6">
        <v>16</v>
      </c>
      <c r="K370" s="6">
        <v>12</v>
      </c>
      <c r="L370" s="6">
        <v>1</v>
      </c>
      <c r="M370" s="6">
        <v>22</v>
      </c>
      <c r="N370" s="10" t="s">
        <v>55</v>
      </c>
      <c r="O370" s="6">
        <v>9</v>
      </c>
      <c r="P370" s="6">
        <v>16</v>
      </c>
      <c r="Q370" s="6">
        <v>22</v>
      </c>
    </row>
    <row r="371" spans="1:17">
      <c r="A371" s="9" t="s">
        <v>56</v>
      </c>
      <c r="B371" s="9" t="s">
        <v>57</v>
      </c>
      <c r="C371" s="9" t="s">
        <v>59</v>
      </c>
      <c r="D371" s="9" t="s">
        <v>53</v>
      </c>
      <c r="E371" s="9" t="s">
        <v>44</v>
      </c>
      <c r="F371" s="9" t="s">
        <v>6</v>
      </c>
      <c r="G371" s="6">
        <v>2346</v>
      </c>
      <c r="H371" s="6">
        <v>2129</v>
      </c>
      <c r="I371" s="6">
        <v>1602</v>
      </c>
      <c r="J371" s="6">
        <v>1060</v>
      </c>
      <c r="K371" s="6">
        <v>527</v>
      </c>
      <c r="L371" s="6">
        <v>13</v>
      </c>
      <c r="M371" s="6">
        <v>204</v>
      </c>
      <c r="N371" s="10" t="s">
        <v>55</v>
      </c>
      <c r="O371" s="6">
        <v>338</v>
      </c>
      <c r="P371" s="6">
        <v>1059</v>
      </c>
      <c r="Q371" s="6">
        <v>204</v>
      </c>
    </row>
    <row r="372" spans="1:17">
      <c r="A372" s="9" t="s">
        <v>56</v>
      </c>
      <c r="B372" s="9" t="s">
        <v>57</v>
      </c>
      <c r="C372" s="9" t="s">
        <v>59</v>
      </c>
      <c r="D372" s="9" t="s">
        <v>53</v>
      </c>
      <c r="E372" s="9" t="s">
        <v>44</v>
      </c>
      <c r="F372" s="9" t="s">
        <v>7</v>
      </c>
      <c r="G372" s="6">
        <v>353</v>
      </c>
      <c r="H372" s="6">
        <v>335</v>
      </c>
      <c r="I372" s="6">
        <v>223</v>
      </c>
      <c r="J372" s="6">
        <v>130</v>
      </c>
      <c r="K372" s="6">
        <v>112</v>
      </c>
      <c r="L372" s="6">
        <v>2</v>
      </c>
      <c r="M372" s="6">
        <v>16</v>
      </c>
      <c r="N372" s="10" t="s">
        <v>55</v>
      </c>
      <c r="O372" s="6">
        <v>78</v>
      </c>
      <c r="P372" s="6">
        <v>130</v>
      </c>
      <c r="Q372" s="6">
        <v>16</v>
      </c>
    </row>
    <row r="373" spans="1:17">
      <c r="A373" s="9" t="s">
        <v>56</v>
      </c>
      <c r="B373" s="9" t="s">
        <v>57</v>
      </c>
      <c r="C373" s="9" t="s">
        <v>59</v>
      </c>
      <c r="D373" s="9" t="s">
        <v>53</v>
      </c>
      <c r="E373" s="9" t="s">
        <v>44</v>
      </c>
      <c r="F373" s="9" t="s">
        <v>8</v>
      </c>
      <c r="G373" s="6">
        <v>347</v>
      </c>
      <c r="H373" s="6">
        <v>330</v>
      </c>
      <c r="I373" s="6">
        <v>220</v>
      </c>
      <c r="J373" s="6">
        <v>130</v>
      </c>
      <c r="K373" s="6">
        <v>110</v>
      </c>
      <c r="L373" s="6">
        <v>2</v>
      </c>
      <c r="M373" s="6">
        <v>15</v>
      </c>
      <c r="N373" s="10" t="s">
        <v>55</v>
      </c>
      <c r="O373" s="6">
        <v>78</v>
      </c>
      <c r="P373" s="6">
        <v>130</v>
      </c>
      <c r="Q373" s="6">
        <v>15</v>
      </c>
    </row>
    <row r="374" spans="1:17">
      <c r="A374" s="9" t="s">
        <v>56</v>
      </c>
      <c r="B374" s="9" t="s">
        <v>57</v>
      </c>
      <c r="C374" s="9" t="s">
        <v>59</v>
      </c>
      <c r="D374" s="9" t="s">
        <v>53</v>
      </c>
      <c r="E374" s="9" t="s">
        <v>44</v>
      </c>
      <c r="F374" s="9" t="s">
        <v>13</v>
      </c>
      <c r="G374" s="6">
        <v>6</v>
      </c>
      <c r="H374" s="6">
        <v>5</v>
      </c>
      <c r="I374" s="6">
        <v>3</v>
      </c>
      <c r="J374" s="10" t="s">
        <v>55</v>
      </c>
      <c r="K374" s="6">
        <v>2</v>
      </c>
      <c r="L374" s="10" t="s">
        <v>55</v>
      </c>
      <c r="M374" s="6">
        <v>1</v>
      </c>
      <c r="N374" s="10" t="s">
        <v>55</v>
      </c>
      <c r="O374" s="10" t="s">
        <v>55</v>
      </c>
      <c r="P374" s="10" t="s">
        <v>55</v>
      </c>
      <c r="Q374" s="6">
        <v>1</v>
      </c>
    </row>
    <row r="375" spans="1:17">
      <c r="A375" s="9" t="s">
        <v>56</v>
      </c>
      <c r="B375" s="9" t="s">
        <v>57</v>
      </c>
      <c r="C375" s="9" t="s">
        <v>59</v>
      </c>
      <c r="D375" s="9" t="s">
        <v>53</v>
      </c>
      <c r="E375" s="9" t="s">
        <v>44</v>
      </c>
      <c r="F375" s="9" t="s">
        <v>14</v>
      </c>
      <c r="G375" s="6">
        <v>1941</v>
      </c>
      <c r="H375" s="6">
        <v>1754</v>
      </c>
      <c r="I375" s="6">
        <v>1353</v>
      </c>
      <c r="J375" s="6">
        <v>918</v>
      </c>
      <c r="K375" s="6">
        <v>401</v>
      </c>
      <c r="L375" s="6">
        <v>11</v>
      </c>
      <c r="M375" s="6">
        <v>176</v>
      </c>
      <c r="N375" s="10" t="s">
        <v>55</v>
      </c>
      <c r="O375" s="6">
        <v>248</v>
      </c>
      <c r="P375" s="6">
        <v>917</v>
      </c>
      <c r="Q375" s="6">
        <v>176</v>
      </c>
    </row>
    <row r="376" spans="1:17">
      <c r="A376" s="9" t="s">
        <v>56</v>
      </c>
      <c r="B376" s="9" t="s">
        <v>57</v>
      </c>
      <c r="C376" s="9" t="s">
        <v>59</v>
      </c>
      <c r="D376" s="9" t="s">
        <v>53</v>
      </c>
      <c r="E376" s="9" t="s">
        <v>44</v>
      </c>
      <c r="F376" s="9" t="s">
        <v>18</v>
      </c>
      <c r="G376" s="6">
        <v>52</v>
      </c>
      <c r="H376" s="6">
        <v>40</v>
      </c>
      <c r="I376" s="6">
        <v>26</v>
      </c>
      <c r="J376" s="6">
        <v>12</v>
      </c>
      <c r="K376" s="6">
        <v>14</v>
      </c>
      <c r="L376" s="10" t="s">
        <v>55</v>
      </c>
      <c r="M376" s="6">
        <v>12</v>
      </c>
      <c r="N376" s="10" t="s">
        <v>55</v>
      </c>
      <c r="O376" s="6">
        <v>12</v>
      </c>
      <c r="P376" s="6">
        <v>12</v>
      </c>
      <c r="Q376" s="6">
        <v>12</v>
      </c>
    </row>
    <row r="377" spans="1:17">
      <c r="A377" s="9" t="s">
        <v>56</v>
      </c>
      <c r="B377" s="9" t="s">
        <v>57</v>
      </c>
      <c r="C377" s="9" t="s">
        <v>59</v>
      </c>
      <c r="D377" s="9" t="s">
        <v>53</v>
      </c>
      <c r="E377" s="9" t="s">
        <v>45</v>
      </c>
      <c r="F377" s="9" t="s">
        <v>6</v>
      </c>
      <c r="G377" s="6">
        <v>1507</v>
      </c>
      <c r="H377" s="6">
        <v>1297</v>
      </c>
      <c r="I377" s="6">
        <v>899</v>
      </c>
      <c r="J377" s="6">
        <v>564</v>
      </c>
      <c r="K377" s="6">
        <v>398</v>
      </c>
      <c r="L377" s="6">
        <v>6</v>
      </c>
      <c r="M377" s="6">
        <v>204</v>
      </c>
      <c r="N377" s="10" t="s">
        <v>55</v>
      </c>
      <c r="O377" s="6">
        <v>235</v>
      </c>
      <c r="P377" s="6">
        <v>564</v>
      </c>
      <c r="Q377" s="6">
        <v>204</v>
      </c>
    </row>
    <row r="378" spans="1:17">
      <c r="A378" s="9" t="s">
        <v>56</v>
      </c>
      <c r="B378" s="9" t="s">
        <v>57</v>
      </c>
      <c r="C378" s="9" t="s">
        <v>59</v>
      </c>
      <c r="D378" s="9" t="s">
        <v>53</v>
      </c>
      <c r="E378" s="9" t="s">
        <v>45</v>
      </c>
      <c r="F378" s="9" t="s">
        <v>7</v>
      </c>
      <c r="G378" s="6">
        <v>102</v>
      </c>
      <c r="H378" s="6">
        <v>91</v>
      </c>
      <c r="I378" s="6">
        <v>54</v>
      </c>
      <c r="J378" s="6">
        <v>29</v>
      </c>
      <c r="K378" s="6">
        <v>37</v>
      </c>
      <c r="L378" s="6">
        <v>1</v>
      </c>
      <c r="M378" s="6">
        <v>10</v>
      </c>
      <c r="N378" s="10" t="s">
        <v>55</v>
      </c>
      <c r="O378" s="6">
        <v>25</v>
      </c>
      <c r="P378" s="6">
        <v>29</v>
      </c>
      <c r="Q378" s="6">
        <v>10</v>
      </c>
    </row>
    <row r="379" spans="1:17">
      <c r="A379" s="9" t="s">
        <v>56</v>
      </c>
      <c r="B379" s="9" t="s">
        <v>57</v>
      </c>
      <c r="C379" s="9" t="s">
        <v>59</v>
      </c>
      <c r="D379" s="9" t="s">
        <v>53</v>
      </c>
      <c r="E379" s="9" t="s">
        <v>45</v>
      </c>
      <c r="F379" s="9" t="s">
        <v>8</v>
      </c>
      <c r="G379" s="6">
        <v>100</v>
      </c>
      <c r="H379" s="6">
        <v>89</v>
      </c>
      <c r="I379" s="6">
        <v>53</v>
      </c>
      <c r="J379" s="6">
        <v>29</v>
      </c>
      <c r="K379" s="6">
        <v>36</v>
      </c>
      <c r="L379" s="6">
        <v>1</v>
      </c>
      <c r="M379" s="6">
        <v>10</v>
      </c>
      <c r="N379" s="10" t="s">
        <v>55</v>
      </c>
      <c r="O379" s="6">
        <v>25</v>
      </c>
      <c r="P379" s="6">
        <v>29</v>
      </c>
      <c r="Q379" s="6">
        <v>10</v>
      </c>
    </row>
    <row r="380" spans="1:17">
      <c r="A380" s="9" t="s">
        <v>56</v>
      </c>
      <c r="B380" s="9" t="s">
        <v>57</v>
      </c>
      <c r="C380" s="9" t="s">
        <v>59</v>
      </c>
      <c r="D380" s="9" t="s">
        <v>53</v>
      </c>
      <c r="E380" s="9" t="s">
        <v>45</v>
      </c>
      <c r="F380" s="9" t="s">
        <v>13</v>
      </c>
      <c r="G380" s="6">
        <v>2</v>
      </c>
      <c r="H380" s="6">
        <v>2</v>
      </c>
      <c r="I380" s="6">
        <v>1</v>
      </c>
      <c r="J380" s="10" t="s">
        <v>55</v>
      </c>
      <c r="K380" s="6">
        <v>1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</row>
    <row r="381" spans="1:17">
      <c r="A381" s="9" t="s">
        <v>56</v>
      </c>
      <c r="B381" s="9" t="s">
        <v>57</v>
      </c>
      <c r="C381" s="9" t="s">
        <v>59</v>
      </c>
      <c r="D381" s="9" t="s">
        <v>53</v>
      </c>
      <c r="E381" s="9" t="s">
        <v>45</v>
      </c>
      <c r="F381" s="9" t="s">
        <v>14</v>
      </c>
      <c r="G381" s="6">
        <v>1368</v>
      </c>
      <c r="H381" s="6">
        <v>1179</v>
      </c>
      <c r="I381" s="6">
        <v>834</v>
      </c>
      <c r="J381" s="6">
        <v>529</v>
      </c>
      <c r="K381" s="6">
        <v>345</v>
      </c>
      <c r="L381" s="6">
        <v>4</v>
      </c>
      <c r="M381" s="6">
        <v>185</v>
      </c>
      <c r="N381" s="10" t="s">
        <v>55</v>
      </c>
      <c r="O381" s="6">
        <v>198</v>
      </c>
      <c r="P381" s="6">
        <v>529</v>
      </c>
      <c r="Q381" s="6">
        <v>185</v>
      </c>
    </row>
    <row r="382" spans="1:17">
      <c r="A382" s="9" t="s">
        <v>56</v>
      </c>
      <c r="B382" s="9" t="s">
        <v>57</v>
      </c>
      <c r="C382" s="9" t="s">
        <v>59</v>
      </c>
      <c r="D382" s="9" t="s">
        <v>53</v>
      </c>
      <c r="E382" s="9" t="s">
        <v>45</v>
      </c>
      <c r="F382" s="9" t="s">
        <v>18</v>
      </c>
      <c r="G382" s="6">
        <v>37</v>
      </c>
      <c r="H382" s="6">
        <v>27</v>
      </c>
      <c r="I382" s="6">
        <v>11</v>
      </c>
      <c r="J382" s="6">
        <v>6</v>
      </c>
      <c r="K382" s="6">
        <v>16</v>
      </c>
      <c r="L382" s="6">
        <v>1</v>
      </c>
      <c r="M382" s="6">
        <v>9</v>
      </c>
      <c r="N382" s="10" t="s">
        <v>55</v>
      </c>
      <c r="O382" s="6">
        <v>12</v>
      </c>
      <c r="P382" s="6">
        <v>6</v>
      </c>
      <c r="Q382" s="6">
        <v>9</v>
      </c>
    </row>
    <row r="383" spans="1:17">
      <c r="A383" s="9" t="s">
        <v>56</v>
      </c>
      <c r="B383" s="9" t="s">
        <v>57</v>
      </c>
      <c r="C383" s="9" t="s">
        <v>59</v>
      </c>
      <c r="D383" s="9" t="s">
        <v>53</v>
      </c>
      <c r="E383" s="9" t="s">
        <v>46</v>
      </c>
      <c r="F383" s="9" t="s">
        <v>6</v>
      </c>
      <c r="G383" s="6">
        <v>552</v>
      </c>
      <c r="H383" s="6">
        <v>461</v>
      </c>
      <c r="I383" s="6">
        <v>272</v>
      </c>
      <c r="J383" s="6">
        <v>161</v>
      </c>
      <c r="K383" s="6">
        <v>189</v>
      </c>
      <c r="L383" s="6">
        <v>4</v>
      </c>
      <c r="M383" s="6">
        <v>87</v>
      </c>
      <c r="N383" s="10" t="s">
        <v>55</v>
      </c>
      <c r="O383" s="6">
        <v>90</v>
      </c>
      <c r="P383" s="6">
        <v>161</v>
      </c>
      <c r="Q383" s="6">
        <v>87</v>
      </c>
    </row>
    <row r="384" spans="1:17">
      <c r="A384" s="9" t="s">
        <v>56</v>
      </c>
      <c r="B384" s="9" t="s">
        <v>57</v>
      </c>
      <c r="C384" s="9" t="s">
        <v>59</v>
      </c>
      <c r="D384" s="9" t="s">
        <v>53</v>
      </c>
      <c r="E384" s="9" t="s">
        <v>46</v>
      </c>
      <c r="F384" s="9" t="s">
        <v>7</v>
      </c>
      <c r="G384" s="6">
        <v>23</v>
      </c>
      <c r="H384" s="6">
        <v>20</v>
      </c>
      <c r="I384" s="6">
        <v>11</v>
      </c>
      <c r="J384" s="6">
        <v>4</v>
      </c>
      <c r="K384" s="6">
        <v>9</v>
      </c>
      <c r="L384" s="10" t="s">
        <v>55</v>
      </c>
      <c r="M384" s="6">
        <v>3</v>
      </c>
      <c r="N384" s="10" t="s">
        <v>55</v>
      </c>
      <c r="O384" s="6">
        <v>5</v>
      </c>
      <c r="P384" s="6">
        <v>4</v>
      </c>
      <c r="Q384" s="6">
        <v>3</v>
      </c>
    </row>
    <row r="385" spans="1:17">
      <c r="A385" s="9" t="s">
        <v>56</v>
      </c>
      <c r="B385" s="9" t="s">
        <v>57</v>
      </c>
      <c r="C385" s="9" t="s">
        <v>59</v>
      </c>
      <c r="D385" s="9" t="s">
        <v>53</v>
      </c>
      <c r="E385" s="9" t="s">
        <v>46</v>
      </c>
      <c r="F385" s="9" t="s">
        <v>8</v>
      </c>
      <c r="G385" s="6">
        <v>23</v>
      </c>
      <c r="H385" s="6">
        <v>20</v>
      </c>
      <c r="I385" s="6">
        <v>11</v>
      </c>
      <c r="J385" s="6">
        <v>4</v>
      </c>
      <c r="K385" s="6">
        <v>9</v>
      </c>
      <c r="L385" s="10" t="s">
        <v>55</v>
      </c>
      <c r="M385" s="6">
        <v>3</v>
      </c>
      <c r="N385" s="10" t="s">
        <v>55</v>
      </c>
      <c r="O385" s="6">
        <v>5</v>
      </c>
      <c r="P385" s="6">
        <v>4</v>
      </c>
      <c r="Q385" s="6">
        <v>3</v>
      </c>
    </row>
    <row r="386" spans="1:17">
      <c r="A386" s="9" t="s">
        <v>56</v>
      </c>
      <c r="B386" s="9" t="s">
        <v>57</v>
      </c>
      <c r="C386" s="9" t="s">
        <v>59</v>
      </c>
      <c r="D386" s="9" t="s">
        <v>53</v>
      </c>
      <c r="E386" s="9" t="s">
        <v>46</v>
      </c>
      <c r="F386" s="9" t="s">
        <v>13</v>
      </c>
      <c r="G386" s="10" t="s">
        <v>55</v>
      </c>
      <c r="H386" s="10" t="s">
        <v>55</v>
      </c>
      <c r="I386" s="10" t="s">
        <v>55</v>
      </c>
      <c r="J386" s="10" t="s">
        <v>55</v>
      </c>
      <c r="K386" s="10" t="s">
        <v>55</v>
      </c>
      <c r="L386" s="10" t="s">
        <v>55</v>
      </c>
      <c r="M386" s="10" t="s">
        <v>55</v>
      </c>
      <c r="N386" s="10" t="s">
        <v>55</v>
      </c>
      <c r="O386" s="10" t="s">
        <v>55</v>
      </c>
      <c r="P386" s="10" t="s">
        <v>55</v>
      </c>
      <c r="Q386" s="10" t="s">
        <v>55</v>
      </c>
    </row>
    <row r="387" spans="1:17">
      <c r="A387" s="9" t="s">
        <v>56</v>
      </c>
      <c r="B387" s="9" t="s">
        <v>57</v>
      </c>
      <c r="C387" s="9" t="s">
        <v>59</v>
      </c>
      <c r="D387" s="9" t="s">
        <v>53</v>
      </c>
      <c r="E387" s="9" t="s">
        <v>46</v>
      </c>
      <c r="F387" s="9" t="s">
        <v>14</v>
      </c>
      <c r="G387" s="6">
        <v>516</v>
      </c>
      <c r="H387" s="6">
        <v>429</v>
      </c>
      <c r="I387" s="6">
        <v>254</v>
      </c>
      <c r="J387" s="6">
        <v>154</v>
      </c>
      <c r="K387" s="6">
        <v>175</v>
      </c>
      <c r="L387" s="6">
        <v>4</v>
      </c>
      <c r="M387" s="6">
        <v>83</v>
      </c>
      <c r="N387" s="10" t="s">
        <v>55</v>
      </c>
      <c r="O387" s="6">
        <v>80</v>
      </c>
      <c r="P387" s="6">
        <v>154</v>
      </c>
      <c r="Q387" s="6">
        <v>83</v>
      </c>
    </row>
    <row r="388" spans="1:17">
      <c r="A388" s="9" t="s">
        <v>56</v>
      </c>
      <c r="B388" s="9" t="s">
        <v>57</v>
      </c>
      <c r="C388" s="9" t="s">
        <v>59</v>
      </c>
      <c r="D388" s="9" t="s">
        <v>53</v>
      </c>
      <c r="E388" s="9" t="s">
        <v>46</v>
      </c>
      <c r="F388" s="9" t="s">
        <v>18</v>
      </c>
      <c r="G388" s="6">
        <v>13</v>
      </c>
      <c r="H388" s="6">
        <v>12</v>
      </c>
      <c r="I388" s="6">
        <v>7</v>
      </c>
      <c r="J388" s="6">
        <v>3</v>
      </c>
      <c r="K388" s="6">
        <v>5</v>
      </c>
      <c r="L388" s="10" t="s">
        <v>55</v>
      </c>
      <c r="M388" s="6">
        <v>1</v>
      </c>
      <c r="N388" s="10" t="s">
        <v>55</v>
      </c>
      <c r="O388" s="6">
        <v>5</v>
      </c>
      <c r="P388" s="6">
        <v>3</v>
      </c>
      <c r="Q388" s="6">
        <v>1</v>
      </c>
    </row>
    <row r="389" spans="1:17">
      <c r="A389" s="9" t="s">
        <v>56</v>
      </c>
      <c r="B389" s="9" t="s">
        <v>57</v>
      </c>
      <c r="C389" s="9" t="s">
        <v>59</v>
      </c>
      <c r="D389" s="9" t="s">
        <v>53</v>
      </c>
      <c r="E389" s="9" t="s">
        <v>47</v>
      </c>
      <c r="F389" s="9" t="s">
        <v>6</v>
      </c>
      <c r="G389" s="6">
        <v>92</v>
      </c>
      <c r="H389" s="6">
        <v>74</v>
      </c>
      <c r="I389" s="6">
        <v>34</v>
      </c>
      <c r="J389" s="6">
        <v>15</v>
      </c>
      <c r="K389" s="6">
        <v>40</v>
      </c>
      <c r="L389" s="6">
        <v>1</v>
      </c>
      <c r="M389" s="6">
        <v>17</v>
      </c>
      <c r="N389" s="10" t="s">
        <v>55</v>
      </c>
      <c r="O389" s="6">
        <v>19</v>
      </c>
      <c r="P389" s="6">
        <v>15</v>
      </c>
      <c r="Q389" s="6">
        <v>17</v>
      </c>
    </row>
    <row r="390" spans="1:17">
      <c r="A390" s="9" t="s">
        <v>56</v>
      </c>
      <c r="B390" s="9" t="s">
        <v>57</v>
      </c>
      <c r="C390" s="9" t="s">
        <v>59</v>
      </c>
      <c r="D390" s="9" t="s">
        <v>53</v>
      </c>
      <c r="E390" s="9" t="s">
        <v>47</v>
      </c>
      <c r="F390" s="9" t="s">
        <v>7</v>
      </c>
      <c r="G390" s="10" t="s">
        <v>55</v>
      </c>
      <c r="H390" s="10" t="s">
        <v>55</v>
      </c>
      <c r="I390" s="10" t="s">
        <v>55</v>
      </c>
      <c r="J390" s="10" t="s">
        <v>55</v>
      </c>
      <c r="K390" s="10" t="s">
        <v>55</v>
      </c>
      <c r="L390" s="10" t="s">
        <v>55</v>
      </c>
      <c r="M390" s="10" t="s">
        <v>55</v>
      </c>
      <c r="N390" s="10" t="s">
        <v>55</v>
      </c>
      <c r="O390" s="10" t="s">
        <v>55</v>
      </c>
      <c r="P390" s="10" t="s">
        <v>55</v>
      </c>
      <c r="Q390" s="10" t="s">
        <v>55</v>
      </c>
    </row>
    <row r="391" spans="1:17">
      <c r="A391" s="9" t="s">
        <v>56</v>
      </c>
      <c r="B391" s="9" t="s">
        <v>57</v>
      </c>
      <c r="C391" s="9" t="s">
        <v>59</v>
      </c>
      <c r="D391" s="9" t="s">
        <v>53</v>
      </c>
      <c r="E391" s="9" t="s">
        <v>47</v>
      </c>
      <c r="F391" s="9" t="s">
        <v>8</v>
      </c>
      <c r="G391" s="10" t="s">
        <v>55</v>
      </c>
      <c r="H391" s="10" t="s">
        <v>55</v>
      </c>
      <c r="I391" s="10" t="s">
        <v>55</v>
      </c>
      <c r="J391" s="10" t="s">
        <v>55</v>
      </c>
      <c r="K391" s="10" t="s">
        <v>55</v>
      </c>
      <c r="L391" s="10" t="s">
        <v>55</v>
      </c>
      <c r="M391" s="10" t="s">
        <v>55</v>
      </c>
      <c r="N391" s="10" t="s">
        <v>55</v>
      </c>
      <c r="O391" s="10" t="s">
        <v>55</v>
      </c>
      <c r="P391" s="10" t="s">
        <v>55</v>
      </c>
      <c r="Q391" s="10" t="s">
        <v>55</v>
      </c>
    </row>
    <row r="392" spans="1:17">
      <c r="A392" s="9" t="s">
        <v>56</v>
      </c>
      <c r="B392" s="9" t="s">
        <v>57</v>
      </c>
      <c r="C392" s="9" t="s">
        <v>59</v>
      </c>
      <c r="D392" s="9" t="s">
        <v>53</v>
      </c>
      <c r="E392" s="9" t="s">
        <v>47</v>
      </c>
      <c r="F392" s="9" t="s">
        <v>13</v>
      </c>
      <c r="G392" s="10" t="s">
        <v>55</v>
      </c>
      <c r="H392" s="10" t="s">
        <v>55</v>
      </c>
      <c r="I392" s="10" t="s">
        <v>55</v>
      </c>
      <c r="J392" s="10" t="s">
        <v>55</v>
      </c>
      <c r="K392" s="10" t="s">
        <v>55</v>
      </c>
      <c r="L392" s="10" t="s">
        <v>55</v>
      </c>
      <c r="M392" s="10" t="s">
        <v>55</v>
      </c>
      <c r="N392" s="10" t="s">
        <v>55</v>
      </c>
      <c r="O392" s="10" t="s">
        <v>55</v>
      </c>
      <c r="P392" s="10" t="s">
        <v>55</v>
      </c>
      <c r="Q392" s="10" t="s">
        <v>55</v>
      </c>
    </row>
    <row r="393" spans="1:17">
      <c r="A393" s="9" t="s">
        <v>56</v>
      </c>
      <c r="B393" s="9" t="s">
        <v>57</v>
      </c>
      <c r="C393" s="9" t="s">
        <v>59</v>
      </c>
      <c r="D393" s="9" t="s">
        <v>53</v>
      </c>
      <c r="E393" s="9" t="s">
        <v>47</v>
      </c>
      <c r="F393" s="9" t="s">
        <v>14</v>
      </c>
      <c r="G393" s="6">
        <v>92</v>
      </c>
      <c r="H393" s="6">
        <v>74</v>
      </c>
      <c r="I393" s="6">
        <v>34</v>
      </c>
      <c r="J393" s="6">
        <v>15</v>
      </c>
      <c r="K393" s="6">
        <v>40</v>
      </c>
      <c r="L393" s="6">
        <v>1</v>
      </c>
      <c r="M393" s="6">
        <v>17</v>
      </c>
      <c r="N393" s="10" t="s">
        <v>55</v>
      </c>
      <c r="O393" s="6">
        <v>19</v>
      </c>
      <c r="P393" s="6">
        <v>15</v>
      </c>
      <c r="Q393" s="6">
        <v>17</v>
      </c>
    </row>
    <row r="394" spans="1:17">
      <c r="A394" s="9" t="s">
        <v>56</v>
      </c>
      <c r="B394" s="9" t="s">
        <v>57</v>
      </c>
      <c r="C394" s="9" t="s">
        <v>59</v>
      </c>
      <c r="D394" s="9" t="s">
        <v>53</v>
      </c>
      <c r="E394" s="9" t="s">
        <v>47</v>
      </c>
      <c r="F394" s="9" t="s">
        <v>18</v>
      </c>
      <c r="G394" s="10" t="s">
        <v>55</v>
      </c>
      <c r="H394" s="10" t="s">
        <v>55</v>
      </c>
      <c r="I394" s="10" t="s">
        <v>55</v>
      </c>
      <c r="J394" s="10" t="s">
        <v>55</v>
      </c>
      <c r="K394" s="10" t="s">
        <v>55</v>
      </c>
      <c r="L394" s="10" t="s">
        <v>55</v>
      </c>
      <c r="M394" s="10" t="s">
        <v>55</v>
      </c>
      <c r="N394" s="10" t="s">
        <v>55</v>
      </c>
      <c r="O394" s="10" t="s">
        <v>55</v>
      </c>
      <c r="P394" s="10" t="s">
        <v>55</v>
      </c>
      <c r="Q394" s="10" t="s">
        <v>55</v>
      </c>
    </row>
    <row r="395" spans="1:17">
      <c r="A395" s="9" t="s">
        <v>56</v>
      </c>
      <c r="B395" s="9" t="s">
        <v>57</v>
      </c>
      <c r="C395" s="9" t="s">
        <v>59</v>
      </c>
      <c r="D395" s="9" t="s">
        <v>53</v>
      </c>
      <c r="E395" s="9" t="s">
        <v>48</v>
      </c>
      <c r="F395" s="9" t="s">
        <v>6</v>
      </c>
      <c r="G395" s="6">
        <v>30758</v>
      </c>
      <c r="H395" s="6">
        <v>26250</v>
      </c>
      <c r="I395" s="6">
        <v>19113</v>
      </c>
      <c r="J395" s="6">
        <v>3302</v>
      </c>
      <c r="K395" s="6">
        <v>7137</v>
      </c>
      <c r="L395" s="6">
        <v>356</v>
      </c>
      <c r="M395" s="6">
        <v>4152</v>
      </c>
      <c r="N395" s="10" t="s">
        <v>55</v>
      </c>
      <c r="O395" s="6">
        <v>5494</v>
      </c>
      <c r="P395" s="10" t="s">
        <v>55</v>
      </c>
      <c r="Q395" s="10" t="s">
        <v>55</v>
      </c>
    </row>
    <row r="396" spans="1:17">
      <c r="A396" s="9" t="s">
        <v>56</v>
      </c>
      <c r="B396" s="9" t="s">
        <v>57</v>
      </c>
      <c r="C396" s="9" t="s">
        <v>59</v>
      </c>
      <c r="D396" s="9" t="s">
        <v>53</v>
      </c>
      <c r="E396" s="9" t="s">
        <v>48</v>
      </c>
      <c r="F396" s="9" t="s">
        <v>7</v>
      </c>
      <c r="G396" s="6">
        <v>25026</v>
      </c>
      <c r="H396" s="6">
        <v>21466</v>
      </c>
      <c r="I396" s="6">
        <v>15526</v>
      </c>
      <c r="J396" s="6">
        <v>2920</v>
      </c>
      <c r="K396" s="6">
        <v>5940</v>
      </c>
      <c r="L396" s="6">
        <v>295</v>
      </c>
      <c r="M396" s="6">
        <v>3265</v>
      </c>
      <c r="N396" s="10" t="s">
        <v>55</v>
      </c>
      <c r="O396" s="6">
        <v>4512</v>
      </c>
      <c r="P396" s="10" t="s">
        <v>55</v>
      </c>
      <c r="Q396" s="10" t="s">
        <v>55</v>
      </c>
    </row>
    <row r="397" spans="1:17">
      <c r="A397" s="9" t="s">
        <v>56</v>
      </c>
      <c r="B397" s="9" t="s">
        <v>57</v>
      </c>
      <c r="C397" s="9" t="s">
        <v>59</v>
      </c>
      <c r="D397" s="9" t="s">
        <v>53</v>
      </c>
      <c r="E397" s="9" t="s">
        <v>48</v>
      </c>
      <c r="F397" s="9" t="s">
        <v>8</v>
      </c>
      <c r="G397" s="6">
        <v>23645</v>
      </c>
      <c r="H397" s="6">
        <v>20303</v>
      </c>
      <c r="I397" s="6">
        <v>14637</v>
      </c>
      <c r="J397" s="6">
        <v>2836</v>
      </c>
      <c r="K397" s="6">
        <v>5666</v>
      </c>
      <c r="L397" s="6">
        <v>277</v>
      </c>
      <c r="M397" s="6">
        <v>3065</v>
      </c>
      <c r="N397" s="10" t="s">
        <v>55</v>
      </c>
      <c r="O397" s="6">
        <v>4318</v>
      </c>
      <c r="P397" s="10" t="s">
        <v>55</v>
      </c>
      <c r="Q397" s="10" t="s">
        <v>55</v>
      </c>
    </row>
    <row r="398" spans="1:17">
      <c r="A398" s="9" t="s">
        <v>56</v>
      </c>
      <c r="B398" s="9" t="s">
        <v>57</v>
      </c>
      <c r="C398" s="9" t="s">
        <v>59</v>
      </c>
      <c r="D398" s="9" t="s">
        <v>53</v>
      </c>
      <c r="E398" s="9" t="s">
        <v>48</v>
      </c>
      <c r="F398" s="9" t="s">
        <v>13</v>
      </c>
      <c r="G398" s="6">
        <v>1381</v>
      </c>
      <c r="H398" s="6">
        <v>1163</v>
      </c>
      <c r="I398" s="6">
        <v>889</v>
      </c>
      <c r="J398" s="6">
        <v>84</v>
      </c>
      <c r="K398" s="6">
        <v>274</v>
      </c>
      <c r="L398" s="6">
        <v>18</v>
      </c>
      <c r="M398" s="6">
        <v>200</v>
      </c>
      <c r="N398" s="10" t="s">
        <v>55</v>
      </c>
      <c r="O398" s="6">
        <v>194</v>
      </c>
      <c r="P398" s="10" t="s">
        <v>55</v>
      </c>
      <c r="Q398" s="10" t="s">
        <v>55</v>
      </c>
    </row>
    <row r="399" spans="1:17">
      <c r="A399" s="9" t="s">
        <v>56</v>
      </c>
      <c r="B399" s="9" t="s">
        <v>57</v>
      </c>
      <c r="C399" s="9" t="s">
        <v>59</v>
      </c>
      <c r="D399" s="9" t="s">
        <v>53</v>
      </c>
      <c r="E399" s="9" t="s">
        <v>48</v>
      </c>
      <c r="F399" s="9" t="s">
        <v>14</v>
      </c>
      <c r="G399" s="6">
        <v>3605</v>
      </c>
      <c r="H399" s="6">
        <v>3336</v>
      </c>
      <c r="I399" s="6">
        <v>2414</v>
      </c>
      <c r="J399" s="6">
        <v>220</v>
      </c>
      <c r="K399" s="6">
        <v>922</v>
      </c>
      <c r="L399" s="6">
        <v>32</v>
      </c>
      <c r="M399" s="6">
        <v>237</v>
      </c>
      <c r="N399" s="10" t="s">
        <v>55</v>
      </c>
      <c r="O399" s="6">
        <v>765</v>
      </c>
      <c r="P399" s="10" t="s">
        <v>55</v>
      </c>
      <c r="Q399" s="10" t="s">
        <v>55</v>
      </c>
    </row>
    <row r="400" spans="1:17">
      <c r="A400" s="9" t="s">
        <v>56</v>
      </c>
      <c r="B400" s="9" t="s">
        <v>57</v>
      </c>
      <c r="C400" s="9" t="s">
        <v>59</v>
      </c>
      <c r="D400" s="9" t="s">
        <v>53</v>
      </c>
      <c r="E400" s="9" t="s">
        <v>48</v>
      </c>
      <c r="F400" s="9" t="s">
        <v>18</v>
      </c>
      <c r="G400" s="6">
        <v>2127</v>
      </c>
      <c r="H400" s="6">
        <v>1448</v>
      </c>
      <c r="I400" s="6">
        <v>1173</v>
      </c>
      <c r="J400" s="6">
        <v>162</v>
      </c>
      <c r="K400" s="6">
        <v>275</v>
      </c>
      <c r="L400" s="6">
        <v>29</v>
      </c>
      <c r="M400" s="6">
        <v>650</v>
      </c>
      <c r="N400" s="10" t="s">
        <v>55</v>
      </c>
      <c r="O400" s="6">
        <v>217</v>
      </c>
      <c r="P400" s="10" t="s">
        <v>55</v>
      </c>
      <c r="Q400" s="10" t="s">
        <v>55</v>
      </c>
    </row>
    <row r="401" spans="1:17">
      <c r="A401" s="9" t="s">
        <v>56</v>
      </c>
      <c r="B401" s="9" t="s">
        <v>57</v>
      </c>
      <c r="C401" s="9" t="s">
        <v>59</v>
      </c>
      <c r="D401" s="9" t="s">
        <v>53</v>
      </c>
      <c r="E401" s="9" t="s">
        <v>49</v>
      </c>
      <c r="F401" s="9" t="s">
        <v>6</v>
      </c>
      <c r="G401" s="6">
        <v>16540</v>
      </c>
      <c r="H401" s="6">
        <v>14285</v>
      </c>
      <c r="I401" s="6">
        <v>10658</v>
      </c>
      <c r="J401" s="6">
        <v>6943</v>
      </c>
      <c r="K401" s="6">
        <v>3627</v>
      </c>
      <c r="L401" s="6">
        <v>120</v>
      </c>
      <c r="M401" s="6">
        <v>2135</v>
      </c>
      <c r="N401" s="10" t="s">
        <v>55</v>
      </c>
      <c r="O401" s="6">
        <v>2229</v>
      </c>
      <c r="P401" s="6">
        <v>6738</v>
      </c>
      <c r="Q401" s="6">
        <v>2135</v>
      </c>
    </row>
    <row r="402" spans="1:17">
      <c r="A402" s="9" t="s">
        <v>56</v>
      </c>
      <c r="B402" s="9" t="s">
        <v>57</v>
      </c>
      <c r="C402" s="9" t="s">
        <v>59</v>
      </c>
      <c r="D402" s="9" t="s">
        <v>53</v>
      </c>
      <c r="E402" s="9" t="s">
        <v>49</v>
      </c>
      <c r="F402" s="9" t="s">
        <v>7</v>
      </c>
      <c r="G402" s="6">
        <v>5707</v>
      </c>
      <c r="H402" s="6">
        <v>5076</v>
      </c>
      <c r="I402" s="6">
        <v>3589</v>
      </c>
      <c r="J402" s="6">
        <v>2255</v>
      </c>
      <c r="K402" s="6">
        <v>1487</v>
      </c>
      <c r="L402" s="6">
        <v>53</v>
      </c>
      <c r="M402" s="6">
        <v>578</v>
      </c>
      <c r="N402" s="10" t="s">
        <v>55</v>
      </c>
      <c r="O402" s="6">
        <v>979</v>
      </c>
      <c r="P402" s="6">
        <v>2133</v>
      </c>
      <c r="Q402" s="6">
        <v>578</v>
      </c>
    </row>
    <row r="403" spans="1:17">
      <c r="A403" s="9" t="s">
        <v>56</v>
      </c>
      <c r="B403" s="9" t="s">
        <v>57</v>
      </c>
      <c r="C403" s="9" t="s">
        <v>59</v>
      </c>
      <c r="D403" s="9" t="s">
        <v>53</v>
      </c>
      <c r="E403" s="9" t="s">
        <v>49</v>
      </c>
      <c r="F403" s="9" t="s">
        <v>8</v>
      </c>
      <c r="G403" s="6">
        <v>5467</v>
      </c>
      <c r="H403" s="6">
        <v>4909</v>
      </c>
      <c r="I403" s="6">
        <v>3457</v>
      </c>
      <c r="J403" s="6">
        <v>2168</v>
      </c>
      <c r="K403" s="6">
        <v>1452</v>
      </c>
      <c r="L403" s="6">
        <v>51</v>
      </c>
      <c r="M403" s="6">
        <v>507</v>
      </c>
      <c r="N403" s="10" t="s">
        <v>55</v>
      </c>
      <c r="O403" s="6">
        <v>968</v>
      </c>
      <c r="P403" s="6">
        <v>2053</v>
      </c>
      <c r="Q403" s="6">
        <v>507</v>
      </c>
    </row>
    <row r="404" spans="1:17">
      <c r="A404" s="9" t="s">
        <v>56</v>
      </c>
      <c r="B404" s="9" t="s">
        <v>57</v>
      </c>
      <c r="C404" s="9" t="s">
        <v>59</v>
      </c>
      <c r="D404" s="9" t="s">
        <v>53</v>
      </c>
      <c r="E404" s="9" t="s">
        <v>49</v>
      </c>
      <c r="F404" s="9" t="s">
        <v>13</v>
      </c>
      <c r="G404" s="6">
        <v>240</v>
      </c>
      <c r="H404" s="6">
        <v>167</v>
      </c>
      <c r="I404" s="6">
        <v>132</v>
      </c>
      <c r="J404" s="6">
        <v>87</v>
      </c>
      <c r="K404" s="6">
        <v>35</v>
      </c>
      <c r="L404" s="6">
        <v>2</v>
      </c>
      <c r="M404" s="6">
        <v>71</v>
      </c>
      <c r="N404" s="10" t="s">
        <v>55</v>
      </c>
      <c r="O404" s="6">
        <v>11</v>
      </c>
      <c r="P404" s="6">
        <v>80</v>
      </c>
      <c r="Q404" s="6">
        <v>71</v>
      </c>
    </row>
    <row r="405" spans="1:17">
      <c r="A405" s="9" t="s">
        <v>56</v>
      </c>
      <c r="B405" s="9" t="s">
        <v>57</v>
      </c>
      <c r="C405" s="9" t="s">
        <v>59</v>
      </c>
      <c r="D405" s="9" t="s">
        <v>53</v>
      </c>
      <c r="E405" s="9" t="s">
        <v>49</v>
      </c>
      <c r="F405" s="9" t="s">
        <v>14</v>
      </c>
      <c r="G405" s="6">
        <v>10434</v>
      </c>
      <c r="H405" s="6">
        <v>8945</v>
      </c>
      <c r="I405" s="6">
        <v>6897</v>
      </c>
      <c r="J405" s="6">
        <v>4602</v>
      </c>
      <c r="K405" s="6">
        <v>2048</v>
      </c>
      <c r="L405" s="6">
        <v>61</v>
      </c>
      <c r="M405" s="6">
        <v>1428</v>
      </c>
      <c r="N405" s="10" t="s">
        <v>55</v>
      </c>
      <c r="O405" s="6">
        <v>1180</v>
      </c>
      <c r="P405" s="6">
        <v>4528</v>
      </c>
      <c r="Q405" s="6">
        <v>1428</v>
      </c>
    </row>
    <row r="406" spans="1:17">
      <c r="A406" s="9" t="s">
        <v>56</v>
      </c>
      <c r="B406" s="9" t="s">
        <v>57</v>
      </c>
      <c r="C406" s="9" t="s">
        <v>59</v>
      </c>
      <c r="D406" s="9" t="s">
        <v>53</v>
      </c>
      <c r="E406" s="9" t="s">
        <v>49</v>
      </c>
      <c r="F406" s="9" t="s">
        <v>18</v>
      </c>
      <c r="G406" s="6">
        <v>399</v>
      </c>
      <c r="H406" s="6">
        <v>264</v>
      </c>
      <c r="I406" s="6">
        <v>172</v>
      </c>
      <c r="J406" s="6">
        <v>86</v>
      </c>
      <c r="K406" s="6">
        <v>92</v>
      </c>
      <c r="L406" s="6">
        <v>6</v>
      </c>
      <c r="M406" s="6">
        <v>129</v>
      </c>
      <c r="N406" s="10" t="s">
        <v>55</v>
      </c>
      <c r="O406" s="6">
        <v>70</v>
      </c>
      <c r="P406" s="6">
        <v>77</v>
      </c>
      <c r="Q406" s="6">
        <v>129</v>
      </c>
    </row>
    <row r="407" spans="1:17">
      <c r="A407" s="9" t="s">
        <v>56</v>
      </c>
      <c r="B407" s="9" t="s">
        <v>57</v>
      </c>
      <c r="C407" s="9" t="s">
        <v>59</v>
      </c>
      <c r="D407" s="9" t="s">
        <v>53</v>
      </c>
      <c r="E407" s="9" t="s">
        <v>50</v>
      </c>
      <c r="F407" s="9" t="s">
        <v>6</v>
      </c>
      <c r="G407" s="6">
        <v>7536</v>
      </c>
      <c r="H407" s="6">
        <v>6660</v>
      </c>
      <c r="I407" s="6">
        <v>4973</v>
      </c>
      <c r="J407" s="6">
        <v>3258</v>
      </c>
      <c r="K407" s="6">
        <v>1687</v>
      </c>
      <c r="L407" s="6">
        <v>44</v>
      </c>
      <c r="M407" s="6">
        <v>832</v>
      </c>
      <c r="N407" s="10" t="s">
        <v>55</v>
      </c>
      <c r="O407" s="6">
        <v>1065</v>
      </c>
      <c r="P407" s="6">
        <v>3249</v>
      </c>
      <c r="Q407" s="6">
        <v>832</v>
      </c>
    </row>
    <row r="408" spans="1:17">
      <c r="A408" s="9" t="s">
        <v>56</v>
      </c>
      <c r="B408" s="9" t="s">
        <v>57</v>
      </c>
      <c r="C408" s="9" t="s">
        <v>59</v>
      </c>
      <c r="D408" s="9" t="s">
        <v>53</v>
      </c>
      <c r="E408" s="9" t="s">
        <v>50</v>
      </c>
      <c r="F408" s="9" t="s">
        <v>7</v>
      </c>
      <c r="G408" s="6">
        <v>1186</v>
      </c>
      <c r="H408" s="6">
        <v>1090</v>
      </c>
      <c r="I408" s="6">
        <v>757</v>
      </c>
      <c r="J408" s="6">
        <v>453</v>
      </c>
      <c r="K408" s="6">
        <v>333</v>
      </c>
      <c r="L408" s="6">
        <v>11</v>
      </c>
      <c r="M408" s="6">
        <v>85</v>
      </c>
      <c r="N408" s="10" t="s">
        <v>55</v>
      </c>
      <c r="O408" s="6">
        <v>242</v>
      </c>
      <c r="P408" s="6">
        <v>451</v>
      </c>
      <c r="Q408" s="6">
        <v>85</v>
      </c>
    </row>
    <row r="409" spans="1:17">
      <c r="A409" s="9" t="s">
        <v>56</v>
      </c>
      <c r="B409" s="9" t="s">
        <v>57</v>
      </c>
      <c r="C409" s="9" t="s">
        <v>59</v>
      </c>
      <c r="D409" s="9" t="s">
        <v>53</v>
      </c>
      <c r="E409" s="9" t="s">
        <v>50</v>
      </c>
      <c r="F409" s="9" t="s">
        <v>8</v>
      </c>
      <c r="G409" s="6">
        <v>1158</v>
      </c>
      <c r="H409" s="6">
        <v>1069</v>
      </c>
      <c r="I409" s="6">
        <v>740</v>
      </c>
      <c r="J409" s="6">
        <v>443</v>
      </c>
      <c r="K409" s="6">
        <v>329</v>
      </c>
      <c r="L409" s="6">
        <v>11</v>
      </c>
      <c r="M409" s="6">
        <v>78</v>
      </c>
      <c r="N409" s="10" t="s">
        <v>55</v>
      </c>
      <c r="O409" s="6">
        <v>242</v>
      </c>
      <c r="P409" s="6">
        <v>441</v>
      </c>
      <c r="Q409" s="6">
        <v>78</v>
      </c>
    </row>
    <row r="410" spans="1:17">
      <c r="A410" s="9" t="s">
        <v>56</v>
      </c>
      <c r="B410" s="9" t="s">
        <v>57</v>
      </c>
      <c r="C410" s="9" t="s">
        <v>59</v>
      </c>
      <c r="D410" s="9" t="s">
        <v>53</v>
      </c>
      <c r="E410" s="9" t="s">
        <v>50</v>
      </c>
      <c r="F410" s="9" t="s">
        <v>13</v>
      </c>
      <c r="G410" s="6">
        <v>28</v>
      </c>
      <c r="H410" s="6">
        <v>21</v>
      </c>
      <c r="I410" s="6">
        <v>17</v>
      </c>
      <c r="J410" s="6">
        <v>10</v>
      </c>
      <c r="K410" s="6">
        <v>4</v>
      </c>
      <c r="L410" s="10" t="s">
        <v>55</v>
      </c>
      <c r="M410" s="6">
        <v>7</v>
      </c>
      <c r="N410" s="10" t="s">
        <v>55</v>
      </c>
      <c r="O410" s="10" t="s">
        <v>55</v>
      </c>
      <c r="P410" s="6">
        <v>10</v>
      </c>
      <c r="Q410" s="6">
        <v>7</v>
      </c>
    </row>
    <row r="411" spans="1:17">
      <c r="A411" s="9" t="s">
        <v>56</v>
      </c>
      <c r="B411" s="9" t="s">
        <v>57</v>
      </c>
      <c r="C411" s="9" t="s">
        <v>59</v>
      </c>
      <c r="D411" s="9" t="s">
        <v>53</v>
      </c>
      <c r="E411" s="9" t="s">
        <v>50</v>
      </c>
      <c r="F411" s="9" t="s">
        <v>14</v>
      </c>
      <c r="G411" s="6">
        <v>6179</v>
      </c>
      <c r="H411" s="6">
        <v>5445</v>
      </c>
      <c r="I411" s="6">
        <v>4138</v>
      </c>
      <c r="J411" s="6">
        <v>2768</v>
      </c>
      <c r="K411" s="6">
        <v>1307</v>
      </c>
      <c r="L411" s="6">
        <v>31</v>
      </c>
      <c r="M411" s="6">
        <v>703</v>
      </c>
      <c r="N411" s="10" t="s">
        <v>55</v>
      </c>
      <c r="O411" s="6">
        <v>785</v>
      </c>
      <c r="P411" s="6">
        <v>2761</v>
      </c>
      <c r="Q411" s="6">
        <v>703</v>
      </c>
    </row>
    <row r="412" spans="1:17">
      <c r="A412" s="9" t="s">
        <v>56</v>
      </c>
      <c r="B412" s="9" t="s">
        <v>57</v>
      </c>
      <c r="C412" s="9" t="s">
        <v>59</v>
      </c>
      <c r="D412" s="9" t="s">
        <v>53</v>
      </c>
      <c r="E412" s="9" t="s">
        <v>50</v>
      </c>
      <c r="F412" s="9" t="s">
        <v>18</v>
      </c>
      <c r="G412" s="6">
        <v>171</v>
      </c>
      <c r="H412" s="6">
        <v>125</v>
      </c>
      <c r="I412" s="6">
        <v>78</v>
      </c>
      <c r="J412" s="6">
        <v>37</v>
      </c>
      <c r="K412" s="6">
        <v>47</v>
      </c>
      <c r="L412" s="6">
        <v>2</v>
      </c>
      <c r="M412" s="6">
        <v>44</v>
      </c>
      <c r="N412" s="10" t="s">
        <v>55</v>
      </c>
      <c r="O412" s="6">
        <v>38</v>
      </c>
      <c r="P412" s="6">
        <v>37</v>
      </c>
      <c r="Q412" s="6">
        <v>44</v>
      </c>
    </row>
    <row r="413" spans="1:17">
      <c r="A413" s="9" t="s">
        <v>56</v>
      </c>
      <c r="B413" s="9" t="s">
        <v>57</v>
      </c>
      <c r="C413" s="9" t="s">
        <v>59</v>
      </c>
      <c r="D413" s="9" t="s">
        <v>53</v>
      </c>
      <c r="E413" s="9" t="s">
        <v>51</v>
      </c>
      <c r="F413" s="9" t="s">
        <v>6</v>
      </c>
      <c r="G413" s="6">
        <v>2151</v>
      </c>
      <c r="H413" s="6">
        <v>1832</v>
      </c>
      <c r="I413" s="6">
        <v>1205</v>
      </c>
      <c r="J413" s="6">
        <v>740</v>
      </c>
      <c r="K413" s="6">
        <v>627</v>
      </c>
      <c r="L413" s="6">
        <v>11</v>
      </c>
      <c r="M413" s="6">
        <v>308</v>
      </c>
      <c r="N413" s="10" t="s">
        <v>55</v>
      </c>
      <c r="O413" s="6">
        <v>344</v>
      </c>
      <c r="P413" s="6">
        <v>740</v>
      </c>
      <c r="Q413" s="6">
        <v>308</v>
      </c>
    </row>
    <row r="414" spans="1:17">
      <c r="A414" s="9" t="s">
        <v>56</v>
      </c>
      <c r="B414" s="9" t="s">
        <v>57</v>
      </c>
      <c r="C414" s="9" t="s">
        <v>59</v>
      </c>
      <c r="D414" s="9" t="s">
        <v>53</v>
      </c>
      <c r="E414" s="9" t="s">
        <v>51</v>
      </c>
      <c r="F414" s="9" t="s">
        <v>7</v>
      </c>
      <c r="G414" s="6">
        <v>125</v>
      </c>
      <c r="H414" s="6">
        <v>111</v>
      </c>
      <c r="I414" s="6">
        <v>65</v>
      </c>
      <c r="J414" s="6">
        <v>33</v>
      </c>
      <c r="K414" s="6">
        <v>46</v>
      </c>
      <c r="L414" s="6">
        <v>1</v>
      </c>
      <c r="M414" s="6">
        <v>13</v>
      </c>
      <c r="N414" s="10" t="s">
        <v>55</v>
      </c>
      <c r="O414" s="6">
        <v>30</v>
      </c>
      <c r="P414" s="6">
        <v>33</v>
      </c>
      <c r="Q414" s="6">
        <v>13</v>
      </c>
    </row>
    <row r="415" spans="1:17">
      <c r="A415" s="9" t="s">
        <v>56</v>
      </c>
      <c r="B415" s="9" t="s">
        <v>57</v>
      </c>
      <c r="C415" s="9" t="s">
        <v>59</v>
      </c>
      <c r="D415" s="9" t="s">
        <v>53</v>
      </c>
      <c r="E415" s="9" t="s">
        <v>51</v>
      </c>
      <c r="F415" s="9" t="s">
        <v>8</v>
      </c>
      <c r="G415" s="6">
        <v>123</v>
      </c>
      <c r="H415" s="6">
        <v>109</v>
      </c>
      <c r="I415" s="6">
        <v>64</v>
      </c>
      <c r="J415" s="6">
        <v>33</v>
      </c>
      <c r="K415" s="6">
        <v>45</v>
      </c>
      <c r="L415" s="6">
        <v>1</v>
      </c>
      <c r="M415" s="6">
        <v>13</v>
      </c>
      <c r="N415" s="10" t="s">
        <v>55</v>
      </c>
      <c r="O415" s="6">
        <v>30</v>
      </c>
      <c r="P415" s="6">
        <v>33</v>
      </c>
      <c r="Q415" s="6">
        <v>13</v>
      </c>
    </row>
    <row r="416" spans="1:17">
      <c r="A416" s="9" t="s">
        <v>56</v>
      </c>
      <c r="B416" s="9" t="s">
        <v>57</v>
      </c>
      <c r="C416" s="9" t="s">
        <v>59</v>
      </c>
      <c r="D416" s="9" t="s">
        <v>53</v>
      </c>
      <c r="E416" s="9" t="s">
        <v>51</v>
      </c>
      <c r="F416" s="9" t="s">
        <v>13</v>
      </c>
      <c r="G416" s="6">
        <v>2</v>
      </c>
      <c r="H416" s="6">
        <v>2</v>
      </c>
      <c r="I416" s="6">
        <v>1</v>
      </c>
      <c r="J416" s="10" t="s">
        <v>55</v>
      </c>
      <c r="K416" s="6">
        <v>1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</row>
    <row r="417" spans="1:17">
      <c r="A417" s="9" t="s">
        <v>56</v>
      </c>
      <c r="B417" s="9" t="s">
        <v>57</v>
      </c>
      <c r="C417" s="9" t="s">
        <v>59</v>
      </c>
      <c r="D417" s="9" t="s">
        <v>53</v>
      </c>
      <c r="E417" s="9" t="s">
        <v>51</v>
      </c>
      <c r="F417" s="9" t="s">
        <v>14</v>
      </c>
      <c r="G417" s="6">
        <v>1976</v>
      </c>
      <c r="H417" s="6">
        <v>1682</v>
      </c>
      <c r="I417" s="6">
        <v>1122</v>
      </c>
      <c r="J417" s="6">
        <v>698</v>
      </c>
      <c r="K417" s="6">
        <v>560</v>
      </c>
      <c r="L417" s="6">
        <v>9</v>
      </c>
      <c r="M417" s="6">
        <v>285</v>
      </c>
      <c r="N417" s="10" t="s">
        <v>55</v>
      </c>
      <c r="O417" s="6">
        <v>297</v>
      </c>
      <c r="P417" s="6">
        <v>698</v>
      </c>
      <c r="Q417" s="6">
        <v>285</v>
      </c>
    </row>
    <row r="418" spans="1:17">
      <c r="A418" s="9" t="s">
        <v>56</v>
      </c>
      <c r="B418" s="9" t="s">
        <v>57</v>
      </c>
      <c r="C418" s="9" t="s">
        <v>59</v>
      </c>
      <c r="D418" s="9" t="s">
        <v>53</v>
      </c>
      <c r="E418" s="9" t="s">
        <v>51</v>
      </c>
      <c r="F418" s="9" t="s">
        <v>18</v>
      </c>
      <c r="G418" s="6">
        <v>50</v>
      </c>
      <c r="H418" s="6">
        <v>39</v>
      </c>
      <c r="I418" s="6">
        <v>18</v>
      </c>
      <c r="J418" s="6">
        <v>9</v>
      </c>
      <c r="K418" s="6">
        <v>21</v>
      </c>
      <c r="L418" s="6">
        <v>1</v>
      </c>
      <c r="M418" s="6">
        <v>10</v>
      </c>
      <c r="N418" s="10" t="s">
        <v>55</v>
      </c>
      <c r="O418" s="6">
        <v>17</v>
      </c>
      <c r="P418" s="6">
        <v>9</v>
      </c>
      <c r="Q418" s="6">
        <v>10</v>
      </c>
    </row>
    <row r="419" spans="1:17">
      <c r="A419" s="9" t="s">
        <v>56</v>
      </c>
      <c r="B419" s="9" t="s">
        <v>57</v>
      </c>
      <c r="C419" s="9" t="s">
        <v>59</v>
      </c>
      <c r="D419" s="9" t="s">
        <v>53</v>
      </c>
      <c r="E419" s="9" t="s">
        <v>52</v>
      </c>
      <c r="F419" s="9" t="s">
        <v>6</v>
      </c>
      <c r="G419" s="6">
        <v>32839</v>
      </c>
      <c r="H419" s="6">
        <v>27657</v>
      </c>
      <c r="I419" s="6">
        <v>20180</v>
      </c>
      <c r="J419" s="6">
        <v>4999</v>
      </c>
      <c r="K419" s="6">
        <v>7477</v>
      </c>
      <c r="L419" s="6">
        <v>380</v>
      </c>
      <c r="M419" s="6">
        <v>4802</v>
      </c>
      <c r="N419" s="10" t="s">
        <v>55</v>
      </c>
      <c r="O419" s="6">
        <v>5430</v>
      </c>
      <c r="P419" s="6">
        <v>1548</v>
      </c>
      <c r="Q419" s="6">
        <v>708</v>
      </c>
    </row>
    <row r="420" spans="1:17">
      <c r="A420" s="9" t="s">
        <v>56</v>
      </c>
      <c r="B420" s="9" t="s">
        <v>57</v>
      </c>
      <c r="C420" s="9" t="s">
        <v>59</v>
      </c>
      <c r="D420" s="9" t="s">
        <v>53</v>
      </c>
      <c r="E420" s="9" t="s">
        <v>52</v>
      </c>
      <c r="F420" s="9" t="s">
        <v>7</v>
      </c>
      <c r="G420" s="6">
        <v>27331</v>
      </c>
      <c r="H420" s="6">
        <v>23495</v>
      </c>
      <c r="I420" s="6">
        <v>16952</v>
      </c>
      <c r="J420" s="6">
        <v>3931</v>
      </c>
      <c r="K420" s="6">
        <v>6543</v>
      </c>
      <c r="L420" s="6">
        <v>315</v>
      </c>
      <c r="M420" s="6">
        <v>3521</v>
      </c>
      <c r="N420" s="10" t="s">
        <v>55</v>
      </c>
      <c r="O420" s="6">
        <v>4846</v>
      </c>
      <c r="P420" s="6">
        <v>913</v>
      </c>
      <c r="Q420" s="6">
        <v>299</v>
      </c>
    </row>
    <row r="421" spans="1:17">
      <c r="A421" s="9" t="s">
        <v>56</v>
      </c>
      <c r="B421" s="9" t="s">
        <v>57</v>
      </c>
      <c r="C421" s="9" t="s">
        <v>59</v>
      </c>
      <c r="D421" s="9" t="s">
        <v>53</v>
      </c>
      <c r="E421" s="9" t="s">
        <v>52</v>
      </c>
      <c r="F421" s="9" t="s">
        <v>8</v>
      </c>
      <c r="G421" s="6">
        <v>25835</v>
      </c>
      <c r="H421" s="6">
        <v>22255</v>
      </c>
      <c r="I421" s="6">
        <v>15996</v>
      </c>
      <c r="J421" s="6">
        <v>3790</v>
      </c>
      <c r="K421" s="6">
        <v>6259</v>
      </c>
      <c r="L421" s="6">
        <v>295</v>
      </c>
      <c r="M421" s="6">
        <v>3285</v>
      </c>
      <c r="N421" s="10" t="s">
        <v>55</v>
      </c>
      <c r="O421" s="6">
        <v>4657</v>
      </c>
      <c r="P421" s="6">
        <v>863</v>
      </c>
      <c r="Q421" s="6">
        <v>260</v>
      </c>
    </row>
    <row r="422" spans="1:17">
      <c r="A422" s="9" t="s">
        <v>56</v>
      </c>
      <c r="B422" s="9" t="s">
        <v>57</v>
      </c>
      <c r="C422" s="9" t="s">
        <v>59</v>
      </c>
      <c r="D422" s="9" t="s">
        <v>53</v>
      </c>
      <c r="E422" s="9" t="s">
        <v>52</v>
      </c>
      <c r="F422" s="9" t="s">
        <v>13</v>
      </c>
      <c r="G422" s="6">
        <v>1496</v>
      </c>
      <c r="H422" s="6">
        <v>1240</v>
      </c>
      <c r="I422" s="6">
        <v>956</v>
      </c>
      <c r="J422" s="6">
        <v>141</v>
      </c>
      <c r="K422" s="6">
        <v>284</v>
      </c>
      <c r="L422" s="6">
        <v>20</v>
      </c>
      <c r="M422" s="6">
        <v>236</v>
      </c>
      <c r="N422" s="10" t="s">
        <v>55</v>
      </c>
      <c r="O422" s="6">
        <v>189</v>
      </c>
      <c r="P422" s="6">
        <v>50</v>
      </c>
      <c r="Q422" s="6">
        <v>39</v>
      </c>
    </row>
    <row r="423" spans="1:17">
      <c r="A423" s="9" t="s">
        <v>56</v>
      </c>
      <c r="B423" s="9" t="s">
        <v>57</v>
      </c>
      <c r="C423" s="9" t="s">
        <v>59</v>
      </c>
      <c r="D423" s="9" t="s">
        <v>53</v>
      </c>
      <c r="E423" s="9" t="s">
        <v>52</v>
      </c>
      <c r="F423" s="9" t="s">
        <v>14</v>
      </c>
      <c r="G423" s="6">
        <v>3431</v>
      </c>
      <c r="H423" s="6">
        <v>2811</v>
      </c>
      <c r="I423" s="6">
        <v>2150</v>
      </c>
      <c r="J423" s="6">
        <v>885</v>
      </c>
      <c r="K423" s="6">
        <v>661</v>
      </c>
      <c r="L423" s="6">
        <v>37</v>
      </c>
      <c r="M423" s="6">
        <v>583</v>
      </c>
      <c r="N423" s="10" t="s">
        <v>55</v>
      </c>
      <c r="O423" s="6">
        <v>372</v>
      </c>
      <c r="P423" s="6">
        <v>620</v>
      </c>
      <c r="Q423" s="6">
        <v>355</v>
      </c>
    </row>
    <row r="424" spans="1:17">
      <c r="A424" s="9" t="s">
        <v>56</v>
      </c>
      <c r="B424" s="9" t="s">
        <v>57</v>
      </c>
      <c r="C424" s="9" t="s">
        <v>59</v>
      </c>
      <c r="D424" s="9" t="s">
        <v>53</v>
      </c>
      <c r="E424" s="9" t="s">
        <v>52</v>
      </c>
      <c r="F424" s="9" t="s">
        <v>18</v>
      </c>
      <c r="G424" s="6">
        <v>2077</v>
      </c>
      <c r="H424" s="6">
        <v>1351</v>
      </c>
      <c r="I424" s="6">
        <v>1078</v>
      </c>
      <c r="J424" s="6">
        <v>183</v>
      </c>
      <c r="K424" s="6">
        <v>273</v>
      </c>
      <c r="L424" s="6">
        <v>28</v>
      </c>
      <c r="M424" s="6">
        <v>698</v>
      </c>
      <c r="N424" s="10" t="s">
        <v>55</v>
      </c>
      <c r="O424" s="6">
        <v>212</v>
      </c>
      <c r="P424" s="6">
        <v>15</v>
      </c>
      <c r="Q424" s="6">
        <v>54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2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A82F290-5534-426E-939D-6F1BA07428C3}">
  <sheetPr>
    <pageSetUpPr fitToPage="1"/>
  </sheetPr>
  <dimension ref="A1:Q424"/>
  <sheetViews>
    <sheetView zoomScaleNormal="100" workbookViewId="0">
      <pane xSplit="6" ySplit="10" topLeftCell="G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8.125" style="11" customWidth="1"/>
    <col min="5" max="5" width="20" style="11" customWidth="1"/>
    <col min="6" max="6" width="18.75" style="11" customWidth="1"/>
    <col min="7" max="16384" width="12.625" style="11"/>
  </cols>
  <sheetData>
    <row r="1" spans="1:17" s="1" customFormat="1">
      <c r="A1" s="1" t="s">
        <v>0</v>
      </c>
    </row>
    <row r="2" spans="1:17" s="1" customFormat="1">
      <c r="A2" s="1" t="s">
        <v>222</v>
      </c>
    </row>
    <row r="3" spans="1:17" s="1" customFormat="1"/>
    <row r="4" spans="1:17" s="1" customFormat="1" hidden="1"/>
    <row r="5" spans="1:17" s="1" customFormat="1">
      <c r="G5" s="3" t="s">
        <v>209</v>
      </c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  <c r="M5" s="3" t="s">
        <v>209</v>
      </c>
      <c r="N5" s="3" t="s">
        <v>209</v>
      </c>
      <c r="O5" s="3" t="s">
        <v>209</v>
      </c>
      <c r="P5" s="3" t="s">
        <v>209</v>
      </c>
      <c r="Q5" s="3" t="s">
        <v>209</v>
      </c>
    </row>
    <row r="6" spans="1:17" s="1" customFormat="1" ht="24">
      <c r="G6" s="3" t="s">
        <v>210</v>
      </c>
      <c r="H6" s="3" t="s">
        <v>210</v>
      </c>
      <c r="I6" s="3" t="s">
        <v>210</v>
      </c>
      <c r="J6" s="3" t="s">
        <v>210</v>
      </c>
      <c r="K6" s="3" t="s">
        <v>210</v>
      </c>
      <c r="L6" s="3" t="s">
        <v>210</v>
      </c>
      <c r="M6" s="3" t="s">
        <v>210</v>
      </c>
      <c r="N6" s="3" t="s">
        <v>210</v>
      </c>
      <c r="O6" s="3" t="s">
        <v>210</v>
      </c>
      <c r="P6" s="3" t="s">
        <v>210</v>
      </c>
      <c r="Q6" s="3" t="s">
        <v>210</v>
      </c>
    </row>
    <row r="7" spans="1:17" s="1" customFormat="1">
      <c r="G7" s="3">
        <v>1</v>
      </c>
      <c r="H7" s="3">
        <v>1</v>
      </c>
      <c r="I7" s="3">
        <v>2</v>
      </c>
      <c r="J7" s="3">
        <v>3</v>
      </c>
      <c r="K7" s="3">
        <v>2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</row>
    <row r="8" spans="1:17" s="1" customFormat="1" ht="48">
      <c r="G8" s="3" t="s">
        <v>6</v>
      </c>
      <c r="H8" s="3" t="s">
        <v>211</v>
      </c>
      <c r="I8" s="3" t="s">
        <v>212</v>
      </c>
      <c r="J8" s="3" t="s">
        <v>213</v>
      </c>
      <c r="K8" s="3" t="s">
        <v>214</v>
      </c>
      <c r="L8" s="3" t="s">
        <v>215</v>
      </c>
      <c r="M8" s="3" t="s">
        <v>216</v>
      </c>
      <c r="N8" s="3" t="s">
        <v>217</v>
      </c>
      <c r="O8" s="3" t="s">
        <v>218</v>
      </c>
      <c r="P8" s="3" t="s">
        <v>219</v>
      </c>
      <c r="Q8" s="3" t="s">
        <v>220</v>
      </c>
    </row>
    <row r="9" spans="1:17" s="1" customFormat="1"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</row>
    <row r="10" spans="1:17" s="1" customFormat="1">
      <c r="A10" s="2" t="s">
        <v>21</v>
      </c>
      <c r="B10" s="2" t="s">
        <v>22</v>
      </c>
      <c r="C10" s="2" t="s">
        <v>23</v>
      </c>
      <c r="D10" s="2" t="s">
        <v>24</v>
      </c>
      <c r="E10" s="2" t="s">
        <v>25</v>
      </c>
      <c r="F10" s="2" t="s">
        <v>5</v>
      </c>
      <c r="G10" s="2" t="s">
        <v>26</v>
      </c>
      <c r="H10" s="2"/>
      <c r="I10" s="2"/>
      <c r="J10" s="2"/>
      <c r="K10" s="2"/>
      <c r="L10" s="2"/>
      <c r="M10" s="2"/>
      <c r="N10" s="2"/>
      <c r="O10" s="2"/>
      <c r="P10" s="2"/>
      <c r="Q10" s="2"/>
    </row>
    <row r="11" spans="1:17">
      <c r="A11" s="5" t="s">
        <v>27</v>
      </c>
      <c r="B11" s="5" t="s">
        <v>28</v>
      </c>
      <c r="C11" s="5" t="s">
        <v>29</v>
      </c>
      <c r="D11" s="5" t="s">
        <v>54</v>
      </c>
      <c r="E11" s="5" t="s">
        <v>30</v>
      </c>
      <c r="F11" s="5" t="s">
        <v>6</v>
      </c>
      <c r="G11" s="6">
        <v>54355972</v>
      </c>
      <c r="H11" s="6">
        <v>44615841</v>
      </c>
      <c r="I11" s="6">
        <v>36743823</v>
      </c>
      <c r="J11" s="6">
        <v>11158840</v>
      </c>
      <c r="K11" s="6">
        <v>7872018</v>
      </c>
      <c r="L11" s="6">
        <v>593394</v>
      </c>
      <c r="M11" s="6">
        <v>9146737</v>
      </c>
      <c r="N11" s="10" t="s">
        <v>55</v>
      </c>
      <c r="O11" s="6">
        <v>5505025</v>
      </c>
      <c r="P11" s="6">
        <v>6533895</v>
      </c>
      <c r="Q11" s="6">
        <v>4408635</v>
      </c>
    </row>
    <row r="12" spans="1:17">
      <c r="A12" s="9" t="s">
        <v>27</v>
      </c>
      <c r="B12" s="9" t="s">
        <v>28</v>
      </c>
      <c r="C12" s="9" t="s">
        <v>29</v>
      </c>
      <c r="D12" s="9" t="s">
        <v>54</v>
      </c>
      <c r="E12" s="9" t="s">
        <v>30</v>
      </c>
      <c r="F12" s="9" t="s">
        <v>7</v>
      </c>
      <c r="G12" s="6">
        <v>26981878</v>
      </c>
      <c r="H12" s="6">
        <v>22617835</v>
      </c>
      <c r="I12" s="6">
        <v>18695589</v>
      </c>
      <c r="J12" s="6">
        <v>4613516</v>
      </c>
      <c r="K12" s="6">
        <v>3922246</v>
      </c>
      <c r="L12" s="6">
        <v>346719</v>
      </c>
      <c r="M12" s="6">
        <v>4017324</v>
      </c>
      <c r="N12" s="10" t="s">
        <v>55</v>
      </c>
      <c r="O12" s="6">
        <v>2904693</v>
      </c>
      <c r="P12" s="6">
        <v>1584148</v>
      </c>
      <c r="Q12" s="6">
        <v>742606</v>
      </c>
    </row>
    <row r="13" spans="1:17">
      <c r="A13" s="9" t="s">
        <v>27</v>
      </c>
      <c r="B13" s="9" t="s">
        <v>28</v>
      </c>
      <c r="C13" s="9" t="s">
        <v>29</v>
      </c>
      <c r="D13" s="9" t="s">
        <v>54</v>
      </c>
      <c r="E13" s="9" t="s">
        <v>30</v>
      </c>
      <c r="F13" s="9" t="s">
        <v>8</v>
      </c>
      <c r="G13" s="6">
        <v>26100648</v>
      </c>
      <c r="H13" s="6">
        <v>21927621</v>
      </c>
      <c r="I13" s="6">
        <v>18121610</v>
      </c>
      <c r="J13" s="6">
        <v>4512635</v>
      </c>
      <c r="K13" s="6">
        <v>3806011</v>
      </c>
      <c r="L13" s="6">
        <v>326451</v>
      </c>
      <c r="M13" s="6">
        <v>3846576</v>
      </c>
      <c r="N13" s="10" t="s">
        <v>55</v>
      </c>
      <c r="O13" s="6">
        <v>2821867</v>
      </c>
      <c r="P13" s="6">
        <v>1561785</v>
      </c>
      <c r="Q13" s="6">
        <v>719171</v>
      </c>
    </row>
    <row r="14" spans="1:17">
      <c r="A14" s="9" t="s">
        <v>27</v>
      </c>
      <c r="B14" s="9" t="s">
        <v>28</v>
      </c>
      <c r="C14" s="9" t="s">
        <v>29</v>
      </c>
      <c r="D14" s="9" t="s">
        <v>54</v>
      </c>
      <c r="E14" s="9" t="s">
        <v>30</v>
      </c>
      <c r="F14" s="9" t="s">
        <v>13</v>
      </c>
      <c r="G14" s="6">
        <v>881230</v>
      </c>
      <c r="H14" s="6">
        <v>690214</v>
      </c>
      <c r="I14" s="6">
        <v>573979</v>
      </c>
      <c r="J14" s="6">
        <v>100881</v>
      </c>
      <c r="K14" s="6">
        <v>116235</v>
      </c>
      <c r="L14" s="6">
        <v>20268</v>
      </c>
      <c r="M14" s="6">
        <v>170748</v>
      </c>
      <c r="N14" s="10" t="s">
        <v>55</v>
      </c>
      <c r="O14" s="6">
        <v>82826</v>
      </c>
      <c r="P14" s="6">
        <v>22363</v>
      </c>
      <c r="Q14" s="6">
        <v>23435</v>
      </c>
    </row>
    <row r="15" spans="1:17">
      <c r="A15" s="9" t="s">
        <v>27</v>
      </c>
      <c r="B15" s="9" t="s">
        <v>28</v>
      </c>
      <c r="C15" s="9" t="s">
        <v>29</v>
      </c>
      <c r="D15" s="9" t="s">
        <v>54</v>
      </c>
      <c r="E15" s="9" t="s">
        <v>30</v>
      </c>
      <c r="F15" s="9" t="s">
        <v>14</v>
      </c>
      <c r="G15" s="6">
        <v>21772603</v>
      </c>
      <c r="H15" s="6">
        <v>18129420</v>
      </c>
      <c r="I15" s="6">
        <v>14567017</v>
      </c>
      <c r="J15" s="6">
        <v>5613856</v>
      </c>
      <c r="K15" s="6">
        <v>3562403</v>
      </c>
      <c r="L15" s="6">
        <v>107360</v>
      </c>
      <c r="M15" s="6">
        <v>3535823</v>
      </c>
      <c r="N15" s="10" t="s">
        <v>55</v>
      </c>
      <c r="O15" s="6">
        <v>2347083</v>
      </c>
      <c r="P15" s="6">
        <v>4493405</v>
      </c>
      <c r="Q15" s="6">
        <v>3083559</v>
      </c>
    </row>
    <row r="16" spans="1:17">
      <c r="A16" s="9" t="s">
        <v>27</v>
      </c>
      <c r="B16" s="9" t="s">
        <v>28</v>
      </c>
      <c r="C16" s="9" t="s">
        <v>29</v>
      </c>
      <c r="D16" s="9" t="s">
        <v>54</v>
      </c>
      <c r="E16" s="9" t="s">
        <v>30</v>
      </c>
      <c r="F16" s="9" t="s">
        <v>18</v>
      </c>
      <c r="G16" s="6">
        <v>5601491</v>
      </c>
      <c r="H16" s="6">
        <v>3868586</v>
      </c>
      <c r="I16" s="6">
        <v>3481217</v>
      </c>
      <c r="J16" s="6">
        <v>931468</v>
      </c>
      <c r="K16" s="6">
        <v>387369</v>
      </c>
      <c r="L16" s="6">
        <v>139315</v>
      </c>
      <c r="M16" s="6">
        <v>1593590</v>
      </c>
      <c r="N16" s="10" t="s">
        <v>55</v>
      </c>
      <c r="O16" s="6">
        <v>253249</v>
      </c>
      <c r="P16" s="6">
        <v>456342</v>
      </c>
      <c r="Q16" s="6">
        <v>582470</v>
      </c>
    </row>
    <row r="17" spans="1:17">
      <c r="A17" s="9" t="s">
        <v>27</v>
      </c>
      <c r="B17" s="9" t="s">
        <v>28</v>
      </c>
      <c r="C17" s="9" t="s">
        <v>29</v>
      </c>
      <c r="D17" s="9" t="s">
        <v>54</v>
      </c>
      <c r="E17" s="9" t="s">
        <v>31</v>
      </c>
      <c r="F17" s="9" t="s">
        <v>6</v>
      </c>
      <c r="G17" s="6">
        <v>2686488</v>
      </c>
      <c r="H17" s="6">
        <v>2543923</v>
      </c>
      <c r="I17" s="6">
        <v>2141876</v>
      </c>
      <c r="J17" s="6">
        <v>1985</v>
      </c>
      <c r="K17" s="6">
        <v>402047</v>
      </c>
      <c r="L17" s="6">
        <v>16080</v>
      </c>
      <c r="M17" s="6">
        <v>126485</v>
      </c>
      <c r="N17" s="10" t="s">
        <v>55</v>
      </c>
      <c r="O17" s="6">
        <v>372033</v>
      </c>
      <c r="P17" s="10" t="s">
        <v>55</v>
      </c>
      <c r="Q17" s="10" t="s">
        <v>55</v>
      </c>
    </row>
    <row r="18" spans="1:17">
      <c r="A18" s="9" t="s">
        <v>27</v>
      </c>
      <c r="B18" s="9" t="s">
        <v>28</v>
      </c>
      <c r="C18" s="9" t="s">
        <v>29</v>
      </c>
      <c r="D18" s="9" t="s">
        <v>54</v>
      </c>
      <c r="E18" s="9" t="s">
        <v>31</v>
      </c>
      <c r="F18" s="9" t="s">
        <v>7</v>
      </c>
      <c r="G18" s="6">
        <v>404174</v>
      </c>
      <c r="H18" s="6">
        <v>343636</v>
      </c>
      <c r="I18" s="6">
        <v>287056</v>
      </c>
      <c r="J18" s="6">
        <v>684</v>
      </c>
      <c r="K18" s="6">
        <v>56580</v>
      </c>
      <c r="L18" s="6">
        <v>3716</v>
      </c>
      <c r="M18" s="6">
        <v>56822</v>
      </c>
      <c r="N18" s="10" t="s">
        <v>55</v>
      </c>
      <c r="O18" s="6">
        <v>49146</v>
      </c>
      <c r="P18" s="10" t="s">
        <v>55</v>
      </c>
      <c r="Q18" s="10" t="s">
        <v>55</v>
      </c>
    </row>
    <row r="19" spans="1:17">
      <c r="A19" s="9" t="s">
        <v>27</v>
      </c>
      <c r="B19" s="9" t="s">
        <v>28</v>
      </c>
      <c r="C19" s="9" t="s">
        <v>29</v>
      </c>
      <c r="D19" s="9" t="s">
        <v>54</v>
      </c>
      <c r="E19" s="9" t="s">
        <v>31</v>
      </c>
      <c r="F19" s="9" t="s">
        <v>8</v>
      </c>
      <c r="G19" s="6">
        <v>381011</v>
      </c>
      <c r="H19" s="6">
        <v>325146</v>
      </c>
      <c r="I19" s="6">
        <v>272881</v>
      </c>
      <c r="J19" s="6">
        <v>636</v>
      </c>
      <c r="K19" s="6">
        <v>52265</v>
      </c>
      <c r="L19" s="6">
        <v>3349</v>
      </c>
      <c r="M19" s="6">
        <v>52516</v>
      </c>
      <c r="N19" s="10" t="s">
        <v>55</v>
      </c>
      <c r="O19" s="6">
        <v>45530</v>
      </c>
      <c r="P19" s="10" t="s">
        <v>55</v>
      </c>
      <c r="Q19" s="10" t="s">
        <v>55</v>
      </c>
    </row>
    <row r="20" spans="1:17">
      <c r="A20" s="9" t="s">
        <v>27</v>
      </c>
      <c r="B20" s="9" t="s">
        <v>28</v>
      </c>
      <c r="C20" s="9" t="s">
        <v>29</v>
      </c>
      <c r="D20" s="9" t="s">
        <v>54</v>
      </c>
      <c r="E20" s="9" t="s">
        <v>31</v>
      </c>
      <c r="F20" s="9" t="s">
        <v>13</v>
      </c>
      <c r="G20" s="6">
        <v>23163</v>
      </c>
      <c r="H20" s="6">
        <v>18490</v>
      </c>
      <c r="I20" s="6">
        <v>14175</v>
      </c>
      <c r="J20" s="6">
        <v>48</v>
      </c>
      <c r="K20" s="6">
        <v>4315</v>
      </c>
      <c r="L20" s="6">
        <v>367</v>
      </c>
      <c r="M20" s="6">
        <v>4306</v>
      </c>
      <c r="N20" s="10" t="s">
        <v>55</v>
      </c>
      <c r="O20" s="6">
        <v>3616</v>
      </c>
      <c r="P20" s="10" t="s">
        <v>55</v>
      </c>
      <c r="Q20" s="10" t="s">
        <v>55</v>
      </c>
    </row>
    <row r="21" spans="1:17">
      <c r="A21" s="9" t="s">
        <v>27</v>
      </c>
      <c r="B21" s="9" t="s">
        <v>28</v>
      </c>
      <c r="C21" s="9" t="s">
        <v>29</v>
      </c>
      <c r="D21" s="9" t="s">
        <v>54</v>
      </c>
      <c r="E21" s="9" t="s">
        <v>31</v>
      </c>
      <c r="F21" s="9" t="s">
        <v>14</v>
      </c>
      <c r="G21" s="6">
        <v>1993498</v>
      </c>
      <c r="H21" s="6">
        <v>1929823</v>
      </c>
      <c r="I21" s="6">
        <v>1607102</v>
      </c>
      <c r="J21" s="6">
        <v>562</v>
      </c>
      <c r="K21" s="6">
        <v>322721</v>
      </c>
      <c r="L21" s="6">
        <v>7579</v>
      </c>
      <c r="M21" s="6">
        <v>56096</v>
      </c>
      <c r="N21" s="10" t="s">
        <v>55</v>
      </c>
      <c r="O21" s="6">
        <v>303838</v>
      </c>
      <c r="P21" s="10" t="s">
        <v>55</v>
      </c>
      <c r="Q21" s="10" t="s">
        <v>55</v>
      </c>
    </row>
    <row r="22" spans="1:17">
      <c r="A22" s="9" t="s">
        <v>27</v>
      </c>
      <c r="B22" s="9" t="s">
        <v>28</v>
      </c>
      <c r="C22" s="9" t="s">
        <v>29</v>
      </c>
      <c r="D22" s="9" t="s">
        <v>54</v>
      </c>
      <c r="E22" s="9" t="s">
        <v>31</v>
      </c>
      <c r="F22" s="9" t="s">
        <v>18</v>
      </c>
      <c r="G22" s="6">
        <v>288816</v>
      </c>
      <c r="H22" s="6">
        <v>270464</v>
      </c>
      <c r="I22" s="6">
        <v>247718</v>
      </c>
      <c r="J22" s="6">
        <v>739</v>
      </c>
      <c r="K22" s="6">
        <v>22746</v>
      </c>
      <c r="L22" s="6">
        <v>4785</v>
      </c>
      <c r="M22" s="6">
        <v>13567</v>
      </c>
      <c r="N22" s="10" t="s">
        <v>55</v>
      </c>
      <c r="O22" s="6">
        <v>19049</v>
      </c>
      <c r="P22" s="10" t="s">
        <v>55</v>
      </c>
      <c r="Q22" s="10" t="s">
        <v>55</v>
      </c>
    </row>
    <row r="23" spans="1:17">
      <c r="A23" s="9" t="s">
        <v>27</v>
      </c>
      <c r="B23" s="9" t="s">
        <v>28</v>
      </c>
      <c r="C23" s="9" t="s">
        <v>29</v>
      </c>
      <c r="D23" s="9" t="s">
        <v>54</v>
      </c>
      <c r="E23" s="9" t="s">
        <v>32</v>
      </c>
      <c r="F23" s="9" t="s">
        <v>6</v>
      </c>
      <c r="G23" s="6">
        <v>2884412</v>
      </c>
      <c r="H23" s="6">
        <v>2049374</v>
      </c>
      <c r="I23" s="6">
        <v>1671954</v>
      </c>
      <c r="J23" s="6">
        <v>71433</v>
      </c>
      <c r="K23" s="6">
        <v>377420</v>
      </c>
      <c r="L23" s="6">
        <v>74143</v>
      </c>
      <c r="M23" s="6">
        <v>760895</v>
      </c>
      <c r="N23" s="10" t="s">
        <v>55</v>
      </c>
      <c r="O23" s="6">
        <v>312651</v>
      </c>
      <c r="P23" s="10" t="s">
        <v>55</v>
      </c>
      <c r="Q23" s="10" t="s">
        <v>55</v>
      </c>
    </row>
    <row r="24" spans="1:17">
      <c r="A24" s="9" t="s">
        <v>27</v>
      </c>
      <c r="B24" s="9" t="s">
        <v>28</v>
      </c>
      <c r="C24" s="9" t="s">
        <v>29</v>
      </c>
      <c r="D24" s="9" t="s">
        <v>54</v>
      </c>
      <c r="E24" s="9" t="s">
        <v>32</v>
      </c>
      <c r="F24" s="9" t="s">
        <v>7</v>
      </c>
      <c r="G24" s="6">
        <v>1825542</v>
      </c>
      <c r="H24" s="6">
        <v>1278222</v>
      </c>
      <c r="I24" s="6">
        <v>1023142</v>
      </c>
      <c r="J24" s="6">
        <v>45543</v>
      </c>
      <c r="K24" s="6">
        <v>255080</v>
      </c>
      <c r="L24" s="6">
        <v>50147</v>
      </c>
      <c r="M24" s="6">
        <v>497173</v>
      </c>
      <c r="N24" s="10" t="s">
        <v>55</v>
      </c>
      <c r="O24" s="6">
        <v>213854</v>
      </c>
      <c r="P24" s="10" t="s">
        <v>55</v>
      </c>
      <c r="Q24" s="10" t="s">
        <v>55</v>
      </c>
    </row>
    <row r="25" spans="1:17">
      <c r="A25" s="9" t="s">
        <v>27</v>
      </c>
      <c r="B25" s="9" t="s">
        <v>28</v>
      </c>
      <c r="C25" s="9" t="s">
        <v>29</v>
      </c>
      <c r="D25" s="9" t="s">
        <v>54</v>
      </c>
      <c r="E25" s="9" t="s">
        <v>32</v>
      </c>
      <c r="F25" s="9" t="s">
        <v>8</v>
      </c>
      <c r="G25" s="6">
        <v>1728613</v>
      </c>
      <c r="H25" s="6">
        <v>1198310</v>
      </c>
      <c r="I25" s="6">
        <v>961409</v>
      </c>
      <c r="J25" s="6">
        <v>43685</v>
      </c>
      <c r="K25" s="6">
        <v>236901</v>
      </c>
      <c r="L25" s="6">
        <v>46942</v>
      </c>
      <c r="M25" s="6">
        <v>483361</v>
      </c>
      <c r="N25" s="10" t="s">
        <v>55</v>
      </c>
      <c r="O25" s="6">
        <v>198724</v>
      </c>
      <c r="P25" s="10" t="s">
        <v>55</v>
      </c>
      <c r="Q25" s="10" t="s">
        <v>55</v>
      </c>
    </row>
    <row r="26" spans="1:17">
      <c r="A26" s="9" t="s">
        <v>27</v>
      </c>
      <c r="B26" s="9" t="s">
        <v>28</v>
      </c>
      <c r="C26" s="9" t="s">
        <v>29</v>
      </c>
      <c r="D26" s="9" t="s">
        <v>54</v>
      </c>
      <c r="E26" s="9" t="s">
        <v>32</v>
      </c>
      <c r="F26" s="9" t="s">
        <v>13</v>
      </c>
      <c r="G26" s="6">
        <v>96929</v>
      </c>
      <c r="H26" s="6">
        <v>79912</v>
      </c>
      <c r="I26" s="6">
        <v>61733</v>
      </c>
      <c r="J26" s="6">
        <v>1858</v>
      </c>
      <c r="K26" s="6">
        <v>18179</v>
      </c>
      <c r="L26" s="6">
        <v>3205</v>
      </c>
      <c r="M26" s="6">
        <v>13812</v>
      </c>
      <c r="N26" s="10" t="s">
        <v>55</v>
      </c>
      <c r="O26" s="6">
        <v>15130</v>
      </c>
      <c r="P26" s="10" t="s">
        <v>55</v>
      </c>
      <c r="Q26" s="10" t="s">
        <v>55</v>
      </c>
    </row>
    <row r="27" spans="1:17">
      <c r="A27" s="9" t="s">
        <v>27</v>
      </c>
      <c r="B27" s="9" t="s">
        <v>28</v>
      </c>
      <c r="C27" s="9" t="s">
        <v>29</v>
      </c>
      <c r="D27" s="9" t="s">
        <v>54</v>
      </c>
      <c r="E27" s="9" t="s">
        <v>32</v>
      </c>
      <c r="F27" s="9" t="s">
        <v>14</v>
      </c>
      <c r="G27" s="6">
        <v>621278</v>
      </c>
      <c r="H27" s="6">
        <v>519925</v>
      </c>
      <c r="I27" s="6">
        <v>428137</v>
      </c>
      <c r="J27" s="6">
        <v>9841</v>
      </c>
      <c r="K27" s="6">
        <v>91788</v>
      </c>
      <c r="L27" s="6">
        <v>6021</v>
      </c>
      <c r="M27" s="6">
        <v>95332</v>
      </c>
      <c r="N27" s="10" t="s">
        <v>55</v>
      </c>
      <c r="O27" s="6">
        <v>78744</v>
      </c>
      <c r="P27" s="10" t="s">
        <v>55</v>
      </c>
      <c r="Q27" s="10" t="s">
        <v>55</v>
      </c>
    </row>
    <row r="28" spans="1:17">
      <c r="A28" s="9" t="s">
        <v>27</v>
      </c>
      <c r="B28" s="9" t="s">
        <v>28</v>
      </c>
      <c r="C28" s="9" t="s">
        <v>29</v>
      </c>
      <c r="D28" s="9" t="s">
        <v>54</v>
      </c>
      <c r="E28" s="9" t="s">
        <v>32</v>
      </c>
      <c r="F28" s="9" t="s">
        <v>18</v>
      </c>
      <c r="G28" s="6">
        <v>437592</v>
      </c>
      <c r="H28" s="6">
        <v>251227</v>
      </c>
      <c r="I28" s="6">
        <v>220675</v>
      </c>
      <c r="J28" s="6">
        <v>16049</v>
      </c>
      <c r="K28" s="6">
        <v>30552</v>
      </c>
      <c r="L28" s="6">
        <v>17975</v>
      </c>
      <c r="M28" s="6">
        <v>168390</v>
      </c>
      <c r="N28" s="10" t="s">
        <v>55</v>
      </c>
      <c r="O28" s="6">
        <v>20053</v>
      </c>
      <c r="P28" s="10" t="s">
        <v>55</v>
      </c>
      <c r="Q28" s="10" t="s">
        <v>55</v>
      </c>
    </row>
    <row r="29" spans="1:17">
      <c r="A29" s="9" t="s">
        <v>27</v>
      </c>
      <c r="B29" s="9" t="s">
        <v>28</v>
      </c>
      <c r="C29" s="9" t="s">
        <v>29</v>
      </c>
      <c r="D29" s="9" t="s">
        <v>54</v>
      </c>
      <c r="E29" s="9" t="s">
        <v>33</v>
      </c>
      <c r="F29" s="9" t="s">
        <v>6</v>
      </c>
      <c r="G29" s="6">
        <v>2949069</v>
      </c>
      <c r="H29" s="6">
        <v>2113610</v>
      </c>
      <c r="I29" s="6">
        <v>1793472</v>
      </c>
      <c r="J29" s="6">
        <v>402327</v>
      </c>
      <c r="K29" s="6">
        <v>320138</v>
      </c>
      <c r="L29" s="6">
        <v>103338</v>
      </c>
      <c r="M29" s="6">
        <v>732121</v>
      </c>
      <c r="N29" s="10" t="s">
        <v>55</v>
      </c>
      <c r="O29" s="6">
        <v>258725</v>
      </c>
      <c r="P29" s="10" t="s">
        <v>55</v>
      </c>
      <c r="Q29" s="10" t="s">
        <v>55</v>
      </c>
    </row>
    <row r="30" spans="1:17">
      <c r="A30" s="9" t="s">
        <v>27</v>
      </c>
      <c r="B30" s="9" t="s">
        <v>28</v>
      </c>
      <c r="C30" s="9" t="s">
        <v>29</v>
      </c>
      <c r="D30" s="9" t="s">
        <v>54</v>
      </c>
      <c r="E30" s="9" t="s">
        <v>33</v>
      </c>
      <c r="F30" s="9" t="s">
        <v>7</v>
      </c>
      <c r="G30" s="6">
        <v>2136006</v>
      </c>
      <c r="H30" s="6">
        <v>1542672</v>
      </c>
      <c r="I30" s="6">
        <v>1284363</v>
      </c>
      <c r="J30" s="6">
        <v>294701</v>
      </c>
      <c r="K30" s="6">
        <v>258309</v>
      </c>
      <c r="L30" s="6">
        <v>75983</v>
      </c>
      <c r="M30" s="6">
        <v>517351</v>
      </c>
      <c r="N30" s="10" t="s">
        <v>55</v>
      </c>
      <c r="O30" s="6">
        <v>212498</v>
      </c>
      <c r="P30" s="10" t="s">
        <v>55</v>
      </c>
      <c r="Q30" s="10" t="s">
        <v>55</v>
      </c>
    </row>
    <row r="31" spans="1:17">
      <c r="A31" s="9" t="s">
        <v>27</v>
      </c>
      <c r="B31" s="9" t="s">
        <v>28</v>
      </c>
      <c r="C31" s="9" t="s">
        <v>29</v>
      </c>
      <c r="D31" s="9" t="s">
        <v>54</v>
      </c>
      <c r="E31" s="9" t="s">
        <v>33</v>
      </c>
      <c r="F31" s="9" t="s">
        <v>8</v>
      </c>
      <c r="G31" s="6">
        <v>2034313</v>
      </c>
      <c r="H31" s="6">
        <v>1460123</v>
      </c>
      <c r="I31" s="6">
        <v>1217989</v>
      </c>
      <c r="J31" s="6">
        <v>286293</v>
      </c>
      <c r="K31" s="6">
        <v>242134</v>
      </c>
      <c r="L31" s="6">
        <v>71766</v>
      </c>
      <c r="M31" s="6">
        <v>502424</v>
      </c>
      <c r="N31" s="10" t="s">
        <v>55</v>
      </c>
      <c r="O31" s="6">
        <v>199343</v>
      </c>
      <c r="P31" s="10" t="s">
        <v>55</v>
      </c>
      <c r="Q31" s="10" t="s">
        <v>55</v>
      </c>
    </row>
    <row r="32" spans="1:17">
      <c r="A32" s="9" t="s">
        <v>27</v>
      </c>
      <c r="B32" s="9" t="s">
        <v>28</v>
      </c>
      <c r="C32" s="9" t="s">
        <v>29</v>
      </c>
      <c r="D32" s="9" t="s">
        <v>54</v>
      </c>
      <c r="E32" s="9" t="s">
        <v>33</v>
      </c>
      <c r="F32" s="9" t="s">
        <v>13</v>
      </c>
      <c r="G32" s="6">
        <v>101693</v>
      </c>
      <c r="H32" s="6">
        <v>82549</v>
      </c>
      <c r="I32" s="6">
        <v>66374</v>
      </c>
      <c r="J32" s="6">
        <v>8408</v>
      </c>
      <c r="K32" s="6">
        <v>16175</v>
      </c>
      <c r="L32" s="6">
        <v>4217</v>
      </c>
      <c r="M32" s="6">
        <v>14927</v>
      </c>
      <c r="N32" s="10" t="s">
        <v>55</v>
      </c>
      <c r="O32" s="6">
        <v>13155</v>
      </c>
      <c r="P32" s="10" t="s">
        <v>55</v>
      </c>
      <c r="Q32" s="10" t="s">
        <v>55</v>
      </c>
    </row>
    <row r="33" spans="1:17">
      <c r="A33" s="9" t="s">
        <v>27</v>
      </c>
      <c r="B33" s="9" t="s">
        <v>28</v>
      </c>
      <c r="C33" s="9" t="s">
        <v>29</v>
      </c>
      <c r="D33" s="9" t="s">
        <v>54</v>
      </c>
      <c r="E33" s="9" t="s">
        <v>33</v>
      </c>
      <c r="F33" s="9" t="s">
        <v>14</v>
      </c>
      <c r="G33" s="6">
        <v>326589</v>
      </c>
      <c r="H33" s="6">
        <v>304948</v>
      </c>
      <c r="I33" s="6">
        <v>268233</v>
      </c>
      <c r="J33" s="6">
        <v>41641</v>
      </c>
      <c r="K33" s="6">
        <v>36715</v>
      </c>
      <c r="L33" s="6">
        <v>5072</v>
      </c>
      <c r="M33" s="6">
        <v>16569</v>
      </c>
      <c r="N33" s="10" t="s">
        <v>55</v>
      </c>
      <c r="O33" s="6">
        <v>31301</v>
      </c>
      <c r="P33" s="10" t="s">
        <v>55</v>
      </c>
      <c r="Q33" s="10" t="s">
        <v>55</v>
      </c>
    </row>
    <row r="34" spans="1:17">
      <c r="A34" s="9" t="s">
        <v>27</v>
      </c>
      <c r="B34" s="9" t="s">
        <v>28</v>
      </c>
      <c r="C34" s="9" t="s">
        <v>29</v>
      </c>
      <c r="D34" s="9" t="s">
        <v>54</v>
      </c>
      <c r="E34" s="9" t="s">
        <v>33</v>
      </c>
      <c r="F34" s="9" t="s">
        <v>18</v>
      </c>
      <c r="G34" s="6">
        <v>486474</v>
      </c>
      <c r="H34" s="6">
        <v>265990</v>
      </c>
      <c r="I34" s="6">
        <v>240876</v>
      </c>
      <c r="J34" s="6">
        <v>65985</v>
      </c>
      <c r="K34" s="6">
        <v>25114</v>
      </c>
      <c r="L34" s="6">
        <v>22283</v>
      </c>
      <c r="M34" s="6">
        <v>198201</v>
      </c>
      <c r="N34" s="10" t="s">
        <v>55</v>
      </c>
      <c r="O34" s="6">
        <v>14926</v>
      </c>
      <c r="P34" s="10" t="s">
        <v>55</v>
      </c>
      <c r="Q34" s="10" t="s">
        <v>55</v>
      </c>
    </row>
    <row r="35" spans="1:17">
      <c r="A35" s="9" t="s">
        <v>27</v>
      </c>
      <c r="B35" s="9" t="s">
        <v>28</v>
      </c>
      <c r="C35" s="9" t="s">
        <v>29</v>
      </c>
      <c r="D35" s="9" t="s">
        <v>54</v>
      </c>
      <c r="E35" s="9" t="s">
        <v>34</v>
      </c>
      <c r="F35" s="9" t="s">
        <v>6</v>
      </c>
      <c r="G35" s="6">
        <v>3179760</v>
      </c>
      <c r="H35" s="6">
        <v>2646487</v>
      </c>
      <c r="I35" s="6">
        <v>2332910</v>
      </c>
      <c r="J35" s="6">
        <v>424348</v>
      </c>
      <c r="K35" s="6">
        <v>313577</v>
      </c>
      <c r="L35" s="6">
        <v>53367</v>
      </c>
      <c r="M35" s="6">
        <v>479906</v>
      </c>
      <c r="N35" s="10" t="s">
        <v>55</v>
      </c>
      <c r="O35" s="6">
        <v>259327</v>
      </c>
      <c r="P35" s="10" t="s">
        <v>55</v>
      </c>
      <c r="Q35" s="10" t="s">
        <v>55</v>
      </c>
    </row>
    <row r="36" spans="1:17">
      <c r="A36" s="9" t="s">
        <v>27</v>
      </c>
      <c r="B36" s="9" t="s">
        <v>28</v>
      </c>
      <c r="C36" s="9" t="s">
        <v>29</v>
      </c>
      <c r="D36" s="9" t="s">
        <v>54</v>
      </c>
      <c r="E36" s="9" t="s">
        <v>34</v>
      </c>
      <c r="F36" s="9" t="s">
        <v>7</v>
      </c>
      <c r="G36" s="6">
        <v>2139393</v>
      </c>
      <c r="H36" s="6">
        <v>1767249</v>
      </c>
      <c r="I36" s="6">
        <v>1523396</v>
      </c>
      <c r="J36" s="6">
        <v>297281</v>
      </c>
      <c r="K36" s="6">
        <v>243853</v>
      </c>
      <c r="L36" s="6">
        <v>36194</v>
      </c>
      <c r="M36" s="6">
        <v>335950</v>
      </c>
      <c r="N36" s="10" t="s">
        <v>55</v>
      </c>
      <c r="O36" s="6">
        <v>203426</v>
      </c>
      <c r="P36" s="10" t="s">
        <v>55</v>
      </c>
      <c r="Q36" s="10" t="s">
        <v>55</v>
      </c>
    </row>
    <row r="37" spans="1:17">
      <c r="A37" s="9" t="s">
        <v>27</v>
      </c>
      <c r="B37" s="9" t="s">
        <v>28</v>
      </c>
      <c r="C37" s="9" t="s">
        <v>29</v>
      </c>
      <c r="D37" s="9" t="s">
        <v>54</v>
      </c>
      <c r="E37" s="9" t="s">
        <v>34</v>
      </c>
      <c r="F37" s="9" t="s">
        <v>8</v>
      </c>
      <c r="G37" s="6">
        <v>2052570</v>
      </c>
      <c r="H37" s="6">
        <v>1695182</v>
      </c>
      <c r="I37" s="6">
        <v>1463406</v>
      </c>
      <c r="J37" s="6">
        <v>288933</v>
      </c>
      <c r="K37" s="6">
        <v>231776</v>
      </c>
      <c r="L37" s="6">
        <v>33791</v>
      </c>
      <c r="M37" s="6">
        <v>323597</v>
      </c>
      <c r="N37" s="10" t="s">
        <v>55</v>
      </c>
      <c r="O37" s="6">
        <v>193827</v>
      </c>
      <c r="P37" s="10" t="s">
        <v>55</v>
      </c>
      <c r="Q37" s="10" t="s">
        <v>55</v>
      </c>
    </row>
    <row r="38" spans="1:17">
      <c r="A38" s="9" t="s">
        <v>27</v>
      </c>
      <c r="B38" s="9" t="s">
        <v>28</v>
      </c>
      <c r="C38" s="9" t="s">
        <v>29</v>
      </c>
      <c r="D38" s="9" t="s">
        <v>54</v>
      </c>
      <c r="E38" s="9" t="s">
        <v>34</v>
      </c>
      <c r="F38" s="9" t="s">
        <v>13</v>
      </c>
      <c r="G38" s="6">
        <v>86823</v>
      </c>
      <c r="H38" s="6">
        <v>72067</v>
      </c>
      <c r="I38" s="6">
        <v>59990</v>
      </c>
      <c r="J38" s="6">
        <v>8348</v>
      </c>
      <c r="K38" s="6">
        <v>12077</v>
      </c>
      <c r="L38" s="6">
        <v>2403</v>
      </c>
      <c r="M38" s="6">
        <v>12353</v>
      </c>
      <c r="N38" s="10" t="s">
        <v>55</v>
      </c>
      <c r="O38" s="6">
        <v>9599</v>
      </c>
      <c r="P38" s="10" t="s">
        <v>55</v>
      </c>
      <c r="Q38" s="10" t="s">
        <v>55</v>
      </c>
    </row>
    <row r="39" spans="1:17">
      <c r="A39" s="9" t="s">
        <v>27</v>
      </c>
      <c r="B39" s="9" t="s">
        <v>28</v>
      </c>
      <c r="C39" s="9" t="s">
        <v>29</v>
      </c>
      <c r="D39" s="9" t="s">
        <v>54</v>
      </c>
      <c r="E39" s="9" t="s">
        <v>34</v>
      </c>
      <c r="F39" s="9" t="s">
        <v>14</v>
      </c>
      <c r="G39" s="6">
        <v>559956</v>
      </c>
      <c r="H39" s="6">
        <v>546776</v>
      </c>
      <c r="I39" s="6">
        <v>498298</v>
      </c>
      <c r="J39" s="6">
        <v>55680</v>
      </c>
      <c r="K39" s="6">
        <v>48478</v>
      </c>
      <c r="L39" s="6">
        <v>3728</v>
      </c>
      <c r="M39" s="6">
        <v>9452</v>
      </c>
      <c r="N39" s="10" t="s">
        <v>55</v>
      </c>
      <c r="O39" s="6">
        <v>42392</v>
      </c>
      <c r="P39" s="10" t="s">
        <v>55</v>
      </c>
      <c r="Q39" s="10" t="s">
        <v>55</v>
      </c>
    </row>
    <row r="40" spans="1:17">
      <c r="A40" s="9" t="s">
        <v>27</v>
      </c>
      <c r="B40" s="9" t="s">
        <v>28</v>
      </c>
      <c r="C40" s="9" t="s">
        <v>29</v>
      </c>
      <c r="D40" s="9" t="s">
        <v>54</v>
      </c>
      <c r="E40" s="9" t="s">
        <v>34</v>
      </c>
      <c r="F40" s="9" t="s">
        <v>18</v>
      </c>
      <c r="G40" s="6">
        <v>480411</v>
      </c>
      <c r="H40" s="6">
        <v>332462</v>
      </c>
      <c r="I40" s="6">
        <v>311216</v>
      </c>
      <c r="J40" s="6">
        <v>71387</v>
      </c>
      <c r="K40" s="6">
        <v>21246</v>
      </c>
      <c r="L40" s="6">
        <v>13445</v>
      </c>
      <c r="M40" s="6">
        <v>134504</v>
      </c>
      <c r="N40" s="10" t="s">
        <v>55</v>
      </c>
      <c r="O40" s="6">
        <v>13509</v>
      </c>
      <c r="P40" s="10" t="s">
        <v>55</v>
      </c>
      <c r="Q40" s="10" t="s">
        <v>55</v>
      </c>
    </row>
    <row r="41" spans="1:17">
      <c r="A41" s="9" t="s">
        <v>27</v>
      </c>
      <c r="B41" s="9" t="s">
        <v>28</v>
      </c>
      <c r="C41" s="9" t="s">
        <v>29</v>
      </c>
      <c r="D41" s="9" t="s">
        <v>54</v>
      </c>
      <c r="E41" s="9" t="s">
        <v>35</v>
      </c>
      <c r="F41" s="9" t="s">
        <v>6</v>
      </c>
      <c r="G41" s="6">
        <v>3605421</v>
      </c>
      <c r="H41" s="6">
        <v>3197230</v>
      </c>
      <c r="I41" s="6">
        <v>2829061</v>
      </c>
      <c r="J41" s="6">
        <v>337132</v>
      </c>
      <c r="K41" s="6">
        <v>368169</v>
      </c>
      <c r="L41" s="6">
        <v>38021</v>
      </c>
      <c r="M41" s="6">
        <v>370170</v>
      </c>
      <c r="N41" s="10" t="s">
        <v>55</v>
      </c>
      <c r="O41" s="6">
        <v>313791</v>
      </c>
      <c r="P41" s="10" t="s">
        <v>55</v>
      </c>
      <c r="Q41" s="10" t="s">
        <v>55</v>
      </c>
    </row>
    <row r="42" spans="1:17">
      <c r="A42" s="9" t="s">
        <v>27</v>
      </c>
      <c r="B42" s="9" t="s">
        <v>28</v>
      </c>
      <c r="C42" s="9" t="s">
        <v>29</v>
      </c>
      <c r="D42" s="9" t="s">
        <v>54</v>
      </c>
      <c r="E42" s="9" t="s">
        <v>35</v>
      </c>
      <c r="F42" s="9" t="s">
        <v>7</v>
      </c>
      <c r="G42" s="6">
        <v>2425231</v>
      </c>
      <c r="H42" s="6">
        <v>2142872</v>
      </c>
      <c r="I42" s="6">
        <v>1852063</v>
      </c>
      <c r="J42" s="6">
        <v>223410</v>
      </c>
      <c r="K42" s="6">
        <v>290809</v>
      </c>
      <c r="L42" s="6">
        <v>24275</v>
      </c>
      <c r="M42" s="6">
        <v>258084</v>
      </c>
      <c r="N42" s="10" t="s">
        <v>55</v>
      </c>
      <c r="O42" s="6">
        <v>250559</v>
      </c>
      <c r="P42" s="10" t="s">
        <v>55</v>
      </c>
      <c r="Q42" s="10" t="s">
        <v>55</v>
      </c>
    </row>
    <row r="43" spans="1:17">
      <c r="A43" s="9" t="s">
        <v>27</v>
      </c>
      <c r="B43" s="9" t="s">
        <v>28</v>
      </c>
      <c r="C43" s="9" t="s">
        <v>29</v>
      </c>
      <c r="D43" s="9" t="s">
        <v>54</v>
      </c>
      <c r="E43" s="9" t="s">
        <v>35</v>
      </c>
      <c r="F43" s="9" t="s">
        <v>8</v>
      </c>
      <c r="G43" s="6">
        <v>2343199</v>
      </c>
      <c r="H43" s="6">
        <v>2073668</v>
      </c>
      <c r="I43" s="6">
        <v>1793114</v>
      </c>
      <c r="J43" s="6">
        <v>216749</v>
      </c>
      <c r="K43" s="6">
        <v>280554</v>
      </c>
      <c r="L43" s="6">
        <v>22614</v>
      </c>
      <c r="M43" s="6">
        <v>246917</v>
      </c>
      <c r="N43" s="10" t="s">
        <v>55</v>
      </c>
      <c r="O43" s="6">
        <v>242389</v>
      </c>
      <c r="P43" s="10" t="s">
        <v>55</v>
      </c>
      <c r="Q43" s="10" t="s">
        <v>55</v>
      </c>
    </row>
    <row r="44" spans="1:17">
      <c r="A44" s="9" t="s">
        <v>27</v>
      </c>
      <c r="B44" s="9" t="s">
        <v>28</v>
      </c>
      <c r="C44" s="9" t="s">
        <v>29</v>
      </c>
      <c r="D44" s="9" t="s">
        <v>54</v>
      </c>
      <c r="E44" s="9" t="s">
        <v>35</v>
      </c>
      <c r="F44" s="9" t="s">
        <v>13</v>
      </c>
      <c r="G44" s="6">
        <v>82032</v>
      </c>
      <c r="H44" s="6">
        <v>69204</v>
      </c>
      <c r="I44" s="6">
        <v>58949</v>
      </c>
      <c r="J44" s="6">
        <v>6661</v>
      </c>
      <c r="K44" s="6">
        <v>10255</v>
      </c>
      <c r="L44" s="6">
        <v>1661</v>
      </c>
      <c r="M44" s="6">
        <v>11167</v>
      </c>
      <c r="N44" s="10" t="s">
        <v>55</v>
      </c>
      <c r="O44" s="6">
        <v>8170</v>
      </c>
      <c r="P44" s="10" t="s">
        <v>55</v>
      </c>
      <c r="Q44" s="10" t="s">
        <v>55</v>
      </c>
    </row>
    <row r="45" spans="1:17">
      <c r="A45" s="9" t="s">
        <v>27</v>
      </c>
      <c r="B45" s="9" t="s">
        <v>28</v>
      </c>
      <c r="C45" s="9" t="s">
        <v>29</v>
      </c>
      <c r="D45" s="9" t="s">
        <v>54</v>
      </c>
      <c r="E45" s="9" t="s">
        <v>35</v>
      </c>
      <c r="F45" s="9" t="s">
        <v>14</v>
      </c>
      <c r="G45" s="6">
        <v>674445</v>
      </c>
      <c r="H45" s="6">
        <v>661069</v>
      </c>
      <c r="I45" s="6">
        <v>605036</v>
      </c>
      <c r="J45" s="6">
        <v>56402</v>
      </c>
      <c r="K45" s="6">
        <v>56033</v>
      </c>
      <c r="L45" s="6">
        <v>3428</v>
      </c>
      <c r="M45" s="6">
        <v>9948</v>
      </c>
      <c r="N45" s="10" t="s">
        <v>55</v>
      </c>
      <c r="O45" s="6">
        <v>48351</v>
      </c>
      <c r="P45" s="10" t="s">
        <v>55</v>
      </c>
      <c r="Q45" s="10" t="s">
        <v>55</v>
      </c>
    </row>
    <row r="46" spans="1:17">
      <c r="A46" s="9" t="s">
        <v>27</v>
      </c>
      <c r="B46" s="9" t="s">
        <v>28</v>
      </c>
      <c r="C46" s="9" t="s">
        <v>29</v>
      </c>
      <c r="D46" s="9" t="s">
        <v>54</v>
      </c>
      <c r="E46" s="9" t="s">
        <v>35</v>
      </c>
      <c r="F46" s="9" t="s">
        <v>18</v>
      </c>
      <c r="G46" s="6">
        <v>505745</v>
      </c>
      <c r="H46" s="6">
        <v>393289</v>
      </c>
      <c r="I46" s="6">
        <v>371962</v>
      </c>
      <c r="J46" s="6">
        <v>57320</v>
      </c>
      <c r="K46" s="6">
        <v>21327</v>
      </c>
      <c r="L46" s="6">
        <v>10318</v>
      </c>
      <c r="M46" s="6">
        <v>102138</v>
      </c>
      <c r="N46" s="10" t="s">
        <v>55</v>
      </c>
      <c r="O46" s="6">
        <v>14881</v>
      </c>
      <c r="P46" s="10" t="s">
        <v>55</v>
      </c>
      <c r="Q46" s="10" t="s">
        <v>55</v>
      </c>
    </row>
    <row r="47" spans="1:17">
      <c r="A47" s="9" t="s">
        <v>27</v>
      </c>
      <c r="B47" s="9" t="s">
        <v>28</v>
      </c>
      <c r="C47" s="9" t="s">
        <v>29</v>
      </c>
      <c r="D47" s="9" t="s">
        <v>54</v>
      </c>
      <c r="E47" s="9" t="s">
        <v>36</v>
      </c>
      <c r="F47" s="9" t="s">
        <v>6</v>
      </c>
      <c r="G47" s="6">
        <v>4089364</v>
      </c>
      <c r="H47" s="6">
        <v>3695465</v>
      </c>
      <c r="I47" s="6">
        <v>3246620</v>
      </c>
      <c r="J47" s="6">
        <v>367298</v>
      </c>
      <c r="K47" s="6">
        <v>448845</v>
      </c>
      <c r="L47" s="6">
        <v>38388</v>
      </c>
      <c r="M47" s="6">
        <v>355511</v>
      </c>
      <c r="N47" s="10" t="s">
        <v>55</v>
      </c>
      <c r="O47" s="6">
        <v>379907</v>
      </c>
      <c r="P47" s="10" t="s">
        <v>55</v>
      </c>
      <c r="Q47" s="10" t="s">
        <v>55</v>
      </c>
    </row>
    <row r="48" spans="1:17">
      <c r="A48" s="9" t="s">
        <v>27</v>
      </c>
      <c r="B48" s="9" t="s">
        <v>28</v>
      </c>
      <c r="C48" s="9" t="s">
        <v>29</v>
      </c>
      <c r="D48" s="9" t="s">
        <v>54</v>
      </c>
      <c r="E48" s="9" t="s">
        <v>36</v>
      </c>
      <c r="F48" s="9" t="s">
        <v>7</v>
      </c>
      <c r="G48" s="6">
        <v>2895908</v>
      </c>
      <c r="H48" s="6">
        <v>2619986</v>
      </c>
      <c r="I48" s="6">
        <v>2252381</v>
      </c>
      <c r="J48" s="6">
        <v>239275</v>
      </c>
      <c r="K48" s="6">
        <v>367605</v>
      </c>
      <c r="L48" s="6">
        <v>24250</v>
      </c>
      <c r="M48" s="6">
        <v>251672</v>
      </c>
      <c r="N48" s="10" t="s">
        <v>55</v>
      </c>
      <c r="O48" s="6">
        <v>315786</v>
      </c>
      <c r="P48" s="10" t="s">
        <v>55</v>
      </c>
      <c r="Q48" s="10" t="s">
        <v>55</v>
      </c>
    </row>
    <row r="49" spans="1:17">
      <c r="A49" s="9" t="s">
        <v>27</v>
      </c>
      <c r="B49" s="9" t="s">
        <v>28</v>
      </c>
      <c r="C49" s="9" t="s">
        <v>29</v>
      </c>
      <c r="D49" s="9" t="s">
        <v>54</v>
      </c>
      <c r="E49" s="9" t="s">
        <v>36</v>
      </c>
      <c r="F49" s="9" t="s">
        <v>8</v>
      </c>
      <c r="G49" s="6">
        <v>2808302</v>
      </c>
      <c r="H49" s="6">
        <v>2545874</v>
      </c>
      <c r="I49" s="6">
        <v>2187948</v>
      </c>
      <c r="J49" s="6">
        <v>232275</v>
      </c>
      <c r="K49" s="6">
        <v>357926</v>
      </c>
      <c r="L49" s="6">
        <v>22702</v>
      </c>
      <c r="M49" s="6">
        <v>239726</v>
      </c>
      <c r="N49" s="10" t="s">
        <v>55</v>
      </c>
      <c r="O49" s="6">
        <v>308386</v>
      </c>
      <c r="P49" s="10" t="s">
        <v>55</v>
      </c>
      <c r="Q49" s="10" t="s">
        <v>55</v>
      </c>
    </row>
    <row r="50" spans="1:17">
      <c r="A50" s="9" t="s">
        <v>27</v>
      </c>
      <c r="B50" s="9" t="s">
        <v>28</v>
      </c>
      <c r="C50" s="9" t="s">
        <v>29</v>
      </c>
      <c r="D50" s="9" t="s">
        <v>54</v>
      </c>
      <c r="E50" s="9" t="s">
        <v>36</v>
      </c>
      <c r="F50" s="9" t="s">
        <v>13</v>
      </c>
      <c r="G50" s="6">
        <v>87606</v>
      </c>
      <c r="H50" s="6">
        <v>74112</v>
      </c>
      <c r="I50" s="6">
        <v>64433</v>
      </c>
      <c r="J50" s="6">
        <v>7000</v>
      </c>
      <c r="K50" s="6">
        <v>9679</v>
      </c>
      <c r="L50" s="6">
        <v>1548</v>
      </c>
      <c r="M50" s="6">
        <v>11946</v>
      </c>
      <c r="N50" s="10" t="s">
        <v>55</v>
      </c>
      <c r="O50" s="6">
        <v>7400</v>
      </c>
      <c r="P50" s="10" t="s">
        <v>55</v>
      </c>
      <c r="Q50" s="10" t="s">
        <v>55</v>
      </c>
    </row>
    <row r="51" spans="1:17">
      <c r="A51" s="9" t="s">
        <v>27</v>
      </c>
      <c r="B51" s="9" t="s">
        <v>28</v>
      </c>
      <c r="C51" s="9" t="s">
        <v>29</v>
      </c>
      <c r="D51" s="9" t="s">
        <v>54</v>
      </c>
      <c r="E51" s="9" t="s">
        <v>36</v>
      </c>
      <c r="F51" s="9" t="s">
        <v>14</v>
      </c>
      <c r="G51" s="6">
        <v>677982</v>
      </c>
      <c r="H51" s="6">
        <v>659978</v>
      </c>
      <c r="I51" s="6">
        <v>602452</v>
      </c>
      <c r="J51" s="6">
        <v>73862</v>
      </c>
      <c r="K51" s="6">
        <v>57526</v>
      </c>
      <c r="L51" s="6">
        <v>3808</v>
      </c>
      <c r="M51" s="6">
        <v>14196</v>
      </c>
      <c r="N51" s="10" t="s">
        <v>55</v>
      </c>
      <c r="O51" s="6">
        <v>47021</v>
      </c>
      <c r="P51" s="10" t="s">
        <v>55</v>
      </c>
      <c r="Q51" s="10" t="s">
        <v>55</v>
      </c>
    </row>
    <row r="52" spans="1:17">
      <c r="A52" s="9" t="s">
        <v>27</v>
      </c>
      <c r="B52" s="9" t="s">
        <v>28</v>
      </c>
      <c r="C52" s="9" t="s">
        <v>29</v>
      </c>
      <c r="D52" s="9" t="s">
        <v>54</v>
      </c>
      <c r="E52" s="9" t="s">
        <v>36</v>
      </c>
      <c r="F52" s="9" t="s">
        <v>18</v>
      </c>
      <c r="G52" s="6">
        <v>515474</v>
      </c>
      <c r="H52" s="6">
        <v>415501</v>
      </c>
      <c r="I52" s="6">
        <v>391787</v>
      </c>
      <c r="J52" s="6">
        <v>54161</v>
      </c>
      <c r="K52" s="6">
        <v>23714</v>
      </c>
      <c r="L52" s="6">
        <v>10330</v>
      </c>
      <c r="M52" s="6">
        <v>89643</v>
      </c>
      <c r="N52" s="10" t="s">
        <v>55</v>
      </c>
      <c r="O52" s="6">
        <v>17100</v>
      </c>
      <c r="P52" s="10" t="s">
        <v>55</v>
      </c>
      <c r="Q52" s="10" t="s">
        <v>55</v>
      </c>
    </row>
    <row r="53" spans="1:17">
      <c r="A53" s="9" t="s">
        <v>27</v>
      </c>
      <c r="B53" s="9" t="s">
        <v>28</v>
      </c>
      <c r="C53" s="9" t="s">
        <v>29</v>
      </c>
      <c r="D53" s="9" t="s">
        <v>54</v>
      </c>
      <c r="E53" s="9" t="s">
        <v>37</v>
      </c>
      <c r="F53" s="9" t="s">
        <v>6</v>
      </c>
      <c r="G53" s="6">
        <v>4768900</v>
      </c>
      <c r="H53" s="6">
        <v>4271228</v>
      </c>
      <c r="I53" s="6">
        <v>3700463</v>
      </c>
      <c r="J53" s="6">
        <v>559405</v>
      </c>
      <c r="K53" s="6">
        <v>570765</v>
      </c>
      <c r="L53" s="6">
        <v>49384</v>
      </c>
      <c r="M53" s="6">
        <v>448288</v>
      </c>
      <c r="N53" s="10" t="s">
        <v>55</v>
      </c>
      <c r="O53" s="6">
        <v>454808</v>
      </c>
      <c r="P53" s="10" t="s">
        <v>55</v>
      </c>
      <c r="Q53" s="10" t="s">
        <v>55</v>
      </c>
    </row>
    <row r="54" spans="1:17">
      <c r="A54" s="9" t="s">
        <v>27</v>
      </c>
      <c r="B54" s="9" t="s">
        <v>28</v>
      </c>
      <c r="C54" s="9" t="s">
        <v>29</v>
      </c>
      <c r="D54" s="9" t="s">
        <v>54</v>
      </c>
      <c r="E54" s="9" t="s">
        <v>37</v>
      </c>
      <c r="F54" s="9" t="s">
        <v>7</v>
      </c>
      <c r="G54" s="6">
        <v>3481396</v>
      </c>
      <c r="H54" s="6">
        <v>3127325</v>
      </c>
      <c r="I54" s="6">
        <v>2657242</v>
      </c>
      <c r="J54" s="6">
        <v>369836</v>
      </c>
      <c r="K54" s="6">
        <v>470083</v>
      </c>
      <c r="L54" s="6">
        <v>32178</v>
      </c>
      <c r="M54" s="6">
        <v>321893</v>
      </c>
      <c r="N54" s="10" t="s">
        <v>55</v>
      </c>
      <c r="O54" s="6">
        <v>380760</v>
      </c>
      <c r="P54" s="10" t="s">
        <v>55</v>
      </c>
      <c r="Q54" s="10" t="s">
        <v>55</v>
      </c>
    </row>
    <row r="55" spans="1:17">
      <c r="A55" s="9" t="s">
        <v>27</v>
      </c>
      <c r="B55" s="9" t="s">
        <v>28</v>
      </c>
      <c r="C55" s="9" t="s">
        <v>29</v>
      </c>
      <c r="D55" s="9" t="s">
        <v>54</v>
      </c>
      <c r="E55" s="9" t="s">
        <v>37</v>
      </c>
      <c r="F55" s="9" t="s">
        <v>8</v>
      </c>
      <c r="G55" s="6">
        <v>3374956</v>
      </c>
      <c r="H55" s="6">
        <v>3040488</v>
      </c>
      <c r="I55" s="6">
        <v>2581469</v>
      </c>
      <c r="J55" s="6">
        <v>359262</v>
      </c>
      <c r="K55" s="6">
        <v>459019</v>
      </c>
      <c r="L55" s="6">
        <v>30174</v>
      </c>
      <c r="M55" s="6">
        <v>304294</v>
      </c>
      <c r="N55" s="10" t="s">
        <v>55</v>
      </c>
      <c r="O55" s="6">
        <v>373075</v>
      </c>
      <c r="P55" s="10" t="s">
        <v>55</v>
      </c>
      <c r="Q55" s="10" t="s">
        <v>55</v>
      </c>
    </row>
    <row r="56" spans="1:17">
      <c r="A56" s="9" t="s">
        <v>27</v>
      </c>
      <c r="B56" s="9" t="s">
        <v>28</v>
      </c>
      <c r="C56" s="9" t="s">
        <v>29</v>
      </c>
      <c r="D56" s="9" t="s">
        <v>54</v>
      </c>
      <c r="E56" s="9" t="s">
        <v>37</v>
      </c>
      <c r="F56" s="9" t="s">
        <v>13</v>
      </c>
      <c r="G56" s="6">
        <v>106440</v>
      </c>
      <c r="H56" s="6">
        <v>86837</v>
      </c>
      <c r="I56" s="6">
        <v>75773</v>
      </c>
      <c r="J56" s="6">
        <v>10574</v>
      </c>
      <c r="K56" s="6">
        <v>11064</v>
      </c>
      <c r="L56" s="6">
        <v>2004</v>
      </c>
      <c r="M56" s="6">
        <v>17599</v>
      </c>
      <c r="N56" s="10" t="s">
        <v>55</v>
      </c>
      <c r="O56" s="6">
        <v>7685</v>
      </c>
      <c r="P56" s="10" t="s">
        <v>55</v>
      </c>
      <c r="Q56" s="10" t="s">
        <v>55</v>
      </c>
    </row>
    <row r="57" spans="1:17">
      <c r="A57" s="9" t="s">
        <v>27</v>
      </c>
      <c r="B57" s="9" t="s">
        <v>28</v>
      </c>
      <c r="C57" s="9" t="s">
        <v>29</v>
      </c>
      <c r="D57" s="9" t="s">
        <v>54</v>
      </c>
      <c r="E57" s="9" t="s">
        <v>37</v>
      </c>
      <c r="F57" s="9" t="s">
        <v>14</v>
      </c>
      <c r="G57" s="6">
        <v>749544</v>
      </c>
      <c r="H57" s="6">
        <v>716723</v>
      </c>
      <c r="I57" s="6">
        <v>646026</v>
      </c>
      <c r="J57" s="6">
        <v>124630</v>
      </c>
      <c r="K57" s="6">
        <v>70697</v>
      </c>
      <c r="L57" s="6">
        <v>5256</v>
      </c>
      <c r="M57" s="6">
        <v>27565</v>
      </c>
      <c r="N57" s="10" t="s">
        <v>55</v>
      </c>
      <c r="O57" s="6">
        <v>52831</v>
      </c>
      <c r="P57" s="10" t="s">
        <v>55</v>
      </c>
      <c r="Q57" s="10" t="s">
        <v>55</v>
      </c>
    </row>
    <row r="58" spans="1:17">
      <c r="A58" s="9" t="s">
        <v>27</v>
      </c>
      <c r="B58" s="9" t="s">
        <v>28</v>
      </c>
      <c r="C58" s="9" t="s">
        <v>29</v>
      </c>
      <c r="D58" s="9" t="s">
        <v>54</v>
      </c>
      <c r="E58" s="9" t="s">
        <v>37</v>
      </c>
      <c r="F58" s="9" t="s">
        <v>18</v>
      </c>
      <c r="G58" s="6">
        <v>537960</v>
      </c>
      <c r="H58" s="6">
        <v>427180</v>
      </c>
      <c r="I58" s="6">
        <v>397195</v>
      </c>
      <c r="J58" s="6">
        <v>64939</v>
      </c>
      <c r="K58" s="6">
        <v>29985</v>
      </c>
      <c r="L58" s="6">
        <v>11950</v>
      </c>
      <c r="M58" s="6">
        <v>98830</v>
      </c>
      <c r="N58" s="10" t="s">
        <v>55</v>
      </c>
      <c r="O58" s="6">
        <v>21217</v>
      </c>
      <c r="P58" s="10" t="s">
        <v>55</v>
      </c>
      <c r="Q58" s="10" t="s">
        <v>55</v>
      </c>
    </row>
    <row r="59" spans="1:17">
      <c r="A59" s="9" t="s">
        <v>27</v>
      </c>
      <c r="B59" s="9" t="s">
        <v>28</v>
      </c>
      <c r="C59" s="9" t="s">
        <v>29</v>
      </c>
      <c r="D59" s="9" t="s">
        <v>54</v>
      </c>
      <c r="E59" s="9" t="s">
        <v>38</v>
      </c>
      <c r="F59" s="9" t="s">
        <v>6</v>
      </c>
      <c r="G59" s="6">
        <v>4242467</v>
      </c>
      <c r="H59" s="6">
        <v>3719295</v>
      </c>
      <c r="I59" s="6">
        <v>3130384</v>
      </c>
      <c r="J59" s="6">
        <v>729318</v>
      </c>
      <c r="K59" s="6">
        <v>588911</v>
      </c>
      <c r="L59" s="6">
        <v>46670</v>
      </c>
      <c r="M59" s="6">
        <v>476502</v>
      </c>
      <c r="N59" s="10" t="s">
        <v>55</v>
      </c>
      <c r="O59" s="6">
        <v>415436</v>
      </c>
      <c r="P59" s="10" t="s">
        <v>55</v>
      </c>
      <c r="Q59" s="10" t="s">
        <v>55</v>
      </c>
    </row>
    <row r="60" spans="1:17">
      <c r="A60" s="9" t="s">
        <v>27</v>
      </c>
      <c r="B60" s="9" t="s">
        <v>28</v>
      </c>
      <c r="C60" s="9" t="s">
        <v>29</v>
      </c>
      <c r="D60" s="9" t="s">
        <v>54</v>
      </c>
      <c r="E60" s="9" t="s">
        <v>38</v>
      </c>
      <c r="F60" s="9" t="s">
        <v>7</v>
      </c>
      <c r="G60" s="6">
        <v>3083962</v>
      </c>
      <c r="H60" s="6">
        <v>2705546</v>
      </c>
      <c r="I60" s="6">
        <v>2231330</v>
      </c>
      <c r="J60" s="6">
        <v>492560</v>
      </c>
      <c r="K60" s="6">
        <v>474216</v>
      </c>
      <c r="L60" s="6">
        <v>30341</v>
      </c>
      <c r="M60" s="6">
        <v>348075</v>
      </c>
      <c r="N60" s="10" t="s">
        <v>55</v>
      </c>
      <c r="O60" s="6">
        <v>338857</v>
      </c>
      <c r="P60" s="10" t="s">
        <v>55</v>
      </c>
      <c r="Q60" s="10" t="s">
        <v>55</v>
      </c>
    </row>
    <row r="61" spans="1:17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38</v>
      </c>
      <c r="F61" s="9" t="s">
        <v>8</v>
      </c>
      <c r="G61" s="6">
        <v>2989505</v>
      </c>
      <c r="H61" s="6">
        <v>2633229</v>
      </c>
      <c r="I61" s="6">
        <v>2169217</v>
      </c>
      <c r="J61" s="6">
        <v>480146</v>
      </c>
      <c r="K61" s="6">
        <v>464012</v>
      </c>
      <c r="L61" s="6">
        <v>28486</v>
      </c>
      <c r="M61" s="6">
        <v>327790</v>
      </c>
      <c r="N61" s="10" t="s">
        <v>55</v>
      </c>
      <c r="O61" s="6">
        <v>332791</v>
      </c>
      <c r="P61" s="10" t="s">
        <v>55</v>
      </c>
      <c r="Q61" s="10" t="s">
        <v>55</v>
      </c>
    </row>
    <row r="62" spans="1:17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38</v>
      </c>
      <c r="F62" s="9" t="s">
        <v>13</v>
      </c>
      <c r="G62" s="6">
        <v>94457</v>
      </c>
      <c r="H62" s="6">
        <v>72317</v>
      </c>
      <c r="I62" s="6">
        <v>62113</v>
      </c>
      <c r="J62" s="6">
        <v>12414</v>
      </c>
      <c r="K62" s="6">
        <v>10204</v>
      </c>
      <c r="L62" s="6">
        <v>1855</v>
      </c>
      <c r="M62" s="6">
        <v>20285</v>
      </c>
      <c r="N62" s="10" t="s">
        <v>55</v>
      </c>
      <c r="O62" s="6">
        <v>6066</v>
      </c>
      <c r="P62" s="10" t="s">
        <v>55</v>
      </c>
      <c r="Q62" s="10" t="s">
        <v>55</v>
      </c>
    </row>
    <row r="63" spans="1:17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38</v>
      </c>
      <c r="F63" s="9" t="s">
        <v>14</v>
      </c>
      <c r="G63" s="6">
        <v>746186</v>
      </c>
      <c r="H63" s="6">
        <v>699011</v>
      </c>
      <c r="I63" s="6">
        <v>613111</v>
      </c>
      <c r="J63" s="6">
        <v>176440</v>
      </c>
      <c r="K63" s="6">
        <v>85900</v>
      </c>
      <c r="L63" s="6">
        <v>5568</v>
      </c>
      <c r="M63" s="6">
        <v>41607</v>
      </c>
      <c r="N63" s="10" t="s">
        <v>55</v>
      </c>
      <c r="O63" s="6">
        <v>57179</v>
      </c>
      <c r="P63" s="10" t="s">
        <v>55</v>
      </c>
      <c r="Q63" s="10" t="s">
        <v>55</v>
      </c>
    </row>
    <row r="64" spans="1:17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38</v>
      </c>
      <c r="F64" s="9" t="s">
        <v>18</v>
      </c>
      <c r="G64" s="6">
        <v>412319</v>
      </c>
      <c r="H64" s="6">
        <v>314738</v>
      </c>
      <c r="I64" s="6">
        <v>285943</v>
      </c>
      <c r="J64" s="6">
        <v>60318</v>
      </c>
      <c r="K64" s="6">
        <v>28795</v>
      </c>
      <c r="L64" s="6">
        <v>10761</v>
      </c>
      <c r="M64" s="6">
        <v>86820</v>
      </c>
      <c r="N64" s="10" t="s">
        <v>55</v>
      </c>
      <c r="O64" s="6">
        <v>19400</v>
      </c>
      <c r="P64" s="10" t="s">
        <v>55</v>
      </c>
      <c r="Q64" s="10" t="s">
        <v>55</v>
      </c>
    </row>
    <row r="65" spans="1:17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39</v>
      </c>
      <c r="F65" s="9" t="s">
        <v>6</v>
      </c>
      <c r="G65" s="6">
        <v>3878674</v>
      </c>
      <c r="H65" s="6">
        <v>3346929</v>
      </c>
      <c r="I65" s="6">
        <v>2717958</v>
      </c>
      <c r="J65" s="6">
        <v>1015852</v>
      </c>
      <c r="K65" s="6">
        <v>628971</v>
      </c>
      <c r="L65" s="6">
        <v>38333</v>
      </c>
      <c r="M65" s="6">
        <v>493412</v>
      </c>
      <c r="N65" s="10" t="s">
        <v>55</v>
      </c>
      <c r="O65" s="6">
        <v>381548</v>
      </c>
      <c r="P65" s="10" t="s">
        <v>55</v>
      </c>
      <c r="Q65" s="10" t="s">
        <v>55</v>
      </c>
    </row>
    <row r="66" spans="1:17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39</v>
      </c>
      <c r="F66" s="9" t="s">
        <v>7</v>
      </c>
      <c r="G66" s="6">
        <v>2728974</v>
      </c>
      <c r="H66" s="6">
        <v>2340813</v>
      </c>
      <c r="I66" s="6">
        <v>1859078</v>
      </c>
      <c r="J66" s="6">
        <v>674350</v>
      </c>
      <c r="K66" s="6">
        <v>481735</v>
      </c>
      <c r="L66" s="6">
        <v>25009</v>
      </c>
      <c r="M66" s="6">
        <v>363152</v>
      </c>
      <c r="N66" s="10" t="s">
        <v>55</v>
      </c>
      <c r="O66" s="6">
        <v>294774</v>
      </c>
      <c r="P66" s="10" t="s">
        <v>55</v>
      </c>
      <c r="Q66" s="10" t="s">
        <v>55</v>
      </c>
    </row>
    <row r="67" spans="1:17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39</v>
      </c>
      <c r="F67" s="9" t="s">
        <v>8</v>
      </c>
      <c r="G67" s="6">
        <v>2651926</v>
      </c>
      <c r="H67" s="6">
        <v>2286214</v>
      </c>
      <c r="I67" s="6">
        <v>1813731</v>
      </c>
      <c r="J67" s="6">
        <v>659918</v>
      </c>
      <c r="K67" s="6">
        <v>472483</v>
      </c>
      <c r="L67" s="6">
        <v>23713</v>
      </c>
      <c r="M67" s="6">
        <v>341999</v>
      </c>
      <c r="N67" s="10" t="s">
        <v>55</v>
      </c>
      <c r="O67" s="6">
        <v>289942</v>
      </c>
      <c r="P67" s="10" t="s">
        <v>55</v>
      </c>
      <c r="Q67" s="10" t="s">
        <v>55</v>
      </c>
    </row>
    <row r="68" spans="1:17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39</v>
      </c>
      <c r="F68" s="9" t="s">
        <v>13</v>
      </c>
      <c r="G68" s="6">
        <v>77048</v>
      </c>
      <c r="H68" s="6">
        <v>54599</v>
      </c>
      <c r="I68" s="6">
        <v>45347</v>
      </c>
      <c r="J68" s="6">
        <v>14432</v>
      </c>
      <c r="K68" s="6">
        <v>9252</v>
      </c>
      <c r="L68" s="6">
        <v>1296</v>
      </c>
      <c r="M68" s="6">
        <v>21153</v>
      </c>
      <c r="N68" s="10" t="s">
        <v>55</v>
      </c>
      <c r="O68" s="6">
        <v>4832</v>
      </c>
      <c r="P68" s="10" t="s">
        <v>55</v>
      </c>
      <c r="Q68" s="10" t="s">
        <v>55</v>
      </c>
    </row>
    <row r="69" spans="1:17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39</v>
      </c>
      <c r="F69" s="9" t="s">
        <v>14</v>
      </c>
      <c r="G69" s="6">
        <v>874205</v>
      </c>
      <c r="H69" s="6">
        <v>805985</v>
      </c>
      <c r="I69" s="6">
        <v>682663</v>
      </c>
      <c r="J69" s="6">
        <v>288364</v>
      </c>
      <c r="K69" s="6">
        <v>123322</v>
      </c>
      <c r="L69" s="6">
        <v>5431</v>
      </c>
      <c r="M69" s="6">
        <v>62789</v>
      </c>
      <c r="N69" s="10" t="s">
        <v>55</v>
      </c>
      <c r="O69" s="6">
        <v>71533</v>
      </c>
      <c r="P69" s="10" t="s">
        <v>55</v>
      </c>
      <c r="Q69" s="10" t="s">
        <v>55</v>
      </c>
    </row>
    <row r="70" spans="1:17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39</v>
      </c>
      <c r="F70" s="9" t="s">
        <v>18</v>
      </c>
      <c r="G70" s="6">
        <v>275495</v>
      </c>
      <c r="H70" s="6">
        <v>200131</v>
      </c>
      <c r="I70" s="6">
        <v>176217</v>
      </c>
      <c r="J70" s="6">
        <v>53138</v>
      </c>
      <c r="K70" s="6">
        <v>23914</v>
      </c>
      <c r="L70" s="6">
        <v>7893</v>
      </c>
      <c r="M70" s="6">
        <v>67471</v>
      </c>
      <c r="N70" s="10" t="s">
        <v>55</v>
      </c>
      <c r="O70" s="6">
        <v>15241</v>
      </c>
      <c r="P70" s="10" t="s">
        <v>55</v>
      </c>
      <c r="Q70" s="10" t="s">
        <v>55</v>
      </c>
    </row>
    <row r="71" spans="1:17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40</v>
      </c>
      <c r="F71" s="9" t="s">
        <v>6</v>
      </c>
      <c r="G71" s="6">
        <v>3675708</v>
      </c>
      <c r="H71" s="6">
        <v>3151245</v>
      </c>
      <c r="I71" s="6">
        <v>2539604</v>
      </c>
      <c r="J71" s="6">
        <v>1303518</v>
      </c>
      <c r="K71" s="6">
        <v>611641</v>
      </c>
      <c r="L71" s="6">
        <v>29651</v>
      </c>
      <c r="M71" s="6">
        <v>494812</v>
      </c>
      <c r="N71" s="10" t="s">
        <v>55</v>
      </c>
      <c r="O71" s="6">
        <v>345914</v>
      </c>
      <c r="P71" s="6">
        <v>703061</v>
      </c>
      <c r="Q71" s="10" t="s">
        <v>55</v>
      </c>
    </row>
    <row r="72" spans="1:17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40</v>
      </c>
      <c r="F72" s="9" t="s">
        <v>7</v>
      </c>
      <c r="G72" s="6">
        <v>2184139</v>
      </c>
      <c r="H72" s="6">
        <v>1841927</v>
      </c>
      <c r="I72" s="6">
        <v>1451288</v>
      </c>
      <c r="J72" s="6">
        <v>717823</v>
      </c>
      <c r="K72" s="6">
        <v>390639</v>
      </c>
      <c r="L72" s="6">
        <v>17666</v>
      </c>
      <c r="M72" s="6">
        <v>324546</v>
      </c>
      <c r="N72" s="10" t="s">
        <v>55</v>
      </c>
      <c r="O72" s="6">
        <v>225149</v>
      </c>
      <c r="P72" s="6">
        <v>369076</v>
      </c>
      <c r="Q72" s="10" t="s">
        <v>55</v>
      </c>
    </row>
    <row r="73" spans="1:17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40</v>
      </c>
      <c r="F73" s="9" t="s">
        <v>8</v>
      </c>
      <c r="G73" s="6">
        <v>2119743</v>
      </c>
      <c r="H73" s="6">
        <v>1798171</v>
      </c>
      <c r="I73" s="6">
        <v>1416146</v>
      </c>
      <c r="J73" s="6">
        <v>701949</v>
      </c>
      <c r="K73" s="6">
        <v>382025</v>
      </c>
      <c r="L73" s="6">
        <v>16791</v>
      </c>
      <c r="M73" s="6">
        <v>304781</v>
      </c>
      <c r="N73" s="10" t="s">
        <v>55</v>
      </c>
      <c r="O73" s="6">
        <v>221043</v>
      </c>
      <c r="P73" s="6">
        <v>361019</v>
      </c>
      <c r="Q73" s="10" t="s">
        <v>55</v>
      </c>
    </row>
    <row r="74" spans="1:17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40</v>
      </c>
      <c r="F74" s="9" t="s">
        <v>13</v>
      </c>
      <c r="G74" s="6">
        <v>64396</v>
      </c>
      <c r="H74" s="6">
        <v>43756</v>
      </c>
      <c r="I74" s="6">
        <v>35142</v>
      </c>
      <c r="J74" s="6">
        <v>15874</v>
      </c>
      <c r="K74" s="6">
        <v>8614</v>
      </c>
      <c r="L74" s="6">
        <v>875</v>
      </c>
      <c r="M74" s="6">
        <v>19765</v>
      </c>
      <c r="N74" s="10" t="s">
        <v>55</v>
      </c>
      <c r="O74" s="6">
        <v>4106</v>
      </c>
      <c r="P74" s="6">
        <v>8057</v>
      </c>
      <c r="Q74" s="10" t="s">
        <v>55</v>
      </c>
    </row>
    <row r="75" spans="1:17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40</v>
      </c>
      <c r="F75" s="9" t="s">
        <v>14</v>
      </c>
      <c r="G75" s="6">
        <v>1302757</v>
      </c>
      <c r="H75" s="6">
        <v>1177605</v>
      </c>
      <c r="I75" s="6">
        <v>976500</v>
      </c>
      <c r="J75" s="6">
        <v>538752</v>
      </c>
      <c r="K75" s="6">
        <v>201105</v>
      </c>
      <c r="L75" s="6">
        <v>6442</v>
      </c>
      <c r="M75" s="6">
        <v>118710</v>
      </c>
      <c r="N75" s="10" t="s">
        <v>55</v>
      </c>
      <c r="O75" s="6">
        <v>108573</v>
      </c>
      <c r="P75" s="6">
        <v>310293</v>
      </c>
      <c r="Q75" s="10" t="s">
        <v>55</v>
      </c>
    </row>
    <row r="76" spans="1:17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40</v>
      </c>
      <c r="F76" s="9" t="s">
        <v>18</v>
      </c>
      <c r="G76" s="6">
        <v>188812</v>
      </c>
      <c r="H76" s="6">
        <v>131713</v>
      </c>
      <c r="I76" s="6">
        <v>111816</v>
      </c>
      <c r="J76" s="6">
        <v>46943</v>
      </c>
      <c r="K76" s="6">
        <v>19897</v>
      </c>
      <c r="L76" s="6">
        <v>5543</v>
      </c>
      <c r="M76" s="6">
        <v>51556</v>
      </c>
      <c r="N76" s="10" t="s">
        <v>55</v>
      </c>
      <c r="O76" s="6">
        <v>12192</v>
      </c>
      <c r="P76" s="6">
        <v>23692</v>
      </c>
      <c r="Q76" s="10" t="s">
        <v>55</v>
      </c>
    </row>
    <row r="77" spans="1:17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41</v>
      </c>
      <c r="F77" s="9" t="s">
        <v>6</v>
      </c>
      <c r="G77" s="6">
        <v>4120029</v>
      </c>
      <c r="H77" s="6">
        <v>3451937</v>
      </c>
      <c r="I77" s="6">
        <v>2855244</v>
      </c>
      <c r="J77" s="6">
        <v>1695354</v>
      </c>
      <c r="K77" s="6">
        <v>596693</v>
      </c>
      <c r="L77" s="6">
        <v>27956</v>
      </c>
      <c r="M77" s="6">
        <v>640136</v>
      </c>
      <c r="N77" s="10" t="s">
        <v>55</v>
      </c>
      <c r="O77" s="6">
        <v>368385</v>
      </c>
      <c r="P77" s="6">
        <v>1604615</v>
      </c>
      <c r="Q77" s="6">
        <v>640136</v>
      </c>
    </row>
    <row r="78" spans="1:17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41</v>
      </c>
      <c r="F78" s="9" t="s">
        <v>7</v>
      </c>
      <c r="G78" s="6">
        <v>1634959</v>
      </c>
      <c r="H78" s="6">
        <v>1333104</v>
      </c>
      <c r="I78" s="6">
        <v>1070306</v>
      </c>
      <c r="J78" s="6">
        <v>600849</v>
      </c>
      <c r="K78" s="6">
        <v>262798</v>
      </c>
      <c r="L78" s="6">
        <v>12590</v>
      </c>
      <c r="M78" s="6">
        <v>289265</v>
      </c>
      <c r="N78" s="10" t="s">
        <v>55</v>
      </c>
      <c r="O78" s="6">
        <v>168210</v>
      </c>
      <c r="P78" s="6">
        <v>563821</v>
      </c>
      <c r="Q78" s="6">
        <v>289265</v>
      </c>
    </row>
    <row r="79" spans="1:17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41</v>
      </c>
      <c r="F79" s="9" t="s">
        <v>8</v>
      </c>
      <c r="G79" s="6">
        <v>1600989</v>
      </c>
      <c r="H79" s="6">
        <v>1312528</v>
      </c>
      <c r="I79" s="6">
        <v>1053365</v>
      </c>
      <c r="J79" s="6">
        <v>592233</v>
      </c>
      <c r="K79" s="6">
        <v>259163</v>
      </c>
      <c r="L79" s="6">
        <v>12104</v>
      </c>
      <c r="M79" s="6">
        <v>276357</v>
      </c>
      <c r="N79" s="10" t="s">
        <v>55</v>
      </c>
      <c r="O79" s="6">
        <v>166520</v>
      </c>
      <c r="P79" s="6">
        <v>556055</v>
      </c>
      <c r="Q79" s="6">
        <v>276357</v>
      </c>
    </row>
    <row r="80" spans="1:17">
      <c r="A80" s="9" t="s">
        <v>27</v>
      </c>
      <c r="B80" s="9" t="s">
        <v>28</v>
      </c>
      <c r="C80" s="9" t="s">
        <v>29</v>
      </c>
      <c r="D80" s="9" t="s">
        <v>54</v>
      </c>
      <c r="E80" s="9" t="s">
        <v>41</v>
      </c>
      <c r="F80" s="9" t="s">
        <v>13</v>
      </c>
      <c r="G80" s="6">
        <v>33970</v>
      </c>
      <c r="H80" s="6">
        <v>20576</v>
      </c>
      <c r="I80" s="6">
        <v>16941</v>
      </c>
      <c r="J80" s="6">
        <v>8616</v>
      </c>
      <c r="K80" s="6">
        <v>3635</v>
      </c>
      <c r="L80" s="6">
        <v>486</v>
      </c>
      <c r="M80" s="6">
        <v>12908</v>
      </c>
      <c r="N80" s="10" t="s">
        <v>55</v>
      </c>
      <c r="O80" s="6">
        <v>1690</v>
      </c>
      <c r="P80" s="6">
        <v>7766</v>
      </c>
      <c r="Q80" s="6">
        <v>12908</v>
      </c>
    </row>
    <row r="81" spans="1:17">
      <c r="A81" s="9" t="s">
        <v>27</v>
      </c>
      <c r="B81" s="9" t="s">
        <v>28</v>
      </c>
      <c r="C81" s="9" t="s">
        <v>29</v>
      </c>
      <c r="D81" s="9" t="s">
        <v>54</v>
      </c>
      <c r="E81" s="9" t="s">
        <v>41</v>
      </c>
      <c r="F81" s="9" t="s">
        <v>14</v>
      </c>
      <c r="G81" s="6">
        <v>2279388</v>
      </c>
      <c r="H81" s="6">
        <v>1976908</v>
      </c>
      <c r="I81" s="6">
        <v>1665307</v>
      </c>
      <c r="J81" s="6">
        <v>1027493</v>
      </c>
      <c r="K81" s="6">
        <v>311601</v>
      </c>
      <c r="L81" s="6">
        <v>10453</v>
      </c>
      <c r="M81" s="6">
        <v>292027</v>
      </c>
      <c r="N81" s="10" t="s">
        <v>55</v>
      </c>
      <c r="O81" s="6">
        <v>186256</v>
      </c>
      <c r="P81" s="6">
        <v>978752</v>
      </c>
      <c r="Q81" s="6">
        <v>292027</v>
      </c>
    </row>
    <row r="82" spans="1:17">
      <c r="A82" s="9" t="s">
        <v>27</v>
      </c>
      <c r="B82" s="9" t="s">
        <v>28</v>
      </c>
      <c r="C82" s="9" t="s">
        <v>29</v>
      </c>
      <c r="D82" s="9" t="s">
        <v>54</v>
      </c>
      <c r="E82" s="9" t="s">
        <v>41</v>
      </c>
      <c r="F82" s="9" t="s">
        <v>18</v>
      </c>
      <c r="G82" s="6">
        <v>205682</v>
      </c>
      <c r="H82" s="6">
        <v>141925</v>
      </c>
      <c r="I82" s="6">
        <v>119631</v>
      </c>
      <c r="J82" s="6">
        <v>67012</v>
      </c>
      <c r="K82" s="6">
        <v>22294</v>
      </c>
      <c r="L82" s="6">
        <v>4913</v>
      </c>
      <c r="M82" s="6">
        <v>58844</v>
      </c>
      <c r="N82" s="10" t="s">
        <v>55</v>
      </c>
      <c r="O82" s="6">
        <v>13919</v>
      </c>
      <c r="P82" s="6">
        <v>62042</v>
      </c>
      <c r="Q82" s="6">
        <v>58844</v>
      </c>
    </row>
    <row r="83" spans="1:17">
      <c r="A83" s="9" t="s">
        <v>27</v>
      </c>
      <c r="B83" s="9" t="s">
        <v>28</v>
      </c>
      <c r="C83" s="9" t="s">
        <v>29</v>
      </c>
      <c r="D83" s="9" t="s">
        <v>54</v>
      </c>
      <c r="E83" s="9" t="s">
        <v>42</v>
      </c>
      <c r="F83" s="9" t="s">
        <v>6</v>
      </c>
      <c r="G83" s="6">
        <v>4683688</v>
      </c>
      <c r="H83" s="6">
        <v>3746876</v>
      </c>
      <c r="I83" s="6">
        <v>3140265</v>
      </c>
      <c r="J83" s="6">
        <v>1924851</v>
      </c>
      <c r="K83" s="6">
        <v>606611</v>
      </c>
      <c r="L83" s="6">
        <v>28519</v>
      </c>
      <c r="M83" s="6">
        <v>908293</v>
      </c>
      <c r="N83" s="10" t="s">
        <v>55</v>
      </c>
      <c r="O83" s="6">
        <v>412862</v>
      </c>
      <c r="P83" s="6">
        <v>1905279</v>
      </c>
      <c r="Q83" s="6">
        <v>908293</v>
      </c>
    </row>
    <row r="84" spans="1:17">
      <c r="A84" s="9" t="s">
        <v>27</v>
      </c>
      <c r="B84" s="9" t="s">
        <v>28</v>
      </c>
      <c r="C84" s="9" t="s">
        <v>29</v>
      </c>
      <c r="D84" s="9" t="s">
        <v>54</v>
      </c>
      <c r="E84" s="9" t="s">
        <v>42</v>
      </c>
      <c r="F84" s="9" t="s">
        <v>7</v>
      </c>
      <c r="G84" s="6">
        <v>1195620</v>
      </c>
      <c r="H84" s="6">
        <v>934482</v>
      </c>
      <c r="I84" s="6">
        <v>749882</v>
      </c>
      <c r="J84" s="6">
        <v>428463</v>
      </c>
      <c r="K84" s="6">
        <v>184600</v>
      </c>
      <c r="L84" s="6">
        <v>8914</v>
      </c>
      <c r="M84" s="6">
        <v>252224</v>
      </c>
      <c r="N84" s="10" t="s">
        <v>55</v>
      </c>
      <c r="O84" s="6">
        <v>129426</v>
      </c>
      <c r="P84" s="6">
        <v>423310</v>
      </c>
      <c r="Q84" s="6">
        <v>252224</v>
      </c>
    </row>
    <row r="85" spans="1:17">
      <c r="A85" s="9" t="s">
        <v>27</v>
      </c>
      <c r="B85" s="9" t="s">
        <v>28</v>
      </c>
      <c r="C85" s="9" t="s">
        <v>29</v>
      </c>
      <c r="D85" s="9" t="s">
        <v>54</v>
      </c>
      <c r="E85" s="9" t="s">
        <v>42</v>
      </c>
      <c r="F85" s="9" t="s">
        <v>8</v>
      </c>
      <c r="G85" s="6">
        <v>1178819</v>
      </c>
      <c r="H85" s="6">
        <v>924906</v>
      </c>
      <c r="I85" s="6">
        <v>741818</v>
      </c>
      <c r="J85" s="6">
        <v>424225</v>
      </c>
      <c r="K85" s="6">
        <v>183088</v>
      </c>
      <c r="L85" s="6">
        <v>8682</v>
      </c>
      <c r="M85" s="6">
        <v>245231</v>
      </c>
      <c r="N85" s="10" t="s">
        <v>55</v>
      </c>
      <c r="O85" s="6">
        <v>128690</v>
      </c>
      <c r="P85" s="6">
        <v>419160</v>
      </c>
      <c r="Q85" s="6">
        <v>245231</v>
      </c>
    </row>
    <row r="86" spans="1:17">
      <c r="A86" s="9" t="s">
        <v>27</v>
      </c>
      <c r="B86" s="9" t="s">
        <v>28</v>
      </c>
      <c r="C86" s="9" t="s">
        <v>29</v>
      </c>
      <c r="D86" s="9" t="s">
        <v>54</v>
      </c>
      <c r="E86" s="9" t="s">
        <v>42</v>
      </c>
      <c r="F86" s="9" t="s">
        <v>13</v>
      </c>
      <c r="G86" s="6">
        <v>16801</v>
      </c>
      <c r="H86" s="6">
        <v>9576</v>
      </c>
      <c r="I86" s="6">
        <v>8064</v>
      </c>
      <c r="J86" s="6">
        <v>4238</v>
      </c>
      <c r="K86" s="6">
        <v>1512</v>
      </c>
      <c r="L86" s="6">
        <v>232</v>
      </c>
      <c r="M86" s="6">
        <v>6993</v>
      </c>
      <c r="N86" s="10" t="s">
        <v>55</v>
      </c>
      <c r="O86" s="6">
        <v>736</v>
      </c>
      <c r="P86" s="6">
        <v>4150</v>
      </c>
      <c r="Q86" s="6">
        <v>6993</v>
      </c>
    </row>
    <row r="87" spans="1:17">
      <c r="A87" s="9" t="s">
        <v>27</v>
      </c>
      <c r="B87" s="9" t="s">
        <v>28</v>
      </c>
      <c r="C87" s="9" t="s">
        <v>29</v>
      </c>
      <c r="D87" s="9" t="s">
        <v>54</v>
      </c>
      <c r="E87" s="9" t="s">
        <v>42</v>
      </c>
      <c r="F87" s="9" t="s">
        <v>14</v>
      </c>
      <c r="G87" s="6">
        <v>3171216</v>
      </c>
      <c r="H87" s="6">
        <v>2600285</v>
      </c>
      <c r="I87" s="6">
        <v>2206920</v>
      </c>
      <c r="J87" s="6">
        <v>1378378</v>
      </c>
      <c r="K87" s="6">
        <v>393365</v>
      </c>
      <c r="L87" s="6">
        <v>13983</v>
      </c>
      <c r="M87" s="6">
        <v>556948</v>
      </c>
      <c r="N87" s="10" t="s">
        <v>55</v>
      </c>
      <c r="O87" s="6">
        <v>265221</v>
      </c>
      <c r="P87" s="6">
        <v>1365764</v>
      </c>
      <c r="Q87" s="6">
        <v>556948</v>
      </c>
    </row>
    <row r="88" spans="1:17">
      <c r="A88" s="9" t="s">
        <v>27</v>
      </c>
      <c r="B88" s="9" t="s">
        <v>28</v>
      </c>
      <c r="C88" s="9" t="s">
        <v>29</v>
      </c>
      <c r="D88" s="9" t="s">
        <v>54</v>
      </c>
      <c r="E88" s="9" t="s">
        <v>42</v>
      </c>
      <c r="F88" s="9" t="s">
        <v>18</v>
      </c>
      <c r="G88" s="6">
        <v>316852</v>
      </c>
      <c r="H88" s="6">
        <v>212109</v>
      </c>
      <c r="I88" s="6">
        <v>183463</v>
      </c>
      <c r="J88" s="6">
        <v>118010</v>
      </c>
      <c r="K88" s="6">
        <v>28646</v>
      </c>
      <c r="L88" s="6">
        <v>5622</v>
      </c>
      <c r="M88" s="6">
        <v>99121</v>
      </c>
      <c r="N88" s="10" t="s">
        <v>55</v>
      </c>
      <c r="O88" s="6">
        <v>18215</v>
      </c>
      <c r="P88" s="6">
        <v>116205</v>
      </c>
      <c r="Q88" s="6">
        <v>99121</v>
      </c>
    </row>
    <row r="89" spans="1:17">
      <c r="A89" s="9" t="s">
        <v>27</v>
      </c>
      <c r="B89" s="9" t="s">
        <v>28</v>
      </c>
      <c r="C89" s="9" t="s">
        <v>29</v>
      </c>
      <c r="D89" s="9" t="s">
        <v>54</v>
      </c>
      <c r="E89" s="9" t="s">
        <v>43</v>
      </c>
      <c r="F89" s="9" t="s">
        <v>6</v>
      </c>
      <c r="G89" s="6">
        <v>3702406</v>
      </c>
      <c r="H89" s="6">
        <v>2767420</v>
      </c>
      <c r="I89" s="6">
        <v>2243037</v>
      </c>
      <c r="J89" s="6">
        <v>1303271</v>
      </c>
      <c r="K89" s="6">
        <v>524383</v>
      </c>
      <c r="L89" s="6">
        <v>19807</v>
      </c>
      <c r="M89" s="6">
        <v>915179</v>
      </c>
      <c r="N89" s="10" t="s">
        <v>55</v>
      </c>
      <c r="O89" s="6">
        <v>362974</v>
      </c>
      <c r="P89" s="6">
        <v>1299474</v>
      </c>
      <c r="Q89" s="6">
        <v>915179</v>
      </c>
    </row>
    <row r="90" spans="1:17">
      <c r="A90" s="9" t="s">
        <v>27</v>
      </c>
      <c r="B90" s="9" t="s">
        <v>28</v>
      </c>
      <c r="C90" s="9" t="s">
        <v>29</v>
      </c>
      <c r="D90" s="9" t="s">
        <v>54</v>
      </c>
      <c r="E90" s="9" t="s">
        <v>43</v>
      </c>
      <c r="F90" s="9" t="s">
        <v>7</v>
      </c>
      <c r="G90" s="6">
        <v>517359</v>
      </c>
      <c r="H90" s="6">
        <v>394860</v>
      </c>
      <c r="I90" s="6">
        <v>302077</v>
      </c>
      <c r="J90" s="6">
        <v>162028</v>
      </c>
      <c r="K90" s="6">
        <v>92783</v>
      </c>
      <c r="L90" s="6">
        <v>3374</v>
      </c>
      <c r="M90" s="6">
        <v>119125</v>
      </c>
      <c r="N90" s="10" t="s">
        <v>55</v>
      </c>
      <c r="O90" s="6">
        <v>65291</v>
      </c>
      <c r="P90" s="6">
        <v>161398</v>
      </c>
      <c r="Q90" s="6">
        <v>119125</v>
      </c>
    </row>
    <row r="91" spans="1:17">
      <c r="A91" s="9" t="s">
        <v>27</v>
      </c>
      <c r="B91" s="9" t="s">
        <v>28</v>
      </c>
      <c r="C91" s="9" t="s">
        <v>29</v>
      </c>
      <c r="D91" s="9" t="s">
        <v>54</v>
      </c>
      <c r="E91" s="9" t="s">
        <v>43</v>
      </c>
      <c r="F91" s="9" t="s">
        <v>8</v>
      </c>
      <c r="G91" s="6">
        <v>511357</v>
      </c>
      <c r="H91" s="6">
        <v>391196</v>
      </c>
      <c r="I91" s="6">
        <v>298941</v>
      </c>
      <c r="J91" s="6">
        <v>160383</v>
      </c>
      <c r="K91" s="6">
        <v>92255</v>
      </c>
      <c r="L91" s="6">
        <v>3295</v>
      </c>
      <c r="M91" s="6">
        <v>116866</v>
      </c>
      <c r="N91" s="10" t="s">
        <v>55</v>
      </c>
      <c r="O91" s="6">
        <v>65022</v>
      </c>
      <c r="P91" s="6">
        <v>159765</v>
      </c>
      <c r="Q91" s="6">
        <v>116866</v>
      </c>
    </row>
    <row r="92" spans="1:17">
      <c r="A92" s="9" t="s">
        <v>27</v>
      </c>
      <c r="B92" s="9" t="s">
        <v>28</v>
      </c>
      <c r="C92" s="9" t="s">
        <v>29</v>
      </c>
      <c r="D92" s="9" t="s">
        <v>54</v>
      </c>
      <c r="E92" s="9" t="s">
        <v>43</v>
      </c>
      <c r="F92" s="9" t="s">
        <v>13</v>
      </c>
      <c r="G92" s="6">
        <v>6002</v>
      </c>
      <c r="H92" s="6">
        <v>3664</v>
      </c>
      <c r="I92" s="6">
        <v>3136</v>
      </c>
      <c r="J92" s="6">
        <v>1645</v>
      </c>
      <c r="K92" s="6">
        <v>528</v>
      </c>
      <c r="L92" s="6">
        <v>79</v>
      </c>
      <c r="M92" s="6">
        <v>2259</v>
      </c>
      <c r="N92" s="10" t="s">
        <v>55</v>
      </c>
      <c r="O92" s="6">
        <v>269</v>
      </c>
      <c r="P92" s="6">
        <v>1633</v>
      </c>
      <c r="Q92" s="6">
        <v>2259</v>
      </c>
    </row>
    <row r="93" spans="1:17">
      <c r="A93" s="9" t="s">
        <v>27</v>
      </c>
      <c r="B93" s="9" t="s">
        <v>28</v>
      </c>
      <c r="C93" s="9" t="s">
        <v>29</v>
      </c>
      <c r="D93" s="9" t="s">
        <v>54</v>
      </c>
      <c r="E93" s="9" t="s">
        <v>43</v>
      </c>
      <c r="F93" s="9" t="s">
        <v>14</v>
      </c>
      <c r="G93" s="6">
        <v>2833041</v>
      </c>
      <c r="H93" s="6">
        <v>2154253</v>
      </c>
      <c r="I93" s="6">
        <v>1749740</v>
      </c>
      <c r="J93" s="6">
        <v>1013972</v>
      </c>
      <c r="K93" s="6">
        <v>404513</v>
      </c>
      <c r="L93" s="6">
        <v>11547</v>
      </c>
      <c r="M93" s="6">
        <v>667241</v>
      </c>
      <c r="N93" s="10" t="s">
        <v>55</v>
      </c>
      <c r="O93" s="6">
        <v>280272</v>
      </c>
      <c r="P93" s="6">
        <v>1011432</v>
      </c>
      <c r="Q93" s="6">
        <v>667241</v>
      </c>
    </row>
    <row r="94" spans="1:17">
      <c r="A94" s="9" t="s">
        <v>27</v>
      </c>
      <c r="B94" s="9" t="s">
        <v>28</v>
      </c>
      <c r="C94" s="9" t="s">
        <v>29</v>
      </c>
      <c r="D94" s="9" t="s">
        <v>54</v>
      </c>
      <c r="E94" s="9" t="s">
        <v>43</v>
      </c>
      <c r="F94" s="9" t="s">
        <v>18</v>
      </c>
      <c r="G94" s="6">
        <v>352006</v>
      </c>
      <c r="H94" s="6">
        <v>218307</v>
      </c>
      <c r="I94" s="6">
        <v>191220</v>
      </c>
      <c r="J94" s="6">
        <v>127271</v>
      </c>
      <c r="K94" s="6">
        <v>27087</v>
      </c>
      <c r="L94" s="6">
        <v>4886</v>
      </c>
      <c r="M94" s="6">
        <v>128813</v>
      </c>
      <c r="N94" s="10" t="s">
        <v>55</v>
      </c>
      <c r="O94" s="6">
        <v>17411</v>
      </c>
      <c r="P94" s="6">
        <v>126644</v>
      </c>
      <c r="Q94" s="6">
        <v>128813</v>
      </c>
    </row>
    <row r="95" spans="1:17">
      <c r="A95" s="9" t="s">
        <v>27</v>
      </c>
      <c r="B95" s="9" t="s">
        <v>28</v>
      </c>
      <c r="C95" s="9" t="s">
        <v>29</v>
      </c>
      <c r="D95" s="9" t="s">
        <v>54</v>
      </c>
      <c r="E95" s="9" t="s">
        <v>44</v>
      </c>
      <c r="F95" s="9" t="s">
        <v>6</v>
      </c>
      <c r="G95" s="6">
        <v>2840243</v>
      </c>
      <c r="H95" s="6">
        <v>1937747</v>
      </c>
      <c r="I95" s="6">
        <v>1396738</v>
      </c>
      <c r="J95" s="6">
        <v>711100</v>
      </c>
      <c r="K95" s="6">
        <v>541009</v>
      </c>
      <c r="L95" s="6">
        <v>14359</v>
      </c>
      <c r="M95" s="6">
        <v>888137</v>
      </c>
      <c r="N95" s="10" t="s">
        <v>55</v>
      </c>
      <c r="O95" s="6">
        <v>347092</v>
      </c>
      <c r="P95" s="6">
        <v>710190</v>
      </c>
      <c r="Q95" s="6">
        <v>888137</v>
      </c>
    </row>
    <row r="96" spans="1:17">
      <c r="A96" s="9" t="s">
        <v>27</v>
      </c>
      <c r="B96" s="9" t="s">
        <v>28</v>
      </c>
      <c r="C96" s="9" t="s">
        <v>29</v>
      </c>
      <c r="D96" s="9" t="s">
        <v>54</v>
      </c>
      <c r="E96" s="9" t="s">
        <v>44</v>
      </c>
      <c r="F96" s="9" t="s">
        <v>7</v>
      </c>
      <c r="G96" s="6">
        <v>218964</v>
      </c>
      <c r="H96" s="6">
        <v>165021</v>
      </c>
      <c r="I96" s="6">
        <v>110708</v>
      </c>
      <c r="J96" s="6">
        <v>53289</v>
      </c>
      <c r="K96" s="6">
        <v>54313</v>
      </c>
      <c r="L96" s="6">
        <v>1311</v>
      </c>
      <c r="M96" s="6">
        <v>52632</v>
      </c>
      <c r="N96" s="10" t="s">
        <v>55</v>
      </c>
      <c r="O96" s="6">
        <v>35205</v>
      </c>
      <c r="P96" s="6">
        <v>53188</v>
      </c>
      <c r="Q96" s="6">
        <v>52632</v>
      </c>
    </row>
    <row r="97" spans="1:17">
      <c r="A97" s="9" t="s">
        <v>27</v>
      </c>
      <c r="B97" s="9" t="s">
        <v>28</v>
      </c>
      <c r="C97" s="9" t="s">
        <v>29</v>
      </c>
      <c r="D97" s="9" t="s">
        <v>54</v>
      </c>
      <c r="E97" s="9" t="s">
        <v>44</v>
      </c>
      <c r="F97" s="9" t="s">
        <v>8</v>
      </c>
      <c r="G97" s="6">
        <v>216557</v>
      </c>
      <c r="H97" s="6">
        <v>163501</v>
      </c>
      <c r="I97" s="6">
        <v>109466</v>
      </c>
      <c r="J97" s="6">
        <v>52717</v>
      </c>
      <c r="K97" s="6">
        <v>54035</v>
      </c>
      <c r="L97" s="6">
        <v>1287</v>
      </c>
      <c r="M97" s="6">
        <v>51769</v>
      </c>
      <c r="N97" s="10" t="s">
        <v>55</v>
      </c>
      <c r="O97" s="6">
        <v>35063</v>
      </c>
      <c r="P97" s="6">
        <v>52619</v>
      </c>
      <c r="Q97" s="6">
        <v>51769</v>
      </c>
    </row>
    <row r="98" spans="1:17">
      <c r="A98" s="9" t="s">
        <v>27</v>
      </c>
      <c r="B98" s="9" t="s">
        <v>28</v>
      </c>
      <c r="C98" s="9" t="s">
        <v>29</v>
      </c>
      <c r="D98" s="9" t="s">
        <v>54</v>
      </c>
      <c r="E98" s="9" t="s">
        <v>44</v>
      </c>
      <c r="F98" s="9" t="s">
        <v>13</v>
      </c>
      <c r="G98" s="6">
        <v>2407</v>
      </c>
      <c r="H98" s="6">
        <v>1520</v>
      </c>
      <c r="I98" s="6">
        <v>1242</v>
      </c>
      <c r="J98" s="6">
        <v>572</v>
      </c>
      <c r="K98" s="6">
        <v>278</v>
      </c>
      <c r="L98" s="6">
        <v>24</v>
      </c>
      <c r="M98" s="6">
        <v>863</v>
      </c>
      <c r="N98" s="10" t="s">
        <v>55</v>
      </c>
      <c r="O98" s="6">
        <v>142</v>
      </c>
      <c r="P98" s="6">
        <v>569</v>
      </c>
      <c r="Q98" s="6">
        <v>863</v>
      </c>
    </row>
    <row r="99" spans="1:17">
      <c r="A99" s="9" t="s">
        <v>27</v>
      </c>
      <c r="B99" s="9" t="s">
        <v>28</v>
      </c>
      <c r="C99" s="9" t="s">
        <v>29</v>
      </c>
      <c r="D99" s="9" t="s">
        <v>54</v>
      </c>
      <c r="E99" s="9" t="s">
        <v>44</v>
      </c>
      <c r="F99" s="9" t="s">
        <v>14</v>
      </c>
      <c r="G99" s="6">
        <v>2313813</v>
      </c>
      <c r="H99" s="6">
        <v>1607130</v>
      </c>
      <c r="I99" s="6">
        <v>1145623</v>
      </c>
      <c r="J99" s="6">
        <v>569543</v>
      </c>
      <c r="K99" s="6">
        <v>461507</v>
      </c>
      <c r="L99" s="6">
        <v>8947</v>
      </c>
      <c r="M99" s="6">
        <v>697736</v>
      </c>
      <c r="N99" s="10" t="s">
        <v>55</v>
      </c>
      <c r="O99" s="6">
        <v>296210</v>
      </c>
      <c r="P99" s="6">
        <v>569014</v>
      </c>
      <c r="Q99" s="6">
        <v>697736</v>
      </c>
    </row>
    <row r="100" spans="1:17">
      <c r="A100" s="9" t="s">
        <v>27</v>
      </c>
      <c r="B100" s="9" t="s">
        <v>28</v>
      </c>
      <c r="C100" s="9" t="s">
        <v>29</v>
      </c>
      <c r="D100" s="9" t="s">
        <v>54</v>
      </c>
      <c r="E100" s="9" t="s">
        <v>44</v>
      </c>
      <c r="F100" s="9" t="s">
        <v>18</v>
      </c>
      <c r="G100" s="6">
        <v>307466</v>
      </c>
      <c r="H100" s="6">
        <v>165596</v>
      </c>
      <c r="I100" s="6">
        <v>140407</v>
      </c>
      <c r="J100" s="6">
        <v>88268</v>
      </c>
      <c r="K100" s="6">
        <v>25189</v>
      </c>
      <c r="L100" s="6">
        <v>4101</v>
      </c>
      <c r="M100" s="6">
        <v>137769</v>
      </c>
      <c r="N100" s="10" t="s">
        <v>55</v>
      </c>
      <c r="O100" s="6">
        <v>15677</v>
      </c>
      <c r="P100" s="6">
        <v>87988</v>
      </c>
      <c r="Q100" s="6">
        <v>137769</v>
      </c>
    </row>
    <row r="101" spans="1:17">
      <c r="A101" s="9" t="s">
        <v>27</v>
      </c>
      <c r="B101" s="9" t="s">
        <v>28</v>
      </c>
      <c r="C101" s="9" t="s">
        <v>29</v>
      </c>
      <c r="D101" s="9" t="s">
        <v>54</v>
      </c>
      <c r="E101" s="9" t="s">
        <v>45</v>
      </c>
      <c r="F101" s="9" t="s">
        <v>6</v>
      </c>
      <c r="G101" s="6">
        <v>1935478</v>
      </c>
      <c r="H101" s="6">
        <v>1231471</v>
      </c>
      <c r="I101" s="6">
        <v>703638</v>
      </c>
      <c r="J101" s="6">
        <v>263921</v>
      </c>
      <c r="K101" s="6">
        <v>527833</v>
      </c>
      <c r="L101" s="6">
        <v>9753</v>
      </c>
      <c r="M101" s="6">
        <v>694254</v>
      </c>
      <c r="N101" s="10" t="s">
        <v>55</v>
      </c>
      <c r="O101" s="6">
        <v>297776</v>
      </c>
      <c r="P101" s="6">
        <v>263600</v>
      </c>
      <c r="Q101" s="6">
        <v>694254</v>
      </c>
    </row>
    <row r="102" spans="1:17">
      <c r="A102" s="9" t="s">
        <v>27</v>
      </c>
      <c r="B102" s="9" t="s">
        <v>28</v>
      </c>
      <c r="C102" s="9" t="s">
        <v>29</v>
      </c>
      <c r="D102" s="9" t="s">
        <v>54</v>
      </c>
      <c r="E102" s="9" t="s">
        <v>45</v>
      </c>
      <c r="F102" s="9" t="s">
        <v>7</v>
      </c>
      <c r="G102" s="6">
        <v>83592</v>
      </c>
      <c r="H102" s="6">
        <v>60774</v>
      </c>
      <c r="I102" s="6">
        <v>32955</v>
      </c>
      <c r="J102" s="6">
        <v>11989</v>
      </c>
      <c r="K102" s="6">
        <v>27819</v>
      </c>
      <c r="L102" s="6">
        <v>579</v>
      </c>
      <c r="M102" s="6">
        <v>22239</v>
      </c>
      <c r="N102" s="10" t="s">
        <v>55</v>
      </c>
      <c r="O102" s="6">
        <v>16022</v>
      </c>
      <c r="P102" s="6">
        <v>11929</v>
      </c>
      <c r="Q102" s="6">
        <v>22239</v>
      </c>
    </row>
    <row r="103" spans="1:17">
      <c r="A103" s="9" t="s">
        <v>27</v>
      </c>
      <c r="B103" s="9" t="s">
        <v>28</v>
      </c>
      <c r="C103" s="9" t="s">
        <v>29</v>
      </c>
      <c r="D103" s="9" t="s">
        <v>54</v>
      </c>
      <c r="E103" s="9" t="s">
        <v>45</v>
      </c>
      <c r="F103" s="9" t="s">
        <v>8</v>
      </c>
      <c r="G103" s="6">
        <v>82591</v>
      </c>
      <c r="H103" s="6">
        <v>60089</v>
      </c>
      <c r="I103" s="6">
        <v>32530</v>
      </c>
      <c r="J103" s="6">
        <v>11823</v>
      </c>
      <c r="K103" s="6">
        <v>27559</v>
      </c>
      <c r="L103" s="6">
        <v>568</v>
      </c>
      <c r="M103" s="6">
        <v>21934</v>
      </c>
      <c r="N103" s="10" t="s">
        <v>55</v>
      </c>
      <c r="O103" s="6">
        <v>15898</v>
      </c>
      <c r="P103" s="6">
        <v>11768</v>
      </c>
      <c r="Q103" s="6">
        <v>21934</v>
      </c>
    </row>
    <row r="104" spans="1:17">
      <c r="A104" s="9" t="s">
        <v>27</v>
      </c>
      <c r="B104" s="9" t="s">
        <v>28</v>
      </c>
      <c r="C104" s="9" t="s">
        <v>29</v>
      </c>
      <c r="D104" s="9" t="s">
        <v>54</v>
      </c>
      <c r="E104" s="9" t="s">
        <v>45</v>
      </c>
      <c r="F104" s="9" t="s">
        <v>13</v>
      </c>
      <c r="G104" s="6">
        <v>1001</v>
      </c>
      <c r="H104" s="6">
        <v>685</v>
      </c>
      <c r="I104" s="6">
        <v>425</v>
      </c>
      <c r="J104" s="6">
        <v>166</v>
      </c>
      <c r="K104" s="6">
        <v>260</v>
      </c>
      <c r="L104" s="6">
        <v>11</v>
      </c>
      <c r="M104" s="6">
        <v>305</v>
      </c>
      <c r="N104" s="10" t="s">
        <v>55</v>
      </c>
      <c r="O104" s="6">
        <v>124</v>
      </c>
      <c r="P104" s="6">
        <v>161</v>
      </c>
      <c r="Q104" s="6">
        <v>305</v>
      </c>
    </row>
    <row r="105" spans="1:17">
      <c r="A105" s="9" t="s">
        <v>27</v>
      </c>
      <c r="B105" s="9" t="s">
        <v>28</v>
      </c>
      <c r="C105" s="9" t="s">
        <v>29</v>
      </c>
      <c r="D105" s="9" t="s">
        <v>54</v>
      </c>
      <c r="E105" s="9" t="s">
        <v>45</v>
      </c>
      <c r="F105" s="9" t="s">
        <v>14</v>
      </c>
      <c r="G105" s="6">
        <v>1655134</v>
      </c>
      <c r="H105" s="6">
        <v>1082579</v>
      </c>
      <c r="I105" s="6">
        <v>603493</v>
      </c>
      <c r="J105" s="6">
        <v>217971</v>
      </c>
      <c r="K105" s="6">
        <v>479086</v>
      </c>
      <c r="L105" s="6">
        <v>6132</v>
      </c>
      <c r="M105" s="6">
        <v>566423</v>
      </c>
      <c r="N105" s="10" t="s">
        <v>55</v>
      </c>
      <c r="O105" s="6">
        <v>269508</v>
      </c>
      <c r="P105" s="6">
        <v>217851</v>
      </c>
      <c r="Q105" s="6">
        <v>566423</v>
      </c>
    </row>
    <row r="106" spans="1:17">
      <c r="A106" s="9" t="s">
        <v>27</v>
      </c>
      <c r="B106" s="9" t="s">
        <v>28</v>
      </c>
      <c r="C106" s="9" t="s">
        <v>29</v>
      </c>
      <c r="D106" s="9" t="s">
        <v>54</v>
      </c>
      <c r="E106" s="9" t="s">
        <v>45</v>
      </c>
      <c r="F106" s="9" t="s">
        <v>18</v>
      </c>
      <c r="G106" s="6">
        <v>196752</v>
      </c>
      <c r="H106" s="6">
        <v>88118</v>
      </c>
      <c r="I106" s="6">
        <v>67190</v>
      </c>
      <c r="J106" s="6">
        <v>33961</v>
      </c>
      <c r="K106" s="6">
        <v>20928</v>
      </c>
      <c r="L106" s="6">
        <v>3042</v>
      </c>
      <c r="M106" s="6">
        <v>105592</v>
      </c>
      <c r="N106" s="10" t="s">
        <v>55</v>
      </c>
      <c r="O106" s="6">
        <v>12246</v>
      </c>
      <c r="P106" s="6">
        <v>33820</v>
      </c>
      <c r="Q106" s="6">
        <v>105592</v>
      </c>
    </row>
    <row r="107" spans="1:17">
      <c r="A107" s="9" t="s">
        <v>27</v>
      </c>
      <c r="B107" s="9" t="s">
        <v>28</v>
      </c>
      <c r="C107" s="9" t="s">
        <v>29</v>
      </c>
      <c r="D107" s="9" t="s">
        <v>54</v>
      </c>
      <c r="E107" s="9" t="s">
        <v>46</v>
      </c>
      <c r="F107" s="9" t="s">
        <v>6</v>
      </c>
      <c r="G107" s="6">
        <v>873442</v>
      </c>
      <c r="H107" s="6">
        <v>570985</v>
      </c>
      <c r="I107" s="6">
        <v>239626</v>
      </c>
      <c r="J107" s="6">
        <v>44919</v>
      </c>
      <c r="K107" s="6">
        <v>331359</v>
      </c>
      <c r="L107" s="6">
        <v>4406</v>
      </c>
      <c r="M107" s="6">
        <v>298051</v>
      </c>
      <c r="N107" s="10" t="s">
        <v>55</v>
      </c>
      <c r="O107" s="6">
        <v>167576</v>
      </c>
      <c r="P107" s="6">
        <v>44869</v>
      </c>
      <c r="Q107" s="6">
        <v>298051</v>
      </c>
    </row>
    <row r="108" spans="1:17">
      <c r="A108" s="9" t="s">
        <v>27</v>
      </c>
      <c r="B108" s="9" t="s">
        <v>28</v>
      </c>
      <c r="C108" s="9" t="s">
        <v>29</v>
      </c>
      <c r="D108" s="9" t="s">
        <v>54</v>
      </c>
      <c r="E108" s="9" t="s">
        <v>46</v>
      </c>
      <c r="F108" s="9" t="s">
        <v>7</v>
      </c>
      <c r="G108" s="6">
        <v>23256</v>
      </c>
      <c r="H108" s="6">
        <v>16775</v>
      </c>
      <c r="I108" s="6">
        <v>7318</v>
      </c>
      <c r="J108" s="6">
        <v>1378</v>
      </c>
      <c r="K108" s="6">
        <v>9457</v>
      </c>
      <c r="L108" s="6">
        <v>164</v>
      </c>
      <c r="M108" s="6">
        <v>6317</v>
      </c>
      <c r="N108" s="10" t="s">
        <v>55</v>
      </c>
      <c r="O108" s="6">
        <v>4942</v>
      </c>
      <c r="P108" s="6">
        <v>1369</v>
      </c>
      <c r="Q108" s="6">
        <v>6317</v>
      </c>
    </row>
    <row r="109" spans="1:17">
      <c r="A109" s="9" t="s">
        <v>27</v>
      </c>
      <c r="B109" s="9" t="s">
        <v>28</v>
      </c>
      <c r="C109" s="9" t="s">
        <v>29</v>
      </c>
      <c r="D109" s="9" t="s">
        <v>54</v>
      </c>
      <c r="E109" s="9" t="s">
        <v>46</v>
      </c>
      <c r="F109" s="9" t="s">
        <v>8</v>
      </c>
      <c r="G109" s="6">
        <v>22860</v>
      </c>
      <c r="H109" s="6">
        <v>16481</v>
      </c>
      <c r="I109" s="6">
        <v>7196</v>
      </c>
      <c r="J109" s="6">
        <v>1354</v>
      </c>
      <c r="K109" s="6">
        <v>9285</v>
      </c>
      <c r="L109" s="6">
        <v>160</v>
      </c>
      <c r="M109" s="6">
        <v>6219</v>
      </c>
      <c r="N109" s="10" t="s">
        <v>55</v>
      </c>
      <c r="O109" s="6">
        <v>4852</v>
      </c>
      <c r="P109" s="6">
        <v>1345</v>
      </c>
      <c r="Q109" s="6">
        <v>6219</v>
      </c>
    </row>
    <row r="110" spans="1:17">
      <c r="A110" s="9" t="s">
        <v>27</v>
      </c>
      <c r="B110" s="9" t="s">
        <v>28</v>
      </c>
      <c r="C110" s="9" t="s">
        <v>29</v>
      </c>
      <c r="D110" s="9" t="s">
        <v>54</v>
      </c>
      <c r="E110" s="9" t="s">
        <v>46</v>
      </c>
      <c r="F110" s="9" t="s">
        <v>13</v>
      </c>
      <c r="G110" s="6">
        <v>396</v>
      </c>
      <c r="H110" s="6">
        <v>294</v>
      </c>
      <c r="I110" s="6">
        <v>122</v>
      </c>
      <c r="J110" s="6">
        <v>24</v>
      </c>
      <c r="K110" s="6">
        <v>172</v>
      </c>
      <c r="L110" s="6">
        <v>4</v>
      </c>
      <c r="M110" s="6">
        <v>98</v>
      </c>
      <c r="N110" s="10" t="s">
        <v>55</v>
      </c>
      <c r="O110" s="6">
        <v>90</v>
      </c>
      <c r="P110" s="6">
        <v>24</v>
      </c>
      <c r="Q110" s="6">
        <v>98</v>
      </c>
    </row>
    <row r="111" spans="1:17">
      <c r="A111" s="9" t="s">
        <v>27</v>
      </c>
      <c r="B111" s="9" t="s">
        <v>28</v>
      </c>
      <c r="C111" s="9" t="s">
        <v>29</v>
      </c>
      <c r="D111" s="9" t="s">
        <v>54</v>
      </c>
      <c r="E111" s="9" t="s">
        <v>46</v>
      </c>
      <c r="F111" s="9" t="s">
        <v>14</v>
      </c>
      <c r="G111" s="6">
        <v>774386</v>
      </c>
      <c r="H111" s="6">
        <v>523259</v>
      </c>
      <c r="I111" s="6">
        <v>213095</v>
      </c>
      <c r="J111" s="6">
        <v>37959</v>
      </c>
      <c r="K111" s="6">
        <v>310164</v>
      </c>
      <c r="L111" s="6">
        <v>3057</v>
      </c>
      <c r="M111" s="6">
        <v>248070</v>
      </c>
      <c r="N111" s="10" t="s">
        <v>55</v>
      </c>
      <c r="O111" s="6">
        <v>156456</v>
      </c>
      <c r="P111" s="6">
        <v>37934</v>
      </c>
      <c r="Q111" s="6">
        <v>248070</v>
      </c>
    </row>
    <row r="112" spans="1:17">
      <c r="A112" s="9" t="s">
        <v>27</v>
      </c>
      <c r="B112" s="9" t="s">
        <v>28</v>
      </c>
      <c r="C112" s="9" t="s">
        <v>29</v>
      </c>
      <c r="D112" s="9" t="s">
        <v>54</v>
      </c>
      <c r="E112" s="9" t="s">
        <v>46</v>
      </c>
      <c r="F112" s="9" t="s">
        <v>18</v>
      </c>
      <c r="G112" s="6">
        <v>75800</v>
      </c>
      <c r="H112" s="6">
        <v>30951</v>
      </c>
      <c r="I112" s="6">
        <v>19213</v>
      </c>
      <c r="J112" s="6">
        <v>5582</v>
      </c>
      <c r="K112" s="6">
        <v>11738</v>
      </c>
      <c r="L112" s="6">
        <v>1185</v>
      </c>
      <c r="M112" s="6">
        <v>43664</v>
      </c>
      <c r="N112" s="10" t="s">
        <v>55</v>
      </c>
      <c r="O112" s="6">
        <v>6178</v>
      </c>
      <c r="P112" s="6">
        <v>5566</v>
      </c>
      <c r="Q112" s="6">
        <v>43664</v>
      </c>
    </row>
    <row r="113" spans="1:17">
      <c r="A113" s="9" t="s">
        <v>27</v>
      </c>
      <c r="B113" s="9" t="s">
        <v>28</v>
      </c>
      <c r="C113" s="9" t="s">
        <v>29</v>
      </c>
      <c r="D113" s="9" t="s">
        <v>54</v>
      </c>
      <c r="E113" s="9" t="s">
        <v>47</v>
      </c>
      <c r="F113" s="9" t="s">
        <v>6</v>
      </c>
      <c r="G113" s="6">
        <v>240423</v>
      </c>
      <c r="H113" s="6">
        <v>174619</v>
      </c>
      <c r="I113" s="6">
        <v>60973</v>
      </c>
      <c r="J113" s="6">
        <v>2808</v>
      </c>
      <c r="K113" s="6">
        <v>113646</v>
      </c>
      <c r="L113" s="6">
        <v>1219</v>
      </c>
      <c r="M113" s="6">
        <v>64585</v>
      </c>
      <c r="N113" s="10" t="s">
        <v>55</v>
      </c>
      <c r="O113" s="6">
        <v>54220</v>
      </c>
      <c r="P113" s="6">
        <v>2807</v>
      </c>
      <c r="Q113" s="6">
        <v>64585</v>
      </c>
    </row>
    <row r="114" spans="1:17">
      <c r="A114" s="9" t="s">
        <v>27</v>
      </c>
      <c r="B114" s="9" t="s">
        <v>28</v>
      </c>
      <c r="C114" s="9" t="s">
        <v>29</v>
      </c>
      <c r="D114" s="9" t="s">
        <v>54</v>
      </c>
      <c r="E114" s="9" t="s">
        <v>47</v>
      </c>
      <c r="F114" s="9" t="s">
        <v>7</v>
      </c>
      <c r="G114" s="6">
        <v>3403</v>
      </c>
      <c r="H114" s="6">
        <v>2571</v>
      </c>
      <c r="I114" s="6">
        <v>1004</v>
      </c>
      <c r="J114" s="6">
        <v>57</v>
      </c>
      <c r="K114" s="6">
        <v>1567</v>
      </c>
      <c r="L114" s="6">
        <v>28</v>
      </c>
      <c r="M114" s="6">
        <v>804</v>
      </c>
      <c r="N114" s="10" t="s">
        <v>55</v>
      </c>
      <c r="O114" s="6">
        <v>788</v>
      </c>
      <c r="P114" s="6">
        <v>57</v>
      </c>
      <c r="Q114" s="6">
        <v>804</v>
      </c>
    </row>
    <row r="115" spans="1:17">
      <c r="A115" s="9" t="s">
        <v>27</v>
      </c>
      <c r="B115" s="9" t="s">
        <v>28</v>
      </c>
      <c r="C115" s="9" t="s">
        <v>29</v>
      </c>
      <c r="D115" s="9" t="s">
        <v>54</v>
      </c>
      <c r="E115" s="9" t="s">
        <v>47</v>
      </c>
      <c r="F115" s="9" t="s">
        <v>8</v>
      </c>
      <c r="G115" s="6">
        <v>3337</v>
      </c>
      <c r="H115" s="6">
        <v>2515</v>
      </c>
      <c r="I115" s="6">
        <v>984</v>
      </c>
      <c r="J115" s="6">
        <v>54</v>
      </c>
      <c r="K115" s="6">
        <v>1531</v>
      </c>
      <c r="L115" s="6">
        <v>27</v>
      </c>
      <c r="M115" s="6">
        <v>795</v>
      </c>
      <c r="N115" s="10" t="s">
        <v>55</v>
      </c>
      <c r="O115" s="6">
        <v>772</v>
      </c>
      <c r="P115" s="6">
        <v>54</v>
      </c>
      <c r="Q115" s="6">
        <v>795</v>
      </c>
    </row>
    <row r="116" spans="1:17">
      <c r="A116" s="9" t="s">
        <v>27</v>
      </c>
      <c r="B116" s="9" t="s">
        <v>28</v>
      </c>
      <c r="C116" s="9" t="s">
        <v>29</v>
      </c>
      <c r="D116" s="9" t="s">
        <v>54</v>
      </c>
      <c r="E116" s="9" t="s">
        <v>47</v>
      </c>
      <c r="F116" s="9" t="s">
        <v>13</v>
      </c>
      <c r="G116" s="6">
        <v>66</v>
      </c>
      <c r="H116" s="6">
        <v>56</v>
      </c>
      <c r="I116" s="6">
        <v>20</v>
      </c>
      <c r="J116" s="6">
        <v>3</v>
      </c>
      <c r="K116" s="6">
        <v>36</v>
      </c>
      <c r="L116" s="6">
        <v>1</v>
      </c>
      <c r="M116" s="6">
        <v>9</v>
      </c>
      <c r="N116" s="10" t="s">
        <v>55</v>
      </c>
      <c r="O116" s="6">
        <v>16</v>
      </c>
      <c r="P116" s="6">
        <v>3</v>
      </c>
      <c r="Q116" s="6">
        <v>9</v>
      </c>
    </row>
    <row r="117" spans="1:17">
      <c r="A117" s="9" t="s">
        <v>27</v>
      </c>
      <c r="B117" s="9" t="s">
        <v>28</v>
      </c>
      <c r="C117" s="9" t="s">
        <v>29</v>
      </c>
      <c r="D117" s="9" t="s">
        <v>54</v>
      </c>
      <c r="E117" s="9" t="s">
        <v>47</v>
      </c>
      <c r="F117" s="9" t="s">
        <v>14</v>
      </c>
      <c r="G117" s="6">
        <v>219185</v>
      </c>
      <c r="H117" s="6">
        <v>163163</v>
      </c>
      <c r="I117" s="6">
        <v>55281</v>
      </c>
      <c r="J117" s="6">
        <v>2366</v>
      </c>
      <c r="K117" s="6">
        <v>107882</v>
      </c>
      <c r="L117" s="6">
        <v>908</v>
      </c>
      <c r="M117" s="6">
        <v>55114</v>
      </c>
      <c r="N117" s="10" t="s">
        <v>55</v>
      </c>
      <c r="O117" s="6">
        <v>51397</v>
      </c>
      <c r="P117" s="6">
        <v>2365</v>
      </c>
      <c r="Q117" s="6">
        <v>55114</v>
      </c>
    </row>
    <row r="118" spans="1:17">
      <c r="A118" s="9" t="s">
        <v>27</v>
      </c>
      <c r="B118" s="9" t="s">
        <v>28</v>
      </c>
      <c r="C118" s="9" t="s">
        <v>29</v>
      </c>
      <c r="D118" s="9" t="s">
        <v>54</v>
      </c>
      <c r="E118" s="9" t="s">
        <v>47</v>
      </c>
      <c r="F118" s="9" t="s">
        <v>18</v>
      </c>
      <c r="G118" s="6">
        <v>17835</v>
      </c>
      <c r="H118" s="6">
        <v>8885</v>
      </c>
      <c r="I118" s="6">
        <v>4688</v>
      </c>
      <c r="J118" s="6">
        <v>385</v>
      </c>
      <c r="K118" s="6">
        <v>4197</v>
      </c>
      <c r="L118" s="6">
        <v>283</v>
      </c>
      <c r="M118" s="6">
        <v>8667</v>
      </c>
      <c r="N118" s="10" t="s">
        <v>55</v>
      </c>
      <c r="O118" s="6">
        <v>2035</v>
      </c>
      <c r="P118" s="6">
        <v>385</v>
      </c>
      <c r="Q118" s="6">
        <v>8667</v>
      </c>
    </row>
    <row r="119" spans="1:17">
      <c r="A119" s="9" t="s">
        <v>27</v>
      </c>
      <c r="B119" s="9" t="s">
        <v>28</v>
      </c>
      <c r="C119" s="9" t="s">
        <v>29</v>
      </c>
      <c r="D119" s="9" t="s">
        <v>54</v>
      </c>
      <c r="E119" s="9" t="s">
        <v>48</v>
      </c>
      <c r="F119" s="9" t="s">
        <v>6</v>
      </c>
      <c r="G119" s="6">
        <v>35960263</v>
      </c>
      <c r="H119" s="6">
        <v>30734786</v>
      </c>
      <c r="I119" s="6">
        <v>26104302</v>
      </c>
      <c r="J119" s="6">
        <v>5212616</v>
      </c>
      <c r="K119" s="6">
        <v>4630484</v>
      </c>
      <c r="L119" s="6">
        <v>487375</v>
      </c>
      <c r="M119" s="6">
        <v>4738102</v>
      </c>
      <c r="N119" s="10" t="s">
        <v>55</v>
      </c>
      <c r="O119" s="6">
        <v>3494140</v>
      </c>
      <c r="P119" s="6">
        <v>703061</v>
      </c>
      <c r="Q119" s="10" t="s">
        <v>55</v>
      </c>
    </row>
    <row r="120" spans="1:17">
      <c r="A120" s="9" t="s">
        <v>27</v>
      </c>
      <c r="B120" s="9" t="s">
        <v>28</v>
      </c>
      <c r="C120" s="9" t="s">
        <v>29</v>
      </c>
      <c r="D120" s="9" t="s">
        <v>54</v>
      </c>
      <c r="E120" s="9" t="s">
        <v>48</v>
      </c>
      <c r="F120" s="9" t="s">
        <v>7</v>
      </c>
      <c r="G120" s="6">
        <v>23304725</v>
      </c>
      <c r="H120" s="6">
        <v>19710248</v>
      </c>
      <c r="I120" s="6">
        <v>16421339</v>
      </c>
      <c r="J120" s="6">
        <v>3355463</v>
      </c>
      <c r="K120" s="6">
        <v>3288909</v>
      </c>
      <c r="L120" s="6">
        <v>319759</v>
      </c>
      <c r="M120" s="6">
        <v>3274718</v>
      </c>
      <c r="N120" s="10" t="s">
        <v>55</v>
      </c>
      <c r="O120" s="6">
        <v>2484809</v>
      </c>
      <c r="P120" s="6">
        <v>369076</v>
      </c>
      <c r="Q120" s="10" t="s">
        <v>55</v>
      </c>
    </row>
    <row r="121" spans="1:17">
      <c r="A121" s="9" t="s">
        <v>27</v>
      </c>
      <c r="B121" s="9" t="s">
        <v>28</v>
      </c>
      <c r="C121" s="9" t="s">
        <v>29</v>
      </c>
      <c r="D121" s="9" t="s">
        <v>54</v>
      </c>
      <c r="E121" s="9" t="s">
        <v>48</v>
      </c>
      <c r="F121" s="9" t="s">
        <v>8</v>
      </c>
      <c r="G121" s="6">
        <v>22484138</v>
      </c>
      <c r="H121" s="6">
        <v>19056405</v>
      </c>
      <c r="I121" s="6">
        <v>15877310</v>
      </c>
      <c r="J121" s="6">
        <v>3269846</v>
      </c>
      <c r="K121" s="6">
        <v>3179095</v>
      </c>
      <c r="L121" s="6">
        <v>300328</v>
      </c>
      <c r="M121" s="6">
        <v>3127405</v>
      </c>
      <c r="N121" s="10" t="s">
        <v>55</v>
      </c>
      <c r="O121" s="6">
        <v>2405050</v>
      </c>
      <c r="P121" s="6">
        <v>361019</v>
      </c>
      <c r="Q121" s="10" t="s">
        <v>55</v>
      </c>
    </row>
    <row r="122" spans="1:17">
      <c r="A122" s="9" t="s">
        <v>27</v>
      </c>
      <c r="B122" s="9" t="s">
        <v>28</v>
      </c>
      <c r="C122" s="9" t="s">
        <v>29</v>
      </c>
      <c r="D122" s="9" t="s">
        <v>54</v>
      </c>
      <c r="E122" s="9" t="s">
        <v>48</v>
      </c>
      <c r="F122" s="9" t="s">
        <v>13</v>
      </c>
      <c r="G122" s="6">
        <v>820587</v>
      </c>
      <c r="H122" s="6">
        <v>653843</v>
      </c>
      <c r="I122" s="6">
        <v>544029</v>
      </c>
      <c r="J122" s="6">
        <v>85617</v>
      </c>
      <c r="K122" s="6">
        <v>109814</v>
      </c>
      <c r="L122" s="6">
        <v>19431</v>
      </c>
      <c r="M122" s="6">
        <v>147313</v>
      </c>
      <c r="N122" s="10" t="s">
        <v>55</v>
      </c>
      <c r="O122" s="6">
        <v>79759</v>
      </c>
      <c r="P122" s="6">
        <v>8057</v>
      </c>
      <c r="Q122" s="10" t="s">
        <v>55</v>
      </c>
    </row>
    <row r="123" spans="1:17">
      <c r="A123" s="9" t="s">
        <v>27</v>
      </c>
      <c r="B123" s="9" t="s">
        <v>28</v>
      </c>
      <c r="C123" s="9" t="s">
        <v>29</v>
      </c>
      <c r="D123" s="9" t="s">
        <v>54</v>
      </c>
      <c r="E123" s="9" t="s">
        <v>48</v>
      </c>
      <c r="F123" s="9" t="s">
        <v>14</v>
      </c>
      <c r="G123" s="6">
        <v>8526440</v>
      </c>
      <c r="H123" s="6">
        <v>8021843</v>
      </c>
      <c r="I123" s="6">
        <v>6927558</v>
      </c>
      <c r="J123" s="6">
        <v>1366174</v>
      </c>
      <c r="K123" s="6">
        <v>1094285</v>
      </c>
      <c r="L123" s="6">
        <v>52333</v>
      </c>
      <c r="M123" s="6">
        <v>452264</v>
      </c>
      <c r="N123" s="10" t="s">
        <v>55</v>
      </c>
      <c r="O123" s="6">
        <v>841763</v>
      </c>
      <c r="P123" s="6">
        <v>310293</v>
      </c>
      <c r="Q123" s="10" t="s">
        <v>55</v>
      </c>
    </row>
    <row r="124" spans="1:17">
      <c r="A124" s="9" t="s">
        <v>27</v>
      </c>
      <c r="B124" s="9" t="s">
        <v>28</v>
      </c>
      <c r="C124" s="9" t="s">
        <v>29</v>
      </c>
      <c r="D124" s="9" t="s">
        <v>54</v>
      </c>
      <c r="E124" s="9" t="s">
        <v>48</v>
      </c>
      <c r="F124" s="9" t="s">
        <v>18</v>
      </c>
      <c r="G124" s="6">
        <v>4129098</v>
      </c>
      <c r="H124" s="6">
        <v>3002695</v>
      </c>
      <c r="I124" s="6">
        <v>2755405</v>
      </c>
      <c r="J124" s="6">
        <v>490979</v>
      </c>
      <c r="K124" s="6">
        <v>247290</v>
      </c>
      <c r="L124" s="6">
        <v>115283</v>
      </c>
      <c r="M124" s="6">
        <v>1011120</v>
      </c>
      <c r="N124" s="10" t="s">
        <v>55</v>
      </c>
      <c r="O124" s="6">
        <v>167568</v>
      </c>
      <c r="P124" s="6">
        <v>23692</v>
      </c>
      <c r="Q124" s="10" t="s">
        <v>55</v>
      </c>
    </row>
    <row r="125" spans="1:17">
      <c r="A125" s="9" t="s">
        <v>27</v>
      </c>
      <c r="B125" s="9" t="s">
        <v>28</v>
      </c>
      <c r="C125" s="9" t="s">
        <v>29</v>
      </c>
      <c r="D125" s="9" t="s">
        <v>54</v>
      </c>
      <c r="E125" s="9" t="s">
        <v>49</v>
      </c>
      <c r="F125" s="9" t="s">
        <v>6</v>
      </c>
      <c r="G125" s="6">
        <v>18395709</v>
      </c>
      <c r="H125" s="6">
        <v>13881055</v>
      </c>
      <c r="I125" s="6">
        <v>10639521</v>
      </c>
      <c r="J125" s="6">
        <v>5946224</v>
      </c>
      <c r="K125" s="6">
        <v>3241534</v>
      </c>
      <c r="L125" s="6">
        <v>106019</v>
      </c>
      <c r="M125" s="6">
        <v>4408635</v>
      </c>
      <c r="N125" s="10" t="s">
        <v>55</v>
      </c>
      <c r="O125" s="6">
        <v>2010885</v>
      </c>
      <c r="P125" s="6">
        <v>5830834</v>
      </c>
      <c r="Q125" s="6">
        <v>4408635</v>
      </c>
    </row>
    <row r="126" spans="1:17">
      <c r="A126" s="9" t="s">
        <v>27</v>
      </c>
      <c r="B126" s="9" t="s">
        <v>28</v>
      </c>
      <c r="C126" s="9" t="s">
        <v>29</v>
      </c>
      <c r="D126" s="9" t="s">
        <v>54</v>
      </c>
      <c r="E126" s="9" t="s">
        <v>49</v>
      </c>
      <c r="F126" s="9" t="s">
        <v>7</v>
      </c>
      <c r="G126" s="6">
        <v>3677153</v>
      </c>
      <c r="H126" s="6">
        <v>2907587</v>
      </c>
      <c r="I126" s="6">
        <v>2274250</v>
      </c>
      <c r="J126" s="6">
        <v>1258053</v>
      </c>
      <c r="K126" s="6">
        <v>633337</v>
      </c>
      <c r="L126" s="6">
        <v>26960</v>
      </c>
      <c r="M126" s="6">
        <v>742606</v>
      </c>
      <c r="N126" s="10" t="s">
        <v>55</v>
      </c>
      <c r="O126" s="6">
        <v>419884</v>
      </c>
      <c r="P126" s="6">
        <v>1215072</v>
      </c>
      <c r="Q126" s="6">
        <v>742606</v>
      </c>
    </row>
    <row r="127" spans="1:17">
      <c r="A127" s="9" t="s">
        <v>27</v>
      </c>
      <c r="B127" s="9" t="s">
        <v>28</v>
      </c>
      <c r="C127" s="9" t="s">
        <v>29</v>
      </c>
      <c r="D127" s="9" t="s">
        <v>54</v>
      </c>
      <c r="E127" s="9" t="s">
        <v>49</v>
      </c>
      <c r="F127" s="9" t="s">
        <v>8</v>
      </c>
      <c r="G127" s="6">
        <v>3616510</v>
      </c>
      <c r="H127" s="6">
        <v>2871216</v>
      </c>
      <c r="I127" s="6">
        <v>2244300</v>
      </c>
      <c r="J127" s="6">
        <v>1242789</v>
      </c>
      <c r="K127" s="6">
        <v>626916</v>
      </c>
      <c r="L127" s="6">
        <v>26123</v>
      </c>
      <c r="M127" s="6">
        <v>719171</v>
      </c>
      <c r="N127" s="10" t="s">
        <v>55</v>
      </c>
      <c r="O127" s="6">
        <v>416817</v>
      </c>
      <c r="P127" s="6">
        <v>1200766</v>
      </c>
      <c r="Q127" s="6">
        <v>719171</v>
      </c>
    </row>
    <row r="128" spans="1:17">
      <c r="A128" s="9" t="s">
        <v>27</v>
      </c>
      <c r="B128" s="9" t="s">
        <v>28</v>
      </c>
      <c r="C128" s="9" t="s">
        <v>29</v>
      </c>
      <c r="D128" s="9" t="s">
        <v>54</v>
      </c>
      <c r="E128" s="9" t="s">
        <v>49</v>
      </c>
      <c r="F128" s="9" t="s">
        <v>13</v>
      </c>
      <c r="G128" s="6">
        <v>60643</v>
      </c>
      <c r="H128" s="6">
        <v>36371</v>
      </c>
      <c r="I128" s="6">
        <v>29950</v>
      </c>
      <c r="J128" s="6">
        <v>15264</v>
      </c>
      <c r="K128" s="6">
        <v>6421</v>
      </c>
      <c r="L128" s="6">
        <v>837</v>
      </c>
      <c r="M128" s="6">
        <v>23435</v>
      </c>
      <c r="N128" s="10" t="s">
        <v>55</v>
      </c>
      <c r="O128" s="6">
        <v>3067</v>
      </c>
      <c r="P128" s="6">
        <v>14306</v>
      </c>
      <c r="Q128" s="6">
        <v>23435</v>
      </c>
    </row>
    <row r="129" spans="1:17">
      <c r="A129" s="9" t="s">
        <v>27</v>
      </c>
      <c r="B129" s="9" t="s">
        <v>28</v>
      </c>
      <c r="C129" s="9" t="s">
        <v>29</v>
      </c>
      <c r="D129" s="9" t="s">
        <v>54</v>
      </c>
      <c r="E129" s="9" t="s">
        <v>49</v>
      </c>
      <c r="F129" s="9" t="s">
        <v>14</v>
      </c>
      <c r="G129" s="6">
        <v>13246163</v>
      </c>
      <c r="H129" s="6">
        <v>10107577</v>
      </c>
      <c r="I129" s="6">
        <v>7639459</v>
      </c>
      <c r="J129" s="6">
        <v>4247682</v>
      </c>
      <c r="K129" s="6">
        <v>2468118</v>
      </c>
      <c r="L129" s="6">
        <v>55027</v>
      </c>
      <c r="M129" s="6">
        <v>3083559</v>
      </c>
      <c r="N129" s="10" t="s">
        <v>55</v>
      </c>
      <c r="O129" s="6">
        <v>1505320</v>
      </c>
      <c r="P129" s="6">
        <v>4183112</v>
      </c>
      <c r="Q129" s="6">
        <v>3083559</v>
      </c>
    </row>
    <row r="130" spans="1:17">
      <c r="A130" s="9" t="s">
        <v>27</v>
      </c>
      <c r="B130" s="9" t="s">
        <v>28</v>
      </c>
      <c r="C130" s="9" t="s">
        <v>29</v>
      </c>
      <c r="D130" s="9" t="s">
        <v>54</v>
      </c>
      <c r="E130" s="9" t="s">
        <v>49</v>
      </c>
      <c r="F130" s="9" t="s">
        <v>18</v>
      </c>
      <c r="G130" s="6">
        <v>1472393</v>
      </c>
      <c r="H130" s="6">
        <v>865891</v>
      </c>
      <c r="I130" s="6">
        <v>725812</v>
      </c>
      <c r="J130" s="6">
        <v>440489</v>
      </c>
      <c r="K130" s="6">
        <v>140079</v>
      </c>
      <c r="L130" s="6">
        <v>24032</v>
      </c>
      <c r="M130" s="6">
        <v>582470</v>
      </c>
      <c r="N130" s="10" t="s">
        <v>55</v>
      </c>
      <c r="O130" s="6">
        <v>85681</v>
      </c>
      <c r="P130" s="6">
        <v>432650</v>
      </c>
      <c r="Q130" s="6">
        <v>582470</v>
      </c>
    </row>
    <row r="131" spans="1:17">
      <c r="A131" s="9" t="s">
        <v>27</v>
      </c>
      <c r="B131" s="9" t="s">
        <v>28</v>
      </c>
      <c r="C131" s="9" t="s">
        <v>29</v>
      </c>
      <c r="D131" s="9" t="s">
        <v>54</v>
      </c>
      <c r="E131" s="9" t="s">
        <v>50</v>
      </c>
      <c r="F131" s="9" t="s">
        <v>6</v>
      </c>
      <c r="G131" s="6">
        <v>9591992</v>
      </c>
      <c r="H131" s="6">
        <v>6682242</v>
      </c>
      <c r="I131" s="6">
        <v>4644012</v>
      </c>
      <c r="J131" s="6">
        <v>2326019</v>
      </c>
      <c r="K131" s="6">
        <v>2038230</v>
      </c>
      <c r="L131" s="6">
        <v>49544</v>
      </c>
      <c r="M131" s="6">
        <v>2860206</v>
      </c>
      <c r="N131" s="10" t="s">
        <v>55</v>
      </c>
      <c r="O131" s="6">
        <v>1229638</v>
      </c>
      <c r="P131" s="6">
        <v>2320940</v>
      </c>
      <c r="Q131" s="6">
        <v>2860206</v>
      </c>
    </row>
    <row r="132" spans="1:17">
      <c r="A132" s="9" t="s">
        <v>27</v>
      </c>
      <c r="B132" s="9" t="s">
        <v>28</v>
      </c>
      <c r="C132" s="9" t="s">
        <v>29</v>
      </c>
      <c r="D132" s="9" t="s">
        <v>54</v>
      </c>
      <c r="E132" s="9" t="s">
        <v>50</v>
      </c>
      <c r="F132" s="9" t="s">
        <v>7</v>
      </c>
      <c r="G132" s="6">
        <v>846574</v>
      </c>
      <c r="H132" s="6">
        <v>640001</v>
      </c>
      <c r="I132" s="6">
        <v>454062</v>
      </c>
      <c r="J132" s="6">
        <v>228741</v>
      </c>
      <c r="K132" s="6">
        <v>185939</v>
      </c>
      <c r="L132" s="6">
        <v>5456</v>
      </c>
      <c r="M132" s="6">
        <v>201117</v>
      </c>
      <c r="N132" s="10" t="s">
        <v>55</v>
      </c>
      <c r="O132" s="6">
        <v>122248</v>
      </c>
      <c r="P132" s="6">
        <v>227941</v>
      </c>
      <c r="Q132" s="6">
        <v>201117</v>
      </c>
    </row>
    <row r="133" spans="1:17">
      <c r="A133" s="9" t="s">
        <v>27</v>
      </c>
      <c r="B133" s="9" t="s">
        <v>28</v>
      </c>
      <c r="C133" s="9" t="s">
        <v>29</v>
      </c>
      <c r="D133" s="9" t="s">
        <v>54</v>
      </c>
      <c r="E133" s="9" t="s">
        <v>50</v>
      </c>
      <c r="F133" s="9" t="s">
        <v>8</v>
      </c>
      <c r="G133" s="6">
        <v>836702</v>
      </c>
      <c r="H133" s="6">
        <v>633782</v>
      </c>
      <c r="I133" s="6">
        <v>449117</v>
      </c>
      <c r="J133" s="6">
        <v>226331</v>
      </c>
      <c r="K133" s="6">
        <v>184665</v>
      </c>
      <c r="L133" s="6">
        <v>5337</v>
      </c>
      <c r="M133" s="6">
        <v>197583</v>
      </c>
      <c r="N133" s="10" t="s">
        <v>55</v>
      </c>
      <c r="O133" s="6">
        <v>121607</v>
      </c>
      <c r="P133" s="6">
        <v>225551</v>
      </c>
      <c r="Q133" s="6">
        <v>197583</v>
      </c>
    </row>
    <row r="134" spans="1:17">
      <c r="A134" s="9" t="s">
        <v>27</v>
      </c>
      <c r="B134" s="9" t="s">
        <v>28</v>
      </c>
      <c r="C134" s="9" t="s">
        <v>29</v>
      </c>
      <c r="D134" s="9" t="s">
        <v>54</v>
      </c>
      <c r="E134" s="9" t="s">
        <v>50</v>
      </c>
      <c r="F134" s="9" t="s">
        <v>13</v>
      </c>
      <c r="G134" s="6">
        <v>9872</v>
      </c>
      <c r="H134" s="6">
        <v>6219</v>
      </c>
      <c r="I134" s="6">
        <v>4945</v>
      </c>
      <c r="J134" s="6">
        <v>2410</v>
      </c>
      <c r="K134" s="6">
        <v>1274</v>
      </c>
      <c r="L134" s="6">
        <v>119</v>
      </c>
      <c r="M134" s="6">
        <v>3534</v>
      </c>
      <c r="N134" s="10" t="s">
        <v>55</v>
      </c>
      <c r="O134" s="6">
        <v>641</v>
      </c>
      <c r="P134" s="6">
        <v>2390</v>
      </c>
      <c r="Q134" s="6">
        <v>3534</v>
      </c>
    </row>
    <row r="135" spans="1:17">
      <c r="A135" s="9" t="s">
        <v>27</v>
      </c>
      <c r="B135" s="9" t="s">
        <v>28</v>
      </c>
      <c r="C135" s="9" t="s">
        <v>29</v>
      </c>
      <c r="D135" s="9" t="s">
        <v>54</v>
      </c>
      <c r="E135" s="9" t="s">
        <v>50</v>
      </c>
      <c r="F135" s="9" t="s">
        <v>14</v>
      </c>
      <c r="G135" s="6">
        <v>7795559</v>
      </c>
      <c r="H135" s="6">
        <v>5530384</v>
      </c>
      <c r="I135" s="6">
        <v>3767232</v>
      </c>
      <c r="J135" s="6">
        <v>1841811</v>
      </c>
      <c r="K135" s="6">
        <v>1763152</v>
      </c>
      <c r="L135" s="6">
        <v>30591</v>
      </c>
      <c r="M135" s="6">
        <v>2234584</v>
      </c>
      <c r="N135" s="10" t="s">
        <v>55</v>
      </c>
      <c r="O135" s="6">
        <v>1053843</v>
      </c>
      <c r="P135" s="6">
        <v>1838596</v>
      </c>
      <c r="Q135" s="6">
        <v>2234584</v>
      </c>
    </row>
    <row r="136" spans="1:17">
      <c r="A136" s="9" t="s">
        <v>27</v>
      </c>
      <c r="B136" s="9" t="s">
        <v>28</v>
      </c>
      <c r="C136" s="9" t="s">
        <v>29</v>
      </c>
      <c r="D136" s="9" t="s">
        <v>54</v>
      </c>
      <c r="E136" s="9" t="s">
        <v>50</v>
      </c>
      <c r="F136" s="9" t="s">
        <v>18</v>
      </c>
      <c r="G136" s="6">
        <v>949859</v>
      </c>
      <c r="H136" s="6">
        <v>511857</v>
      </c>
      <c r="I136" s="6">
        <v>422718</v>
      </c>
      <c r="J136" s="6">
        <v>255467</v>
      </c>
      <c r="K136" s="6">
        <v>89139</v>
      </c>
      <c r="L136" s="6">
        <v>13497</v>
      </c>
      <c r="M136" s="6">
        <v>424505</v>
      </c>
      <c r="N136" s="10" t="s">
        <v>55</v>
      </c>
      <c r="O136" s="6">
        <v>53547</v>
      </c>
      <c r="P136" s="6">
        <v>254403</v>
      </c>
      <c r="Q136" s="6">
        <v>424505</v>
      </c>
    </row>
    <row r="137" spans="1:17">
      <c r="A137" s="9" t="s">
        <v>27</v>
      </c>
      <c r="B137" s="9" t="s">
        <v>28</v>
      </c>
      <c r="C137" s="9" t="s">
        <v>29</v>
      </c>
      <c r="D137" s="9" t="s">
        <v>54</v>
      </c>
      <c r="E137" s="9" t="s">
        <v>51</v>
      </c>
      <c r="F137" s="9" t="s">
        <v>6</v>
      </c>
      <c r="G137" s="6">
        <v>3049343</v>
      </c>
      <c r="H137" s="6">
        <v>1977075</v>
      </c>
      <c r="I137" s="6">
        <v>1004237</v>
      </c>
      <c r="J137" s="6">
        <v>311648</v>
      </c>
      <c r="K137" s="6">
        <v>972838</v>
      </c>
      <c r="L137" s="6">
        <v>15378</v>
      </c>
      <c r="M137" s="6">
        <v>1056890</v>
      </c>
      <c r="N137" s="10" t="s">
        <v>55</v>
      </c>
      <c r="O137" s="6">
        <v>519572</v>
      </c>
      <c r="P137" s="6">
        <v>311276</v>
      </c>
      <c r="Q137" s="6">
        <v>1056890</v>
      </c>
    </row>
    <row r="138" spans="1:17">
      <c r="A138" s="9" t="s">
        <v>27</v>
      </c>
      <c r="B138" s="9" t="s">
        <v>28</v>
      </c>
      <c r="C138" s="9" t="s">
        <v>29</v>
      </c>
      <c r="D138" s="9" t="s">
        <v>54</v>
      </c>
      <c r="E138" s="9" t="s">
        <v>51</v>
      </c>
      <c r="F138" s="9" t="s">
        <v>7</v>
      </c>
      <c r="G138" s="6">
        <v>110251</v>
      </c>
      <c r="H138" s="6">
        <v>80120</v>
      </c>
      <c r="I138" s="6">
        <v>41277</v>
      </c>
      <c r="J138" s="6">
        <v>13424</v>
      </c>
      <c r="K138" s="6">
        <v>38843</v>
      </c>
      <c r="L138" s="6">
        <v>771</v>
      </c>
      <c r="M138" s="6">
        <v>29360</v>
      </c>
      <c r="N138" s="10" t="s">
        <v>55</v>
      </c>
      <c r="O138" s="6">
        <v>21752</v>
      </c>
      <c r="P138" s="6">
        <v>13355</v>
      </c>
      <c r="Q138" s="6">
        <v>29360</v>
      </c>
    </row>
    <row r="139" spans="1:17">
      <c r="A139" s="9" t="s">
        <v>27</v>
      </c>
      <c r="B139" s="9" t="s">
        <v>28</v>
      </c>
      <c r="C139" s="9" t="s">
        <v>29</v>
      </c>
      <c r="D139" s="9" t="s">
        <v>54</v>
      </c>
      <c r="E139" s="9" t="s">
        <v>51</v>
      </c>
      <c r="F139" s="9" t="s">
        <v>8</v>
      </c>
      <c r="G139" s="6">
        <v>108788</v>
      </c>
      <c r="H139" s="6">
        <v>79085</v>
      </c>
      <c r="I139" s="6">
        <v>40710</v>
      </c>
      <c r="J139" s="6">
        <v>13231</v>
      </c>
      <c r="K139" s="6">
        <v>38375</v>
      </c>
      <c r="L139" s="6">
        <v>755</v>
      </c>
      <c r="M139" s="6">
        <v>28948</v>
      </c>
      <c r="N139" s="10" t="s">
        <v>55</v>
      </c>
      <c r="O139" s="6">
        <v>21522</v>
      </c>
      <c r="P139" s="6">
        <v>13167</v>
      </c>
      <c r="Q139" s="6">
        <v>28948</v>
      </c>
    </row>
    <row r="140" spans="1:17">
      <c r="A140" s="9" t="s">
        <v>27</v>
      </c>
      <c r="B140" s="9" t="s">
        <v>28</v>
      </c>
      <c r="C140" s="9" t="s">
        <v>29</v>
      </c>
      <c r="D140" s="9" t="s">
        <v>54</v>
      </c>
      <c r="E140" s="9" t="s">
        <v>51</v>
      </c>
      <c r="F140" s="9" t="s">
        <v>13</v>
      </c>
      <c r="G140" s="6">
        <v>1463</v>
      </c>
      <c r="H140" s="6">
        <v>1035</v>
      </c>
      <c r="I140" s="6">
        <v>567</v>
      </c>
      <c r="J140" s="6">
        <v>193</v>
      </c>
      <c r="K140" s="6">
        <v>468</v>
      </c>
      <c r="L140" s="6">
        <v>16</v>
      </c>
      <c r="M140" s="6">
        <v>412</v>
      </c>
      <c r="N140" s="10" t="s">
        <v>55</v>
      </c>
      <c r="O140" s="6">
        <v>230</v>
      </c>
      <c r="P140" s="6">
        <v>188</v>
      </c>
      <c r="Q140" s="6">
        <v>412</v>
      </c>
    </row>
    <row r="141" spans="1:17">
      <c r="A141" s="9" t="s">
        <v>27</v>
      </c>
      <c r="B141" s="9" t="s">
        <v>28</v>
      </c>
      <c r="C141" s="9" t="s">
        <v>29</v>
      </c>
      <c r="D141" s="9" t="s">
        <v>54</v>
      </c>
      <c r="E141" s="9" t="s">
        <v>51</v>
      </c>
      <c r="F141" s="9" t="s">
        <v>14</v>
      </c>
      <c r="G141" s="6">
        <v>2648705</v>
      </c>
      <c r="H141" s="6">
        <v>1769001</v>
      </c>
      <c r="I141" s="6">
        <v>871869</v>
      </c>
      <c r="J141" s="6">
        <v>258296</v>
      </c>
      <c r="K141" s="6">
        <v>897132</v>
      </c>
      <c r="L141" s="6">
        <v>10097</v>
      </c>
      <c r="M141" s="6">
        <v>869607</v>
      </c>
      <c r="N141" s="10" t="s">
        <v>55</v>
      </c>
      <c r="O141" s="6">
        <v>477361</v>
      </c>
      <c r="P141" s="6">
        <v>258150</v>
      </c>
      <c r="Q141" s="6">
        <v>869607</v>
      </c>
    </row>
    <row r="142" spans="1:17">
      <c r="A142" s="9" t="s">
        <v>27</v>
      </c>
      <c r="B142" s="9" t="s">
        <v>28</v>
      </c>
      <c r="C142" s="9" t="s">
        <v>29</v>
      </c>
      <c r="D142" s="9" t="s">
        <v>54</v>
      </c>
      <c r="E142" s="9" t="s">
        <v>51</v>
      </c>
      <c r="F142" s="9" t="s">
        <v>18</v>
      </c>
      <c r="G142" s="6">
        <v>290387</v>
      </c>
      <c r="H142" s="6">
        <v>127954</v>
      </c>
      <c r="I142" s="6">
        <v>91091</v>
      </c>
      <c r="J142" s="6">
        <v>39928</v>
      </c>
      <c r="K142" s="6">
        <v>36863</v>
      </c>
      <c r="L142" s="6">
        <v>4510</v>
      </c>
      <c r="M142" s="6">
        <v>157923</v>
      </c>
      <c r="N142" s="10" t="s">
        <v>55</v>
      </c>
      <c r="O142" s="6">
        <v>20459</v>
      </c>
      <c r="P142" s="6">
        <v>39771</v>
      </c>
      <c r="Q142" s="6">
        <v>157923</v>
      </c>
    </row>
    <row r="143" spans="1:17">
      <c r="A143" s="9" t="s">
        <v>27</v>
      </c>
      <c r="B143" s="9" t="s">
        <v>28</v>
      </c>
      <c r="C143" s="9" t="s">
        <v>29</v>
      </c>
      <c r="D143" s="9" t="s">
        <v>54</v>
      </c>
      <c r="E143" s="9" t="s">
        <v>52</v>
      </c>
      <c r="F143" s="9" t="s">
        <v>6</v>
      </c>
      <c r="G143" s="6">
        <v>37393804</v>
      </c>
      <c r="H143" s="6">
        <v>31642800</v>
      </c>
      <c r="I143" s="6">
        <v>26817670</v>
      </c>
      <c r="J143" s="6">
        <v>6905985</v>
      </c>
      <c r="K143" s="6">
        <v>4825130</v>
      </c>
      <c r="L143" s="6">
        <v>499251</v>
      </c>
      <c r="M143" s="6">
        <v>5251753</v>
      </c>
      <c r="N143" s="10" t="s">
        <v>55</v>
      </c>
      <c r="O143" s="6">
        <v>3490492</v>
      </c>
      <c r="P143" s="6">
        <v>2307676</v>
      </c>
      <c r="Q143" s="6">
        <v>640136</v>
      </c>
    </row>
    <row r="144" spans="1:17">
      <c r="A144" s="9" t="s">
        <v>27</v>
      </c>
      <c r="B144" s="9" t="s">
        <v>28</v>
      </c>
      <c r="C144" s="9" t="s">
        <v>29</v>
      </c>
      <c r="D144" s="9" t="s">
        <v>54</v>
      </c>
      <c r="E144" s="9" t="s">
        <v>52</v>
      </c>
      <c r="F144" s="9" t="s">
        <v>7</v>
      </c>
      <c r="G144" s="6">
        <v>24535510</v>
      </c>
      <c r="H144" s="6">
        <v>20699716</v>
      </c>
      <c r="I144" s="6">
        <v>17204589</v>
      </c>
      <c r="J144" s="6">
        <v>3955628</v>
      </c>
      <c r="K144" s="6">
        <v>3495127</v>
      </c>
      <c r="L144" s="6">
        <v>328633</v>
      </c>
      <c r="M144" s="6">
        <v>3507161</v>
      </c>
      <c r="N144" s="10" t="s">
        <v>55</v>
      </c>
      <c r="O144" s="6">
        <v>2603873</v>
      </c>
      <c r="P144" s="6">
        <v>932897</v>
      </c>
      <c r="Q144" s="6">
        <v>289265</v>
      </c>
    </row>
    <row r="145" spans="1:17">
      <c r="A145" s="9" t="s">
        <v>27</v>
      </c>
      <c r="B145" s="9" t="s">
        <v>28</v>
      </c>
      <c r="C145" s="9" t="s">
        <v>29</v>
      </c>
      <c r="D145" s="9" t="s">
        <v>54</v>
      </c>
      <c r="E145" s="9" t="s">
        <v>52</v>
      </c>
      <c r="F145" s="9" t="s">
        <v>8</v>
      </c>
      <c r="G145" s="6">
        <v>23704116</v>
      </c>
      <c r="H145" s="6">
        <v>20043787</v>
      </c>
      <c r="I145" s="6">
        <v>16657794</v>
      </c>
      <c r="J145" s="6">
        <v>3861443</v>
      </c>
      <c r="K145" s="6">
        <v>3385993</v>
      </c>
      <c r="L145" s="6">
        <v>309083</v>
      </c>
      <c r="M145" s="6">
        <v>3351246</v>
      </c>
      <c r="N145" s="10" t="s">
        <v>55</v>
      </c>
      <c r="O145" s="6">
        <v>2526040</v>
      </c>
      <c r="P145" s="6">
        <v>917074</v>
      </c>
      <c r="Q145" s="6">
        <v>276357</v>
      </c>
    </row>
    <row r="146" spans="1:17">
      <c r="A146" s="9" t="s">
        <v>27</v>
      </c>
      <c r="B146" s="9" t="s">
        <v>28</v>
      </c>
      <c r="C146" s="9" t="s">
        <v>29</v>
      </c>
      <c r="D146" s="9" t="s">
        <v>54</v>
      </c>
      <c r="E146" s="9" t="s">
        <v>52</v>
      </c>
      <c r="F146" s="9" t="s">
        <v>13</v>
      </c>
      <c r="G146" s="6">
        <v>831394</v>
      </c>
      <c r="H146" s="6">
        <v>655929</v>
      </c>
      <c r="I146" s="6">
        <v>546795</v>
      </c>
      <c r="J146" s="6">
        <v>94185</v>
      </c>
      <c r="K146" s="6">
        <v>109134</v>
      </c>
      <c r="L146" s="6">
        <v>19550</v>
      </c>
      <c r="M146" s="6">
        <v>155915</v>
      </c>
      <c r="N146" s="10" t="s">
        <v>55</v>
      </c>
      <c r="O146" s="6">
        <v>77833</v>
      </c>
      <c r="P146" s="6">
        <v>15823</v>
      </c>
      <c r="Q146" s="6">
        <v>12908</v>
      </c>
    </row>
    <row r="147" spans="1:17">
      <c r="A147" s="9" t="s">
        <v>27</v>
      </c>
      <c r="B147" s="9" t="s">
        <v>28</v>
      </c>
      <c r="C147" s="9" t="s">
        <v>29</v>
      </c>
      <c r="D147" s="9" t="s">
        <v>54</v>
      </c>
      <c r="E147" s="9" t="s">
        <v>52</v>
      </c>
      <c r="F147" s="9" t="s">
        <v>14</v>
      </c>
      <c r="G147" s="6">
        <v>8812330</v>
      </c>
      <c r="H147" s="6">
        <v>8068928</v>
      </c>
      <c r="I147" s="6">
        <v>6985763</v>
      </c>
      <c r="J147" s="6">
        <v>2393105</v>
      </c>
      <c r="K147" s="6">
        <v>1083165</v>
      </c>
      <c r="L147" s="6">
        <v>55207</v>
      </c>
      <c r="M147" s="6">
        <v>688195</v>
      </c>
      <c r="N147" s="10" t="s">
        <v>55</v>
      </c>
      <c r="O147" s="6">
        <v>724181</v>
      </c>
      <c r="P147" s="6">
        <v>1289045</v>
      </c>
      <c r="Q147" s="6">
        <v>292027</v>
      </c>
    </row>
    <row r="148" spans="1:17">
      <c r="A148" s="9" t="s">
        <v>27</v>
      </c>
      <c r="B148" s="9" t="s">
        <v>28</v>
      </c>
      <c r="C148" s="9" t="s">
        <v>29</v>
      </c>
      <c r="D148" s="9" t="s">
        <v>54</v>
      </c>
      <c r="E148" s="9" t="s">
        <v>52</v>
      </c>
      <c r="F148" s="9" t="s">
        <v>18</v>
      </c>
      <c r="G148" s="6">
        <v>4045964</v>
      </c>
      <c r="H148" s="6">
        <v>2874156</v>
      </c>
      <c r="I148" s="6">
        <v>2627318</v>
      </c>
      <c r="J148" s="6">
        <v>557252</v>
      </c>
      <c r="K148" s="6">
        <v>246838</v>
      </c>
      <c r="L148" s="6">
        <v>115411</v>
      </c>
      <c r="M148" s="6">
        <v>1056397</v>
      </c>
      <c r="N148" s="10" t="s">
        <v>55</v>
      </c>
      <c r="O148" s="6">
        <v>162438</v>
      </c>
      <c r="P148" s="6">
        <v>85734</v>
      </c>
      <c r="Q148" s="6">
        <v>58844</v>
      </c>
    </row>
    <row r="149" spans="1:17">
      <c r="A149" s="9" t="s">
        <v>27</v>
      </c>
      <c r="B149" s="9" t="s">
        <v>57</v>
      </c>
      <c r="C149" s="9" t="s">
        <v>58</v>
      </c>
      <c r="D149" s="9" t="s">
        <v>54</v>
      </c>
      <c r="E149" s="9" t="s">
        <v>30</v>
      </c>
      <c r="F149" s="9" t="s">
        <v>6</v>
      </c>
      <c r="G149" s="6">
        <v>755970</v>
      </c>
      <c r="H149" s="6">
        <v>630003</v>
      </c>
      <c r="I149" s="6">
        <v>480258</v>
      </c>
      <c r="J149" s="6">
        <v>149328</v>
      </c>
      <c r="K149" s="6">
        <v>149745</v>
      </c>
      <c r="L149" s="6">
        <v>6881</v>
      </c>
      <c r="M149" s="6">
        <v>119086</v>
      </c>
      <c r="N149" s="10" t="s">
        <v>55</v>
      </c>
      <c r="O149" s="6">
        <v>103476</v>
      </c>
      <c r="P149" s="6">
        <v>94175</v>
      </c>
      <c r="Q149" s="6">
        <v>62665</v>
      </c>
    </row>
    <row r="150" spans="1:17">
      <c r="A150" s="9" t="s">
        <v>27</v>
      </c>
      <c r="B150" s="9" t="s">
        <v>57</v>
      </c>
      <c r="C150" s="9" t="s">
        <v>58</v>
      </c>
      <c r="D150" s="9" t="s">
        <v>54</v>
      </c>
      <c r="E150" s="9" t="s">
        <v>30</v>
      </c>
      <c r="F150" s="9" t="s">
        <v>7</v>
      </c>
      <c r="G150" s="6">
        <v>401890</v>
      </c>
      <c r="H150" s="6">
        <v>342173</v>
      </c>
      <c r="I150" s="6">
        <v>262541</v>
      </c>
      <c r="J150" s="6">
        <v>65023</v>
      </c>
      <c r="K150" s="6">
        <v>79632</v>
      </c>
      <c r="L150" s="6">
        <v>4533</v>
      </c>
      <c r="M150" s="6">
        <v>55184</v>
      </c>
      <c r="N150" s="10" t="s">
        <v>55</v>
      </c>
      <c r="O150" s="6">
        <v>59115</v>
      </c>
      <c r="P150" s="6">
        <v>25816</v>
      </c>
      <c r="Q150" s="6">
        <v>10970</v>
      </c>
    </row>
    <row r="151" spans="1:17">
      <c r="A151" s="9" t="s">
        <v>27</v>
      </c>
      <c r="B151" s="9" t="s">
        <v>57</v>
      </c>
      <c r="C151" s="9" t="s">
        <v>58</v>
      </c>
      <c r="D151" s="9" t="s">
        <v>54</v>
      </c>
      <c r="E151" s="9" t="s">
        <v>30</v>
      </c>
      <c r="F151" s="9" t="s">
        <v>8</v>
      </c>
      <c r="G151" s="6">
        <v>389010</v>
      </c>
      <c r="H151" s="6">
        <v>331694</v>
      </c>
      <c r="I151" s="6">
        <v>254419</v>
      </c>
      <c r="J151" s="6">
        <v>63568</v>
      </c>
      <c r="K151" s="6">
        <v>77275</v>
      </c>
      <c r="L151" s="6">
        <v>4269</v>
      </c>
      <c r="M151" s="6">
        <v>53047</v>
      </c>
      <c r="N151" s="10" t="s">
        <v>55</v>
      </c>
      <c r="O151" s="6">
        <v>57399</v>
      </c>
      <c r="P151" s="6">
        <v>25427</v>
      </c>
      <c r="Q151" s="6">
        <v>10651</v>
      </c>
    </row>
    <row r="152" spans="1:17">
      <c r="A152" s="9" t="s">
        <v>27</v>
      </c>
      <c r="B152" s="9" t="s">
        <v>57</v>
      </c>
      <c r="C152" s="9" t="s">
        <v>58</v>
      </c>
      <c r="D152" s="9" t="s">
        <v>54</v>
      </c>
      <c r="E152" s="9" t="s">
        <v>30</v>
      </c>
      <c r="F152" s="9" t="s">
        <v>13</v>
      </c>
      <c r="G152" s="6">
        <v>12880</v>
      </c>
      <c r="H152" s="6">
        <v>10479</v>
      </c>
      <c r="I152" s="6">
        <v>8122</v>
      </c>
      <c r="J152" s="6">
        <v>1455</v>
      </c>
      <c r="K152" s="6">
        <v>2357</v>
      </c>
      <c r="L152" s="6">
        <v>264</v>
      </c>
      <c r="M152" s="6">
        <v>2137</v>
      </c>
      <c r="N152" s="10" t="s">
        <v>55</v>
      </c>
      <c r="O152" s="6">
        <v>1716</v>
      </c>
      <c r="P152" s="6">
        <v>389</v>
      </c>
      <c r="Q152" s="6">
        <v>319</v>
      </c>
    </row>
    <row r="153" spans="1:17">
      <c r="A153" s="9" t="s">
        <v>27</v>
      </c>
      <c r="B153" s="9" t="s">
        <v>57</v>
      </c>
      <c r="C153" s="9" t="s">
        <v>58</v>
      </c>
      <c r="D153" s="9" t="s">
        <v>54</v>
      </c>
      <c r="E153" s="9" t="s">
        <v>30</v>
      </c>
      <c r="F153" s="9" t="s">
        <v>14</v>
      </c>
      <c r="G153" s="6">
        <v>311261</v>
      </c>
      <c r="H153" s="6">
        <v>256950</v>
      </c>
      <c r="I153" s="6">
        <v>191342</v>
      </c>
      <c r="J153" s="6">
        <v>77202</v>
      </c>
      <c r="K153" s="6">
        <v>65608</v>
      </c>
      <c r="L153" s="6">
        <v>1605</v>
      </c>
      <c r="M153" s="6">
        <v>52706</v>
      </c>
      <c r="N153" s="10" t="s">
        <v>55</v>
      </c>
      <c r="O153" s="6">
        <v>41162</v>
      </c>
      <c r="P153" s="6">
        <v>63965</v>
      </c>
      <c r="Q153" s="6">
        <v>46621</v>
      </c>
    </row>
    <row r="154" spans="1:17">
      <c r="A154" s="9" t="s">
        <v>27</v>
      </c>
      <c r="B154" s="9" t="s">
        <v>57</v>
      </c>
      <c r="C154" s="9" t="s">
        <v>58</v>
      </c>
      <c r="D154" s="9" t="s">
        <v>54</v>
      </c>
      <c r="E154" s="9" t="s">
        <v>30</v>
      </c>
      <c r="F154" s="9" t="s">
        <v>18</v>
      </c>
      <c r="G154" s="6">
        <v>42819</v>
      </c>
      <c r="H154" s="6">
        <v>30880</v>
      </c>
      <c r="I154" s="6">
        <v>26375</v>
      </c>
      <c r="J154" s="6">
        <v>7103</v>
      </c>
      <c r="K154" s="6">
        <v>4505</v>
      </c>
      <c r="L154" s="6">
        <v>743</v>
      </c>
      <c r="M154" s="6">
        <v>11196</v>
      </c>
      <c r="N154" s="10" t="s">
        <v>55</v>
      </c>
      <c r="O154" s="6">
        <v>3199</v>
      </c>
      <c r="P154" s="6">
        <v>4394</v>
      </c>
      <c r="Q154" s="6">
        <v>5074</v>
      </c>
    </row>
    <row r="155" spans="1:17">
      <c r="A155" s="9" t="s">
        <v>27</v>
      </c>
      <c r="B155" s="9" t="s">
        <v>57</v>
      </c>
      <c r="C155" s="9" t="s">
        <v>58</v>
      </c>
      <c r="D155" s="9" t="s">
        <v>54</v>
      </c>
      <c r="E155" s="9" t="s">
        <v>31</v>
      </c>
      <c r="F155" s="9" t="s">
        <v>6</v>
      </c>
      <c r="G155" s="6">
        <v>36986</v>
      </c>
      <c r="H155" s="6">
        <v>35053</v>
      </c>
      <c r="I155" s="6">
        <v>27550</v>
      </c>
      <c r="J155" s="6">
        <v>33</v>
      </c>
      <c r="K155" s="6">
        <v>7503</v>
      </c>
      <c r="L155" s="6">
        <v>170</v>
      </c>
      <c r="M155" s="6">
        <v>1763</v>
      </c>
      <c r="N155" s="10" t="s">
        <v>55</v>
      </c>
      <c r="O155" s="6">
        <v>6975</v>
      </c>
      <c r="P155" s="10" t="s">
        <v>55</v>
      </c>
      <c r="Q155" s="10" t="s">
        <v>55</v>
      </c>
    </row>
    <row r="156" spans="1:17">
      <c r="A156" s="9" t="s">
        <v>27</v>
      </c>
      <c r="B156" s="9" t="s">
        <v>57</v>
      </c>
      <c r="C156" s="9" t="s">
        <v>58</v>
      </c>
      <c r="D156" s="9" t="s">
        <v>54</v>
      </c>
      <c r="E156" s="9" t="s">
        <v>31</v>
      </c>
      <c r="F156" s="9" t="s">
        <v>7</v>
      </c>
      <c r="G156" s="6">
        <v>5249</v>
      </c>
      <c r="H156" s="6">
        <v>4282</v>
      </c>
      <c r="I156" s="6">
        <v>3329</v>
      </c>
      <c r="J156" s="6">
        <v>12</v>
      </c>
      <c r="K156" s="6">
        <v>953</v>
      </c>
      <c r="L156" s="6">
        <v>53</v>
      </c>
      <c r="M156" s="6">
        <v>914</v>
      </c>
      <c r="N156" s="10" t="s">
        <v>55</v>
      </c>
      <c r="O156" s="6">
        <v>841</v>
      </c>
      <c r="P156" s="10" t="s">
        <v>55</v>
      </c>
      <c r="Q156" s="10" t="s">
        <v>55</v>
      </c>
    </row>
    <row r="157" spans="1:17">
      <c r="A157" s="9" t="s">
        <v>27</v>
      </c>
      <c r="B157" s="9" t="s">
        <v>57</v>
      </c>
      <c r="C157" s="9" t="s">
        <v>58</v>
      </c>
      <c r="D157" s="9" t="s">
        <v>54</v>
      </c>
      <c r="E157" s="9" t="s">
        <v>31</v>
      </c>
      <c r="F157" s="9" t="s">
        <v>8</v>
      </c>
      <c r="G157" s="6">
        <v>4915</v>
      </c>
      <c r="H157" s="6">
        <v>3997</v>
      </c>
      <c r="I157" s="6">
        <v>3133</v>
      </c>
      <c r="J157" s="6">
        <v>11</v>
      </c>
      <c r="K157" s="6">
        <v>864</v>
      </c>
      <c r="L157" s="6">
        <v>48</v>
      </c>
      <c r="M157" s="6">
        <v>870</v>
      </c>
      <c r="N157" s="10" t="s">
        <v>55</v>
      </c>
      <c r="O157" s="6">
        <v>756</v>
      </c>
      <c r="P157" s="10" t="s">
        <v>55</v>
      </c>
      <c r="Q157" s="10" t="s">
        <v>55</v>
      </c>
    </row>
    <row r="158" spans="1:17">
      <c r="A158" s="9" t="s">
        <v>27</v>
      </c>
      <c r="B158" s="9" t="s">
        <v>57</v>
      </c>
      <c r="C158" s="9" t="s">
        <v>58</v>
      </c>
      <c r="D158" s="9" t="s">
        <v>54</v>
      </c>
      <c r="E158" s="9" t="s">
        <v>31</v>
      </c>
      <c r="F158" s="9" t="s">
        <v>13</v>
      </c>
      <c r="G158" s="6">
        <v>334</v>
      </c>
      <c r="H158" s="6">
        <v>285</v>
      </c>
      <c r="I158" s="6">
        <v>196</v>
      </c>
      <c r="J158" s="6">
        <v>1</v>
      </c>
      <c r="K158" s="6">
        <v>89</v>
      </c>
      <c r="L158" s="6">
        <v>5</v>
      </c>
      <c r="M158" s="6">
        <v>44</v>
      </c>
      <c r="N158" s="10" t="s">
        <v>55</v>
      </c>
      <c r="O158" s="6">
        <v>85</v>
      </c>
      <c r="P158" s="10" t="s">
        <v>55</v>
      </c>
      <c r="Q158" s="10" t="s">
        <v>55</v>
      </c>
    </row>
    <row r="159" spans="1:17">
      <c r="A159" s="9" t="s">
        <v>27</v>
      </c>
      <c r="B159" s="9" t="s">
        <v>57</v>
      </c>
      <c r="C159" s="9" t="s">
        <v>58</v>
      </c>
      <c r="D159" s="9" t="s">
        <v>54</v>
      </c>
      <c r="E159" s="9" t="s">
        <v>31</v>
      </c>
      <c r="F159" s="9" t="s">
        <v>14</v>
      </c>
      <c r="G159" s="6">
        <v>29363</v>
      </c>
      <c r="H159" s="6">
        <v>28524</v>
      </c>
      <c r="I159" s="6">
        <v>22263</v>
      </c>
      <c r="J159" s="6">
        <v>11</v>
      </c>
      <c r="K159" s="6">
        <v>6261</v>
      </c>
      <c r="L159" s="6">
        <v>88</v>
      </c>
      <c r="M159" s="6">
        <v>751</v>
      </c>
      <c r="N159" s="10" t="s">
        <v>55</v>
      </c>
      <c r="O159" s="6">
        <v>5878</v>
      </c>
      <c r="P159" s="10" t="s">
        <v>55</v>
      </c>
      <c r="Q159" s="10" t="s">
        <v>55</v>
      </c>
    </row>
    <row r="160" spans="1:17">
      <c r="A160" s="9" t="s">
        <v>27</v>
      </c>
      <c r="B160" s="9" t="s">
        <v>57</v>
      </c>
      <c r="C160" s="9" t="s">
        <v>58</v>
      </c>
      <c r="D160" s="9" t="s">
        <v>54</v>
      </c>
      <c r="E160" s="9" t="s">
        <v>31</v>
      </c>
      <c r="F160" s="9" t="s">
        <v>18</v>
      </c>
      <c r="G160" s="6">
        <v>2374</v>
      </c>
      <c r="H160" s="6">
        <v>2247</v>
      </c>
      <c r="I160" s="6">
        <v>1958</v>
      </c>
      <c r="J160" s="6">
        <v>10</v>
      </c>
      <c r="K160" s="6">
        <v>289</v>
      </c>
      <c r="L160" s="6">
        <v>29</v>
      </c>
      <c r="M160" s="6">
        <v>98</v>
      </c>
      <c r="N160" s="10" t="s">
        <v>55</v>
      </c>
      <c r="O160" s="6">
        <v>256</v>
      </c>
      <c r="P160" s="10" t="s">
        <v>55</v>
      </c>
      <c r="Q160" s="10" t="s">
        <v>55</v>
      </c>
    </row>
    <row r="161" spans="1:17">
      <c r="A161" s="9" t="s">
        <v>27</v>
      </c>
      <c r="B161" s="9" t="s">
        <v>57</v>
      </c>
      <c r="C161" s="9" t="s">
        <v>58</v>
      </c>
      <c r="D161" s="9" t="s">
        <v>54</v>
      </c>
      <c r="E161" s="9" t="s">
        <v>32</v>
      </c>
      <c r="F161" s="9" t="s">
        <v>6</v>
      </c>
      <c r="G161" s="6">
        <v>34665</v>
      </c>
      <c r="H161" s="6">
        <v>24878</v>
      </c>
      <c r="I161" s="6">
        <v>18509</v>
      </c>
      <c r="J161" s="6">
        <v>800</v>
      </c>
      <c r="K161" s="6">
        <v>6369</v>
      </c>
      <c r="L161" s="6">
        <v>843</v>
      </c>
      <c r="M161" s="6">
        <v>8944</v>
      </c>
      <c r="N161" s="10" t="s">
        <v>55</v>
      </c>
      <c r="O161" s="6">
        <v>5425</v>
      </c>
      <c r="P161" s="10" t="s">
        <v>55</v>
      </c>
      <c r="Q161" s="10" t="s">
        <v>55</v>
      </c>
    </row>
    <row r="162" spans="1:17">
      <c r="A162" s="9" t="s">
        <v>27</v>
      </c>
      <c r="B162" s="9" t="s">
        <v>57</v>
      </c>
      <c r="C162" s="9" t="s">
        <v>58</v>
      </c>
      <c r="D162" s="9" t="s">
        <v>54</v>
      </c>
      <c r="E162" s="9" t="s">
        <v>32</v>
      </c>
      <c r="F162" s="9" t="s">
        <v>7</v>
      </c>
      <c r="G162" s="6">
        <v>23677</v>
      </c>
      <c r="H162" s="6">
        <v>16345</v>
      </c>
      <c r="I162" s="6">
        <v>11892</v>
      </c>
      <c r="J162" s="6">
        <v>557</v>
      </c>
      <c r="K162" s="6">
        <v>4453</v>
      </c>
      <c r="L162" s="6">
        <v>650</v>
      </c>
      <c r="M162" s="6">
        <v>6682</v>
      </c>
      <c r="N162" s="10" t="s">
        <v>55</v>
      </c>
      <c r="O162" s="6">
        <v>3810</v>
      </c>
      <c r="P162" s="10" t="s">
        <v>55</v>
      </c>
      <c r="Q162" s="10" t="s">
        <v>55</v>
      </c>
    </row>
    <row r="163" spans="1:17">
      <c r="A163" s="9" t="s">
        <v>27</v>
      </c>
      <c r="B163" s="9" t="s">
        <v>57</v>
      </c>
      <c r="C163" s="9" t="s">
        <v>58</v>
      </c>
      <c r="D163" s="9" t="s">
        <v>54</v>
      </c>
      <c r="E163" s="9" t="s">
        <v>32</v>
      </c>
      <c r="F163" s="9" t="s">
        <v>8</v>
      </c>
      <c r="G163" s="6">
        <v>22434</v>
      </c>
      <c r="H163" s="6">
        <v>15264</v>
      </c>
      <c r="I163" s="6">
        <v>11143</v>
      </c>
      <c r="J163" s="6">
        <v>531</v>
      </c>
      <c r="K163" s="6">
        <v>4121</v>
      </c>
      <c r="L163" s="6">
        <v>608</v>
      </c>
      <c r="M163" s="6">
        <v>6562</v>
      </c>
      <c r="N163" s="10" t="s">
        <v>55</v>
      </c>
      <c r="O163" s="6">
        <v>3528</v>
      </c>
      <c r="P163" s="10" t="s">
        <v>55</v>
      </c>
      <c r="Q163" s="10" t="s">
        <v>55</v>
      </c>
    </row>
    <row r="164" spans="1:17">
      <c r="A164" s="9" t="s">
        <v>27</v>
      </c>
      <c r="B164" s="9" t="s">
        <v>57</v>
      </c>
      <c r="C164" s="9" t="s">
        <v>58</v>
      </c>
      <c r="D164" s="9" t="s">
        <v>54</v>
      </c>
      <c r="E164" s="9" t="s">
        <v>32</v>
      </c>
      <c r="F164" s="9" t="s">
        <v>13</v>
      </c>
      <c r="G164" s="6">
        <v>1243</v>
      </c>
      <c r="H164" s="6">
        <v>1081</v>
      </c>
      <c r="I164" s="6">
        <v>749</v>
      </c>
      <c r="J164" s="6">
        <v>26</v>
      </c>
      <c r="K164" s="6">
        <v>332</v>
      </c>
      <c r="L164" s="6">
        <v>42</v>
      </c>
      <c r="M164" s="6">
        <v>120</v>
      </c>
      <c r="N164" s="10" t="s">
        <v>55</v>
      </c>
      <c r="O164" s="6">
        <v>282</v>
      </c>
      <c r="P164" s="10" t="s">
        <v>55</v>
      </c>
      <c r="Q164" s="10" t="s">
        <v>55</v>
      </c>
    </row>
    <row r="165" spans="1:17">
      <c r="A165" s="9" t="s">
        <v>27</v>
      </c>
      <c r="B165" s="9" t="s">
        <v>57</v>
      </c>
      <c r="C165" s="9" t="s">
        <v>58</v>
      </c>
      <c r="D165" s="9" t="s">
        <v>54</v>
      </c>
      <c r="E165" s="9" t="s">
        <v>32</v>
      </c>
      <c r="F165" s="9" t="s">
        <v>14</v>
      </c>
      <c r="G165" s="6">
        <v>7955</v>
      </c>
      <c r="H165" s="6">
        <v>6604</v>
      </c>
      <c r="I165" s="6">
        <v>5014</v>
      </c>
      <c r="J165" s="6">
        <v>110</v>
      </c>
      <c r="K165" s="6">
        <v>1590</v>
      </c>
      <c r="L165" s="6">
        <v>78</v>
      </c>
      <c r="M165" s="6">
        <v>1273</v>
      </c>
      <c r="N165" s="10" t="s">
        <v>55</v>
      </c>
      <c r="O165" s="6">
        <v>1361</v>
      </c>
      <c r="P165" s="10" t="s">
        <v>55</v>
      </c>
      <c r="Q165" s="10" t="s">
        <v>55</v>
      </c>
    </row>
    <row r="166" spans="1:17">
      <c r="A166" s="9" t="s">
        <v>27</v>
      </c>
      <c r="B166" s="9" t="s">
        <v>57</v>
      </c>
      <c r="C166" s="9" t="s">
        <v>58</v>
      </c>
      <c r="D166" s="9" t="s">
        <v>54</v>
      </c>
      <c r="E166" s="9" t="s">
        <v>32</v>
      </c>
      <c r="F166" s="9" t="s">
        <v>18</v>
      </c>
      <c r="G166" s="6">
        <v>3033</v>
      </c>
      <c r="H166" s="6">
        <v>1929</v>
      </c>
      <c r="I166" s="6">
        <v>1603</v>
      </c>
      <c r="J166" s="6">
        <v>133</v>
      </c>
      <c r="K166" s="6">
        <v>326</v>
      </c>
      <c r="L166" s="6">
        <v>115</v>
      </c>
      <c r="M166" s="6">
        <v>989</v>
      </c>
      <c r="N166" s="10" t="s">
        <v>55</v>
      </c>
      <c r="O166" s="6">
        <v>254</v>
      </c>
      <c r="P166" s="10" t="s">
        <v>55</v>
      </c>
      <c r="Q166" s="10" t="s">
        <v>55</v>
      </c>
    </row>
    <row r="167" spans="1:17">
      <c r="A167" s="9" t="s">
        <v>27</v>
      </c>
      <c r="B167" s="9" t="s">
        <v>57</v>
      </c>
      <c r="C167" s="9" t="s">
        <v>58</v>
      </c>
      <c r="D167" s="9" t="s">
        <v>54</v>
      </c>
      <c r="E167" s="9" t="s">
        <v>33</v>
      </c>
      <c r="F167" s="9" t="s">
        <v>6</v>
      </c>
      <c r="G167" s="6">
        <v>36179</v>
      </c>
      <c r="H167" s="6">
        <v>27565</v>
      </c>
      <c r="I167" s="6">
        <v>21806</v>
      </c>
      <c r="J167" s="6">
        <v>3847</v>
      </c>
      <c r="K167" s="6">
        <v>5759</v>
      </c>
      <c r="L167" s="6">
        <v>980</v>
      </c>
      <c r="M167" s="6">
        <v>7634</v>
      </c>
      <c r="N167" s="10" t="s">
        <v>55</v>
      </c>
      <c r="O167" s="6">
        <v>4957</v>
      </c>
      <c r="P167" s="10" t="s">
        <v>55</v>
      </c>
      <c r="Q167" s="10" t="s">
        <v>55</v>
      </c>
    </row>
    <row r="168" spans="1:17">
      <c r="A168" s="9" t="s">
        <v>27</v>
      </c>
      <c r="B168" s="9" t="s">
        <v>57</v>
      </c>
      <c r="C168" s="9" t="s">
        <v>58</v>
      </c>
      <c r="D168" s="9" t="s">
        <v>54</v>
      </c>
      <c r="E168" s="9" t="s">
        <v>33</v>
      </c>
      <c r="F168" s="9" t="s">
        <v>7</v>
      </c>
      <c r="G168" s="6">
        <v>28815</v>
      </c>
      <c r="H168" s="6">
        <v>21645</v>
      </c>
      <c r="I168" s="6">
        <v>16788</v>
      </c>
      <c r="J168" s="6">
        <v>3041</v>
      </c>
      <c r="K168" s="6">
        <v>4857</v>
      </c>
      <c r="L168" s="6">
        <v>827</v>
      </c>
      <c r="M168" s="6">
        <v>6343</v>
      </c>
      <c r="N168" s="10" t="s">
        <v>55</v>
      </c>
      <c r="O168" s="6">
        <v>4204</v>
      </c>
      <c r="P168" s="10" t="s">
        <v>55</v>
      </c>
      <c r="Q168" s="10" t="s">
        <v>55</v>
      </c>
    </row>
    <row r="169" spans="1:17">
      <c r="A169" s="9" t="s">
        <v>27</v>
      </c>
      <c r="B169" s="9" t="s">
        <v>57</v>
      </c>
      <c r="C169" s="9" t="s">
        <v>58</v>
      </c>
      <c r="D169" s="9" t="s">
        <v>54</v>
      </c>
      <c r="E169" s="9" t="s">
        <v>33</v>
      </c>
      <c r="F169" s="9" t="s">
        <v>8</v>
      </c>
      <c r="G169" s="6">
        <v>27475</v>
      </c>
      <c r="H169" s="6">
        <v>20498</v>
      </c>
      <c r="I169" s="6">
        <v>15940</v>
      </c>
      <c r="J169" s="6">
        <v>2948</v>
      </c>
      <c r="K169" s="6">
        <v>4558</v>
      </c>
      <c r="L169" s="6">
        <v>781</v>
      </c>
      <c r="M169" s="6">
        <v>6196</v>
      </c>
      <c r="N169" s="10" t="s">
        <v>55</v>
      </c>
      <c r="O169" s="6">
        <v>3958</v>
      </c>
      <c r="P169" s="10" t="s">
        <v>55</v>
      </c>
      <c r="Q169" s="10" t="s">
        <v>55</v>
      </c>
    </row>
    <row r="170" spans="1:17">
      <c r="A170" s="9" t="s">
        <v>27</v>
      </c>
      <c r="B170" s="9" t="s">
        <v>57</v>
      </c>
      <c r="C170" s="9" t="s">
        <v>58</v>
      </c>
      <c r="D170" s="9" t="s">
        <v>54</v>
      </c>
      <c r="E170" s="9" t="s">
        <v>33</v>
      </c>
      <c r="F170" s="9" t="s">
        <v>13</v>
      </c>
      <c r="G170" s="6">
        <v>1340</v>
      </c>
      <c r="H170" s="6">
        <v>1147</v>
      </c>
      <c r="I170" s="6">
        <v>848</v>
      </c>
      <c r="J170" s="6">
        <v>93</v>
      </c>
      <c r="K170" s="6">
        <v>299</v>
      </c>
      <c r="L170" s="6">
        <v>46</v>
      </c>
      <c r="M170" s="6">
        <v>147</v>
      </c>
      <c r="N170" s="10" t="s">
        <v>55</v>
      </c>
      <c r="O170" s="6">
        <v>246</v>
      </c>
      <c r="P170" s="10" t="s">
        <v>55</v>
      </c>
      <c r="Q170" s="10" t="s">
        <v>55</v>
      </c>
    </row>
    <row r="171" spans="1:17">
      <c r="A171" s="9" t="s">
        <v>27</v>
      </c>
      <c r="B171" s="9" t="s">
        <v>57</v>
      </c>
      <c r="C171" s="9" t="s">
        <v>58</v>
      </c>
      <c r="D171" s="9" t="s">
        <v>54</v>
      </c>
      <c r="E171" s="9" t="s">
        <v>33</v>
      </c>
      <c r="F171" s="9" t="s">
        <v>14</v>
      </c>
      <c r="G171" s="6">
        <v>4014</v>
      </c>
      <c r="H171" s="6">
        <v>3817</v>
      </c>
      <c r="I171" s="6">
        <v>3176</v>
      </c>
      <c r="J171" s="6">
        <v>400</v>
      </c>
      <c r="K171" s="6">
        <v>641</v>
      </c>
      <c r="L171" s="6">
        <v>55</v>
      </c>
      <c r="M171" s="6">
        <v>142</v>
      </c>
      <c r="N171" s="10" t="s">
        <v>55</v>
      </c>
      <c r="O171" s="6">
        <v>562</v>
      </c>
      <c r="P171" s="10" t="s">
        <v>55</v>
      </c>
      <c r="Q171" s="10" t="s">
        <v>55</v>
      </c>
    </row>
    <row r="172" spans="1:17">
      <c r="A172" s="9" t="s">
        <v>27</v>
      </c>
      <c r="B172" s="9" t="s">
        <v>57</v>
      </c>
      <c r="C172" s="9" t="s">
        <v>58</v>
      </c>
      <c r="D172" s="9" t="s">
        <v>54</v>
      </c>
      <c r="E172" s="9" t="s">
        <v>33</v>
      </c>
      <c r="F172" s="9" t="s">
        <v>18</v>
      </c>
      <c r="G172" s="6">
        <v>3350</v>
      </c>
      <c r="H172" s="6">
        <v>2103</v>
      </c>
      <c r="I172" s="6">
        <v>1842</v>
      </c>
      <c r="J172" s="6">
        <v>406</v>
      </c>
      <c r="K172" s="6">
        <v>261</v>
      </c>
      <c r="L172" s="6">
        <v>98</v>
      </c>
      <c r="M172" s="6">
        <v>1149</v>
      </c>
      <c r="N172" s="10" t="s">
        <v>55</v>
      </c>
      <c r="O172" s="6">
        <v>191</v>
      </c>
      <c r="P172" s="10" t="s">
        <v>55</v>
      </c>
      <c r="Q172" s="10" t="s">
        <v>55</v>
      </c>
    </row>
    <row r="173" spans="1:17">
      <c r="A173" s="9" t="s">
        <v>27</v>
      </c>
      <c r="B173" s="9" t="s">
        <v>57</v>
      </c>
      <c r="C173" s="9" t="s">
        <v>58</v>
      </c>
      <c r="D173" s="9" t="s">
        <v>54</v>
      </c>
      <c r="E173" s="9" t="s">
        <v>34</v>
      </c>
      <c r="F173" s="9" t="s">
        <v>6</v>
      </c>
      <c r="G173" s="6">
        <v>42041</v>
      </c>
      <c r="H173" s="6">
        <v>36556</v>
      </c>
      <c r="I173" s="6">
        <v>30498</v>
      </c>
      <c r="J173" s="6">
        <v>3897</v>
      </c>
      <c r="K173" s="6">
        <v>6058</v>
      </c>
      <c r="L173" s="6">
        <v>524</v>
      </c>
      <c r="M173" s="6">
        <v>4961</v>
      </c>
      <c r="N173" s="10" t="s">
        <v>55</v>
      </c>
      <c r="O173" s="6">
        <v>5312</v>
      </c>
      <c r="P173" s="10" t="s">
        <v>55</v>
      </c>
      <c r="Q173" s="10" t="s">
        <v>55</v>
      </c>
    </row>
    <row r="174" spans="1:17">
      <c r="A174" s="9" t="s">
        <v>27</v>
      </c>
      <c r="B174" s="9" t="s">
        <v>57</v>
      </c>
      <c r="C174" s="9" t="s">
        <v>58</v>
      </c>
      <c r="D174" s="9" t="s">
        <v>54</v>
      </c>
      <c r="E174" s="9" t="s">
        <v>34</v>
      </c>
      <c r="F174" s="9" t="s">
        <v>7</v>
      </c>
      <c r="G174" s="6">
        <v>32186</v>
      </c>
      <c r="H174" s="6">
        <v>27653</v>
      </c>
      <c r="I174" s="6">
        <v>22540</v>
      </c>
      <c r="J174" s="6">
        <v>3009</v>
      </c>
      <c r="K174" s="6">
        <v>5113</v>
      </c>
      <c r="L174" s="6">
        <v>413</v>
      </c>
      <c r="M174" s="6">
        <v>4120</v>
      </c>
      <c r="N174" s="10" t="s">
        <v>55</v>
      </c>
      <c r="O174" s="6">
        <v>4485</v>
      </c>
      <c r="P174" s="10" t="s">
        <v>55</v>
      </c>
      <c r="Q174" s="10" t="s">
        <v>55</v>
      </c>
    </row>
    <row r="175" spans="1:17">
      <c r="A175" s="9" t="s">
        <v>27</v>
      </c>
      <c r="B175" s="9" t="s">
        <v>57</v>
      </c>
      <c r="C175" s="9" t="s">
        <v>58</v>
      </c>
      <c r="D175" s="9" t="s">
        <v>54</v>
      </c>
      <c r="E175" s="9" t="s">
        <v>34</v>
      </c>
      <c r="F175" s="9" t="s">
        <v>8</v>
      </c>
      <c r="G175" s="6">
        <v>30948</v>
      </c>
      <c r="H175" s="6">
        <v>26576</v>
      </c>
      <c r="I175" s="6">
        <v>21707</v>
      </c>
      <c r="J175" s="6">
        <v>2914</v>
      </c>
      <c r="K175" s="6">
        <v>4869</v>
      </c>
      <c r="L175" s="6">
        <v>386</v>
      </c>
      <c r="M175" s="6">
        <v>3986</v>
      </c>
      <c r="N175" s="10" t="s">
        <v>55</v>
      </c>
      <c r="O175" s="6">
        <v>4291</v>
      </c>
      <c r="P175" s="10" t="s">
        <v>55</v>
      </c>
      <c r="Q175" s="10" t="s">
        <v>55</v>
      </c>
    </row>
    <row r="176" spans="1:17">
      <c r="A176" s="9" t="s">
        <v>27</v>
      </c>
      <c r="B176" s="9" t="s">
        <v>57</v>
      </c>
      <c r="C176" s="9" t="s">
        <v>58</v>
      </c>
      <c r="D176" s="9" t="s">
        <v>54</v>
      </c>
      <c r="E176" s="9" t="s">
        <v>34</v>
      </c>
      <c r="F176" s="9" t="s">
        <v>13</v>
      </c>
      <c r="G176" s="6">
        <v>1238</v>
      </c>
      <c r="H176" s="6">
        <v>1077</v>
      </c>
      <c r="I176" s="6">
        <v>833</v>
      </c>
      <c r="J176" s="6">
        <v>95</v>
      </c>
      <c r="K176" s="6">
        <v>244</v>
      </c>
      <c r="L176" s="6">
        <v>27</v>
      </c>
      <c r="M176" s="6">
        <v>134</v>
      </c>
      <c r="N176" s="10" t="s">
        <v>55</v>
      </c>
      <c r="O176" s="6">
        <v>194</v>
      </c>
      <c r="P176" s="10" t="s">
        <v>55</v>
      </c>
      <c r="Q176" s="10" t="s">
        <v>55</v>
      </c>
    </row>
    <row r="177" spans="1:17">
      <c r="A177" s="9" t="s">
        <v>27</v>
      </c>
      <c r="B177" s="9" t="s">
        <v>57</v>
      </c>
      <c r="C177" s="9" t="s">
        <v>58</v>
      </c>
      <c r="D177" s="9" t="s">
        <v>54</v>
      </c>
      <c r="E177" s="9" t="s">
        <v>34</v>
      </c>
      <c r="F177" s="9" t="s">
        <v>14</v>
      </c>
      <c r="G177" s="6">
        <v>6256</v>
      </c>
      <c r="H177" s="6">
        <v>6107</v>
      </c>
      <c r="I177" s="6">
        <v>5382</v>
      </c>
      <c r="J177" s="6">
        <v>497</v>
      </c>
      <c r="K177" s="6">
        <v>725</v>
      </c>
      <c r="L177" s="6">
        <v>49</v>
      </c>
      <c r="M177" s="6">
        <v>100</v>
      </c>
      <c r="N177" s="10" t="s">
        <v>55</v>
      </c>
      <c r="O177" s="6">
        <v>652</v>
      </c>
      <c r="P177" s="10" t="s">
        <v>55</v>
      </c>
      <c r="Q177" s="10" t="s">
        <v>55</v>
      </c>
    </row>
    <row r="178" spans="1:17">
      <c r="A178" s="9" t="s">
        <v>27</v>
      </c>
      <c r="B178" s="9" t="s">
        <v>57</v>
      </c>
      <c r="C178" s="9" t="s">
        <v>58</v>
      </c>
      <c r="D178" s="9" t="s">
        <v>54</v>
      </c>
      <c r="E178" s="9" t="s">
        <v>34</v>
      </c>
      <c r="F178" s="9" t="s">
        <v>18</v>
      </c>
      <c r="G178" s="6">
        <v>3599</v>
      </c>
      <c r="H178" s="6">
        <v>2796</v>
      </c>
      <c r="I178" s="6">
        <v>2576</v>
      </c>
      <c r="J178" s="6">
        <v>391</v>
      </c>
      <c r="K178" s="6">
        <v>220</v>
      </c>
      <c r="L178" s="6">
        <v>62</v>
      </c>
      <c r="M178" s="6">
        <v>741</v>
      </c>
      <c r="N178" s="10" t="s">
        <v>55</v>
      </c>
      <c r="O178" s="6">
        <v>175</v>
      </c>
      <c r="P178" s="10" t="s">
        <v>55</v>
      </c>
      <c r="Q178" s="10" t="s">
        <v>55</v>
      </c>
    </row>
    <row r="179" spans="1:17">
      <c r="A179" s="9" t="s">
        <v>27</v>
      </c>
      <c r="B179" s="9" t="s">
        <v>57</v>
      </c>
      <c r="C179" s="9" t="s">
        <v>58</v>
      </c>
      <c r="D179" s="9" t="s">
        <v>54</v>
      </c>
      <c r="E179" s="9" t="s">
        <v>35</v>
      </c>
      <c r="F179" s="9" t="s">
        <v>6</v>
      </c>
      <c r="G179" s="6">
        <v>48982</v>
      </c>
      <c r="H179" s="6">
        <v>44659</v>
      </c>
      <c r="I179" s="6">
        <v>37244</v>
      </c>
      <c r="J179" s="6">
        <v>3162</v>
      </c>
      <c r="K179" s="6">
        <v>7415</v>
      </c>
      <c r="L179" s="6">
        <v>430</v>
      </c>
      <c r="M179" s="6">
        <v>3893</v>
      </c>
      <c r="N179" s="10" t="s">
        <v>55</v>
      </c>
      <c r="O179" s="6">
        <v>6553</v>
      </c>
      <c r="P179" s="10" t="s">
        <v>55</v>
      </c>
      <c r="Q179" s="10" t="s">
        <v>55</v>
      </c>
    </row>
    <row r="180" spans="1:17">
      <c r="A180" s="9" t="s">
        <v>27</v>
      </c>
      <c r="B180" s="9" t="s">
        <v>57</v>
      </c>
      <c r="C180" s="9" t="s">
        <v>58</v>
      </c>
      <c r="D180" s="9" t="s">
        <v>54</v>
      </c>
      <c r="E180" s="9" t="s">
        <v>35</v>
      </c>
      <c r="F180" s="9" t="s">
        <v>7</v>
      </c>
      <c r="G180" s="6">
        <v>38119</v>
      </c>
      <c r="H180" s="6">
        <v>34618</v>
      </c>
      <c r="I180" s="6">
        <v>28255</v>
      </c>
      <c r="J180" s="6">
        <v>2342</v>
      </c>
      <c r="K180" s="6">
        <v>6363</v>
      </c>
      <c r="L180" s="6">
        <v>333</v>
      </c>
      <c r="M180" s="6">
        <v>3168</v>
      </c>
      <c r="N180" s="10" t="s">
        <v>55</v>
      </c>
      <c r="O180" s="6">
        <v>5673</v>
      </c>
      <c r="P180" s="10" t="s">
        <v>55</v>
      </c>
      <c r="Q180" s="10" t="s">
        <v>55</v>
      </c>
    </row>
    <row r="181" spans="1:17">
      <c r="A181" s="9" t="s">
        <v>27</v>
      </c>
      <c r="B181" s="9" t="s">
        <v>57</v>
      </c>
      <c r="C181" s="9" t="s">
        <v>58</v>
      </c>
      <c r="D181" s="9" t="s">
        <v>54</v>
      </c>
      <c r="E181" s="9" t="s">
        <v>35</v>
      </c>
      <c r="F181" s="9" t="s">
        <v>8</v>
      </c>
      <c r="G181" s="6">
        <v>36920</v>
      </c>
      <c r="H181" s="6">
        <v>33559</v>
      </c>
      <c r="I181" s="6">
        <v>27402</v>
      </c>
      <c r="J181" s="6">
        <v>2280</v>
      </c>
      <c r="K181" s="6">
        <v>6157</v>
      </c>
      <c r="L181" s="6">
        <v>316</v>
      </c>
      <c r="M181" s="6">
        <v>3045</v>
      </c>
      <c r="N181" s="10" t="s">
        <v>55</v>
      </c>
      <c r="O181" s="6">
        <v>5493</v>
      </c>
      <c r="P181" s="10" t="s">
        <v>55</v>
      </c>
      <c r="Q181" s="10" t="s">
        <v>55</v>
      </c>
    </row>
    <row r="182" spans="1:17">
      <c r="A182" s="9" t="s">
        <v>27</v>
      </c>
      <c r="B182" s="9" t="s">
        <v>57</v>
      </c>
      <c r="C182" s="9" t="s">
        <v>58</v>
      </c>
      <c r="D182" s="9" t="s">
        <v>54</v>
      </c>
      <c r="E182" s="9" t="s">
        <v>35</v>
      </c>
      <c r="F182" s="9" t="s">
        <v>13</v>
      </c>
      <c r="G182" s="6">
        <v>1199</v>
      </c>
      <c r="H182" s="6">
        <v>1059</v>
      </c>
      <c r="I182" s="6">
        <v>853</v>
      </c>
      <c r="J182" s="6">
        <v>62</v>
      </c>
      <c r="K182" s="6">
        <v>206</v>
      </c>
      <c r="L182" s="6">
        <v>17</v>
      </c>
      <c r="M182" s="6">
        <v>123</v>
      </c>
      <c r="N182" s="10" t="s">
        <v>55</v>
      </c>
      <c r="O182" s="6">
        <v>180</v>
      </c>
      <c r="P182" s="10" t="s">
        <v>55</v>
      </c>
      <c r="Q182" s="10" t="s">
        <v>55</v>
      </c>
    </row>
    <row r="183" spans="1:17">
      <c r="A183" s="9" t="s">
        <v>27</v>
      </c>
      <c r="B183" s="9" t="s">
        <v>57</v>
      </c>
      <c r="C183" s="9" t="s">
        <v>58</v>
      </c>
      <c r="D183" s="9" t="s">
        <v>54</v>
      </c>
      <c r="E183" s="9" t="s">
        <v>35</v>
      </c>
      <c r="F183" s="9" t="s">
        <v>14</v>
      </c>
      <c r="G183" s="6">
        <v>7224</v>
      </c>
      <c r="H183" s="6">
        <v>7074</v>
      </c>
      <c r="I183" s="6">
        <v>6259</v>
      </c>
      <c r="J183" s="6">
        <v>533</v>
      </c>
      <c r="K183" s="6">
        <v>815</v>
      </c>
      <c r="L183" s="6">
        <v>43</v>
      </c>
      <c r="M183" s="6">
        <v>107</v>
      </c>
      <c r="N183" s="10" t="s">
        <v>55</v>
      </c>
      <c r="O183" s="6">
        <v>698</v>
      </c>
      <c r="P183" s="10" t="s">
        <v>55</v>
      </c>
      <c r="Q183" s="10" t="s">
        <v>55</v>
      </c>
    </row>
    <row r="184" spans="1:17">
      <c r="A184" s="9" t="s">
        <v>27</v>
      </c>
      <c r="B184" s="9" t="s">
        <v>57</v>
      </c>
      <c r="C184" s="9" t="s">
        <v>58</v>
      </c>
      <c r="D184" s="9" t="s">
        <v>54</v>
      </c>
      <c r="E184" s="9" t="s">
        <v>35</v>
      </c>
      <c r="F184" s="9" t="s">
        <v>18</v>
      </c>
      <c r="G184" s="6">
        <v>3639</v>
      </c>
      <c r="H184" s="6">
        <v>2967</v>
      </c>
      <c r="I184" s="6">
        <v>2730</v>
      </c>
      <c r="J184" s="6">
        <v>287</v>
      </c>
      <c r="K184" s="6">
        <v>237</v>
      </c>
      <c r="L184" s="6">
        <v>54</v>
      </c>
      <c r="M184" s="6">
        <v>618</v>
      </c>
      <c r="N184" s="10" t="s">
        <v>55</v>
      </c>
      <c r="O184" s="6">
        <v>182</v>
      </c>
      <c r="P184" s="10" t="s">
        <v>55</v>
      </c>
      <c r="Q184" s="10" t="s">
        <v>55</v>
      </c>
    </row>
    <row r="185" spans="1:17">
      <c r="A185" s="9" t="s">
        <v>27</v>
      </c>
      <c r="B185" s="9" t="s">
        <v>57</v>
      </c>
      <c r="C185" s="9" t="s">
        <v>58</v>
      </c>
      <c r="D185" s="9" t="s">
        <v>54</v>
      </c>
      <c r="E185" s="9" t="s">
        <v>36</v>
      </c>
      <c r="F185" s="9" t="s">
        <v>6</v>
      </c>
      <c r="G185" s="6">
        <v>53506</v>
      </c>
      <c r="H185" s="6">
        <v>49098</v>
      </c>
      <c r="I185" s="6">
        <v>40797</v>
      </c>
      <c r="J185" s="6">
        <v>3355</v>
      </c>
      <c r="K185" s="6">
        <v>8301</v>
      </c>
      <c r="L185" s="6">
        <v>426</v>
      </c>
      <c r="M185" s="6">
        <v>3982</v>
      </c>
      <c r="N185" s="10" t="s">
        <v>55</v>
      </c>
      <c r="O185" s="6">
        <v>7258</v>
      </c>
      <c r="P185" s="10" t="s">
        <v>55</v>
      </c>
      <c r="Q185" s="10" t="s">
        <v>55</v>
      </c>
    </row>
    <row r="186" spans="1:17">
      <c r="A186" s="9" t="s">
        <v>27</v>
      </c>
      <c r="B186" s="9" t="s">
        <v>57</v>
      </c>
      <c r="C186" s="9" t="s">
        <v>58</v>
      </c>
      <c r="D186" s="9" t="s">
        <v>54</v>
      </c>
      <c r="E186" s="9" t="s">
        <v>36</v>
      </c>
      <c r="F186" s="9" t="s">
        <v>7</v>
      </c>
      <c r="G186" s="6">
        <v>42944</v>
      </c>
      <c r="H186" s="6">
        <v>39396</v>
      </c>
      <c r="I186" s="6">
        <v>32089</v>
      </c>
      <c r="J186" s="6">
        <v>2403</v>
      </c>
      <c r="K186" s="6">
        <v>7307</v>
      </c>
      <c r="L186" s="6">
        <v>332</v>
      </c>
      <c r="M186" s="6">
        <v>3216</v>
      </c>
      <c r="N186" s="10" t="s">
        <v>55</v>
      </c>
      <c r="O186" s="6">
        <v>6471</v>
      </c>
      <c r="P186" s="10" t="s">
        <v>55</v>
      </c>
      <c r="Q186" s="10" t="s">
        <v>55</v>
      </c>
    </row>
    <row r="187" spans="1:17">
      <c r="A187" s="9" t="s">
        <v>27</v>
      </c>
      <c r="B187" s="9" t="s">
        <v>57</v>
      </c>
      <c r="C187" s="9" t="s">
        <v>58</v>
      </c>
      <c r="D187" s="9" t="s">
        <v>54</v>
      </c>
      <c r="E187" s="9" t="s">
        <v>36</v>
      </c>
      <c r="F187" s="9" t="s">
        <v>8</v>
      </c>
      <c r="G187" s="6">
        <v>41710</v>
      </c>
      <c r="H187" s="6">
        <v>38325</v>
      </c>
      <c r="I187" s="6">
        <v>31217</v>
      </c>
      <c r="J187" s="6">
        <v>2338</v>
      </c>
      <c r="K187" s="6">
        <v>7108</v>
      </c>
      <c r="L187" s="6">
        <v>310</v>
      </c>
      <c r="M187" s="6">
        <v>3075</v>
      </c>
      <c r="N187" s="10" t="s">
        <v>55</v>
      </c>
      <c r="O187" s="6">
        <v>6320</v>
      </c>
      <c r="P187" s="10" t="s">
        <v>55</v>
      </c>
      <c r="Q187" s="10" t="s">
        <v>55</v>
      </c>
    </row>
    <row r="188" spans="1:17">
      <c r="A188" s="9" t="s">
        <v>27</v>
      </c>
      <c r="B188" s="9" t="s">
        <v>57</v>
      </c>
      <c r="C188" s="9" t="s">
        <v>58</v>
      </c>
      <c r="D188" s="9" t="s">
        <v>54</v>
      </c>
      <c r="E188" s="9" t="s">
        <v>36</v>
      </c>
      <c r="F188" s="9" t="s">
        <v>13</v>
      </c>
      <c r="G188" s="6">
        <v>1234</v>
      </c>
      <c r="H188" s="6">
        <v>1071</v>
      </c>
      <c r="I188" s="6">
        <v>872</v>
      </c>
      <c r="J188" s="6">
        <v>65</v>
      </c>
      <c r="K188" s="6">
        <v>199</v>
      </c>
      <c r="L188" s="6">
        <v>22</v>
      </c>
      <c r="M188" s="6">
        <v>141</v>
      </c>
      <c r="N188" s="10" t="s">
        <v>55</v>
      </c>
      <c r="O188" s="6">
        <v>151</v>
      </c>
      <c r="P188" s="10" t="s">
        <v>55</v>
      </c>
      <c r="Q188" s="10" t="s">
        <v>55</v>
      </c>
    </row>
    <row r="189" spans="1:17">
      <c r="A189" s="9" t="s">
        <v>27</v>
      </c>
      <c r="B189" s="9" t="s">
        <v>57</v>
      </c>
      <c r="C189" s="9" t="s">
        <v>58</v>
      </c>
      <c r="D189" s="9" t="s">
        <v>54</v>
      </c>
      <c r="E189" s="9" t="s">
        <v>36</v>
      </c>
      <c r="F189" s="9" t="s">
        <v>14</v>
      </c>
      <c r="G189" s="6">
        <v>6875</v>
      </c>
      <c r="H189" s="6">
        <v>6666</v>
      </c>
      <c r="I189" s="6">
        <v>5924</v>
      </c>
      <c r="J189" s="6">
        <v>679</v>
      </c>
      <c r="K189" s="6">
        <v>742</v>
      </c>
      <c r="L189" s="6">
        <v>39</v>
      </c>
      <c r="M189" s="6">
        <v>170</v>
      </c>
      <c r="N189" s="10" t="s">
        <v>55</v>
      </c>
      <c r="O189" s="6">
        <v>590</v>
      </c>
      <c r="P189" s="10" t="s">
        <v>55</v>
      </c>
      <c r="Q189" s="10" t="s">
        <v>55</v>
      </c>
    </row>
    <row r="190" spans="1:17">
      <c r="A190" s="9" t="s">
        <v>27</v>
      </c>
      <c r="B190" s="9" t="s">
        <v>57</v>
      </c>
      <c r="C190" s="9" t="s">
        <v>58</v>
      </c>
      <c r="D190" s="9" t="s">
        <v>54</v>
      </c>
      <c r="E190" s="9" t="s">
        <v>36</v>
      </c>
      <c r="F190" s="9" t="s">
        <v>18</v>
      </c>
      <c r="G190" s="6">
        <v>3687</v>
      </c>
      <c r="H190" s="6">
        <v>3036</v>
      </c>
      <c r="I190" s="6">
        <v>2784</v>
      </c>
      <c r="J190" s="6">
        <v>273</v>
      </c>
      <c r="K190" s="6">
        <v>252</v>
      </c>
      <c r="L190" s="6">
        <v>55</v>
      </c>
      <c r="M190" s="6">
        <v>596</v>
      </c>
      <c r="N190" s="10" t="s">
        <v>55</v>
      </c>
      <c r="O190" s="6">
        <v>197</v>
      </c>
      <c r="P190" s="10" t="s">
        <v>55</v>
      </c>
      <c r="Q190" s="10" t="s">
        <v>55</v>
      </c>
    </row>
    <row r="191" spans="1:17">
      <c r="A191" s="9" t="s">
        <v>27</v>
      </c>
      <c r="B191" s="9" t="s">
        <v>57</v>
      </c>
      <c r="C191" s="9" t="s">
        <v>58</v>
      </c>
      <c r="D191" s="9" t="s">
        <v>54</v>
      </c>
      <c r="E191" s="9" t="s">
        <v>37</v>
      </c>
      <c r="F191" s="9" t="s">
        <v>6</v>
      </c>
      <c r="G191" s="6">
        <v>56932</v>
      </c>
      <c r="H191" s="6">
        <v>51369</v>
      </c>
      <c r="I191" s="6">
        <v>41917</v>
      </c>
      <c r="J191" s="6">
        <v>5428</v>
      </c>
      <c r="K191" s="6">
        <v>9452</v>
      </c>
      <c r="L191" s="6">
        <v>551</v>
      </c>
      <c r="M191" s="6">
        <v>5012</v>
      </c>
      <c r="N191" s="10" t="s">
        <v>55</v>
      </c>
      <c r="O191" s="6">
        <v>7718</v>
      </c>
      <c r="P191" s="10" t="s">
        <v>55</v>
      </c>
      <c r="Q191" s="10" t="s">
        <v>55</v>
      </c>
    </row>
    <row r="192" spans="1:17">
      <c r="A192" s="9" t="s">
        <v>27</v>
      </c>
      <c r="B192" s="9" t="s">
        <v>57</v>
      </c>
      <c r="C192" s="9" t="s">
        <v>58</v>
      </c>
      <c r="D192" s="9" t="s">
        <v>54</v>
      </c>
      <c r="E192" s="9" t="s">
        <v>37</v>
      </c>
      <c r="F192" s="9" t="s">
        <v>7</v>
      </c>
      <c r="G192" s="6">
        <v>46284</v>
      </c>
      <c r="H192" s="6">
        <v>41752</v>
      </c>
      <c r="I192" s="6">
        <v>33441</v>
      </c>
      <c r="J192" s="6">
        <v>4031</v>
      </c>
      <c r="K192" s="6">
        <v>8311</v>
      </c>
      <c r="L192" s="6">
        <v>416</v>
      </c>
      <c r="M192" s="6">
        <v>4116</v>
      </c>
      <c r="N192" s="10" t="s">
        <v>55</v>
      </c>
      <c r="O192" s="6">
        <v>6832</v>
      </c>
      <c r="P192" s="10" t="s">
        <v>55</v>
      </c>
      <c r="Q192" s="10" t="s">
        <v>55</v>
      </c>
    </row>
    <row r="193" spans="1:17">
      <c r="A193" s="9" t="s">
        <v>27</v>
      </c>
      <c r="B193" s="9" t="s">
        <v>57</v>
      </c>
      <c r="C193" s="9" t="s">
        <v>58</v>
      </c>
      <c r="D193" s="9" t="s">
        <v>54</v>
      </c>
      <c r="E193" s="9" t="s">
        <v>37</v>
      </c>
      <c r="F193" s="9" t="s">
        <v>8</v>
      </c>
      <c r="G193" s="6">
        <v>44814</v>
      </c>
      <c r="H193" s="6">
        <v>40507</v>
      </c>
      <c r="I193" s="6">
        <v>32438</v>
      </c>
      <c r="J193" s="6">
        <v>3924</v>
      </c>
      <c r="K193" s="6">
        <v>8069</v>
      </c>
      <c r="L193" s="6">
        <v>389</v>
      </c>
      <c r="M193" s="6">
        <v>3918</v>
      </c>
      <c r="N193" s="10" t="s">
        <v>55</v>
      </c>
      <c r="O193" s="6">
        <v>6657</v>
      </c>
      <c r="P193" s="10" t="s">
        <v>55</v>
      </c>
      <c r="Q193" s="10" t="s">
        <v>55</v>
      </c>
    </row>
    <row r="194" spans="1:17">
      <c r="A194" s="9" t="s">
        <v>27</v>
      </c>
      <c r="B194" s="9" t="s">
        <v>57</v>
      </c>
      <c r="C194" s="9" t="s">
        <v>58</v>
      </c>
      <c r="D194" s="9" t="s">
        <v>54</v>
      </c>
      <c r="E194" s="9" t="s">
        <v>37</v>
      </c>
      <c r="F194" s="9" t="s">
        <v>13</v>
      </c>
      <c r="G194" s="6">
        <v>1470</v>
      </c>
      <c r="H194" s="6">
        <v>1245</v>
      </c>
      <c r="I194" s="6">
        <v>1003</v>
      </c>
      <c r="J194" s="6">
        <v>107</v>
      </c>
      <c r="K194" s="6">
        <v>242</v>
      </c>
      <c r="L194" s="6">
        <v>27</v>
      </c>
      <c r="M194" s="6">
        <v>198</v>
      </c>
      <c r="N194" s="10" t="s">
        <v>55</v>
      </c>
      <c r="O194" s="6">
        <v>175</v>
      </c>
      <c r="P194" s="10" t="s">
        <v>55</v>
      </c>
      <c r="Q194" s="10" t="s">
        <v>55</v>
      </c>
    </row>
    <row r="195" spans="1:17">
      <c r="A195" s="9" t="s">
        <v>27</v>
      </c>
      <c r="B195" s="9" t="s">
        <v>57</v>
      </c>
      <c r="C195" s="9" t="s">
        <v>58</v>
      </c>
      <c r="D195" s="9" t="s">
        <v>54</v>
      </c>
      <c r="E195" s="9" t="s">
        <v>37</v>
      </c>
      <c r="F195" s="9" t="s">
        <v>14</v>
      </c>
      <c r="G195" s="6">
        <v>7263</v>
      </c>
      <c r="H195" s="6">
        <v>6868</v>
      </c>
      <c r="I195" s="6">
        <v>6038</v>
      </c>
      <c r="J195" s="6">
        <v>1107</v>
      </c>
      <c r="K195" s="6">
        <v>830</v>
      </c>
      <c r="L195" s="6">
        <v>66</v>
      </c>
      <c r="M195" s="6">
        <v>329</v>
      </c>
      <c r="N195" s="10" t="s">
        <v>55</v>
      </c>
      <c r="O195" s="6">
        <v>631</v>
      </c>
      <c r="P195" s="10" t="s">
        <v>55</v>
      </c>
      <c r="Q195" s="10" t="s">
        <v>55</v>
      </c>
    </row>
    <row r="196" spans="1:17">
      <c r="A196" s="9" t="s">
        <v>27</v>
      </c>
      <c r="B196" s="9" t="s">
        <v>57</v>
      </c>
      <c r="C196" s="9" t="s">
        <v>58</v>
      </c>
      <c r="D196" s="9" t="s">
        <v>54</v>
      </c>
      <c r="E196" s="9" t="s">
        <v>37</v>
      </c>
      <c r="F196" s="9" t="s">
        <v>18</v>
      </c>
      <c r="G196" s="6">
        <v>3385</v>
      </c>
      <c r="H196" s="6">
        <v>2749</v>
      </c>
      <c r="I196" s="6">
        <v>2438</v>
      </c>
      <c r="J196" s="6">
        <v>290</v>
      </c>
      <c r="K196" s="6">
        <v>311</v>
      </c>
      <c r="L196" s="6">
        <v>69</v>
      </c>
      <c r="M196" s="6">
        <v>567</v>
      </c>
      <c r="N196" s="10" t="s">
        <v>55</v>
      </c>
      <c r="O196" s="6">
        <v>255</v>
      </c>
      <c r="P196" s="10" t="s">
        <v>55</v>
      </c>
      <c r="Q196" s="10" t="s">
        <v>55</v>
      </c>
    </row>
    <row r="197" spans="1:17">
      <c r="A197" s="9" t="s">
        <v>27</v>
      </c>
      <c r="B197" s="9" t="s">
        <v>57</v>
      </c>
      <c r="C197" s="9" t="s">
        <v>58</v>
      </c>
      <c r="D197" s="9" t="s">
        <v>54</v>
      </c>
      <c r="E197" s="9" t="s">
        <v>38</v>
      </c>
      <c r="F197" s="9" t="s">
        <v>6</v>
      </c>
      <c r="G197" s="6">
        <v>52956</v>
      </c>
      <c r="H197" s="6">
        <v>46741</v>
      </c>
      <c r="I197" s="6">
        <v>36241</v>
      </c>
      <c r="J197" s="6">
        <v>8798</v>
      </c>
      <c r="K197" s="6">
        <v>10500</v>
      </c>
      <c r="L197" s="6">
        <v>530</v>
      </c>
      <c r="M197" s="6">
        <v>5685</v>
      </c>
      <c r="N197" s="10" t="s">
        <v>55</v>
      </c>
      <c r="O197" s="6">
        <v>7361</v>
      </c>
      <c r="P197" s="10" t="s">
        <v>55</v>
      </c>
      <c r="Q197" s="10" t="s">
        <v>55</v>
      </c>
    </row>
    <row r="198" spans="1:17">
      <c r="A198" s="9" t="s">
        <v>27</v>
      </c>
      <c r="B198" s="9" t="s">
        <v>57</v>
      </c>
      <c r="C198" s="9" t="s">
        <v>58</v>
      </c>
      <c r="D198" s="9" t="s">
        <v>54</v>
      </c>
      <c r="E198" s="9" t="s">
        <v>38</v>
      </c>
      <c r="F198" s="9" t="s">
        <v>7</v>
      </c>
      <c r="G198" s="6">
        <v>42538</v>
      </c>
      <c r="H198" s="6">
        <v>37429</v>
      </c>
      <c r="I198" s="6">
        <v>28416</v>
      </c>
      <c r="J198" s="6">
        <v>6622</v>
      </c>
      <c r="K198" s="6">
        <v>9013</v>
      </c>
      <c r="L198" s="6">
        <v>399</v>
      </c>
      <c r="M198" s="6">
        <v>4710</v>
      </c>
      <c r="N198" s="10" t="s">
        <v>55</v>
      </c>
      <c r="O198" s="6">
        <v>6340</v>
      </c>
      <c r="P198" s="10" t="s">
        <v>55</v>
      </c>
      <c r="Q198" s="10" t="s">
        <v>55</v>
      </c>
    </row>
    <row r="199" spans="1:17">
      <c r="A199" s="9" t="s">
        <v>27</v>
      </c>
      <c r="B199" s="9" t="s">
        <v>57</v>
      </c>
      <c r="C199" s="9" t="s">
        <v>58</v>
      </c>
      <c r="D199" s="9" t="s">
        <v>54</v>
      </c>
      <c r="E199" s="9" t="s">
        <v>38</v>
      </c>
      <c r="F199" s="9" t="s">
        <v>8</v>
      </c>
      <c r="G199" s="6">
        <v>41184</v>
      </c>
      <c r="H199" s="6">
        <v>36369</v>
      </c>
      <c r="I199" s="6">
        <v>27561</v>
      </c>
      <c r="J199" s="6">
        <v>6443</v>
      </c>
      <c r="K199" s="6">
        <v>8808</v>
      </c>
      <c r="L199" s="6">
        <v>371</v>
      </c>
      <c r="M199" s="6">
        <v>4444</v>
      </c>
      <c r="N199" s="10" t="s">
        <v>55</v>
      </c>
      <c r="O199" s="6">
        <v>6220</v>
      </c>
      <c r="P199" s="10" t="s">
        <v>55</v>
      </c>
      <c r="Q199" s="10" t="s">
        <v>55</v>
      </c>
    </row>
    <row r="200" spans="1:17">
      <c r="A200" s="9" t="s">
        <v>27</v>
      </c>
      <c r="B200" s="9" t="s">
        <v>57</v>
      </c>
      <c r="C200" s="9" t="s">
        <v>58</v>
      </c>
      <c r="D200" s="9" t="s">
        <v>54</v>
      </c>
      <c r="E200" s="9" t="s">
        <v>38</v>
      </c>
      <c r="F200" s="9" t="s">
        <v>13</v>
      </c>
      <c r="G200" s="6">
        <v>1354</v>
      </c>
      <c r="H200" s="6">
        <v>1060</v>
      </c>
      <c r="I200" s="6">
        <v>855</v>
      </c>
      <c r="J200" s="6">
        <v>179</v>
      </c>
      <c r="K200" s="6">
        <v>205</v>
      </c>
      <c r="L200" s="6">
        <v>28</v>
      </c>
      <c r="M200" s="6">
        <v>266</v>
      </c>
      <c r="N200" s="10" t="s">
        <v>55</v>
      </c>
      <c r="O200" s="6">
        <v>120</v>
      </c>
      <c r="P200" s="10" t="s">
        <v>55</v>
      </c>
      <c r="Q200" s="10" t="s">
        <v>55</v>
      </c>
    </row>
    <row r="201" spans="1:17">
      <c r="A201" s="9" t="s">
        <v>27</v>
      </c>
      <c r="B201" s="9" t="s">
        <v>57</v>
      </c>
      <c r="C201" s="9" t="s">
        <v>58</v>
      </c>
      <c r="D201" s="9" t="s">
        <v>54</v>
      </c>
      <c r="E201" s="9" t="s">
        <v>38</v>
      </c>
      <c r="F201" s="9" t="s">
        <v>14</v>
      </c>
      <c r="G201" s="6">
        <v>7966</v>
      </c>
      <c r="H201" s="6">
        <v>7367</v>
      </c>
      <c r="I201" s="6">
        <v>6182</v>
      </c>
      <c r="J201" s="6">
        <v>1845</v>
      </c>
      <c r="K201" s="6">
        <v>1185</v>
      </c>
      <c r="L201" s="6">
        <v>78</v>
      </c>
      <c r="M201" s="6">
        <v>521</v>
      </c>
      <c r="N201" s="10" t="s">
        <v>55</v>
      </c>
      <c r="O201" s="6">
        <v>791</v>
      </c>
      <c r="P201" s="10" t="s">
        <v>55</v>
      </c>
      <c r="Q201" s="10" t="s">
        <v>55</v>
      </c>
    </row>
    <row r="202" spans="1:17">
      <c r="A202" s="9" t="s">
        <v>27</v>
      </c>
      <c r="B202" s="9" t="s">
        <v>57</v>
      </c>
      <c r="C202" s="9" t="s">
        <v>58</v>
      </c>
      <c r="D202" s="9" t="s">
        <v>54</v>
      </c>
      <c r="E202" s="9" t="s">
        <v>38</v>
      </c>
      <c r="F202" s="9" t="s">
        <v>18</v>
      </c>
      <c r="G202" s="6">
        <v>2452</v>
      </c>
      <c r="H202" s="6">
        <v>1945</v>
      </c>
      <c r="I202" s="6">
        <v>1643</v>
      </c>
      <c r="J202" s="6">
        <v>331</v>
      </c>
      <c r="K202" s="6">
        <v>302</v>
      </c>
      <c r="L202" s="6">
        <v>53</v>
      </c>
      <c r="M202" s="6">
        <v>454</v>
      </c>
      <c r="N202" s="10" t="s">
        <v>55</v>
      </c>
      <c r="O202" s="6">
        <v>230</v>
      </c>
      <c r="P202" s="10" t="s">
        <v>55</v>
      </c>
      <c r="Q202" s="10" t="s">
        <v>55</v>
      </c>
    </row>
    <row r="203" spans="1:17">
      <c r="A203" s="9" t="s">
        <v>27</v>
      </c>
      <c r="B203" s="9" t="s">
        <v>57</v>
      </c>
      <c r="C203" s="9" t="s">
        <v>58</v>
      </c>
      <c r="D203" s="9" t="s">
        <v>54</v>
      </c>
      <c r="E203" s="9" t="s">
        <v>39</v>
      </c>
      <c r="F203" s="9" t="s">
        <v>6</v>
      </c>
      <c r="G203" s="6">
        <v>55309</v>
      </c>
      <c r="H203" s="6">
        <v>48139</v>
      </c>
      <c r="I203" s="6">
        <v>35616</v>
      </c>
      <c r="J203" s="6">
        <v>14158</v>
      </c>
      <c r="K203" s="6">
        <v>12523</v>
      </c>
      <c r="L203" s="6">
        <v>480</v>
      </c>
      <c r="M203" s="6">
        <v>6690</v>
      </c>
      <c r="N203" s="10" t="s">
        <v>55</v>
      </c>
      <c r="O203" s="6">
        <v>7356</v>
      </c>
      <c r="P203" s="10" t="s">
        <v>55</v>
      </c>
      <c r="Q203" s="10" t="s">
        <v>55</v>
      </c>
    </row>
    <row r="204" spans="1:17">
      <c r="A204" s="9" t="s">
        <v>27</v>
      </c>
      <c r="B204" s="9" t="s">
        <v>57</v>
      </c>
      <c r="C204" s="9" t="s">
        <v>58</v>
      </c>
      <c r="D204" s="9" t="s">
        <v>54</v>
      </c>
      <c r="E204" s="9" t="s">
        <v>39</v>
      </c>
      <c r="F204" s="9" t="s">
        <v>7</v>
      </c>
      <c r="G204" s="6">
        <v>42448</v>
      </c>
      <c r="H204" s="6">
        <v>36692</v>
      </c>
      <c r="I204" s="6">
        <v>26464</v>
      </c>
      <c r="J204" s="6">
        <v>10273</v>
      </c>
      <c r="K204" s="6">
        <v>10228</v>
      </c>
      <c r="L204" s="6">
        <v>370</v>
      </c>
      <c r="M204" s="6">
        <v>5386</v>
      </c>
      <c r="N204" s="10" t="s">
        <v>55</v>
      </c>
      <c r="O204" s="6">
        <v>6040</v>
      </c>
      <c r="P204" s="10" t="s">
        <v>55</v>
      </c>
      <c r="Q204" s="10" t="s">
        <v>55</v>
      </c>
    </row>
    <row r="205" spans="1:17">
      <c r="A205" s="9" t="s">
        <v>27</v>
      </c>
      <c r="B205" s="9" t="s">
        <v>57</v>
      </c>
      <c r="C205" s="9" t="s">
        <v>58</v>
      </c>
      <c r="D205" s="9" t="s">
        <v>54</v>
      </c>
      <c r="E205" s="9" t="s">
        <v>39</v>
      </c>
      <c r="F205" s="9" t="s">
        <v>8</v>
      </c>
      <c r="G205" s="6">
        <v>41200</v>
      </c>
      <c r="H205" s="6">
        <v>35761</v>
      </c>
      <c r="I205" s="6">
        <v>25747</v>
      </c>
      <c r="J205" s="6">
        <v>10040</v>
      </c>
      <c r="K205" s="6">
        <v>10014</v>
      </c>
      <c r="L205" s="6">
        <v>351</v>
      </c>
      <c r="M205" s="6">
        <v>5088</v>
      </c>
      <c r="N205" s="10" t="s">
        <v>55</v>
      </c>
      <c r="O205" s="6">
        <v>5919</v>
      </c>
      <c r="P205" s="10" t="s">
        <v>55</v>
      </c>
      <c r="Q205" s="10" t="s">
        <v>55</v>
      </c>
    </row>
    <row r="206" spans="1:17">
      <c r="A206" s="9" t="s">
        <v>27</v>
      </c>
      <c r="B206" s="9" t="s">
        <v>57</v>
      </c>
      <c r="C206" s="9" t="s">
        <v>58</v>
      </c>
      <c r="D206" s="9" t="s">
        <v>54</v>
      </c>
      <c r="E206" s="9" t="s">
        <v>39</v>
      </c>
      <c r="F206" s="9" t="s">
        <v>13</v>
      </c>
      <c r="G206" s="6">
        <v>1248</v>
      </c>
      <c r="H206" s="6">
        <v>931</v>
      </c>
      <c r="I206" s="6">
        <v>717</v>
      </c>
      <c r="J206" s="6">
        <v>233</v>
      </c>
      <c r="K206" s="6">
        <v>214</v>
      </c>
      <c r="L206" s="6">
        <v>19</v>
      </c>
      <c r="M206" s="6">
        <v>298</v>
      </c>
      <c r="N206" s="10" t="s">
        <v>55</v>
      </c>
      <c r="O206" s="6">
        <v>121</v>
      </c>
      <c r="P206" s="10" t="s">
        <v>55</v>
      </c>
      <c r="Q206" s="10" t="s">
        <v>55</v>
      </c>
    </row>
    <row r="207" spans="1:17">
      <c r="A207" s="9" t="s">
        <v>27</v>
      </c>
      <c r="B207" s="9" t="s">
        <v>57</v>
      </c>
      <c r="C207" s="9" t="s">
        <v>58</v>
      </c>
      <c r="D207" s="9" t="s">
        <v>54</v>
      </c>
      <c r="E207" s="9" t="s">
        <v>39</v>
      </c>
      <c r="F207" s="9" t="s">
        <v>14</v>
      </c>
      <c r="G207" s="6">
        <v>10922</v>
      </c>
      <c r="H207" s="6">
        <v>10049</v>
      </c>
      <c r="I207" s="6">
        <v>8028</v>
      </c>
      <c r="J207" s="6">
        <v>3543</v>
      </c>
      <c r="K207" s="6">
        <v>2021</v>
      </c>
      <c r="L207" s="6">
        <v>63</v>
      </c>
      <c r="M207" s="6">
        <v>810</v>
      </c>
      <c r="N207" s="10" t="s">
        <v>55</v>
      </c>
      <c r="O207" s="6">
        <v>1119</v>
      </c>
      <c r="P207" s="10" t="s">
        <v>55</v>
      </c>
      <c r="Q207" s="10" t="s">
        <v>55</v>
      </c>
    </row>
    <row r="208" spans="1:17">
      <c r="A208" s="9" t="s">
        <v>27</v>
      </c>
      <c r="B208" s="9" t="s">
        <v>57</v>
      </c>
      <c r="C208" s="9" t="s">
        <v>58</v>
      </c>
      <c r="D208" s="9" t="s">
        <v>54</v>
      </c>
      <c r="E208" s="9" t="s">
        <v>39</v>
      </c>
      <c r="F208" s="9" t="s">
        <v>18</v>
      </c>
      <c r="G208" s="6">
        <v>1939</v>
      </c>
      <c r="H208" s="6">
        <v>1398</v>
      </c>
      <c r="I208" s="6">
        <v>1124</v>
      </c>
      <c r="J208" s="6">
        <v>342</v>
      </c>
      <c r="K208" s="6">
        <v>274</v>
      </c>
      <c r="L208" s="6">
        <v>47</v>
      </c>
      <c r="M208" s="6">
        <v>494</v>
      </c>
      <c r="N208" s="10" t="s">
        <v>55</v>
      </c>
      <c r="O208" s="6">
        <v>197</v>
      </c>
      <c r="P208" s="10" t="s">
        <v>55</v>
      </c>
      <c r="Q208" s="10" t="s">
        <v>55</v>
      </c>
    </row>
    <row r="209" spans="1:17">
      <c r="A209" s="9" t="s">
        <v>27</v>
      </c>
      <c r="B209" s="9" t="s">
        <v>57</v>
      </c>
      <c r="C209" s="9" t="s">
        <v>58</v>
      </c>
      <c r="D209" s="9" t="s">
        <v>54</v>
      </c>
      <c r="E209" s="9" t="s">
        <v>40</v>
      </c>
      <c r="F209" s="9" t="s">
        <v>6</v>
      </c>
      <c r="G209" s="6">
        <v>59459</v>
      </c>
      <c r="H209" s="6">
        <v>51155</v>
      </c>
      <c r="I209" s="6">
        <v>38206</v>
      </c>
      <c r="J209" s="6">
        <v>20551</v>
      </c>
      <c r="K209" s="6">
        <v>12949</v>
      </c>
      <c r="L209" s="6">
        <v>447</v>
      </c>
      <c r="M209" s="6">
        <v>7857</v>
      </c>
      <c r="N209" s="10" t="s">
        <v>55</v>
      </c>
      <c r="O209" s="6">
        <v>7207</v>
      </c>
      <c r="P209" s="6">
        <v>10804</v>
      </c>
      <c r="Q209" s="10" t="s">
        <v>55</v>
      </c>
    </row>
    <row r="210" spans="1:17">
      <c r="A210" s="9" t="s">
        <v>27</v>
      </c>
      <c r="B210" s="9" t="s">
        <v>57</v>
      </c>
      <c r="C210" s="9" t="s">
        <v>58</v>
      </c>
      <c r="D210" s="9" t="s">
        <v>54</v>
      </c>
      <c r="E210" s="9" t="s">
        <v>40</v>
      </c>
      <c r="F210" s="9" t="s">
        <v>7</v>
      </c>
      <c r="G210" s="6">
        <v>38308</v>
      </c>
      <c r="H210" s="6">
        <v>32444</v>
      </c>
      <c r="I210" s="6">
        <v>23549</v>
      </c>
      <c r="J210" s="6">
        <v>12292</v>
      </c>
      <c r="K210" s="6">
        <v>8895</v>
      </c>
      <c r="L210" s="6">
        <v>305</v>
      </c>
      <c r="M210" s="6">
        <v>5559</v>
      </c>
      <c r="N210" s="10" t="s">
        <v>55</v>
      </c>
      <c r="O210" s="6">
        <v>5090</v>
      </c>
      <c r="P210" s="6">
        <v>6165</v>
      </c>
      <c r="Q210" s="10" t="s">
        <v>55</v>
      </c>
    </row>
    <row r="211" spans="1:17">
      <c r="A211" s="9" t="s">
        <v>27</v>
      </c>
      <c r="B211" s="9" t="s">
        <v>57</v>
      </c>
      <c r="C211" s="9" t="s">
        <v>58</v>
      </c>
      <c r="D211" s="9" t="s">
        <v>54</v>
      </c>
      <c r="E211" s="9" t="s">
        <v>40</v>
      </c>
      <c r="F211" s="9" t="s">
        <v>8</v>
      </c>
      <c r="G211" s="6">
        <v>37037</v>
      </c>
      <c r="H211" s="6">
        <v>31536</v>
      </c>
      <c r="I211" s="6">
        <v>22844</v>
      </c>
      <c r="J211" s="6">
        <v>11957</v>
      </c>
      <c r="K211" s="6">
        <v>8692</v>
      </c>
      <c r="L211" s="6">
        <v>289</v>
      </c>
      <c r="M211" s="6">
        <v>5212</v>
      </c>
      <c r="N211" s="10" t="s">
        <v>55</v>
      </c>
      <c r="O211" s="6">
        <v>4989</v>
      </c>
      <c r="P211" s="6">
        <v>6009</v>
      </c>
      <c r="Q211" s="10" t="s">
        <v>55</v>
      </c>
    </row>
    <row r="212" spans="1:17">
      <c r="A212" s="9" t="s">
        <v>27</v>
      </c>
      <c r="B212" s="9" t="s">
        <v>57</v>
      </c>
      <c r="C212" s="9" t="s">
        <v>58</v>
      </c>
      <c r="D212" s="9" t="s">
        <v>54</v>
      </c>
      <c r="E212" s="9" t="s">
        <v>40</v>
      </c>
      <c r="F212" s="9" t="s">
        <v>13</v>
      </c>
      <c r="G212" s="6">
        <v>1271</v>
      </c>
      <c r="H212" s="6">
        <v>908</v>
      </c>
      <c r="I212" s="6">
        <v>705</v>
      </c>
      <c r="J212" s="6">
        <v>335</v>
      </c>
      <c r="K212" s="6">
        <v>203</v>
      </c>
      <c r="L212" s="6">
        <v>16</v>
      </c>
      <c r="M212" s="6">
        <v>347</v>
      </c>
      <c r="N212" s="10" t="s">
        <v>55</v>
      </c>
      <c r="O212" s="6">
        <v>101</v>
      </c>
      <c r="P212" s="6">
        <v>156</v>
      </c>
      <c r="Q212" s="10" t="s">
        <v>55</v>
      </c>
    </row>
    <row r="213" spans="1:17">
      <c r="A213" s="9" t="s">
        <v>27</v>
      </c>
      <c r="B213" s="9" t="s">
        <v>57</v>
      </c>
      <c r="C213" s="9" t="s">
        <v>58</v>
      </c>
      <c r="D213" s="9" t="s">
        <v>54</v>
      </c>
      <c r="E213" s="9" t="s">
        <v>40</v>
      </c>
      <c r="F213" s="9" t="s">
        <v>14</v>
      </c>
      <c r="G213" s="6">
        <v>19629</v>
      </c>
      <c r="H213" s="6">
        <v>17625</v>
      </c>
      <c r="I213" s="6">
        <v>13815</v>
      </c>
      <c r="J213" s="6">
        <v>7913</v>
      </c>
      <c r="K213" s="6">
        <v>3810</v>
      </c>
      <c r="L213" s="6">
        <v>122</v>
      </c>
      <c r="M213" s="6">
        <v>1882</v>
      </c>
      <c r="N213" s="10" t="s">
        <v>55</v>
      </c>
      <c r="O213" s="6">
        <v>1948</v>
      </c>
      <c r="P213" s="6">
        <v>4463</v>
      </c>
      <c r="Q213" s="10" t="s">
        <v>55</v>
      </c>
    </row>
    <row r="214" spans="1:17">
      <c r="A214" s="9" t="s">
        <v>27</v>
      </c>
      <c r="B214" s="9" t="s">
        <v>57</v>
      </c>
      <c r="C214" s="9" t="s">
        <v>58</v>
      </c>
      <c r="D214" s="9" t="s">
        <v>54</v>
      </c>
      <c r="E214" s="9" t="s">
        <v>40</v>
      </c>
      <c r="F214" s="9" t="s">
        <v>18</v>
      </c>
      <c r="G214" s="6">
        <v>1522</v>
      </c>
      <c r="H214" s="6">
        <v>1086</v>
      </c>
      <c r="I214" s="6">
        <v>842</v>
      </c>
      <c r="J214" s="6">
        <v>346</v>
      </c>
      <c r="K214" s="6">
        <v>244</v>
      </c>
      <c r="L214" s="6">
        <v>20</v>
      </c>
      <c r="M214" s="6">
        <v>416</v>
      </c>
      <c r="N214" s="10" t="s">
        <v>55</v>
      </c>
      <c r="O214" s="6">
        <v>169</v>
      </c>
      <c r="P214" s="6">
        <v>176</v>
      </c>
      <c r="Q214" s="10" t="s">
        <v>55</v>
      </c>
    </row>
    <row r="215" spans="1:17">
      <c r="A215" s="9" t="s">
        <v>27</v>
      </c>
      <c r="B215" s="9" t="s">
        <v>57</v>
      </c>
      <c r="C215" s="9" t="s">
        <v>58</v>
      </c>
      <c r="D215" s="9" t="s">
        <v>54</v>
      </c>
      <c r="E215" s="9" t="s">
        <v>41</v>
      </c>
      <c r="F215" s="9" t="s">
        <v>6</v>
      </c>
      <c r="G215" s="6">
        <v>65961</v>
      </c>
      <c r="H215" s="6">
        <v>55386</v>
      </c>
      <c r="I215" s="6">
        <v>42810</v>
      </c>
      <c r="J215" s="6">
        <v>26395</v>
      </c>
      <c r="K215" s="6">
        <v>12576</v>
      </c>
      <c r="L215" s="6">
        <v>415</v>
      </c>
      <c r="M215" s="6">
        <v>10160</v>
      </c>
      <c r="N215" s="10" t="s">
        <v>55</v>
      </c>
      <c r="O215" s="6">
        <v>7636</v>
      </c>
      <c r="P215" s="6">
        <v>24776</v>
      </c>
      <c r="Q215" s="6">
        <v>10160</v>
      </c>
    </row>
    <row r="216" spans="1:17">
      <c r="A216" s="9" t="s">
        <v>27</v>
      </c>
      <c r="B216" s="9" t="s">
        <v>57</v>
      </c>
      <c r="C216" s="9" t="s">
        <v>58</v>
      </c>
      <c r="D216" s="9" t="s">
        <v>54</v>
      </c>
      <c r="E216" s="9" t="s">
        <v>41</v>
      </c>
      <c r="F216" s="9" t="s">
        <v>7</v>
      </c>
      <c r="G216" s="6">
        <v>29142</v>
      </c>
      <c r="H216" s="6">
        <v>23978</v>
      </c>
      <c r="I216" s="6">
        <v>17703</v>
      </c>
      <c r="J216" s="6">
        <v>10418</v>
      </c>
      <c r="K216" s="6">
        <v>6275</v>
      </c>
      <c r="L216" s="6">
        <v>203</v>
      </c>
      <c r="M216" s="6">
        <v>4961</v>
      </c>
      <c r="N216" s="10" t="s">
        <v>55</v>
      </c>
      <c r="O216" s="6">
        <v>4013</v>
      </c>
      <c r="P216" s="6">
        <v>9708</v>
      </c>
      <c r="Q216" s="6">
        <v>4961</v>
      </c>
    </row>
    <row r="217" spans="1:17">
      <c r="A217" s="9" t="s">
        <v>27</v>
      </c>
      <c r="B217" s="9" t="s">
        <v>57</v>
      </c>
      <c r="C217" s="9" t="s">
        <v>58</v>
      </c>
      <c r="D217" s="9" t="s">
        <v>54</v>
      </c>
      <c r="E217" s="9" t="s">
        <v>41</v>
      </c>
      <c r="F217" s="9" t="s">
        <v>8</v>
      </c>
      <c r="G217" s="6">
        <v>28545</v>
      </c>
      <c r="H217" s="6">
        <v>23588</v>
      </c>
      <c r="I217" s="6">
        <v>17394</v>
      </c>
      <c r="J217" s="6">
        <v>10251</v>
      </c>
      <c r="K217" s="6">
        <v>6194</v>
      </c>
      <c r="L217" s="6">
        <v>190</v>
      </c>
      <c r="M217" s="6">
        <v>4767</v>
      </c>
      <c r="N217" s="10" t="s">
        <v>55</v>
      </c>
      <c r="O217" s="6">
        <v>3973</v>
      </c>
      <c r="P217" s="6">
        <v>9566</v>
      </c>
      <c r="Q217" s="6">
        <v>4767</v>
      </c>
    </row>
    <row r="218" spans="1:17">
      <c r="A218" s="9" t="s">
        <v>27</v>
      </c>
      <c r="B218" s="9" t="s">
        <v>57</v>
      </c>
      <c r="C218" s="9" t="s">
        <v>58</v>
      </c>
      <c r="D218" s="9" t="s">
        <v>54</v>
      </c>
      <c r="E218" s="9" t="s">
        <v>41</v>
      </c>
      <c r="F218" s="9" t="s">
        <v>13</v>
      </c>
      <c r="G218" s="6">
        <v>597</v>
      </c>
      <c r="H218" s="6">
        <v>390</v>
      </c>
      <c r="I218" s="6">
        <v>309</v>
      </c>
      <c r="J218" s="6">
        <v>167</v>
      </c>
      <c r="K218" s="6">
        <v>81</v>
      </c>
      <c r="L218" s="6">
        <v>13</v>
      </c>
      <c r="M218" s="6">
        <v>194</v>
      </c>
      <c r="N218" s="10" t="s">
        <v>55</v>
      </c>
      <c r="O218" s="6">
        <v>40</v>
      </c>
      <c r="P218" s="6">
        <v>142</v>
      </c>
      <c r="Q218" s="6">
        <v>194</v>
      </c>
    </row>
    <row r="219" spans="1:17">
      <c r="A219" s="9" t="s">
        <v>27</v>
      </c>
      <c r="B219" s="9" t="s">
        <v>57</v>
      </c>
      <c r="C219" s="9" t="s">
        <v>58</v>
      </c>
      <c r="D219" s="9" t="s">
        <v>54</v>
      </c>
      <c r="E219" s="9" t="s">
        <v>41</v>
      </c>
      <c r="F219" s="9" t="s">
        <v>14</v>
      </c>
      <c r="G219" s="6">
        <v>34850</v>
      </c>
      <c r="H219" s="6">
        <v>29994</v>
      </c>
      <c r="I219" s="6">
        <v>23989</v>
      </c>
      <c r="J219" s="6">
        <v>15299</v>
      </c>
      <c r="K219" s="6">
        <v>6005</v>
      </c>
      <c r="L219" s="6">
        <v>188</v>
      </c>
      <c r="M219" s="6">
        <v>4668</v>
      </c>
      <c r="N219" s="10" t="s">
        <v>55</v>
      </c>
      <c r="O219" s="6">
        <v>3446</v>
      </c>
      <c r="P219" s="6">
        <v>14442</v>
      </c>
      <c r="Q219" s="6">
        <v>4668</v>
      </c>
    </row>
    <row r="220" spans="1:17">
      <c r="A220" s="9" t="s">
        <v>27</v>
      </c>
      <c r="B220" s="9" t="s">
        <v>57</v>
      </c>
      <c r="C220" s="9" t="s">
        <v>58</v>
      </c>
      <c r="D220" s="9" t="s">
        <v>54</v>
      </c>
      <c r="E220" s="9" t="s">
        <v>41</v>
      </c>
      <c r="F220" s="9" t="s">
        <v>18</v>
      </c>
      <c r="G220" s="6">
        <v>1969</v>
      </c>
      <c r="H220" s="6">
        <v>1414</v>
      </c>
      <c r="I220" s="6">
        <v>1118</v>
      </c>
      <c r="J220" s="6">
        <v>678</v>
      </c>
      <c r="K220" s="6">
        <v>296</v>
      </c>
      <c r="L220" s="6">
        <v>24</v>
      </c>
      <c r="M220" s="6">
        <v>531</v>
      </c>
      <c r="N220" s="10" t="s">
        <v>55</v>
      </c>
      <c r="O220" s="6">
        <v>177</v>
      </c>
      <c r="P220" s="6">
        <v>626</v>
      </c>
      <c r="Q220" s="6">
        <v>531</v>
      </c>
    </row>
    <row r="221" spans="1:17">
      <c r="A221" s="9" t="s">
        <v>27</v>
      </c>
      <c r="B221" s="9" t="s">
        <v>57</v>
      </c>
      <c r="C221" s="9" t="s">
        <v>58</v>
      </c>
      <c r="D221" s="9" t="s">
        <v>54</v>
      </c>
      <c r="E221" s="9" t="s">
        <v>42</v>
      </c>
      <c r="F221" s="9" t="s">
        <v>6</v>
      </c>
      <c r="G221" s="6">
        <v>65933</v>
      </c>
      <c r="H221" s="6">
        <v>52917</v>
      </c>
      <c r="I221" s="6">
        <v>41769</v>
      </c>
      <c r="J221" s="6">
        <v>26162</v>
      </c>
      <c r="K221" s="6">
        <v>11148</v>
      </c>
      <c r="L221" s="6">
        <v>409</v>
      </c>
      <c r="M221" s="6">
        <v>12607</v>
      </c>
      <c r="N221" s="10" t="s">
        <v>55</v>
      </c>
      <c r="O221" s="6">
        <v>7433</v>
      </c>
      <c r="P221" s="6">
        <v>25899</v>
      </c>
      <c r="Q221" s="6">
        <v>12607</v>
      </c>
    </row>
    <row r="222" spans="1:17">
      <c r="A222" s="9" t="s">
        <v>27</v>
      </c>
      <c r="B222" s="9" t="s">
        <v>57</v>
      </c>
      <c r="C222" s="9" t="s">
        <v>58</v>
      </c>
      <c r="D222" s="9" t="s">
        <v>54</v>
      </c>
      <c r="E222" s="9" t="s">
        <v>42</v>
      </c>
      <c r="F222" s="9" t="s">
        <v>7</v>
      </c>
      <c r="G222" s="6">
        <v>18862</v>
      </c>
      <c r="H222" s="6">
        <v>15104</v>
      </c>
      <c r="I222" s="6">
        <v>11163</v>
      </c>
      <c r="J222" s="6">
        <v>6592</v>
      </c>
      <c r="K222" s="6">
        <v>3941</v>
      </c>
      <c r="L222" s="6">
        <v>140</v>
      </c>
      <c r="M222" s="6">
        <v>3618</v>
      </c>
      <c r="N222" s="10" t="s">
        <v>55</v>
      </c>
      <c r="O222" s="6">
        <v>2771</v>
      </c>
      <c r="P222" s="6">
        <v>6525</v>
      </c>
      <c r="Q222" s="6">
        <v>3618</v>
      </c>
    </row>
    <row r="223" spans="1:17">
      <c r="A223" s="9" t="s">
        <v>27</v>
      </c>
      <c r="B223" s="9" t="s">
        <v>57</v>
      </c>
      <c r="C223" s="9" t="s">
        <v>58</v>
      </c>
      <c r="D223" s="9" t="s">
        <v>54</v>
      </c>
      <c r="E223" s="9" t="s">
        <v>42</v>
      </c>
      <c r="F223" s="9" t="s">
        <v>8</v>
      </c>
      <c r="G223" s="6">
        <v>18630</v>
      </c>
      <c r="H223" s="6">
        <v>14962</v>
      </c>
      <c r="I223" s="6">
        <v>11045</v>
      </c>
      <c r="J223" s="6">
        <v>6532</v>
      </c>
      <c r="K223" s="6">
        <v>3917</v>
      </c>
      <c r="L223" s="6">
        <v>140</v>
      </c>
      <c r="M223" s="6">
        <v>3528</v>
      </c>
      <c r="N223" s="10" t="s">
        <v>55</v>
      </c>
      <c r="O223" s="6">
        <v>2757</v>
      </c>
      <c r="P223" s="6">
        <v>6466</v>
      </c>
      <c r="Q223" s="6">
        <v>3528</v>
      </c>
    </row>
    <row r="224" spans="1:17">
      <c r="A224" s="9" t="s">
        <v>27</v>
      </c>
      <c r="B224" s="9" t="s">
        <v>57</v>
      </c>
      <c r="C224" s="9" t="s">
        <v>58</v>
      </c>
      <c r="D224" s="9" t="s">
        <v>54</v>
      </c>
      <c r="E224" s="9" t="s">
        <v>42</v>
      </c>
      <c r="F224" s="9" t="s">
        <v>13</v>
      </c>
      <c r="G224" s="6">
        <v>232</v>
      </c>
      <c r="H224" s="6">
        <v>142</v>
      </c>
      <c r="I224" s="6">
        <v>118</v>
      </c>
      <c r="J224" s="6">
        <v>60</v>
      </c>
      <c r="K224" s="6">
        <v>24</v>
      </c>
      <c r="L224" s="10" t="s">
        <v>55</v>
      </c>
      <c r="M224" s="6">
        <v>90</v>
      </c>
      <c r="N224" s="10" t="s">
        <v>55</v>
      </c>
      <c r="O224" s="6">
        <v>14</v>
      </c>
      <c r="P224" s="6">
        <v>59</v>
      </c>
      <c r="Q224" s="6">
        <v>90</v>
      </c>
    </row>
    <row r="225" spans="1:17">
      <c r="A225" s="9" t="s">
        <v>27</v>
      </c>
      <c r="B225" s="9" t="s">
        <v>57</v>
      </c>
      <c r="C225" s="9" t="s">
        <v>58</v>
      </c>
      <c r="D225" s="9" t="s">
        <v>54</v>
      </c>
      <c r="E225" s="9" t="s">
        <v>42</v>
      </c>
      <c r="F225" s="9" t="s">
        <v>14</v>
      </c>
      <c r="G225" s="6">
        <v>44023</v>
      </c>
      <c r="H225" s="6">
        <v>35715</v>
      </c>
      <c r="I225" s="6">
        <v>28857</v>
      </c>
      <c r="J225" s="6">
        <v>18403</v>
      </c>
      <c r="K225" s="6">
        <v>6858</v>
      </c>
      <c r="L225" s="6">
        <v>235</v>
      </c>
      <c r="M225" s="6">
        <v>8073</v>
      </c>
      <c r="N225" s="10" t="s">
        <v>55</v>
      </c>
      <c r="O225" s="6">
        <v>4438</v>
      </c>
      <c r="P225" s="6">
        <v>18227</v>
      </c>
      <c r="Q225" s="6">
        <v>8073</v>
      </c>
    </row>
    <row r="226" spans="1:17">
      <c r="A226" s="9" t="s">
        <v>27</v>
      </c>
      <c r="B226" s="9" t="s">
        <v>57</v>
      </c>
      <c r="C226" s="9" t="s">
        <v>58</v>
      </c>
      <c r="D226" s="9" t="s">
        <v>54</v>
      </c>
      <c r="E226" s="9" t="s">
        <v>42</v>
      </c>
      <c r="F226" s="9" t="s">
        <v>18</v>
      </c>
      <c r="G226" s="6">
        <v>3048</v>
      </c>
      <c r="H226" s="6">
        <v>2098</v>
      </c>
      <c r="I226" s="6">
        <v>1749</v>
      </c>
      <c r="J226" s="6">
        <v>1167</v>
      </c>
      <c r="K226" s="6">
        <v>349</v>
      </c>
      <c r="L226" s="6">
        <v>34</v>
      </c>
      <c r="M226" s="6">
        <v>916</v>
      </c>
      <c r="N226" s="10" t="s">
        <v>55</v>
      </c>
      <c r="O226" s="6">
        <v>224</v>
      </c>
      <c r="P226" s="6">
        <v>1147</v>
      </c>
      <c r="Q226" s="6">
        <v>916</v>
      </c>
    </row>
    <row r="227" spans="1:17">
      <c r="A227" s="9" t="s">
        <v>27</v>
      </c>
      <c r="B227" s="9" t="s">
        <v>57</v>
      </c>
      <c r="C227" s="9" t="s">
        <v>58</v>
      </c>
      <c r="D227" s="9" t="s">
        <v>54</v>
      </c>
      <c r="E227" s="9" t="s">
        <v>43</v>
      </c>
      <c r="F227" s="9" t="s">
        <v>6</v>
      </c>
      <c r="G227" s="6">
        <v>50210</v>
      </c>
      <c r="H227" s="6">
        <v>38063</v>
      </c>
      <c r="I227" s="6">
        <v>28831</v>
      </c>
      <c r="J227" s="6">
        <v>17108</v>
      </c>
      <c r="K227" s="6">
        <v>9232</v>
      </c>
      <c r="L227" s="6">
        <v>240</v>
      </c>
      <c r="M227" s="6">
        <v>11907</v>
      </c>
      <c r="N227" s="10" t="s">
        <v>55</v>
      </c>
      <c r="O227" s="6">
        <v>6137</v>
      </c>
      <c r="P227" s="6">
        <v>17074</v>
      </c>
      <c r="Q227" s="6">
        <v>11907</v>
      </c>
    </row>
    <row r="228" spans="1:17">
      <c r="A228" s="9" t="s">
        <v>27</v>
      </c>
      <c r="B228" s="9" t="s">
        <v>57</v>
      </c>
      <c r="C228" s="9" t="s">
        <v>58</v>
      </c>
      <c r="D228" s="9" t="s">
        <v>54</v>
      </c>
      <c r="E228" s="9" t="s">
        <v>43</v>
      </c>
      <c r="F228" s="9" t="s">
        <v>7</v>
      </c>
      <c r="G228" s="6">
        <v>7825</v>
      </c>
      <c r="H228" s="6">
        <v>6364</v>
      </c>
      <c r="I228" s="6">
        <v>4393</v>
      </c>
      <c r="J228" s="6">
        <v>2368</v>
      </c>
      <c r="K228" s="6">
        <v>1971</v>
      </c>
      <c r="L228" s="6">
        <v>46</v>
      </c>
      <c r="M228" s="6">
        <v>1415</v>
      </c>
      <c r="N228" s="10" t="s">
        <v>55</v>
      </c>
      <c r="O228" s="6">
        <v>1378</v>
      </c>
      <c r="P228" s="6">
        <v>2359</v>
      </c>
      <c r="Q228" s="6">
        <v>1415</v>
      </c>
    </row>
    <row r="229" spans="1:17">
      <c r="A229" s="9" t="s">
        <v>27</v>
      </c>
      <c r="B229" s="9" t="s">
        <v>57</v>
      </c>
      <c r="C229" s="9" t="s">
        <v>58</v>
      </c>
      <c r="D229" s="9" t="s">
        <v>54</v>
      </c>
      <c r="E229" s="9" t="s">
        <v>43</v>
      </c>
      <c r="F229" s="9" t="s">
        <v>8</v>
      </c>
      <c r="G229" s="6">
        <v>7755</v>
      </c>
      <c r="H229" s="6">
        <v>6315</v>
      </c>
      <c r="I229" s="6">
        <v>4354</v>
      </c>
      <c r="J229" s="6">
        <v>2345</v>
      </c>
      <c r="K229" s="6">
        <v>1961</v>
      </c>
      <c r="L229" s="6">
        <v>46</v>
      </c>
      <c r="M229" s="6">
        <v>1394</v>
      </c>
      <c r="N229" s="10" t="s">
        <v>55</v>
      </c>
      <c r="O229" s="6">
        <v>1374</v>
      </c>
      <c r="P229" s="6">
        <v>2336</v>
      </c>
      <c r="Q229" s="6">
        <v>1394</v>
      </c>
    </row>
    <row r="230" spans="1:17">
      <c r="A230" s="9" t="s">
        <v>27</v>
      </c>
      <c r="B230" s="9" t="s">
        <v>57</v>
      </c>
      <c r="C230" s="9" t="s">
        <v>58</v>
      </c>
      <c r="D230" s="9" t="s">
        <v>54</v>
      </c>
      <c r="E230" s="9" t="s">
        <v>43</v>
      </c>
      <c r="F230" s="9" t="s">
        <v>13</v>
      </c>
      <c r="G230" s="6">
        <v>70</v>
      </c>
      <c r="H230" s="6">
        <v>49</v>
      </c>
      <c r="I230" s="6">
        <v>39</v>
      </c>
      <c r="J230" s="6">
        <v>23</v>
      </c>
      <c r="K230" s="6">
        <v>10</v>
      </c>
      <c r="L230" s="10" t="s">
        <v>55</v>
      </c>
      <c r="M230" s="6">
        <v>21</v>
      </c>
      <c r="N230" s="10" t="s">
        <v>55</v>
      </c>
      <c r="O230" s="6">
        <v>4</v>
      </c>
      <c r="P230" s="6">
        <v>23</v>
      </c>
      <c r="Q230" s="6">
        <v>21</v>
      </c>
    </row>
    <row r="231" spans="1:17">
      <c r="A231" s="9" t="s">
        <v>27</v>
      </c>
      <c r="B231" s="9" t="s">
        <v>57</v>
      </c>
      <c r="C231" s="9" t="s">
        <v>58</v>
      </c>
      <c r="D231" s="9" t="s">
        <v>54</v>
      </c>
      <c r="E231" s="9" t="s">
        <v>43</v>
      </c>
      <c r="F231" s="9" t="s">
        <v>14</v>
      </c>
      <c r="G231" s="6">
        <v>39213</v>
      </c>
      <c r="H231" s="6">
        <v>29709</v>
      </c>
      <c r="I231" s="6">
        <v>22791</v>
      </c>
      <c r="J231" s="6">
        <v>13553</v>
      </c>
      <c r="K231" s="6">
        <v>6918</v>
      </c>
      <c r="L231" s="6">
        <v>171</v>
      </c>
      <c r="M231" s="6">
        <v>9333</v>
      </c>
      <c r="N231" s="10" t="s">
        <v>55</v>
      </c>
      <c r="O231" s="6">
        <v>4540</v>
      </c>
      <c r="P231" s="6">
        <v>13529</v>
      </c>
      <c r="Q231" s="6">
        <v>9333</v>
      </c>
    </row>
    <row r="232" spans="1:17">
      <c r="A232" s="9" t="s">
        <v>27</v>
      </c>
      <c r="B232" s="9" t="s">
        <v>57</v>
      </c>
      <c r="C232" s="9" t="s">
        <v>58</v>
      </c>
      <c r="D232" s="9" t="s">
        <v>54</v>
      </c>
      <c r="E232" s="9" t="s">
        <v>43</v>
      </c>
      <c r="F232" s="9" t="s">
        <v>18</v>
      </c>
      <c r="G232" s="6">
        <v>3172</v>
      </c>
      <c r="H232" s="6">
        <v>1990</v>
      </c>
      <c r="I232" s="6">
        <v>1647</v>
      </c>
      <c r="J232" s="6">
        <v>1187</v>
      </c>
      <c r="K232" s="6">
        <v>343</v>
      </c>
      <c r="L232" s="6">
        <v>23</v>
      </c>
      <c r="M232" s="6">
        <v>1159</v>
      </c>
      <c r="N232" s="10" t="s">
        <v>55</v>
      </c>
      <c r="O232" s="6">
        <v>219</v>
      </c>
      <c r="P232" s="6">
        <v>1186</v>
      </c>
      <c r="Q232" s="6">
        <v>1159</v>
      </c>
    </row>
    <row r="233" spans="1:17">
      <c r="A233" s="9" t="s">
        <v>27</v>
      </c>
      <c r="B233" s="9" t="s">
        <v>57</v>
      </c>
      <c r="C233" s="9" t="s">
        <v>58</v>
      </c>
      <c r="D233" s="9" t="s">
        <v>54</v>
      </c>
      <c r="E233" s="9" t="s">
        <v>44</v>
      </c>
      <c r="F233" s="9" t="s">
        <v>6</v>
      </c>
      <c r="G233" s="6">
        <v>43950</v>
      </c>
      <c r="H233" s="6">
        <v>31313</v>
      </c>
      <c r="I233" s="6">
        <v>20788</v>
      </c>
      <c r="J233" s="6">
        <v>10627</v>
      </c>
      <c r="K233" s="6">
        <v>10525</v>
      </c>
      <c r="L233" s="6">
        <v>215</v>
      </c>
      <c r="M233" s="6">
        <v>12422</v>
      </c>
      <c r="N233" s="10" t="s">
        <v>55</v>
      </c>
      <c r="O233" s="6">
        <v>6291</v>
      </c>
      <c r="P233" s="6">
        <v>10620</v>
      </c>
      <c r="Q233" s="6">
        <v>12422</v>
      </c>
    </row>
    <row r="234" spans="1:17">
      <c r="A234" s="9" t="s">
        <v>27</v>
      </c>
      <c r="B234" s="9" t="s">
        <v>57</v>
      </c>
      <c r="C234" s="9" t="s">
        <v>58</v>
      </c>
      <c r="D234" s="9" t="s">
        <v>54</v>
      </c>
      <c r="E234" s="9" t="s">
        <v>44</v>
      </c>
      <c r="F234" s="9" t="s">
        <v>7</v>
      </c>
      <c r="G234" s="6">
        <v>3764</v>
      </c>
      <c r="H234" s="6">
        <v>3093</v>
      </c>
      <c r="I234" s="6">
        <v>1836</v>
      </c>
      <c r="J234" s="6">
        <v>868</v>
      </c>
      <c r="K234" s="6">
        <v>1257</v>
      </c>
      <c r="L234" s="6">
        <v>32</v>
      </c>
      <c r="M234" s="6">
        <v>639</v>
      </c>
      <c r="N234" s="10" t="s">
        <v>55</v>
      </c>
      <c r="O234" s="6">
        <v>804</v>
      </c>
      <c r="P234" s="6">
        <v>867</v>
      </c>
      <c r="Q234" s="6">
        <v>639</v>
      </c>
    </row>
    <row r="235" spans="1:17">
      <c r="A235" s="9" t="s">
        <v>27</v>
      </c>
      <c r="B235" s="9" t="s">
        <v>57</v>
      </c>
      <c r="C235" s="9" t="s">
        <v>58</v>
      </c>
      <c r="D235" s="9" t="s">
        <v>54</v>
      </c>
      <c r="E235" s="9" t="s">
        <v>44</v>
      </c>
      <c r="F235" s="9" t="s">
        <v>8</v>
      </c>
      <c r="G235" s="6">
        <v>3731</v>
      </c>
      <c r="H235" s="6">
        <v>3072</v>
      </c>
      <c r="I235" s="6">
        <v>1817</v>
      </c>
      <c r="J235" s="6">
        <v>860</v>
      </c>
      <c r="K235" s="6">
        <v>1255</v>
      </c>
      <c r="L235" s="6">
        <v>31</v>
      </c>
      <c r="M235" s="6">
        <v>628</v>
      </c>
      <c r="N235" s="10" t="s">
        <v>55</v>
      </c>
      <c r="O235" s="6">
        <v>803</v>
      </c>
      <c r="P235" s="6">
        <v>859</v>
      </c>
      <c r="Q235" s="6">
        <v>628</v>
      </c>
    </row>
    <row r="236" spans="1:17">
      <c r="A236" s="9" t="s">
        <v>27</v>
      </c>
      <c r="B236" s="9" t="s">
        <v>57</v>
      </c>
      <c r="C236" s="9" t="s">
        <v>58</v>
      </c>
      <c r="D236" s="9" t="s">
        <v>54</v>
      </c>
      <c r="E236" s="9" t="s">
        <v>44</v>
      </c>
      <c r="F236" s="9" t="s">
        <v>13</v>
      </c>
      <c r="G236" s="6">
        <v>33</v>
      </c>
      <c r="H236" s="6">
        <v>21</v>
      </c>
      <c r="I236" s="6">
        <v>19</v>
      </c>
      <c r="J236" s="6">
        <v>8</v>
      </c>
      <c r="K236" s="6">
        <v>2</v>
      </c>
      <c r="L236" s="6">
        <v>1</v>
      </c>
      <c r="M236" s="6">
        <v>11</v>
      </c>
      <c r="N236" s="10" t="s">
        <v>55</v>
      </c>
      <c r="O236" s="6">
        <v>1</v>
      </c>
      <c r="P236" s="6">
        <v>8</v>
      </c>
      <c r="Q236" s="6">
        <v>11</v>
      </c>
    </row>
    <row r="237" spans="1:17">
      <c r="A237" s="9" t="s">
        <v>27</v>
      </c>
      <c r="B237" s="9" t="s">
        <v>57</v>
      </c>
      <c r="C237" s="9" t="s">
        <v>58</v>
      </c>
      <c r="D237" s="9" t="s">
        <v>54</v>
      </c>
      <c r="E237" s="9" t="s">
        <v>44</v>
      </c>
      <c r="F237" s="9" t="s">
        <v>14</v>
      </c>
      <c r="G237" s="6">
        <v>37362</v>
      </c>
      <c r="H237" s="6">
        <v>26571</v>
      </c>
      <c r="I237" s="6">
        <v>17636</v>
      </c>
      <c r="J237" s="6">
        <v>8905</v>
      </c>
      <c r="K237" s="6">
        <v>8935</v>
      </c>
      <c r="L237" s="6">
        <v>152</v>
      </c>
      <c r="M237" s="6">
        <v>10639</v>
      </c>
      <c r="N237" s="10" t="s">
        <v>55</v>
      </c>
      <c r="O237" s="6">
        <v>5269</v>
      </c>
      <c r="P237" s="6">
        <v>8902</v>
      </c>
      <c r="Q237" s="6">
        <v>10639</v>
      </c>
    </row>
    <row r="238" spans="1:17">
      <c r="A238" s="9" t="s">
        <v>27</v>
      </c>
      <c r="B238" s="9" t="s">
        <v>57</v>
      </c>
      <c r="C238" s="9" t="s">
        <v>58</v>
      </c>
      <c r="D238" s="9" t="s">
        <v>54</v>
      </c>
      <c r="E238" s="9" t="s">
        <v>44</v>
      </c>
      <c r="F238" s="9" t="s">
        <v>18</v>
      </c>
      <c r="G238" s="6">
        <v>2824</v>
      </c>
      <c r="H238" s="6">
        <v>1649</v>
      </c>
      <c r="I238" s="6">
        <v>1316</v>
      </c>
      <c r="J238" s="6">
        <v>854</v>
      </c>
      <c r="K238" s="6">
        <v>333</v>
      </c>
      <c r="L238" s="6">
        <v>31</v>
      </c>
      <c r="M238" s="6">
        <v>1144</v>
      </c>
      <c r="N238" s="10" t="s">
        <v>55</v>
      </c>
      <c r="O238" s="6">
        <v>218</v>
      </c>
      <c r="P238" s="6">
        <v>851</v>
      </c>
      <c r="Q238" s="6">
        <v>1144</v>
      </c>
    </row>
    <row r="239" spans="1:17">
      <c r="A239" s="9" t="s">
        <v>27</v>
      </c>
      <c r="B239" s="9" t="s">
        <v>57</v>
      </c>
      <c r="C239" s="9" t="s">
        <v>58</v>
      </c>
      <c r="D239" s="9" t="s">
        <v>54</v>
      </c>
      <c r="E239" s="9" t="s">
        <v>45</v>
      </c>
      <c r="F239" s="9" t="s">
        <v>6</v>
      </c>
      <c r="G239" s="6">
        <v>32731</v>
      </c>
      <c r="H239" s="6">
        <v>22450</v>
      </c>
      <c r="I239" s="6">
        <v>11956</v>
      </c>
      <c r="J239" s="6">
        <v>4181</v>
      </c>
      <c r="K239" s="6">
        <v>10494</v>
      </c>
      <c r="L239" s="6">
        <v>150</v>
      </c>
      <c r="M239" s="6">
        <v>10131</v>
      </c>
      <c r="N239" s="10" t="s">
        <v>55</v>
      </c>
      <c r="O239" s="6">
        <v>5567</v>
      </c>
      <c r="P239" s="6">
        <v>4177</v>
      </c>
      <c r="Q239" s="6">
        <v>10131</v>
      </c>
    </row>
    <row r="240" spans="1:17">
      <c r="A240" s="9" t="s">
        <v>27</v>
      </c>
      <c r="B240" s="9" t="s">
        <v>57</v>
      </c>
      <c r="C240" s="9" t="s">
        <v>58</v>
      </c>
      <c r="D240" s="9" t="s">
        <v>54</v>
      </c>
      <c r="E240" s="9" t="s">
        <v>45</v>
      </c>
      <c r="F240" s="9" t="s">
        <v>7</v>
      </c>
      <c r="G240" s="6">
        <v>1369</v>
      </c>
      <c r="H240" s="6">
        <v>1093</v>
      </c>
      <c r="I240" s="6">
        <v>555</v>
      </c>
      <c r="J240" s="6">
        <v>178</v>
      </c>
      <c r="K240" s="6">
        <v>538</v>
      </c>
      <c r="L240" s="6">
        <v>12</v>
      </c>
      <c r="M240" s="6">
        <v>264</v>
      </c>
      <c r="N240" s="10" t="s">
        <v>55</v>
      </c>
      <c r="O240" s="6">
        <v>290</v>
      </c>
      <c r="P240" s="6">
        <v>176</v>
      </c>
      <c r="Q240" s="6">
        <v>264</v>
      </c>
    </row>
    <row r="241" spans="1:17">
      <c r="A241" s="9" t="s">
        <v>27</v>
      </c>
      <c r="B241" s="9" t="s">
        <v>57</v>
      </c>
      <c r="C241" s="9" t="s">
        <v>58</v>
      </c>
      <c r="D241" s="9" t="s">
        <v>54</v>
      </c>
      <c r="E241" s="9" t="s">
        <v>45</v>
      </c>
      <c r="F241" s="9" t="s">
        <v>8</v>
      </c>
      <c r="G241" s="6">
        <v>1357</v>
      </c>
      <c r="H241" s="6">
        <v>1085</v>
      </c>
      <c r="I241" s="6">
        <v>552</v>
      </c>
      <c r="J241" s="6">
        <v>177</v>
      </c>
      <c r="K241" s="6">
        <v>533</v>
      </c>
      <c r="L241" s="6">
        <v>11</v>
      </c>
      <c r="M241" s="6">
        <v>261</v>
      </c>
      <c r="N241" s="10" t="s">
        <v>55</v>
      </c>
      <c r="O241" s="6">
        <v>289</v>
      </c>
      <c r="P241" s="6">
        <v>175</v>
      </c>
      <c r="Q241" s="6">
        <v>261</v>
      </c>
    </row>
    <row r="242" spans="1:17">
      <c r="A242" s="9" t="s">
        <v>27</v>
      </c>
      <c r="B242" s="9" t="s">
        <v>57</v>
      </c>
      <c r="C242" s="9" t="s">
        <v>58</v>
      </c>
      <c r="D242" s="9" t="s">
        <v>54</v>
      </c>
      <c r="E242" s="9" t="s">
        <v>45</v>
      </c>
      <c r="F242" s="9" t="s">
        <v>13</v>
      </c>
      <c r="G242" s="6">
        <v>12</v>
      </c>
      <c r="H242" s="6">
        <v>8</v>
      </c>
      <c r="I242" s="6">
        <v>3</v>
      </c>
      <c r="J242" s="6">
        <v>1</v>
      </c>
      <c r="K242" s="6">
        <v>5</v>
      </c>
      <c r="L242" s="6">
        <v>1</v>
      </c>
      <c r="M242" s="6">
        <v>3</v>
      </c>
      <c r="N242" s="10" t="s">
        <v>55</v>
      </c>
      <c r="O242" s="6">
        <v>1</v>
      </c>
      <c r="P242" s="6">
        <v>1</v>
      </c>
      <c r="Q242" s="6">
        <v>3</v>
      </c>
    </row>
    <row r="243" spans="1:17">
      <c r="A243" s="9" t="s">
        <v>27</v>
      </c>
      <c r="B243" s="9" t="s">
        <v>57</v>
      </c>
      <c r="C243" s="9" t="s">
        <v>58</v>
      </c>
      <c r="D243" s="9" t="s">
        <v>54</v>
      </c>
      <c r="E243" s="9" t="s">
        <v>45</v>
      </c>
      <c r="F243" s="9" t="s">
        <v>14</v>
      </c>
      <c r="G243" s="6">
        <v>29488</v>
      </c>
      <c r="H243" s="6">
        <v>20411</v>
      </c>
      <c r="I243" s="6">
        <v>10681</v>
      </c>
      <c r="J243" s="6">
        <v>3664</v>
      </c>
      <c r="K243" s="6">
        <v>9730</v>
      </c>
      <c r="L243" s="6">
        <v>116</v>
      </c>
      <c r="M243" s="6">
        <v>8961</v>
      </c>
      <c r="N243" s="10" t="s">
        <v>55</v>
      </c>
      <c r="O243" s="6">
        <v>5149</v>
      </c>
      <c r="P243" s="6">
        <v>3662</v>
      </c>
      <c r="Q243" s="6">
        <v>8961</v>
      </c>
    </row>
    <row r="244" spans="1:17">
      <c r="A244" s="9" t="s">
        <v>27</v>
      </c>
      <c r="B244" s="9" t="s">
        <v>57</v>
      </c>
      <c r="C244" s="9" t="s">
        <v>58</v>
      </c>
      <c r="D244" s="9" t="s">
        <v>54</v>
      </c>
      <c r="E244" s="9" t="s">
        <v>45</v>
      </c>
      <c r="F244" s="9" t="s">
        <v>18</v>
      </c>
      <c r="G244" s="6">
        <v>1874</v>
      </c>
      <c r="H244" s="6">
        <v>946</v>
      </c>
      <c r="I244" s="6">
        <v>720</v>
      </c>
      <c r="J244" s="6">
        <v>339</v>
      </c>
      <c r="K244" s="6">
        <v>226</v>
      </c>
      <c r="L244" s="6">
        <v>22</v>
      </c>
      <c r="M244" s="6">
        <v>906</v>
      </c>
      <c r="N244" s="10" t="s">
        <v>55</v>
      </c>
      <c r="O244" s="6">
        <v>128</v>
      </c>
      <c r="P244" s="6">
        <v>339</v>
      </c>
      <c r="Q244" s="6">
        <v>906</v>
      </c>
    </row>
    <row r="245" spans="1:17">
      <c r="A245" s="9" t="s">
        <v>27</v>
      </c>
      <c r="B245" s="9" t="s">
        <v>57</v>
      </c>
      <c r="C245" s="9" t="s">
        <v>58</v>
      </c>
      <c r="D245" s="9" t="s">
        <v>54</v>
      </c>
      <c r="E245" s="9" t="s">
        <v>46</v>
      </c>
      <c r="F245" s="9" t="s">
        <v>6</v>
      </c>
      <c r="G245" s="6">
        <v>15687</v>
      </c>
      <c r="H245" s="6">
        <v>11166</v>
      </c>
      <c r="I245" s="6">
        <v>4490</v>
      </c>
      <c r="J245" s="6">
        <v>778</v>
      </c>
      <c r="K245" s="6">
        <v>6676</v>
      </c>
      <c r="L245" s="6">
        <v>55</v>
      </c>
      <c r="M245" s="6">
        <v>4466</v>
      </c>
      <c r="N245" s="10" t="s">
        <v>55</v>
      </c>
      <c r="O245" s="6">
        <v>3242</v>
      </c>
      <c r="P245" s="6">
        <v>777</v>
      </c>
      <c r="Q245" s="6">
        <v>4466</v>
      </c>
    </row>
    <row r="246" spans="1:17">
      <c r="A246" s="9" t="s">
        <v>27</v>
      </c>
      <c r="B246" s="9" t="s">
        <v>57</v>
      </c>
      <c r="C246" s="9" t="s">
        <v>58</v>
      </c>
      <c r="D246" s="9" t="s">
        <v>54</v>
      </c>
      <c r="E246" s="9" t="s">
        <v>46</v>
      </c>
      <c r="F246" s="9" t="s">
        <v>7</v>
      </c>
      <c r="G246" s="6">
        <v>308</v>
      </c>
      <c r="H246" s="6">
        <v>241</v>
      </c>
      <c r="I246" s="6">
        <v>107</v>
      </c>
      <c r="J246" s="6">
        <v>16</v>
      </c>
      <c r="K246" s="6">
        <v>134</v>
      </c>
      <c r="L246" s="6">
        <v>2</v>
      </c>
      <c r="M246" s="6">
        <v>65</v>
      </c>
      <c r="N246" s="10" t="s">
        <v>55</v>
      </c>
      <c r="O246" s="6">
        <v>61</v>
      </c>
      <c r="P246" s="6">
        <v>15</v>
      </c>
      <c r="Q246" s="6">
        <v>65</v>
      </c>
    </row>
    <row r="247" spans="1:17">
      <c r="A247" s="9" t="s">
        <v>27</v>
      </c>
      <c r="B247" s="9" t="s">
        <v>57</v>
      </c>
      <c r="C247" s="9" t="s">
        <v>58</v>
      </c>
      <c r="D247" s="9" t="s">
        <v>54</v>
      </c>
      <c r="E247" s="9" t="s">
        <v>46</v>
      </c>
      <c r="F247" s="9" t="s">
        <v>8</v>
      </c>
      <c r="G247" s="6">
        <v>304</v>
      </c>
      <c r="H247" s="6">
        <v>237</v>
      </c>
      <c r="I247" s="6">
        <v>105</v>
      </c>
      <c r="J247" s="6">
        <v>16</v>
      </c>
      <c r="K247" s="6">
        <v>132</v>
      </c>
      <c r="L247" s="6">
        <v>2</v>
      </c>
      <c r="M247" s="6">
        <v>65</v>
      </c>
      <c r="N247" s="10" t="s">
        <v>55</v>
      </c>
      <c r="O247" s="6">
        <v>60</v>
      </c>
      <c r="P247" s="6">
        <v>15</v>
      </c>
      <c r="Q247" s="6">
        <v>65</v>
      </c>
    </row>
    <row r="248" spans="1:17">
      <c r="A248" s="9" t="s">
        <v>27</v>
      </c>
      <c r="B248" s="9" t="s">
        <v>57</v>
      </c>
      <c r="C248" s="9" t="s">
        <v>58</v>
      </c>
      <c r="D248" s="9" t="s">
        <v>54</v>
      </c>
      <c r="E248" s="9" t="s">
        <v>46</v>
      </c>
      <c r="F248" s="9" t="s">
        <v>13</v>
      </c>
      <c r="G248" s="6">
        <v>4</v>
      </c>
      <c r="H248" s="6">
        <v>4</v>
      </c>
      <c r="I248" s="6">
        <v>2</v>
      </c>
      <c r="J248" s="10" t="s">
        <v>55</v>
      </c>
      <c r="K248" s="6">
        <v>2</v>
      </c>
      <c r="L248" s="10" t="s">
        <v>55</v>
      </c>
      <c r="M248" s="10" t="s">
        <v>55</v>
      </c>
      <c r="N248" s="10" t="s">
        <v>55</v>
      </c>
      <c r="O248" s="6">
        <v>1</v>
      </c>
      <c r="P248" s="10" t="s">
        <v>55</v>
      </c>
      <c r="Q248" s="10" t="s">
        <v>55</v>
      </c>
    </row>
    <row r="249" spans="1:17">
      <c r="A249" s="9" t="s">
        <v>27</v>
      </c>
      <c r="B249" s="9" t="s">
        <v>57</v>
      </c>
      <c r="C249" s="9" t="s">
        <v>58</v>
      </c>
      <c r="D249" s="9" t="s">
        <v>54</v>
      </c>
      <c r="E249" s="9" t="s">
        <v>46</v>
      </c>
      <c r="F249" s="9" t="s">
        <v>14</v>
      </c>
      <c r="G249" s="6">
        <v>14603</v>
      </c>
      <c r="H249" s="6">
        <v>10508</v>
      </c>
      <c r="I249" s="6">
        <v>4151</v>
      </c>
      <c r="J249" s="6">
        <v>697</v>
      </c>
      <c r="K249" s="6">
        <v>6357</v>
      </c>
      <c r="L249" s="6">
        <v>47</v>
      </c>
      <c r="M249" s="6">
        <v>4048</v>
      </c>
      <c r="N249" s="10" t="s">
        <v>55</v>
      </c>
      <c r="O249" s="6">
        <v>3082</v>
      </c>
      <c r="P249" s="6">
        <v>697</v>
      </c>
      <c r="Q249" s="6">
        <v>4048</v>
      </c>
    </row>
    <row r="250" spans="1:17">
      <c r="A250" s="9" t="s">
        <v>27</v>
      </c>
      <c r="B250" s="9" t="s">
        <v>57</v>
      </c>
      <c r="C250" s="9" t="s">
        <v>58</v>
      </c>
      <c r="D250" s="9" t="s">
        <v>54</v>
      </c>
      <c r="E250" s="9" t="s">
        <v>46</v>
      </c>
      <c r="F250" s="9" t="s">
        <v>18</v>
      </c>
      <c r="G250" s="6">
        <v>776</v>
      </c>
      <c r="H250" s="6">
        <v>417</v>
      </c>
      <c r="I250" s="6">
        <v>232</v>
      </c>
      <c r="J250" s="6">
        <v>65</v>
      </c>
      <c r="K250" s="6">
        <v>185</v>
      </c>
      <c r="L250" s="6">
        <v>6</v>
      </c>
      <c r="M250" s="6">
        <v>353</v>
      </c>
      <c r="N250" s="10" t="s">
        <v>55</v>
      </c>
      <c r="O250" s="6">
        <v>99</v>
      </c>
      <c r="P250" s="6">
        <v>65</v>
      </c>
      <c r="Q250" s="6">
        <v>353</v>
      </c>
    </row>
    <row r="251" spans="1:17">
      <c r="A251" s="9" t="s">
        <v>27</v>
      </c>
      <c r="B251" s="9" t="s">
        <v>57</v>
      </c>
      <c r="C251" s="9" t="s">
        <v>58</v>
      </c>
      <c r="D251" s="9" t="s">
        <v>54</v>
      </c>
      <c r="E251" s="9" t="s">
        <v>47</v>
      </c>
      <c r="F251" s="9" t="s">
        <v>6</v>
      </c>
      <c r="G251" s="6">
        <v>4483</v>
      </c>
      <c r="H251" s="6">
        <v>3495</v>
      </c>
      <c r="I251" s="6">
        <v>1230</v>
      </c>
      <c r="J251" s="6">
        <v>48</v>
      </c>
      <c r="K251" s="6">
        <v>2265</v>
      </c>
      <c r="L251" s="6">
        <v>16</v>
      </c>
      <c r="M251" s="6">
        <v>972</v>
      </c>
      <c r="N251" s="10" t="s">
        <v>55</v>
      </c>
      <c r="O251" s="6">
        <v>1048</v>
      </c>
      <c r="P251" s="6">
        <v>48</v>
      </c>
      <c r="Q251" s="6">
        <v>972</v>
      </c>
    </row>
    <row r="252" spans="1:17">
      <c r="A252" s="9" t="s">
        <v>27</v>
      </c>
      <c r="B252" s="9" t="s">
        <v>57</v>
      </c>
      <c r="C252" s="9" t="s">
        <v>58</v>
      </c>
      <c r="D252" s="9" t="s">
        <v>54</v>
      </c>
      <c r="E252" s="9" t="s">
        <v>47</v>
      </c>
      <c r="F252" s="9" t="s">
        <v>7</v>
      </c>
      <c r="G252" s="6">
        <v>52</v>
      </c>
      <c r="H252" s="6">
        <v>44</v>
      </c>
      <c r="I252" s="6">
        <v>21</v>
      </c>
      <c r="J252" s="6">
        <v>1</v>
      </c>
      <c r="K252" s="6">
        <v>23</v>
      </c>
      <c r="L252" s="10" t="s">
        <v>55</v>
      </c>
      <c r="M252" s="6">
        <v>8</v>
      </c>
      <c r="N252" s="10" t="s">
        <v>55</v>
      </c>
      <c r="O252" s="6">
        <v>12</v>
      </c>
      <c r="P252" s="6">
        <v>1</v>
      </c>
      <c r="Q252" s="6">
        <v>8</v>
      </c>
    </row>
    <row r="253" spans="1:17">
      <c r="A253" s="9" t="s">
        <v>27</v>
      </c>
      <c r="B253" s="9" t="s">
        <v>57</v>
      </c>
      <c r="C253" s="9" t="s">
        <v>58</v>
      </c>
      <c r="D253" s="9" t="s">
        <v>54</v>
      </c>
      <c r="E253" s="9" t="s">
        <v>47</v>
      </c>
      <c r="F253" s="9" t="s">
        <v>8</v>
      </c>
      <c r="G253" s="6">
        <v>51</v>
      </c>
      <c r="H253" s="6">
        <v>43</v>
      </c>
      <c r="I253" s="6">
        <v>20</v>
      </c>
      <c r="J253" s="6">
        <v>1</v>
      </c>
      <c r="K253" s="6">
        <v>23</v>
      </c>
      <c r="L253" s="10" t="s">
        <v>55</v>
      </c>
      <c r="M253" s="6">
        <v>8</v>
      </c>
      <c r="N253" s="10" t="s">
        <v>55</v>
      </c>
      <c r="O253" s="6">
        <v>12</v>
      </c>
      <c r="P253" s="6">
        <v>1</v>
      </c>
      <c r="Q253" s="6">
        <v>8</v>
      </c>
    </row>
    <row r="254" spans="1:17">
      <c r="A254" s="9" t="s">
        <v>27</v>
      </c>
      <c r="B254" s="9" t="s">
        <v>57</v>
      </c>
      <c r="C254" s="9" t="s">
        <v>58</v>
      </c>
      <c r="D254" s="9" t="s">
        <v>54</v>
      </c>
      <c r="E254" s="9" t="s">
        <v>47</v>
      </c>
      <c r="F254" s="9" t="s">
        <v>13</v>
      </c>
      <c r="G254" s="6">
        <v>1</v>
      </c>
      <c r="H254" s="6">
        <v>1</v>
      </c>
      <c r="I254" s="6">
        <v>1</v>
      </c>
      <c r="J254" s="10" t="s">
        <v>55</v>
      </c>
      <c r="K254" s="10" t="s">
        <v>55</v>
      </c>
      <c r="L254" s="10" t="s">
        <v>55</v>
      </c>
      <c r="M254" s="10" t="s">
        <v>55</v>
      </c>
      <c r="N254" s="10" t="s">
        <v>55</v>
      </c>
      <c r="O254" s="10" t="s">
        <v>55</v>
      </c>
      <c r="P254" s="10" t="s">
        <v>55</v>
      </c>
      <c r="Q254" s="10" t="s">
        <v>55</v>
      </c>
    </row>
    <row r="255" spans="1:17">
      <c r="A255" s="9" t="s">
        <v>27</v>
      </c>
      <c r="B255" s="9" t="s">
        <v>57</v>
      </c>
      <c r="C255" s="9" t="s">
        <v>58</v>
      </c>
      <c r="D255" s="9" t="s">
        <v>54</v>
      </c>
      <c r="E255" s="9" t="s">
        <v>47</v>
      </c>
      <c r="F255" s="9" t="s">
        <v>14</v>
      </c>
      <c r="G255" s="6">
        <v>4255</v>
      </c>
      <c r="H255" s="6">
        <v>3341</v>
      </c>
      <c r="I255" s="6">
        <v>1156</v>
      </c>
      <c r="J255" s="6">
        <v>43</v>
      </c>
      <c r="K255" s="6">
        <v>2185</v>
      </c>
      <c r="L255" s="6">
        <v>15</v>
      </c>
      <c r="M255" s="6">
        <v>899</v>
      </c>
      <c r="N255" s="10" t="s">
        <v>55</v>
      </c>
      <c r="O255" s="6">
        <v>1008</v>
      </c>
      <c r="P255" s="6">
        <v>43</v>
      </c>
      <c r="Q255" s="6">
        <v>899</v>
      </c>
    </row>
    <row r="256" spans="1:17">
      <c r="A256" s="9" t="s">
        <v>27</v>
      </c>
      <c r="B256" s="9" t="s">
        <v>57</v>
      </c>
      <c r="C256" s="9" t="s">
        <v>58</v>
      </c>
      <c r="D256" s="9" t="s">
        <v>54</v>
      </c>
      <c r="E256" s="9" t="s">
        <v>47</v>
      </c>
      <c r="F256" s="9" t="s">
        <v>18</v>
      </c>
      <c r="G256" s="6">
        <v>176</v>
      </c>
      <c r="H256" s="6">
        <v>110</v>
      </c>
      <c r="I256" s="6">
        <v>53</v>
      </c>
      <c r="J256" s="6">
        <v>4</v>
      </c>
      <c r="K256" s="6">
        <v>57</v>
      </c>
      <c r="L256" s="6">
        <v>1</v>
      </c>
      <c r="M256" s="6">
        <v>65</v>
      </c>
      <c r="N256" s="10" t="s">
        <v>55</v>
      </c>
      <c r="O256" s="6">
        <v>28</v>
      </c>
      <c r="P256" s="6">
        <v>4</v>
      </c>
      <c r="Q256" s="6">
        <v>65</v>
      </c>
    </row>
    <row r="257" spans="1:17">
      <c r="A257" s="9" t="s">
        <v>27</v>
      </c>
      <c r="B257" s="9" t="s">
        <v>57</v>
      </c>
      <c r="C257" s="9" t="s">
        <v>58</v>
      </c>
      <c r="D257" s="9" t="s">
        <v>54</v>
      </c>
      <c r="E257" s="9" t="s">
        <v>48</v>
      </c>
      <c r="F257" s="9" t="s">
        <v>6</v>
      </c>
      <c r="G257" s="6">
        <v>477015</v>
      </c>
      <c r="H257" s="6">
        <v>415213</v>
      </c>
      <c r="I257" s="6">
        <v>328384</v>
      </c>
      <c r="J257" s="6">
        <v>64029</v>
      </c>
      <c r="K257" s="6">
        <v>86829</v>
      </c>
      <c r="L257" s="6">
        <v>5381</v>
      </c>
      <c r="M257" s="6">
        <v>56421</v>
      </c>
      <c r="N257" s="10" t="s">
        <v>55</v>
      </c>
      <c r="O257" s="6">
        <v>66122</v>
      </c>
      <c r="P257" s="6">
        <v>10804</v>
      </c>
      <c r="Q257" s="10" t="s">
        <v>55</v>
      </c>
    </row>
    <row r="258" spans="1:17">
      <c r="A258" s="9" t="s">
        <v>27</v>
      </c>
      <c r="B258" s="9" t="s">
        <v>57</v>
      </c>
      <c r="C258" s="9" t="s">
        <v>58</v>
      </c>
      <c r="D258" s="9" t="s">
        <v>54</v>
      </c>
      <c r="E258" s="9" t="s">
        <v>48</v>
      </c>
      <c r="F258" s="9" t="s">
        <v>7</v>
      </c>
      <c r="G258" s="6">
        <v>340568</v>
      </c>
      <c r="H258" s="6">
        <v>292256</v>
      </c>
      <c r="I258" s="6">
        <v>226763</v>
      </c>
      <c r="J258" s="6">
        <v>44582</v>
      </c>
      <c r="K258" s="6">
        <v>65493</v>
      </c>
      <c r="L258" s="6">
        <v>4098</v>
      </c>
      <c r="M258" s="6">
        <v>44214</v>
      </c>
      <c r="N258" s="10" t="s">
        <v>55</v>
      </c>
      <c r="O258" s="6">
        <v>49786</v>
      </c>
      <c r="P258" s="6">
        <v>6165</v>
      </c>
      <c r="Q258" s="10" t="s">
        <v>55</v>
      </c>
    </row>
    <row r="259" spans="1:17">
      <c r="A259" s="9" t="s">
        <v>27</v>
      </c>
      <c r="B259" s="9" t="s">
        <v>57</v>
      </c>
      <c r="C259" s="9" t="s">
        <v>58</v>
      </c>
      <c r="D259" s="9" t="s">
        <v>54</v>
      </c>
      <c r="E259" s="9" t="s">
        <v>48</v>
      </c>
      <c r="F259" s="9" t="s">
        <v>8</v>
      </c>
      <c r="G259" s="6">
        <v>328637</v>
      </c>
      <c r="H259" s="6">
        <v>282392</v>
      </c>
      <c r="I259" s="6">
        <v>219132</v>
      </c>
      <c r="J259" s="6">
        <v>43386</v>
      </c>
      <c r="K259" s="6">
        <v>63260</v>
      </c>
      <c r="L259" s="6">
        <v>3849</v>
      </c>
      <c r="M259" s="6">
        <v>42396</v>
      </c>
      <c r="N259" s="10" t="s">
        <v>55</v>
      </c>
      <c r="O259" s="6">
        <v>48131</v>
      </c>
      <c r="P259" s="6">
        <v>6009</v>
      </c>
      <c r="Q259" s="10" t="s">
        <v>55</v>
      </c>
    </row>
    <row r="260" spans="1:17">
      <c r="A260" s="9" t="s">
        <v>27</v>
      </c>
      <c r="B260" s="9" t="s">
        <v>57</v>
      </c>
      <c r="C260" s="9" t="s">
        <v>58</v>
      </c>
      <c r="D260" s="9" t="s">
        <v>54</v>
      </c>
      <c r="E260" s="9" t="s">
        <v>48</v>
      </c>
      <c r="F260" s="9" t="s">
        <v>13</v>
      </c>
      <c r="G260" s="6">
        <v>11931</v>
      </c>
      <c r="H260" s="6">
        <v>9864</v>
      </c>
      <c r="I260" s="6">
        <v>7631</v>
      </c>
      <c r="J260" s="6">
        <v>1196</v>
      </c>
      <c r="K260" s="6">
        <v>2233</v>
      </c>
      <c r="L260" s="6">
        <v>249</v>
      </c>
      <c r="M260" s="6">
        <v>1818</v>
      </c>
      <c r="N260" s="10" t="s">
        <v>55</v>
      </c>
      <c r="O260" s="6">
        <v>1655</v>
      </c>
      <c r="P260" s="6">
        <v>156</v>
      </c>
      <c r="Q260" s="10" t="s">
        <v>55</v>
      </c>
    </row>
    <row r="261" spans="1:17">
      <c r="A261" s="9" t="s">
        <v>27</v>
      </c>
      <c r="B261" s="9" t="s">
        <v>57</v>
      </c>
      <c r="C261" s="9" t="s">
        <v>58</v>
      </c>
      <c r="D261" s="9" t="s">
        <v>54</v>
      </c>
      <c r="E261" s="9" t="s">
        <v>48</v>
      </c>
      <c r="F261" s="9" t="s">
        <v>14</v>
      </c>
      <c r="G261" s="6">
        <v>107467</v>
      </c>
      <c r="H261" s="6">
        <v>100701</v>
      </c>
      <c r="I261" s="6">
        <v>82081</v>
      </c>
      <c r="J261" s="6">
        <v>16638</v>
      </c>
      <c r="K261" s="6">
        <v>18620</v>
      </c>
      <c r="L261" s="6">
        <v>681</v>
      </c>
      <c r="M261" s="6">
        <v>6085</v>
      </c>
      <c r="N261" s="10" t="s">
        <v>55</v>
      </c>
      <c r="O261" s="6">
        <v>14230</v>
      </c>
      <c r="P261" s="6">
        <v>4463</v>
      </c>
      <c r="Q261" s="10" t="s">
        <v>55</v>
      </c>
    </row>
    <row r="262" spans="1:17">
      <c r="A262" s="9" t="s">
        <v>27</v>
      </c>
      <c r="B262" s="9" t="s">
        <v>57</v>
      </c>
      <c r="C262" s="9" t="s">
        <v>58</v>
      </c>
      <c r="D262" s="9" t="s">
        <v>54</v>
      </c>
      <c r="E262" s="9" t="s">
        <v>48</v>
      </c>
      <c r="F262" s="9" t="s">
        <v>18</v>
      </c>
      <c r="G262" s="6">
        <v>28980</v>
      </c>
      <c r="H262" s="6">
        <v>22256</v>
      </c>
      <c r="I262" s="6">
        <v>19540</v>
      </c>
      <c r="J262" s="6">
        <v>2809</v>
      </c>
      <c r="K262" s="6">
        <v>2716</v>
      </c>
      <c r="L262" s="6">
        <v>602</v>
      </c>
      <c r="M262" s="6">
        <v>6122</v>
      </c>
      <c r="N262" s="10" t="s">
        <v>55</v>
      </c>
      <c r="O262" s="6">
        <v>2106</v>
      </c>
      <c r="P262" s="6">
        <v>176</v>
      </c>
      <c r="Q262" s="10" t="s">
        <v>55</v>
      </c>
    </row>
    <row r="263" spans="1:17">
      <c r="A263" s="9" t="s">
        <v>27</v>
      </c>
      <c r="B263" s="9" t="s">
        <v>57</v>
      </c>
      <c r="C263" s="9" t="s">
        <v>58</v>
      </c>
      <c r="D263" s="9" t="s">
        <v>54</v>
      </c>
      <c r="E263" s="9" t="s">
        <v>49</v>
      </c>
      <c r="F263" s="9" t="s">
        <v>6</v>
      </c>
      <c r="G263" s="6">
        <v>278955</v>
      </c>
      <c r="H263" s="6">
        <v>214790</v>
      </c>
      <c r="I263" s="6">
        <v>151874</v>
      </c>
      <c r="J263" s="6">
        <v>85299</v>
      </c>
      <c r="K263" s="6">
        <v>62916</v>
      </c>
      <c r="L263" s="6">
        <v>1500</v>
      </c>
      <c r="M263" s="6">
        <v>62665</v>
      </c>
      <c r="N263" s="10" t="s">
        <v>55</v>
      </c>
      <c r="O263" s="6">
        <v>37354</v>
      </c>
      <c r="P263" s="6">
        <v>83371</v>
      </c>
      <c r="Q263" s="6">
        <v>62665</v>
      </c>
    </row>
    <row r="264" spans="1:17">
      <c r="A264" s="9" t="s">
        <v>27</v>
      </c>
      <c r="B264" s="9" t="s">
        <v>57</v>
      </c>
      <c r="C264" s="9" t="s">
        <v>58</v>
      </c>
      <c r="D264" s="9" t="s">
        <v>54</v>
      </c>
      <c r="E264" s="9" t="s">
        <v>49</v>
      </c>
      <c r="F264" s="9" t="s">
        <v>7</v>
      </c>
      <c r="G264" s="6">
        <v>61322</v>
      </c>
      <c r="H264" s="6">
        <v>49917</v>
      </c>
      <c r="I264" s="6">
        <v>35778</v>
      </c>
      <c r="J264" s="6">
        <v>20441</v>
      </c>
      <c r="K264" s="6">
        <v>14139</v>
      </c>
      <c r="L264" s="6">
        <v>435</v>
      </c>
      <c r="M264" s="6">
        <v>10970</v>
      </c>
      <c r="N264" s="10" t="s">
        <v>55</v>
      </c>
      <c r="O264" s="6">
        <v>9329</v>
      </c>
      <c r="P264" s="6">
        <v>19651</v>
      </c>
      <c r="Q264" s="6">
        <v>10970</v>
      </c>
    </row>
    <row r="265" spans="1:17">
      <c r="A265" s="9" t="s">
        <v>27</v>
      </c>
      <c r="B265" s="9" t="s">
        <v>57</v>
      </c>
      <c r="C265" s="9" t="s">
        <v>58</v>
      </c>
      <c r="D265" s="9" t="s">
        <v>54</v>
      </c>
      <c r="E265" s="9" t="s">
        <v>49</v>
      </c>
      <c r="F265" s="9" t="s">
        <v>8</v>
      </c>
      <c r="G265" s="6">
        <v>60373</v>
      </c>
      <c r="H265" s="6">
        <v>49302</v>
      </c>
      <c r="I265" s="6">
        <v>35287</v>
      </c>
      <c r="J265" s="6">
        <v>20182</v>
      </c>
      <c r="K265" s="6">
        <v>14015</v>
      </c>
      <c r="L265" s="6">
        <v>420</v>
      </c>
      <c r="M265" s="6">
        <v>10651</v>
      </c>
      <c r="N265" s="10" t="s">
        <v>55</v>
      </c>
      <c r="O265" s="6">
        <v>9268</v>
      </c>
      <c r="P265" s="6">
        <v>19418</v>
      </c>
      <c r="Q265" s="6">
        <v>10651</v>
      </c>
    </row>
    <row r="266" spans="1:17">
      <c r="A266" s="9" t="s">
        <v>27</v>
      </c>
      <c r="B266" s="9" t="s">
        <v>57</v>
      </c>
      <c r="C266" s="9" t="s">
        <v>58</v>
      </c>
      <c r="D266" s="9" t="s">
        <v>54</v>
      </c>
      <c r="E266" s="9" t="s">
        <v>49</v>
      </c>
      <c r="F266" s="9" t="s">
        <v>13</v>
      </c>
      <c r="G266" s="6">
        <v>949</v>
      </c>
      <c r="H266" s="6">
        <v>615</v>
      </c>
      <c r="I266" s="6">
        <v>491</v>
      </c>
      <c r="J266" s="6">
        <v>259</v>
      </c>
      <c r="K266" s="6">
        <v>124</v>
      </c>
      <c r="L266" s="6">
        <v>15</v>
      </c>
      <c r="M266" s="6">
        <v>319</v>
      </c>
      <c r="N266" s="10" t="s">
        <v>55</v>
      </c>
      <c r="O266" s="6">
        <v>61</v>
      </c>
      <c r="P266" s="6">
        <v>233</v>
      </c>
      <c r="Q266" s="6">
        <v>319</v>
      </c>
    </row>
    <row r="267" spans="1:17">
      <c r="A267" s="9" t="s">
        <v>27</v>
      </c>
      <c r="B267" s="9" t="s">
        <v>57</v>
      </c>
      <c r="C267" s="9" t="s">
        <v>58</v>
      </c>
      <c r="D267" s="9" t="s">
        <v>54</v>
      </c>
      <c r="E267" s="9" t="s">
        <v>49</v>
      </c>
      <c r="F267" s="9" t="s">
        <v>14</v>
      </c>
      <c r="G267" s="6">
        <v>203794</v>
      </c>
      <c r="H267" s="6">
        <v>156249</v>
      </c>
      <c r="I267" s="6">
        <v>109261</v>
      </c>
      <c r="J267" s="6">
        <v>60564</v>
      </c>
      <c r="K267" s="6">
        <v>46988</v>
      </c>
      <c r="L267" s="6">
        <v>924</v>
      </c>
      <c r="M267" s="6">
        <v>46621</v>
      </c>
      <c r="N267" s="10" t="s">
        <v>55</v>
      </c>
      <c r="O267" s="6">
        <v>26932</v>
      </c>
      <c r="P267" s="6">
        <v>59502</v>
      </c>
      <c r="Q267" s="6">
        <v>46621</v>
      </c>
    </row>
    <row r="268" spans="1:17">
      <c r="A268" s="9" t="s">
        <v>27</v>
      </c>
      <c r="B268" s="9" t="s">
        <v>57</v>
      </c>
      <c r="C268" s="9" t="s">
        <v>58</v>
      </c>
      <c r="D268" s="9" t="s">
        <v>54</v>
      </c>
      <c r="E268" s="9" t="s">
        <v>49</v>
      </c>
      <c r="F268" s="9" t="s">
        <v>18</v>
      </c>
      <c r="G268" s="6">
        <v>13839</v>
      </c>
      <c r="H268" s="6">
        <v>8624</v>
      </c>
      <c r="I268" s="6">
        <v>6835</v>
      </c>
      <c r="J268" s="6">
        <v>4294</v>
      </c>
      <c r="K268" s="6">
        <v>1789</v>
      </c>
      <c r="L268" s="6">
        <v>141</v>
      </c>
      <c r="M268" s="6">
        <v>5074</v>
      </c>
      <c r="N268" s="10" t="s">
        <v>55</v>
      </c>
      <c r="O268" s="6">
        <v>1093</v>
      </c>
      <c r="P268" s="6">
        <v>4218</v>
      </c>
      <c r="Q268" s="6">
        <v>5074</v>
      </c>
    </row>
    <row r="269" spans="1:17">
      <c r="A269" s="9" t="s">
        <v>27</v>
      </c>
      <c r="B269" s="9" t="s">
        <v>57</v>
      </c>
      <c r="C269" s="9" t="s">
        <v>58</v>
      </c>
      <c r="D269" s="9" t="s">
        <v>54</v>
      </c>
      <c r="E269" s="9" t="s">
        <v>50</v>
      </c>
      <c r="F269" s="9" t="s">
        <v>6</v>
      </c>
      <c r="G269" s="6">
        <v>147061</v>
      </c>
      <c r="H269" s="6">
        <v>106487</v>
      </c>
      <c r="I269" s="6">
        <v>67295</v>
      </c>
      <c r="J269" s="6">
        <v>32742</v>
      </c>
      <c r="K269" s="6">
        <v>39192</v>
      </c>
      <c r="L269" s="6">
        <v>676</v>
      </c>
      <c r="M269" s="6">
        <v>39898</v>
      </c>
      <c r="N269" s="10" t="s">
        <v>55</v>
      </c>
      <c r="O269" s="6">
        <v>22285</v>
      </c>
      <c r="P269" s="6">
        <v>32696</v>
      </c>
      <c r="Q269" s="6">
        <v>39898</v>
      </c>
    </row>
    <row r="270" spans="1:17">
      <c r="A270" s="9" t="s">
        <v>27</v>
      </c>
      <c r="B270" s="9" t="s">
        <v>57</v>
      </c>
      <c r="C270" s="9" t="s">
        <v>58</v>
      </c>
      <c r="D270" s="9" t="s">
        <v>54</v>
      </c>
      <c r="E270" s="9" t="s">
        <v>50</v>
      </c>
      <c r="F270" s="9" t="s">
        <v>7</v>
      </c>
      <c r="G270" s="6">
        <v>13318</v>
      </c>
      <c r="H270" s="6">
        <v>10835</v>
      </c>
      <c r="I270" s="6">
        <v>6912</v>
      </c>
      <c r="J270" s="6">
        <v>3431</v>
      </c>
      <c r="K270" s="6">
        <v>3923</v>
      </c>
      <c r="L270" s="6">
        <v>92</v>
      </c>
      <c r="M270" s="6">
        <v>2391</v>
      </c>
      <c r="N270" s="10" t="s">
        <v>55</v>
      </c>
      <c r="O270" s="6">
        <v>2545</v>
      </c>
      <c r="P270" s="6">
        <v>3418</v>
      </c>
      <c r="Q270" s="6">
        <v>2391</v>
      </c>
    </row>
    <row r="271" spans="1:17">
      <c r="A271" s="9" t="s">
        <v>27</v>
      </c>
      <c r="B271" s="9" t="s">
        <v>57</v>
      </c>
      <c r="C271" s="9" t="s">
        <v>58</v>
      </c>
      <c r="D271" s="9" t="s">
        <v>54</v>
      </c>
      <c r="E271" s="9" t="s">
        <v>50</v>
      </c>
      <c r="F271" s="9" t="s">
        <v>8</v>
      </c>
      <c r="G271" s="6">
        <v>13198</v>
      </c>
      <c r="H271" s="6">
        <v>10752</v>
      </c>
      <c r="I271" s="6">
        <v>6848</v>
      </c>
      <c r="J271" s="6">
        <v>3399</v>
      </c>
      <c r="K271" s="6">
        <v>3904</v>
      </c>
      <c r="L271" s="6">
        <v>90</v>
      </c>
      <c r="M271" s="6">
        <v>2356</v>
      </c>
      <c r="N271" s="10" t="s">
        <v>55</v>
      </c>
      <c r="O271" s="6">
        <v>2538</v>
      </c>
      <c r="P271" s="6">
        <v>3386</v>
      </c>
      <c r="Q271" s="6">
        <v>2356</v>
      </c>
    </row>
    <row r="272" spans="1:17">
      <c r="A272" s="9" t="s">
        <v>27</v>
      </c>
      <c r="B272" s="9" t="s">
        <v>57</v>
      </c>
      <c r="C272" s="9" t="s">
        <v>58</v>
      </c>
      <c r="D272" s="9" t="s">
        <v>54</v>
      </c>
      <c r="E272" s="9" t="s">
        <v>50</v>
      </c>
      <c r="F272" s="9" t="s">
        <v>13</v>
      </c>
      <c r="G272" s="6">
        <v>120</v>
      </c>
      <c r="H272" s="6">
        <v>83</v>
      </c>
      <c r="I272" s="6">
        <v>64</v>
      </c>
      <c r="J272" s="6">
        <v>32</v>
      </c>
      <c r="K272" s="6">
        <v>19</v>
      </c>
      <c r="L272" s="6">
        <v>2</v>
      </c>
      <c r="M272" s="6">
        <v>35</v>
      </c>
      <c r="N272" s="10" t="s">
        <v>55</v>
      </c>
      <c r="O272" s="6">
        <v>7</v>
      </c>
      <c r="P272" s="6">
        <v>32</v>
      </c>
      <c r="Q272" s="6">
        <v>35</v>
      </c>
    </row>
    <row r="273" spans="1:17">
      <c r="A273" s="9" t="s">
        <v>27</v>
      </c>
      <c r="B273" s="9" t="s">
        <v>57</v>
      </c>
      <c r="C273" s="9" t="s">
        <v>58</v>
      </c>
      <c r="D273" s="9" t="s">
        <v>54</v>
      </c>
      <c r="E273" s="9" t="s">
        <v>50</v>
      </c>
      <c r="F273" s="9" t="s">
        <v>14</v>
      </c>
      <c r="G273" s="6">
        <v>124921</v>
      </c>
      <c r="H273" s="6">
        <v>90540</v>
      </c>
      <c r="I273" s="6">
        <v>56415</v>
      </c>
      <c r="J273" s="6">
        <v>26862</v>
      </c>
      <c r="K273" s="6">
        <v>34125</v>
      </c>
      <c r="L273" s="6">
        <v>501</v>
      </c>
      <c r="M273" s="6">
        <v>33880</v>
      </c>
      <c r="N273" s="10" t="s">
        <v>55</v>
      </c>
      <c r="O273" s="6">
        <v>19048</v>
      </c>
      <c r="P273" s="6">
        <v>26833</v>
      </c>
      <c r="Q273" s="6">
        <v>33880</v>
      </c>
    </row>
    <row r="274" spans="1:17">
      <c r="A274" s="9" t="s">
        <v>27</v>
      </c>
      <c r="B274" s="9" t="s">
        <v>57</v>
      </c>
      <c r="C274" s="9" t="s">
        <v>58</v>
      </c>
      <c r="D274" s="9" t="s">
        <v>54</v>
      </c>
      <c r="E274" s="9" t="s">
        <v>50</v>
      </c>
      <c r="F274" s="9" t="s">
        <v>18</v>
      </c>
      <c r="G274" s="6">
        <v>8822</v>
      </c>
      <c r="H274" s="6">
        <v>5112</v>
      </c>
      <c r="I274" s="6">
        <v>3968</v>
      </c>
      <c r="J274" s="6">
        <v>2449</v>
      </c>
      <c r="K274" s="6">
        <v>1144</v>
      </c>
      <c r="L274" s="6">
        <v>83</v>
      </c>
      <c r="M274" s="6">
        <v>3627</v>
      </c>
      <c r="N274" s="10" t="s">
        <v>55</v>
      </c>
      <c r="O274" s="6">
        <v>692</v>
      </c>
      <c r="P274" s="6">
        <v>2445</v>
      </c>
      <c r="Q274" s="6">
        <v>3627</v>
      </c>
    </row>
    <row r="275" spans="1:17">
      <c r="A275" s="9" t="s">
        <v>27</v>
      </c>
      <c r="B275" s="9" t="s">
        <v>57</v>
      </c>
      <c r="C275" s="9" t="s">
        <v>58</v>
      </c>
      <c r="D275" s="9" t="s">
        <v>54</v>
      </c>
      <c r="E275" s="9" t="s">
        <v>51</v>
      </c>
      <c r="F275" s="9" t="s">
        <v>6</v>
      </c>
      <c r="G275" s="6">
        <v>52901</v>
      </c>
      <c r="H275" s="6">
        <v>37111</v>
      </c>
      <c r="I275" s="6">
        <v>17676</v>
      </c>
      <c r="J275" s="6">
        <v>5007</v>
      </c>
      <c r="K275" s="6">
        <v>19435</v>
      </c>
      <c r="L275" s="6">
        <v>221</v>
      </c>
      <c r="M275" s="6">
        <v>15569</v>
      </c>
      <c r="N275" s="10" t="s">
        <v>55</v>
      </c>
      <c r="O275" s="6">
        <v>9857</v>
      </c>
      <c r="P275" s="6">
        <v>5002</v>
      </c>
      <c r="Q275" s="6">
        <v>15569</v>
      </c>
    </row>
    <row r="276" spans="1:17">
      <c r="A276" s="9" t="s">
        <v>27</v>
      </c>
      <c r="B276" s="9" t="s">
        <v>57</v>
      </c>
      <c r="C276" s="9" t="s">
        <v>58</v>
      </c>
      <c r="D276" s="9" t="s">
        <v>54</v>
      </c>
      <c r="E276" s="9" t="s">
        <v>51</v>
      </c>
      <c r="F276" s="9" t="s">
        <v>7</v>
      </c>
      <c r="G276" s="6">
        <v>1729</v>
      </c>
      <c r="H276" s="6">
        <v>1378</v>
      </c>
      <c r="I276" s="6">
        <v>683</v>
      </c>
      <c r="J276" s="6">
        <v>195</v>
      </c>
      <c r="K276" s="6">
        <v>695</v>
      </c>
      <c r="L276" s="6">
        <v>14</v>
      </c>
      <c r="M276" s="6">
        <v>337</v>
      </c>
      <c r="N276" s="10" t="s">
        <v>55</v>
      </c>
      <c r="O276" s="6">
        <v>363</v>
      </c>
      <c r="P276" s="6">
        <v>192</v>
      </c>
      <c r="Q276" s="6">
        <v>337</v>
      </c>
    </row>
    <row r="277" spans="1:17">
      <c r="A277" s="9" t="s">
        <v>27</v>
      </c>
      <c r="B277" s="9" t="s">
        <v>57</v>
      </c>
      <c r="C277" s="9" t="s">
        <v>58</v>
      </c>
      <c r="D277" s="9" t="s">
        <v>54</v>
      </c>
      <c r="E277" s="9" t="s">
        <v>51</v>
      </c>
      <c r="F277" s="9" t="s">
        <v>8</v>
      </c>
      <c r="G277" s="6">
        <v>1712</v>
      </c>
      <c r="H277" s="6">
        <v>1365</v>
      </c>
      <c r="I277" s="6">
        <v>677</v>
      </c>
      <c r="J277" s="6">
        <v>194</v>
      </c>
      <c r="K277" s="6">
        <v>688</v>
      </c>
      <c r="L277" s="6">
        <v>13</v>
      </c>
      <c r="M277" s="6">
        <v>334</v>
      </c>
      <c r="N277" s="10" t="s">
        <v>55</v>
      </c>
      <c r="O277" s="6">
        <v>361</v>
      </c>
      <c r="P277" s="6">
        <v>191</v>
      </c>
      <c r="Q277" s="6">
        <v>334</v>
      </c>
    </row>
    <row r="278" spans="1:17">
      <c r="A278" s="9" t="s">
        <v>27</v>
      </c>
      <c r="B278" s="9" t="s">
        <v>57</v>
      </c>
      <c r="C278" s="9" t="s">
        <v>58</v>
      </c>
      <c r="D278" s="9" t="s">
        <v>54</v>
      </c>
      <c r="E278" s="9" t="s">
        <v>51</v>
      </c>
      <c r="F278" s="9" t="s">
        <v>13</v>
      </c>
      <c r="G278" s="6">
        <v>17</v>
      </c>
      <c r="H278" s="6">
        <v>13</v>
      </c>
      <c r="I278" s="6">
        <v>6</v>
      </c>
      <c r="J278" s="6">
        <v>1</v>
      </c>
      <c r="K278" s="6">
        <v>7</v>
      </c>
      <c r="L278" s="6">
        <v>1</v>
      </c>
      <c r="M278" s="6">
        <v>3</v>
      </c>
      <c r="N278" s="10" t="s">
        <v>55</v>
      </c>
      <c r="O278" s="6">
        <v>2</v>
      </c>
      <c r="P278" s="6">
        <v>1</v>
      </c>
      <c r="Q278" s="6">
        <v>3</v>
      </c>
    </row>
    <row r="279" spans="1:17">
      <c r="A279" s="9" t="s">
        <v>27</v>
      </c>
      <c r="B279" s="9" t="s">
        <v>57</v>
      </c>
      <c r="C279" s="9" t="s">
        <v>58</v>
      </c>
      <c r="D279" s="9" t="s">
        <v>54</v>
      </c>
      <c r="E279" s="9" t="s">
        <v>51</v>
      </c>
      <c r="F279" s="9" t="s">
        <v>14</v>
      </c>
      <c r="G279" s="6">
        <v>48346</v>
      </c>
      <c r="H279" s="6">
        <v>34260</v>
      </c>
      <c r="I279" s="6">
        <v>15988</v>
      </c>
      <c r="J279" s="6">
        <v>4404</v>
      </c>
      <c r="K279" s="6">
        <v>18272</v>
      </c>
      <c r="L279" s="6">
        <v>178</v>
      </c>
      <c r="M279" s="6">
        <v>13908</v>
      </c>
      <c r="N279" s="10" t="s">
        <v>55</v>
      </c>
      <c r="O279" s="6">
        <v>9239</v>
      </c>
      <c r="P279" s="6">
        <v>4402</v>
      </c>
      <c r="Q279" s="6">
        <v>13908</v>
      </c>
    </row>
    <row r="280" spans="1:17">
      <c r="A280" s="9" t="s">
        <v>27</v>
      </c>
      <c r="B280" s="9" t="s">
        <v>57</v>
      </c>
      <c r="C280" s="9" t="s">
        <v>58</v>
      </c>
      <c r="D280" s="9" t="s">
        <v>54</v>
      </c>
      <c r="E280" s="9" t="s">
        <v>51</v>
      </c>
      <c r="F280" s="9" t="s">
        <v>18</v>
      </c>
      <c r="G280" s="6">
        <v>2826</v>
      </c>
      <c r="H280" s="6">
        <v>1473</v>
      </c>
      <c r="I280" s="6">
        <v>1005</v>
      </c>
      <c r="J280" s="6">
        <v>408</v>
      </c>
      <c r="K280" s="6">
        <v>468</v>
      </c>
      <c r="L280" s="6">
        <v>29</v>
      </c>
      <c r="M280" s="6">
        <v>1324</v>
      </c>
      <c r="N280" s="10" t="s">
        <v>55</v>
      </c>
      <c r="O280" s="6">
        <v>255</v>
      </c>
      <c r="P280" s="6">
        <v>408</v>
      </c>
      <c r="Q280" s="6">
        <v>1324</v>
      </c>
    </row>
    <row r="281" spans="1:17">
      <c r="A281" s="9" t="s">
        <v>27</v>
      </c>
      <c r="B281" s="9" t="s">
        <v>57</v>
      </c>
      <c r="C281" s="9" t="s">
        <v>58</v>
      </c>
      <c r="D281" s="9" t="s">
        <v>54</v>
      </c>
      <c r="E281" s="9" t="s">
        <v>52</v>
      </c>
      <c r="F281" s="9" t="s">
        <v>6</v>
      </c>
      <c r="G281" s="6">
        <v>505990</v>
      </c>
      <c r="H281" s="6">
        <v>435546</v>
      </c>
      <c r="I281" s="6">
        <v>343644</v>
      </c>
      <c r="J281" s="6">
        <v>90391</v>
      </c>
      <c r="K281" s="6">
        <v>91902</v>
      </c>
      <c r="L281" s="6">
        <v>5626</v>
      </c>
      <c r="M281" s="6">
        <v>64818</v>
      </c>
      <c r="N281" s="10" t="s">
        <v>55</v>
      </c>
      <c r="O281" s="6">
        <v>66783</v>
      </c>
      <c r="P281" s="6">
        <v>35580</v>
      </c>
      <c r="Q281" s="6">
        <v>10160</v>
      </c>
    </row>
    <row r="282" spans="1:17">
      <c r="A282" s="9" t="s">
        <v>27</v>
      </c>
      <c r="B282" s="9" t="s">
        <v>57</v>
      </c>
      <c r="C282" s="9" t="s">
        <v>58</v>
      </c>
      <c r="D282" s="9" t="s">
        <v>54</v>
      </c>
      <c r="E282" s="9" t="s">
        <v>52</v>
      </c>
      <c r="F282" s="9" t="s">
        <v>7</v>
      </c>
      <c r="G282" s="6">
        <v>364461</v>
      </c>
      <c r="H282" s="6">
        <v>311952</v>
      </c>
      <c r="I282" s="6">
        <v>241137</v>
      </c>
      <c r="J282" s="6">
        <v>54988</v>
      </c>
      <c r="K282" s="6">
        <v>70815</v>
      </c>
      <c r="L282" s="6">
        <v>4248</v>
      </c>
      <c r="M282" s="6">
        <v>48261</v>
      </c>
      <c r="N282" s="10" t="s">
        <v>55</v>
      </c>
      <c r="O282" s="6">
        <v>52958</v>
      </c>
      <c r="P282" s="6">
        <v>15873</v>
      </c>
      <c r="Q282" s="6">
        <v>4961</v>
      </c>
    </row>
    <row r="283" spans="1:17">
      <c r="A283" s="9" t="s">
        <v>27</v>
      </c>
      <c r="B283" s="9" t="s">
        <v>57</v>
      </c>
      <c r="C283" s="9" t="s">
        <v>58</v>
      </c>
      <c r="D283" s="9" t="s">
        <v>54</v>
      </c>
      <c r="E283" s="9" t="s">
        <v>52</v>
      </c>
      <c r="F283" s="9" t="s">
        <v>8</v>
      </c>
      <c r="G283" s="6">
        <v>352267</v>
      </c>
      <c r="H283" s="6">
        <v>301983</v>
      </c>
      <c r="I283" s="6">
        <v>233393</v>
      </c>
      <c r="J283" s="6">
        <v>53626</v>
      </c>
      <c r="K283" s="6">
        <v>68590</v>
      </c>
      <c r="L283" s="6">
        <v>3991</v>
      </c>
      <c r="M283" s="6">
        <v>46293</v>
      </c>
      <c r="N283" s="10" t="s">
        <v>55</v>
      </c>
      <c r="O283" s="6">
        <v>51348</v>
      </c>
      <c r="P283" s="6">
        <v>15575</v>
      </c>
      <c r="Q283" s="6">
        <v>4767</v>
      </c>
    </row>
    <row r="284" spans="1:17">
      <c r="A284" s="9" t="s">
        <v>27</v>
      </c>
      <c r="B284" s="9" t="s">
        <v>57</v>
      </c>
      <c r="C284" s="9" t="s">
        <v>58</v>
      </c>
      <c r="D284" s="9" t="s">
        <v>54</v>
      </c>
      <c r="E284" s="9" t="s">
        <v>52</v>
      </c>
      <c r="F284" s="9" t="s">
        <v>13</v>
      </c>
      <c r="G284" s="6">
        <v>12194</v>
      </c>
      <c r="H284" s="6">
        <v>9969</v>
      </c>
      <c r="I284" s="6">
        <v>7744</v>
      </c>
      <c r="J284" s="6">
        <v>1362</v>
      </c>
      <c r="K284" s="6">
        <v>2225</v>
      </c>
      <c r="L284" s="6">
        <v>257</v>
      </c>
      <c r="M284" s="6">
        <v>1968</v>
      </c>
      <c r="N284" s="10" t="s">
        <v>55</v>
      </c>
      <c r="O284" s="6">
        <v>1610</v>
      </c>
      <c r="P284" s="6">
        <v>298</v>
      </c>
      <c r="Q284" s="6">
        <v>194</v>
      </c>
    </row>
    <row r="285" spans="1:17">
      <c r="A285" s="9" t="s">
        <v>27</v>
      </c>
      <c r="B285" s="9" t="s">
        <v>57</v>
      </c>
      <c r="C285" s="9" t="s">
        <v>58</v>
      </c>
      <c r="D285" s="9" t="s">
        <v>54</v>
      </c>
      <c r="E285" s="9" t="s">
        <v>52</v>
      </c>
      <c r="F285" s="9" t="s">
        <v>14</v>
      </c>
      <c r="G285" s="6">
        <v>112954</v>
      </c>
      <c r="H285" s="6">
        <v>102171</v>
      </c>
      <c r="I285" s="6">
        <v>83807</v>
      </c>
      <c r="J285" s="6">
        <v>31926</v>
      </c>
      <c r="K285" s="6">
        <v>18364</v>
      </c>
      <c r="L285" s="6">
        <v>781</v>
      </c>
      <c r="M285" s="6">
        <v>10002</v>
      </c>
      <c r="N285" s="10" t="s">
        <v>55</v>
      </c>
      <c r="O285" s="6">
        <v>11798</v>
      </c>
      <c r="P285" s="6">
        <v>18905</v>
      </c>
      <c r="Q285" s="6">
        <v>4668</v>
      </c>
    </row>
    <row r="286" spans="1:17">
      <c r="A286" s="9" t="s">
        <v>27</v>
      </c>
      <c r="B286" s="9" t="s">
        <v>57</v>
      </c>
      <c r="C286" s="9" t="s">
        <v>58</v>
      </c>
      <c r="D286" s="9" t="s">
        <v>54</v>
      </c>
      <c r="E286" s="9" t="s">
        <v>52</v>
      </c>
      <c r="F286" s="9" t="s">
        <v>18</v>
      </c>
      <c r="G286" s="6">
        <v>28575</v>
      </c>
      <c r="H286" s="6">
        <v>21423</v>
      </c>
      <c r="I286" s="6">
        <v>18700</v>
      </c>
      <c r="J286" s="6">
        <v>3477</v>
      </c>
      <c r="K286" s="6">
        <v>2723</v>
      </c>
      <c r="L286" s="6">
        <v>597</v>
      </c>
      <c r="M286" s="6">
        <v>6555</v>
      </c>
      <c r="N286" s="10" t="s">
        <v>55</v>
      </c>
      <c r="O286" s="6">
        <v>2027</v>
      </c>
      <c r="P286" s="6">
        <v>802</v>
      </c>
      <c r="Q286" s="6">
        <v>531</v>
      </c>
    </row>
    <row r="287" spans="1:17">
      <c r="A287" s="9" t="s">
        <v>56</v>
      </c>
      <c r="B287" s="9" t="s">
        <v>57</v>
      </c>
      <c r="C287" s="9" t="s">
        <v>59</v>
      </c>
      <c r="D287" s="9" t="s">
        <v>54</v>
      </c>
      <c r="E287" s="9" t="s">
        <v>30</v>
      </c>
      <c r="F287" s="9" t="s">
        <v>6</v>
      </c>
      <c r="G287" s="6">
        <v>54687</v>
      </c>
      <c r="H287" s="6">
        <v>45621</v>
      </c>
      <c r="I287" s="6">
        <v>31669</v>
      </c>
      <c r="J287" s="6">
        <v>10245</v>
      </c>
      <c r="K287" s="6">
        <v>13952</v>
      </c>
      <c r="L287" s="6">
        <v>565</v>
      </c>
      <c r="M287" s="6">
        <v>8501</v>
      </c>
      <c r="N287" s="10" t="s">
        <v>55</v>
      </c>
      <c r="O287" s="6">
        <v>10017</v>
      </c>
      <c r="P287" s="6">
        <v>6738</v>
      </c>
      <c r="Q287" s="6">
        <v>4604</v>
      </c>
    </row>
    <row r="288" spans="1:17">
      <c r="A288" s="9" t="s">
        <v>56</v>
      </c>
      <c r="B288" s="9" t="s">
        <v>57</v>
      </c>
      <c r="C288" s="9" t="s">
        <v>59</v>
      </c>
      <c r="D288" s="9" t="s">
        <v>54</v>
      </c>
      <c r="E288" s="9" t="s">
        <v>30</v>
      </c>
      <c r="F288" s="9" t="s">
        <v>7</v>
      </c>
      <c r="G288" s="6">
        <v>28628</v>
      </c>
      <c r="H288" s="6">
        <v>24188</v>
      </c>
      <c r="I288" s="6">
        <v>16713</v>
      </c>
      <c r="J288" s="6">
        <v>4217</v>
      </c>
      <c r="K288" s="6">
        <v>7475</v>
      </c>
      <c r="L288" s="6">
        <v>393</v>
      </c>
      <c r="M288" s="6">
        <v>4047</v>
      </c>
      <c r="N288" s="10" t="s">
        <v>55</v>
      </c>
      <c r="O288" s="6">
        <v>5803</v>
      </c>
      <c r="P288" s="6">
        <v>1756</v>
      </c>
      <c r="Q288" s="6">
        <v>757</v>
      </c>
    </row>
    <row r="289" spans="1:17">
      <c r="A289" s="9" t="s">
        <v>56</v>
      </c>
      <c r="B289" s="9" t="s">
        <v>57</v>
      </c>
      <c r="C289" s="9" t="s">
        <v>59</v>
      </c>
      <c r="D289" s="9" t="s">
        <v>54</v>
      </c>
      <c r="E289" s="9" t="s">
        <v>30</v>
      </c>
      <c r="F289" s="9" t="s">
        <v>8</v>
      </c>
      <c r="G289" s="6">
        <v>27707</v>
      </c>
      <c r="H289" s="6">
        <v>23416</v>
      </c>
      <c r="I289" s="6">
        <v>16147</v>
      </c>
      <c r="J289" s="6">
        <v>4126</v>
      </c>
      <c r="K289" s="6">
        <v>7269</v>
      </c>
      <c r="L289" s="6">
        <v>374</v>
      </c>
      <c r="M289" s="6">
        <v>3917</v>
      </c>
      <c r="N289" s="10" t="s">
        <v>55</v>
      </c>
      <c r="O289" s="6">
        <v>5641</v>
      </c>
      <c r="P289" s="6">
        <v>1731</v>
      </c>
      <c r="Q289" s="6">
        <v>729</v>
      </c>
    </row>
    <row r="290" spans="1:17">
      <c r="A290" s="9" t="s">
        <v>56</v>
      </c>
      <c r="B290" s="9" t="s">
        <v>57</v>
      </c>
      <c r="C290" s="9" t="s">
        <v>59</v>
      </c>
      <c r="D290" s="9" t="s">
        <v>54</v>
      </c>
      <c r="E290" s="9" t="s">
        <v>30</v>
      </c>
      <c r="F290" s="9" t="s">
        <v>13</v>
      </c>
      <c r="G290" s="6">
        <v>921</v>
      </c>
      <c r="H290" s="6">
        <v>772</v>
      </c>
      <c r="I290" s="6">
        <v>566</v>
      </c>
      <c r="J290" s="6">
        <v>91</v>
      </c>
      <c r="K290" s="6">
        <v>206</v>
      </c>
      <c r="L290" s="6">
        <v>19</v>
      </c>
      <c r="M290" s="6">
        <v>130</v>
      </c>
      <c r="N290" s="10" t="s">
        <v>55</v>
      </c>
      <c r="O290" s="6">
        <v>162</v>
      </c>
      <c r="P290" s="6">
        <v>25</v>
      </c>
      <c r="Q290" s="6">
        <v>28</v>
      </c>
    </row>
    <row r="291" spans="1:17">
      <c r="A291" s="9" t="s">
        <v>56</v>
      </c>
      <c r="B291" s="9" t="s">
        <v>57</v>
      </c>
      <c r="C291" s="9" t="s">
        <v>59</v>
      </c>
      <c r="D291" s="9" t="s">
        <v>54</v>
      </c>
      <c r="E291" s="9" t="s">
        <v>30</v>
      </c>
      <c r="F291" s="9" t="s">
        <v>14</v>
      </c>
      <c r="G291" s="6">
        <v>23618</v>
      </c>
      <c r="H291" s="6">
        <v>19507</v>
      </c>
      <c r="I291" s="6">
        <v>13459</v>
      </c>
      <c r="J291" s="6">
        <v>5774</v>
      </c>
      <c r="K291" s="6">
        <v>6048</v>
      </c>
      <c r="L291" s="6">
        <v>133</v>
      </c>
      <c r="M291" s="6">
        <v>3978</v>
      </c>
      <c r="N291" s="10" t="s">
        <v>55</v>
      </c>
      <c r="O291" s="6">
        <v>3869</v>
      </c>
      <c r="P291" s="6">
        <v>4902</v>
      </c>
      <c r="Q291" s="6">
        <v>3703</v>
      </c>
    </row>
    <row r="292" spans="1:17">
      <c r="A292" s="9" t="s">
        <v>56</v>
      </c>
      <c r="B292" s="9" t="s">
        <v>57</v>
      </c>
      <c r="C292" s="9" t="s">
        <v>59</v>
      </c>
      <c r="D292" s="9" t="s">
        <v>54</v>
      </c>
      <c r="E292" s="9" t="s">
        <v>30</v>
      </c>
      <c r="F292" s="9" t="s">
        <v>18</v>
      </c>
      <c r="G292" s="6">
        <v>2441</v>
      </c>
      <c r="H292" s="6">
        <v>1926</v>
      </c>
      <c r="I292" s="6">
        <v>1497</v>
      </c>
      <c r="J292" s="6">
        <v>254</v>
      </c>
      <c r="K292" s="6">
        <v>429</v>
      </c>
      <c r="L292" s="6">
        <v>39</v>
      </c>
      <c r="M292" s="6">
        <v>476</v>
      </c>
      <c r="N292" s="10" t="s">
        <v>55</v>
      </c>
      <c r="O292" s="6">
        <v>345</v>
      </c>
      <c r="P292" s="6">
        <v>80</v>
      </c>
      <c r="Q292" s="6">
        <v>144</v>
      </c>
    </row>
    <row r="293" spans="1:17">
      <c r="A293" s="9" t="s">
        <v>56</v>
      </c>
      <c r="B293" s="9" t="s">
        <v>57</v>
      </c>
      <c r="C293" s="9" t="s">
        <v>59</v>
      </c>
      <c r="D293" s="9" t="s">
        <v>54</v>
      </c>
      <c r="E293" s="9" t="s">
        <v>31</v>
      </c>
      <c r="F293" s="9" t="s">
        <v>6</v>
      </c>
      <c r="G293" s="6">
        <v>2480</v>
      </c>
      <c r="H293" s="6">
        <v>2418</v>
      </c>
      <c r="I293" s="6">
        <v>1701</v>
      </c>
      <c r="J293" s="6">
        <v>2</v>
      </c>
      <c r="K293" s="6">
        <v>717</v>
      </c>
      <c r="L293" s="6">
        <v>16</v>
      </c>
      <c r="M293" s="6">
        <v>46</v>
      </c>
      <c r="N293" s="10" t="s">
        <v>55</v>
      </c>
      <c r="O293" s="6">
        <v>693</v>
      </c>
      <c r="P293" s="10" t="s">
        <v>55</v>
      </c>
      <c r="Q293" s="10" t="s">
        <v>55</v>
      </c>
    </row>
    <row r="294" spans="1:17">
      <c r="A294" s="9" t="s">
        <v>56</v>
      </c>
      <c r="B294" s="9" t="s">
        <v>57</v>
      </c>
      <c r="C294" s="9" t="s">
        <v>59</v>
      </c>
      <c r="D294" s="9" t="s">
        <v>54</v>
      </c>
      <c r="E294" s="9" t="s">
        <v>31</v>
      </c>
      <c r="F294" s="9" t="s">
        <v>7</v>
      </c>
      <c r="G294" s="6">
        <v>292</v>
      </c>
      <c r="H294" s="6">
        <v>252</v>
      </c>
      <c r="I294" s="6">
        <v>178</v>
      </c>
      <c r="J294" s="10" t="s">
        <v>55</v>
      </c>
      <c r="K294" s="6">
        <v>74</v>
      </c>
      <c r="L294" s="6">
        <v>4</v>
      </c>
      <c r="M294" s="6">
        <v>36</v>
      </c>
      <c r="N294" s="10" t="s">
        <v>55</v>
      </c>
      <c r="O294" s="6">
        <v>66</v>
      </c>
      <c r="P294" s="10" t="s">
        <v>55</v>
      </c>
      <c r="Q294" s="10" t="s">
        <v>55</v>
      </c>
    </row>
    <row r="295" spans="1:17">
      <c r="A295" s="9" t="s">
        <v>56</v>
      </c>
      <c r="B295" s="9" t="s">
        <v>57</v>
      </c>
      <c r="C295" s="9" t="s">
        <v>59</v>
      </c>
      <c r="D295" s="9" t="s">
        <v>54</v>
      </c>
      <c r="E295" s="9" t="s">
        <v>31</v>
      </c>
      <c r="F295" s="9" t="s">
        <v>8</v>
      </c>
      <c r="G295" s="6">
        <v>269</v>
      </c>
      <c r="H295" s="6">
        <v>229</v>
      </c>
      <c r="I295" s="6">
        <v>163</v>
      </c>
      <c r="J295" s="10" t="s">
        <v>55</v>
      </c>
      <c r="K295" s="6">
        <v>66</v>
      </c>
      <c r="L295" s="6">
        <v>4</v>
      </c>
      <c r="M295" s="6">
        <v>36</v>
      </c>
      <c r="N295" s="10" t="s">
        <v>55</v>
      </c>
      <c r="O295" s="6">
        <v>59</v>
      </c>
      <c r="P295" s="10" t="s">
        <v>55</v>
      </c>
      <c r="Q295" s="10" t="s">
        <v>55</v>
      </c>
    </row>
    <row r="296" spans="1:17">
      <c r="A296" s="9" t="s">
        <v>56</v>
      </c>
      <c r="B296" s="9" t="s">
        <v>57</v>
      </c>
      <c r="C296" s="9" t="s">
        <v>59</v>
      </c>
      <c r="D296" s="9" t="s">
        <v>54</v>
      </c>
      <c r="E296" s="9" t="s">
        <v>31</v>
      </c>
      <c r="F296" s="9" t="s">
        <v>13</v>
      </c>
      <c r="G296" s="6">
        <v>23</v>
      </c>
      <c r="H296" s="6">
        <v>23</v>
      </c>
      <c r="I296" s="6">
        <v>15</v>
      </c>
      <c r="J296" s="10" t="s">
        <v>55</v>
      </c>
      <c r="K296" s="6">
        <v>8</v>
      </c>
      <c r="L296" s="10" t="s">
        <v>55</v>
      </c>
      <c r="M296" s="10" t="s">
        <v>55</v>
      </c>
      <c r="N296" s="10" t="s">
        <v>55</v>
      </c>
      <c r="O296" s="6">
        <v>7</v>
      </c>
      <c r="P296" s="10" t="s">
        <v>55</v>
      </c>
      <c r="Q296" s="10" t="s">
        <v>55</v>
      </c>
    </row>
    <row r="297" spans="1:17">
      <c r="A297" s="9" t="s">
        <v>56</v>
      </c>
      <c r="B297" s="9" t="s">
        <v>57</v>
      </c>
      <c r="C297" s="9" t="s">
        <v>59</v>
      </c>
      <c r="D297" s="9" t="s">
        <v>54</v>
      </c>
      <c r="E297" s="9" t="s">
        <v>31</v>
      </c>
      <c r="F297" s="9" t="s">
        <v>14</v>
      </c>
      <c r="G297" s="6">
        <v>2014</v>
      </c>
      <c r="H297" s="6">
        <v>1998</v>
      </c>
      <c r="I297" s="6">
        <v>1392</v>
      </c>
      <c r="J297" s="6">
        <v>1</v>
      </c>
      <c r="K297" s="6">
        <v>606</v>
      </c>
      <c r="L297" s="6">
        <v>8</v>
      </c>
      <c r="M297" s="6">
        <v>8</v>
      </c>
      <c r="N297" s="10" t="s">
        <v>55</v>
      </c>
      <c r="O297" s="6">
        <v>591</v>
      </c>
      <c r="P297" s="10" t="s">
        <v>55</v>
      </c>
      <c r="Q297" s="10" t="s">
        <v>55</v>
      </c>
    </row>
    <row r="298" spans="1:17">
      <c r="A298" s="9" t="s">
        <v>56</v>
      </c>
      <c r="B298" s="9" t="s">
        <v>57</v>
      </c>
      <c r="C298" s="9" t="s">
        <v>59</v>
      </c>
      <c r="D298" s="9" t="s">
        <v>54</v>
      </c>
      <c r="E298" s="9" t="s">
        <v>31</v>
      </c>
      <c r="F298" s="9" t="s">
        <v>18</v>
      </c>
      <c r="G298" s="6">
        <v>174</v>
      </c>
      <c r="H298" s="6">
        <v>168</v>
      </c>
      <c r="I298" s="6">
        <v>131</v>
      </c>
      <c r="J298" s="6">
        <v>1</v>
      </c>
      <c r="K298" s="6">
        <v>37</v>
      </c>
      <c r="L298" s="6">
        <v>4</v>
      </c>
      <c r="M298" s="6">
        <v>2</v>
      </c>
      <c r="N298" s="10" t="s">
        <v>55</v>
      </c>
      <c r="O298" s="6">
        <v>36</v>
      </c>
      <c r="P298" s="10" t="s">
        <v>55</v>
      </c>
      <c r="Q298" s="10" t="s">
        <v>55</v>
      </c>
    </row>
    <row r="299" spans="1:17">
      <c r="A299" s="9" t="s">
        <v>56</v>
      </c>
      <c r="B299" s="9" t="s">
        <v>57</v>
      </c>
      <c r="C299" s="9" t="s">
        <v>59</v>
      </c>
      <c r="D299" s="9" t="s">
        <v>54</v>
      </c>
      <c r="E299" s="9" t="s">
        <v>32</v>
      </c>
      <c r="F299" s="9" t="s">
        <v>6</v>
      </c>
      <c r="G299" s="6">
        <v>2304</v>
      </c>
      <c r="H299" s="6">
        <v>1615</v>
      </c>
      <c r="I299" s="6">
        <v>1052</v>
      </c>
      <c r="J299" s="6">
        <v>56</v>
      </c>
      <c r="K299" s="6">
        <v>563</v>
      </c>
      <c r="L299" s="6">
        <v>75</v>
      </c>
      <c r="M299" s="6">
        <v>614</v>
      </c>
      <c r="N299" s="10" t="s">
        <v>55</v>
      </c>
      <c r="O299" s="6">
        <v>532</v>
      </c>
      <c r="P299" s="10" t="s">
        <v>55</v>
      </c>
      <c r="Q299" s="10" t="s">
        <v>55</v>
      </c>
    </row>
    <row r="300" spans="1:17">
      <c r="A300" s="9" t="s">
        <v>56</v>
      </c>
      <c r="B300" s="9" t="s">
        <v>57</v>
      </c>
      <c r="C300" s="9" t="s">
        <v>59</v>
      </c>
      <c r="D300" s="9" t="s">
        <v>54</v>
      </c>
      <c r="E300" s="9" t="s">
        <v>32</v>
      </c>
      <c r="F300" s="9" t="s">
        <v>7</v>
      </c>
      <c r="G300" s="6">
        <v>1729</v>
      </c>
      <c r="H300" s="6">
        <v>1108</v>
      </c>
      <c r="I300" s="6">
        <v>706</v>
      </c>
      <c r="J300" s="6">
        <v>44</v>
      </c>
      <c r="K300" s="6">
        <v>402</v>
      </c>
      <c r="L300" s="6">
        <v>65</v>
      </c>
      <c r="M300" s="6">
        <v>556</v>
      </c>
      <c r="N300" s="10" t="s">
        <v>55</v>
      </c>
      <c r="O300" s="6">
        <v>382</v>
      </c>
      <c r="P300" s="10" t="s">
        <v>55</v>
      </c>
      <c r="Q300" s="10" t="s">
        <v>55</v>
      </c>
    </row>
    <row r="301" spans="1:17">
      <c r="A301" s="9" t="s">
        <v>56</v>
      </c>
      <c r="B301" s="9" t="s">
        <v>57</v>
      </c>
      <c r="C301" s="9" t="s">
        <v>59</v>
      </c>
      <c r="D301" s="9" t="s">
        <v>54</v>
      </c>
      <c r="E301" s="9" t="s">
        <v>32</v>
      </c>
      <c r="F301" s="9" t="s">
        <v>8</v>
      </c>
      <c r="G301" s="6">
        <v>1631</v>
      </c>
      <c r="H301" s="6">
        <v>1016</v>
      </c>
      <c r="I301" s="6">
        <v>649</v>
      </c>
      <c r="J301" s="6">
        <v>42</v>
      </c>
      <c r="K301" s="6">
        <v>367</v>
      </c>
      <c r="L301" s="6">
        <v>61</v>
      </c>
      <c r="M301" s="6">
        <v>554</v>
      </c>
      <c r="N301" s="10" t="s">
        <v>55</v>
      </c>
      <c r="O301" s="6">
        <v>352</v>
      </c>
      <c r="P301" s="10" t="s">
        <v>55</v>
      </c>
      <c r="Q301" s="10" t="s">
        <v>55</v>
      </c>
    </row>
    <row r="302" spans="1:17">
      <c r="A302" s="9" t="s">
        <v>56</v>
      </c>
      <c r="B302" s="9" t="s">
        <v>57</v>
      </c>
      <c r="C302" s="9" t="s">
        <v>59</v>
      </c>
      <c r="D302" s="9" t="s">
        <v>54</v>
      </c>
      <c r="E302" s="9" t="s">
        <v>32</v>
      </c>
      <c r="F302" s="9" t="s">
        <v>13</v>
      </c>
      <c r="G302" s="6">
        <v>98</v>
      </c>
      <c r="H302" s="6">
        <v>92</v>
      </c>
      <c r="I302" s="6">
        <v>57</v>
      </c>
      <c r="J302" s="6">
        <v>2</v>
      </c>
      <c r="K302" s="6">
        <v>35</v>
      </c>
      <c r="L302" s="6">
        <v>4</v>
      </c>
      <c r="M302" s="6">
        <v>2</v>
      </c>
      <c r="N302" s="10" t="s">
        <v>55</v>
      </c>
      <c r="O302" s="6">
        <v>30</v>
      </c>
      <c r="P302" s="10" t="s">
        <v>55</v>
      </c>
      <c r="Q302" s="10" t="s">
        <v>55</v>
      </c>
    </row>
    <row r="303" spans="1:17">
      <c r="A303" s="9" t="s">
        <v>56</v>
      </c>
      <c r="B303" s="9" t="s">
        <v>57</v>
      </c>
      <c r="C303" s="9" t="s">
        <v>59</v>
      </c>
      <c r="D303" s="9" t="s">
        <v>54</v>
      </c>
      <c r="E303" s="9" t="s">
        <v>32</v>
      </c>
      <c r="F303" s="9" t="s">
        <v>14</v>
      </c>
      <c r="G303" s="6">
        <v>393</v>
      </c>
      <c r="H303" s="6">
        <v>379</v>
      </c>
      <c r="I303" s="6">
        <v>247</v>
      </c>
      <c r="J303" s="6">
        <v>8</v>
      </c>
      <c r="K303" s="6">
        <v>132</v>
      </c>
      <c r="L303" s="6">
        <v>6</v>
      </c>
      <c r="M303" s="6">
        <v>8</v>
      </c>
      <c r="N303" s="10" t="s">
        <v>55</v>
      </c>
      <c r="O303" s="6">
        <v>125</v>
      </c>
      <c r="P303" s="10" t="s">
        <v>55</v>
      </c>
      <c r="Q303" s="10" t="s">
        <v>55</v>
      </c>
    </row>
    <row r="304" spans="1:17">
      <c r="A304" s="9" t="s">
        <v>56</v>
      </c>
      <c r="B304" s="9" t="s">
        <v>57</v>
      </c>
      <c r="C304" s="9" t="s">
        <v>59</v>
      </c>
      <c r="D304" s="9" t="s">
        <v>54</v>
      </c>
      <c r="E304" s="9" t="s">
        <v>32</v>
      </c>
      <c r="F304" s="9" t="s">
        <v>18</v>
      </c>
      <c r="G304" s="6">
        <v>182</v>
      </c>
      <c r="H304" s="6">
        <v>128</v>
      </c>
      <c r="I304" s="6">
        <v>99</v>
      </c>
      <c r="J304" s="6">
        <v>4</v>
      </c>
      <c r="K304" s="6">
        <v>29</v>
      </c>
      <c r="L304" s="6">
        <v>4</v>
      </c>
      <c r="M304" s="6">
        <v>50</v>
      </c>
      <c r="N304" s="10" t="s">
        <v>55</v>
      </c>
      <c r="O304" s="6">
        <v>25</v>
      </c>
      <c r="P304" s="10" t="s">
        <v>55</v>
      </c>
      <c r="Q304" s="10" t="s">
        <v>55</v>
      </c>
    </row>
    <row r="305" spans="1:17">
      <c r="A305" s="9" t="s">
        <v>56</v>
      </c>
      <c r="B305" s="9" t="s">
        <v>57</v>
      </c>
      <c r="C305" s="9" t="s">
        <v>59</v>
      </c>
      <c r="D305" s="9" t="s">
        <v>54</v>
      </c>
      <c r="E305" s="9" t="s">
        <v>33</v>
      </c>
      <c r="F305" s="9" t="s">
        <v>6</v>
      </c>
      <c r="G305" s="6">
        <v>2517</v>
      </c>
      <c r="H305" s="6">
        <v>1767</v>
      </c>
      <c r="I305" s="6">
        <v>1264</v>
      </c>
      <c r="J305" s="6">
        <v>173</v>
      </c>
      <c r="K305" s="6">
        <v>503</v>
      </c>
      <c r="L305" s="6">
        <v>70</v>
      </c>
      <c r="M305" s="6">
        <v>680</v>
      </c>
      <c r="N305" s="10" t="s">
        <v>55</v>
      </c>
      <c r="O305" s="6">
        <v>475</v>
      </c>
      <c r="P305" s="10" t="s">
        <v>55</v>
      </c>
      <c r="Q305" s="10" t="s">
        <v>55</v>
      </c>
    </row>
    <row r="306" spans="1:17">
      <c r="A306" s="9" t="s">
        <v>56</v>
      </c>
      <c r="B306" s="9" t="s">
        <v>57</v>
      </c>
      <c r="C306" s="9" t="s">
        <v>59</v>
      </c>
      <c r="D306" s="9" t="s">
        <v>54</v>
      </c>
      <c r="E306" s="9" t="s">
        <v>33</v>
      </c>
      <c r="F306" s="9" t="s">
        <v>7</v>
      </c>
      <c r="G306" s="6">
        <v>2062</v>
      </c>
      <c r="H306" s="6">
        <v>1382</v>
      </c>
      <c r="I306" s="6">
        <v>954</v>
      </c>
      <c r="J306" s="6">
        <v>134</v>
      </c>
      <c r="K306" s="6">
        <v>428</v>
      </c>
      <c r="L306" s="6">
        <v>59</v>
      </c>
      <c r="M306" s="6">
        <v>621</v>
      </c>
      <c r="N306" s="10" t="s">
        <v>55</v>
      </c>
      <c r="O306" s="6">
        <v>414</v>
      </c>
      <c r="P306" s="10" t="s">
        <v>55</v>
      </c>
      <c r="Q306" s="10" t="s">
        <v>55</v>
      </c>
    </row>
    <row r="307" spans="1:17">
      <c r="A307" s="9" t="s">
        <v>56</v>
      </c>
      <c r="B307" s="9" t="s">
        <v>57</v>
      </c>
      <c r="C307" s="9" t="s">
        <v>59</v>
      </c>
      <c r="D307" s="9" t="s">
        <v>54</v>
      </c>
      <c r="E307" s="9" t="s">
        <v>33</v>
      </c>
      <c r="F307" s="9" t="s">
        <v>8</v>
      </c>
      <c r="G307" s="6">
        <v>1983</v>
      </c>
      <c r="H307" s="6">
        <v>1311</v>
      </c>
      <c r="I307" s="6">
        <v>904</v>
      </c>
      <c r="J307" s="6">
        <v>130</v>
      </c>
      <c r="K307" s="6">
        <v>407</v>
      </c>
      <c r="L307" s="6">
        <v>56</v>
      </c>
      <c r="M307" s="6">
        <v>616</v>
      </c>
      <c r="N307" s="10" t="s">
        <v>55</v>
      </c>
      <c r="O307" s="6">
        <v>395</v>
      </c>
      <c r="P307" s="10" t="s">
        <v>55</v>
      </c>
      <c r="Q307" s="10" t="s">
        <v>55</v>
      </c>
    </row>
    <row r="308" spans="1:17">
      <c r="A308" s="9" t="s">
        <v>56</v>
      </c>
      <c r="B308" s="9" t="s">
        <v>57</v>
      </c>
      <c r="C308" s="9" t="s">
        <v>59</v>
      </c>
      <c r="D308" s="9" t="s">
        <v>54</v>
      </c>
      <c r="E308" s="9" t="s">
        <v>33</v>
      </c>
      <c r="F308" s="9" t="s">
        <v>13</v>
      </c>
      <c r="G308" s="6">
        <v>79</v>
      </c>
      <c r="H308" s="6">
        <v>71</v>
      </c>
      <c r="I308" s="6">
        <v>50</v>
      </c>
      <c r="J308" s="6">
        <v>4</v>
      </c>
      <c r="K308" s="6">
        <v>21</v>
      </c>
      <c r="L308" s="6">
        <v>3</v>
      </c>
      <c r="M308" s="6">
        <v>5</v>
      </c>
      <c r="N308" s="10" t="s">
        <v>55</v>
      </c>
      <c r="O308" s="6">
        <v>19</v>
      </c>
      <c r="P308" s="10" t="s">
        <v>55</v>
      </c>
      <c r="Q308" s="10" t="s">
        <v>55</v>
      </c>
    </row>
    <row r="309" spans="1:17">
      <c r="A309" s="9" t="s">
        <v>56</v>
      </c>
      <c r="B309" s="9" t="s">
        <v>57</v>
      </c>
      <c r="C309" s="9" t="s">
        <v>59</v>
      </c>
      <c r="D309" s="9" t="s">
        <v>54</v>
      </c>
      <c r="E309" s="9" t="s">
        <v>33</v>
      </c>
      <c r="F309" s="9" t="s">
        <v>14</v>
      </c>
      <c r="G309" s="6">
        <v>233</v>
      </c>
      <c r="H309" s="6">
        <v>229</v>
      </c>
      <c r="I309" s="6">
        <v>180</v>
      </c>
      <c r="J309" s="6">
        <v>22</v>
      </c>
      <c r="K309" s="6">
        <v>49</v>
      </c>
      <c r="L309" s="6">
        <v>4</v>
      </c>
      <c r="M309" s="10" t="s">
        <v>55</v>
      </c>
      <c r="N309" s="10" t="s">
        <v>55</v>
      </c>
      <c r="O309" s="6">
        <v>39</v>
      </c>
      <c r="P309" s="10" t="s">
        <v>55</v>
      </c>
      <c r="Q309" s="10" t="s">
        <v>55</v>
      </c>
    </row>
    <row r="310" spans="1:17">
      <c r="A310" s="9" t="s">
        <v>56</v>
      </c>
      <c r="B310" s="9" t="s">
        <v>57</v>
      </c>
      <c r="C310" s="9" t="s">
        <v>59</v>
      </c>
      <c r="D310" s="9" t="s">
        <v>54</v>
      </c>
      <c r="E310" s="9" t="s">
        <v>33</v>
      </c>
      <c r="F310" s="9" t="s">
        <v>18</v>
      </c>
      <c r="G310" s="6">
        <v>222</v>
      </c>
      <c r="H310" s="6">
        <v>156</v>
      </c>
      <c r="I310" s="6">
        <v>130</v>
      </c>
      <c r="J310" s="6">
        <v>17</v>
      </c>
      <c r="K310" s="6">
        <v>26</v>
      </c>
      <c r="L310" s="6">
        <v>7</v>
      </c>
      <c r="M310" s="6">
        <v>59</v>
      </c>
      <c r="N310" s="10" t="s">
        <v>55</v>
      </c>
      <c r="O310" s="6">
        <v>22</v>
      </c>
      <c r="P310" s="10" t="s">
        <v>55</v>
      </c>
      <c r="Q310" s="10" t="s">
        <v>55</v>
      </c>
    </row>
    <row r="311" spans="1:17">
      <c r="A311" s="9" t="s">
        <v>56</v>
      </c>
      <c r="B311" s="9" t="s">
        <v>57</v>
      </c>
      <c r="C311" s="9" t="s">
        <v>59</v>
      </c>
      <c r="D311" s="9" t="s">
        <v>54</v>
      </c>
      <c r="E311" s="9" t="s">
        <v>34</v>
      </c>
      <c r="F311" s="9" t="s">
        <v>6</v>
      </c>
      <c r="G311" s="6">
        <v>2900</v>
      </c>
      <c r="H311" s="6">
        <v>2443</v>
      </c>
      <c r="I311" s="6">
        <v>1863</v>
      </c>
      <c r="J311" s="6">
        <v>201</v>
      </c>
      <c r="K311" s="6">
        <v>580</v>
      </c>
      <c r="L311" s="6">
        <v>48</v>
      </c>
      <c r="M311" s="6">
        <v>409</v>
      </c>
      <c r="N311" s="10" t="s">
        <v>55</v>
      </c>
      <c r="O311" s="6">
        <v>535</v>
      </c>
      <c r="P311" s="10" t="s">
        <v>55</v>
      </c>
      <c r="Q311" s="10" t="s">
        <v>55</v>
      </c>
    </row>
    <row r="312" spans="1:17">
      <c r="A312" s="9" t="s">
        <v>56</v>
      </c>
      <c r="B312" s="9" t="s">
        <v>57</v>
      </c>
      <c r="C312" s="9" t="s">
        <v>59</v>
      </c>
      <c r="D312" s="9" t="s">
        <v>54</v>
      </c>
      <c r="E312" s="9" t="s">
        <v>34</v>
      </c>
      <c r="F312" s="9" t="s">
        <v>7</v>
      </c>
      <c r="G312" s="6">
        <v>2289</v>
      </c>
      <c r="H312" s="6">
        <v>1898</v>
      </c>
      <c r="I312" s="6">
        <v>1397</v>
      </c>
      <c r="J312" s="6">
        <v>143</v>
      </c>
      <c r="K312" s="6">
        <v>501</v>
      </c>
      <c r="L312" s="6">
        <v>40</v>
      </c>
      <c r="M312" s="6">
        <v>351</v>
      </c>
      <c r="N312" s="10" t="s">
        <v>55</v>
      </c>
      <c r="O312" s="6">
        <v>468</v>
      </c>
      <c r="P312" s="10" t="s">
        <v>55</v>
      </c>
      <c r="Q312" s="10" t="s">
        <v>55</v>
      </c>
    </row>
    <row r="313" spans="1:17">
      <c r="A313" s="9" t="s">
        <v>56</v>
      </c>
      <c r="B313" s="9" t="s">
        <v>57</v>
      </c>
      <c r="C313" s="9" t="s">
        <v>59</v>
      </c>
      <c r="D313" s="9" t="s">
        <v>54</v>
      </c>
      <c r="E313" s="9" t="s">
        <v>34</v>
      </c>
      <c r="F313" s="9" t="s">
        <v>8</v>
      </c>
      <c r="G313" s="6">
        <v>2183</v>
      </c>
      <c r="H313" s="6">
        <v>1798</v>
      </c>
      <c r="I313" s="6">
        <v>1322</v>
      </c>
      <c r="J313" s="6">
        <v>138</v>
      </c>
      <c r="K313" s="6">
        <v>476</v>
      </c>
      <c r="L313" s="6">
        <v>38</v>
      </c>
      <c r="M313" s="6">
        <v>347</v>
      </c>
      <c r="N313" s="10" t="s">
        <v>55</v>
      </c>
      <c r="O313" s="6">
        <v>445</v>
      </c>
      <c r="P313" s="10" t="s">
        <v>55</v>
      </c>
      <c r="Q313" s="10" t="s">
        <v>55</v>
      </c>
    </row>
    <row r="314" spans="1:17">
      <c r="A314" s="9" t="s">
        <v>56</v>
      </c>
      <c r="B314" s="9" t="s">
        <v>57</v>
      </c>
      <c r="C314" s="9" t="s">
        <v>59</v>
      </c>
      <c r="D314" s="9" t="s">
        <v>54</v>
      </c>
      <c r="E314" s="9" t="s">
        <v>34</v>
      </c>
      <c r="F314" s="9" t="s">
        <v>13</v>
      </c>
      <c r="G314" s="6">
        <v>106</v>
      </c>
      <c r="H314" s="6">
        <v>100</v>
      </c>
      <c r="I314" s="6">
        <v>75</v>
      </c>
      <c r="J314" s="6">
        <v>5</v>
      </c>
      <c r="K314" s="6">
        <v>25</v>
      </c>
      <c r="L314" s="6">
        <v>2</v>
      </c>
      <c r="M314" s="6">
        <v>4</v>
      </c>
      <c r="N314" s="10" t="s">
        <v>55</v>
      </c>
      <c r="O314" s="6">
        <v>23</v>
      </c>
      <c r="P314" s="10" t="s">
        <v>55</v>
      </c>
      <c r="Q314" s="10" t="s">
        <v>55</v>
      </c>
    </row>
    <row r="315" spans="1:17">
      <c r="A315" s="9" t="s">
        <v>56</v>
      </c>
      <c r="B315" s="9" t="s">
        <v>57</v>
      </c>
      <c r="C315" s="9" t="s">
        <v>59</v>
      </c>
      <c r="D315" s="9" t="s">
        <v>54</v>
      </c>
      <c r="E315" s="9" t="s">
        <v>34</v>
      </c>
      <c r="F315" s="9" t="s">
        <v>14</v>
      </c>
      <c r="G315" s="6">
        <v>349</v>
      </c>
      <c r="H315" s="6">
        <v>340</v>
      </c>
      <c r="I315" s="6">
        <v>284</v>
      </c>
      <c r="J315" s="6">
        <v>35</v>
      </c>
      <c r="K315" s="6">
        <v>56</v>
      </c>
      <c r="L315" s="6">
        <v>4</v>
      </c>
      <c r="M315" s="6">
        <v>5</v>
      </c>
      <c r="N315" s="10" t="s">
        <v>55</v>
      </c>
      <c r="O315" s="6">
        <v>51</v>
      </c>
      <c r="P315" s="10" t="s">
        <v>55</v>
      </c>
      <c r="Q315" s="10" t="s">
        <v>55</v>
      </c>
    </row>
    <row r="316" spans="1:17">
      <c r="A316" s="9" t="s">
        <v>56</v>
      </c>
      <c r="B316" s="9" t="s">
        <v>57</v>
      </c>
      <c r="C316" s="9" t="s">
        <v>59</v>
      </c>
      <c r="D316" s="9" t="s">
        <v>54</v>
      </c>
      <c r="E316" s="9" t="s">
        <v>34</v>
      </c>
      <c r="F316" s="9" t="s">
        <v>18</v>
      </c>
      <c r="G316" s="6">
        <v>262</v>
      </c>
      <c r="H316" s="6">
        <v>205</v>
      </c>
      <c r="I316" s="6">
        <v>182</v>
      </c>
      <c r="J316" s="6">
        <v>23</v>
      </c>
      <c r="K316" s="6">
        <v>23</v>
      </c>
      <c r="L316" s="6">
        <v>4</v>
      </c>
      <c r="M316" s="6">
        <v>53</v>
      </c>
      <c r="N316" s="10" t="s">
        <v>55</v>
      </c>
      <c r="O316" s="6">
        <v>16</v>
      </c>
      <c r="P316" s="10" t="s">
        <v>55</v>
      </c>
      <c r="Q316" s="10" t="s">
        <v>55</v>
      </c>
    </row>
    <row r="317" spans="1:17">
      <c r="A317" s="9" t="s">
        <v>56</v>
      </c>
      <c r="B317" s="9" t="s">
        <v>57</v>
      </c>
      <c r="C317" s="9" t="s">
        <v>59</v>
      </c>
      <c r="D317" s="9" t="s">
        <v>54</v>
      </c>
      <c r="E317" s="9" t="s">
        <v>35</v>
      </c>
      <c r="F317" s="9" t="s">
        <v>6</v>
      </c>
      <c r="G317" s="6">
        <v>3256</v>
      </c>
      <c r="H317" s="6">
        <v>2935</v>
      </c>
      <c r="I317" s="6">
        <v>2206</v>
      </c>
      <c r="J317" s="6">
        <v>152</v>
      </c>
      <c r="K317" s="6">
        <v>729</v>
      </c>
      <c r="L317" s="6">
        <v>36</v>
      </c>
      <c r="M317" s="6">
        <v>285</v>
      </c>
      <c r="N317" s="10" t="s">
        <v>55</v>
      </c>
      <c r="O317" s="6">
        <v>664</v>
      </c>
      <c r="P317" s="10" t="s">
        <v>55</v>
      </c>
      <c r="Q317" s="10" t="s">
        <v>55</v>
      </c>
    </row>
    <row r="318" spans="1:17">
      <c r="A318" s="9" t="s">
        <v>56</v>
      </c>
      <c r="B318" s="9" t="s">
        <v>57</v>
      </c>
      <c r="C318" s="9" t="s">
        <v>59</v>
      </c>
      <c r="D318" s="9" t="s">
        <v>54</v>
      </c>
      <c r="E318" s="9" t="s">
        <v>35</v>
      </c>
      <c r="F318" s="9" t="s">
        <v>7</v>
      </c>
      <c r="G318" s="6">
        <v>2661</v>
      </c>
      <c r="H318" s="6">
        <v>2373</v>
      </c>
      <c r="I318" s="6">
        <v>1743</v>
      </c>
      <c r="J318" s="6">
        <v>111</v>
      </c>
      <c r="K318" s="6">
        <v>630</v>
      </c>
      <c r="L318" s="6">
        <v>31</v>
      </c>
      <c r="M318" s="6">
        <v>257</v>
      </c>
      <c r="N318" s="10" t="s">
        <v>55</v>
      </c>
      <c r="O318" s="6">
        <v>579</v>
      </c>
      <c r="P318" s="10" t="s">
        <v>55</v>
      </c>
      <c r="Q318" s="10" t="s">
        <v>55</v>
      </c>
    </row>
    <row r="319" spans="1:17">
      <c r="A319" s="9" t="s">
        <v>56</v>
      </c>
      <c r="B319" s="9" t="s">
        <v>57</v>
      </c>
      <c r="C319" s="9" t="s">
        <v>59</v>
      </c>
      <c r="D319" s="9" t="s">
        <v>54</v>
      </c>
      <c r="E319" s="9" t="s">
        <v>35</v>
      </c>
      <c r="F319" s="9" t="s">
        <v>8</v>
      </c>
      <c r="G319" s="6">
        <v>2585</v>
      </c>
      <c r="H319" s="6">
        <v>2307</v>
      </c>
      <c r="I319" s="6">
        <v>1694</v>
      </c>
      <c r="J319" s="6">
        <v>109</v>
      </c>
      <c r="K319" s="6">
        <v>613</v>
      </c>
      <c r="L319" s="6">
        <v>29</v>
      </c>
      <c r="M319" s="6">
        <v>249</v>
      </c>
      <c r="N319" s="10" t="s">
        <v>55</v>
      </c>
      <c r="O319" s="6">
        <v>563</v>
      </c>
      <c r="P319" s="10" t="s">
        <v>55</v>
      </c>
      <c r="Q319" s="10" t="s">
        <v>55</v>
      </c>
    </row>
    <row r="320" spans="1:17">
      <c r="A320" s="9" t="s">
        <v>56</v>
      </c>
      <c r="B320" s="9" t="s">
        <v>57</v>
      </c>
      <c r="C320" s="9" t="s">
        <v>59</v>
      </c>
      <c r="D320" s="9" t="s">
        <v>54</v>
      </c>
      <c r="E320" s="9" t="s">
        <v>35</v>
      </c>
      <c r="F320" s="9" t="s">
        <v>13</v>
      </c>
      <c r="G320" s="6">
        <v>76</v>
      </c>
      <c r="H320" s="6">
        <v>66</v>
      </c>
      <c r="I320" s="6">
        <v>49</v>
      </c>
      <c r="J320" s="6">
        <v>2</v>
      </c>
      <c r="K320" s="6">
        <v>17</v>
      </c>
      <c r="L320" s="6">
        <v>2</v>
      </c>
      <c r="M320" s="6">
        <v>8</v>
      </c>
      <c r="N320" s="10" t="s">
        <v>55</v>
      </c>
      <c r="O320" s="6">
        <v>16</v>
      </c>
      <c r="P320" s="10" t="s">
        <v>55</v>
      </c>
      <c r="Q320" s="10" t="s">
        <v>55</v>
      </c>
    </row>
    <row r="321" spans="1:17">
      <c r="A321" s="9" t="s">
        <v>56</v>
      </c>
      <c r="B321" s="9" t="s">
        <v>57</v>
      </c>
      <c r="C321" s="9" t="s">
        <v>59</v>
      </c>
      <c r="D321" s="9" t="s">
        <v>54</v>
      </c>
      <c r="E321" s="9" t="s">
        <v>35</v>
      </c>
      <c r="F321" s="9" t="s">
        <v>14</v>
      </c>
      <c r="G321" s="6">
        <v>379</v>
      </c>
      <c r="H321" s="6">
        <v>371</v>
      </c>
      <c r="I321" s="6">
        <v>297</v>
      </c>
      <c r="J321" s="6">
        <v>32</v>
      </c>
      <c r="K321" s="6">
        <v>74</v>
      </c>
      <c r="L321" s="6">
        <v>2</v>
      </c>
      <c r="M321" s="6">
        <v>6</v>
      </c>
      <c r="N321" s="10" t="s">
        <v>55</v>
      </c>
      <c r="O321" s="6">
        <v>63</v>
      </c>
      <c r="P321" s="10" t="s">
        <v>55</v>
      </c>
      <c r="Q321" s="10" t="s">
        <v>55</v>
      </c>
    </row>
    <row r="322" spans="1:17">
      <c r="A322" s="9" t="s">
        <v>56</v>
      </c>
      <c r="B322" s="9" t="s">
        <v>57</v>
      </c>
      <c r="C322" s="9" t="s">
        <v>59</v>
      </c>
      <c r="D322" s="9" t="s">
        <v>54</v>
      </c>
      <c r="E322" s="9" t="s">
        <v>35</v>
      </c>
      <c r="F322" s="9" t="s">
        <v>18</v>
      </c>
      <c r="G322" s="6">
        <v>216</v>
      </c>
      <c r="H322" s="6">
        <v>191</v>
      </c>
      <c r="I322" s="6">
        <v>166</v>
      </c>
      <c r="J322" s="6">
        <v>9</v>
      </c>
      <c r="K322" s="6">
        <v>25</v>
      </c>
      <c r="L322" s="6">
        <v>3</v>
      </c>
      <c r="M322" s="6">
        <v>22</v>
      </c>
      <c r="N322" s="10" t="s">
        <v>55</v>
      </c>
      <c r="O322" s="6">
        <v>22</v>
      </c>
      <c r="P322" s="10" t="s">
        <v>55</v>
      </c>
      <c r="Q322" s="10" t="s">
        <v>55</v>
      </c>
    </row>
    <row r="323" spans="1:17">
      <c r="A323" s="9" t="s">
        <v>56</v>
      </c>
      <c r="B323" s="9" t="s">
        <v>57</v>
      </c>
      <c r="C323" s="9" t="s">
        <v>59</v>
      </c>
      <c r="D323" s="9" t="s">
        <v>54</v>
      </c>
      <c r="E323" s="9" t="s">
        <v>36</v>
      </c>
      <c r="F323" s="9" t="s">
        <v>6</v>
      </c>
      <c r="G323" s="6">
        <v>3504</v>
      </c>
      <c r="H323" s="6">
        <v>3260</v>
      </c>
      <c r="I323" s="6">
        <v>2450</v>
      </c>
      <c r="J323" s="6">
        <v>195</v>
      </c>
      <c r="K323" s="6">
        <v>810</v>
      </c>
      <c r="L323" s="6">
        <v>39</v>
      </c>
      <c r="M323" s="6">
        <v>205</v>
      </c>
      <c r="N323" s="10" t="s">
        <v>55</v>
      </c>
      <c r="O323" s="6">
        <v>733</v>
      </c>
      <c r="P323" s="10" t="s">
        <v>55</v>
      </c>
      <c r="Q323" s="10" t="s">
        <v>55</v>
      </c>
    </row>
    <row r="324" spans="1:17">
      <c r="A324" s="9" t="s">
        <v>56</v>
      </c>
      <c r="B324" s="9" t="s">
        <v>57</v>
      </c>
      <c r="C324" s="9" t="s">
        <v>59</v>
      </c>
      <c r="D324" s="9" t="s">
        <v>54</v>
      </c>
      <c r="E324" s="9" t="s">
        <v>36</v>
      </c>
      <c r="F324" s="9" t="s">
        <v>7</v>
      </c>
      <c r="G324" s="6">
        <v>2869</v>
      </c>
      <c r="H324" s="6">
        <v>2665</v>
      </c>
      <c r="I324" s="6">
        <v>1960</v>
      </c>
      <c r="J324" s="6">
        <v>136</v>
      </c>
      <c r="K324" s="6">
        <v>705</v>
      </c>
      <c r="L324" s="6">
        <v>33</v>
      </c>
      <c r="M324" s="6">
        <v>171</v>
      </c>
      <c r="N324" s="10" t="s">
        <v>55</v>
      </c>
      <c r="O324" s="6">
        <v>653</v>
      </c>
      <c r="P324" s="10" t="s">
        <v>55</v>
      </c>
      <c r="Q324" s="10" t="s">
        <v>55</v>
      </c>
    </row>
    <row r="325" spans="1:17">
      <c r="A325" s="9" t="s">
        <v>56</v>
      </c>
      <c r="B325" s="9" t="s">
        <v>57</v>
      </c>
      <c r="C325" s="9" t="s">
        <v>59</v>
      </c>
      <c r="D325" s="9" t="s">
        <v>54</v>
      </c>
      <c r="E325" s="9" t="s">
        <v>36</v>
      </c>
      <c r="F325" s="9" t="s">
        <v>8</v>
      </c>
      <c r="G325" s="6">
        <v>2794</v>
      </c>
      <c r="H325" s="6">
        <v>2596</v>
      </c>
      <c r="I325" s="6">
        <v>1904</v>
      </c>
      <c r="J325" s="6">
        <v>132</v>
      </c>
      <c r="K325" s="6">
        <v>692</v>
      </c>
      <c r="L325" s="6">
        <v>31</v>
      </c>
      <c r="M325" s="6">
        <v>167</v>
      </c>
      <c r="N325" s="10" t="s">
        <v>55</v>
      </c>
      <c r="O325" s="6">
        <v>641</v>
      </c>
      <c r="P325" s="10" t="s">
        <v>55</v>
      </c>
      <c r="Q325" s="10" t="s">
        <v>55</v>
      </c>
    </row>
    <row r="326" spans="1:17">
      <c r="A326" s="9" t="s">
        <v>56</v>
      </c>
      <c r="B326" s="9" t="s">
        <v>57</v>
      </c>
      <c r="C326" s="9" t="s">
        <v>59</v>
      </c>
      <c r="D326" s="9" t="s">
        <v>54</v>
      </c>
      <c r="E326" s="9" t="s">
        <v>36</v>
      </c>
      <c r="F326" s="9" t="s">
        <v>13</v>
      </c>
      <c r="G326" s="6">
        <v>75</v>
      </c>
      <c r="H326" s="6">
        <v>69</v>
      </c>
      <c r="I326" s="6">
        <v>56</v>
      </c>
      <c r="J326" s="6">
        <v>4</v>
      </c>
      <c r="K326" s="6">
        <v>13</v>
      </c>
      <c r="L326" s="6">
        <v>2</v>
      </c>
      <c r="M326" s="6">
        <v>4</v>
      </c>
      <c r="N326" s="10" t="s">
        <v>55</v>
      </c>
      <c r="O326" s="6">
        <v>12</v>
      </c>
      <c r="P326" s="10" t="s">
        <v>55</v>
      </c>
      <c r="Q326" s="10" t="s">
        <v>55</v>
      </c>
    </row>
    <row r="327" spans="1:17">
      <c r="A327" s="9" t="s">
        <v>56</v>
      </c>
      <c r="B327" s="9" t="s">
        <v>57</v>
      </c>
      <c r="C327" s="9" t="s">
        <v>59</v>
      </c>
      <c r="D327" s="9" t="s">
        <v>54</v>
      </c>
      <c r="E327" s="9" t="s">
        <v>36</v>
      </c>
      <c r="F327" s="9" t="s">
        <v>14</v>
      </c>
      <c r="G327" s="6">
        <v>374</v>
      </c>
      <c r="H327" s="6">
        <v>364</v>
      </c>
      <c r="I327" s="6">
        <v>288</v>
      </c>
      <c r="J327" s="6">
        <v>34</v>
      </c>
      <c r="K327" s="6">
        <v>76</v>
      </c>
      <c r="L327" s="6">
        <v>1</v>
      </c>
      <c r="M327" s="6">
        <v>9</v>
      </c>
      <c r="N327" s="10" t="s">
        <v>55</v>
      </c>
      <c r="O327" s="6">
        <v>59</v>
      </c>
      <c r="P327" s="10" t="s">
        <v>55</v>
      </c>
      <c r="Q327" s="10" t="s">
        <v>55</v>
      </c>
    </row>
    <row r="328" spans="1:17">
      <c r="A328" s="9" t="s">
        <v>56</v>
      </c>
      <c r="B328" s="9" t="s">
        <v>57</v>
      </c>
      <c r="C328" s="9" t="s">
        <v>59</v>
      </c>
      <c r="D328" s="9" t="s">
        <v>54</v>
      </c>
      <c r="E328" s="9" t="s">
        <v>36</v>
      </c>
      <c r="F328" s="9" t="s">
        <v>18</v>
      </c>
      <c r="G328" s="6">
        <v>261</v>
      </c>
      <c r="H328" s="6">
        <v>231</v>
      </c>
      <c r="I328" s="6">
        <v>202</v>
      </c>
      <c r="J328" s="6">
        <v>25</v>
      </c>
      <c r="K328" s="6">
        <v>29</v>
      </c>
      <c r="L328" s="6">
        <v>5</v>
      </c>
      <c r="M328" s="6">
        <v>25</v>
      </c>
      <c r="N328" s="10" t="s">
        <v>55</v>
      </c>
      <c r="O328" s="6">
        <v>21</v>
      </c>
      <c r="P328" s="10" t="s">
        <v>55</v>
      </c>
      <c r="Q328" s="10" t="s">
        <v>55</v>
      </c>
    </row>
    <row r="329" spans="1:17">
      <c r="A329" s="9" t="s">
        <v>56</v>
      </c>
      <c r="B329" s="9" t="s">
        <v>57</v>
      </c>
      <c r="C329" s="9" t="s">
        <v>59</v>
      </c>
      <c r="D329" s="9" t="s">
        <v>54</v>
      </c>
      <c r="E329" s="9" t="s">
        <v>37</v>
      </c>
      <c r="F329" s="9" t="s">
        <v>6</v>
      </c>
      <c r="G329" s="6">
        <v>3889</v>
      </c>
      <c r="H329" s="6">
        <v>3541</v>
      </c>
      <c r="I329" s="6">
        <v>2611</v>
      </c>
      <c r="J329" s="6">
        <v>368</v>
      </c>
      <c r="K329" s="6">
        <v>930</v>
      </c>
      <c r="L329" s="6">
        <v>43</v>
      </c>
      <c r="M329" s="6">
        <v>305</v>
      </c>
      <c r="N329" s="10" t="s">
        <v>55</v>
      </c>
      <c r="O329" s="6">
        <v>776</v>
      </c>
      <c r="P329" s="10" t="s">
        <v>55</v>
      </c>
      <c r="Q329" s="10" t="s">
        <v>55</v>
      </c>
    </row>
    <row r="330" spans="1:17">
      <c r="A330" s="9" t="s">
        <v>56</v>
      </c>
      <c r="B330" s="9" t="s">
        <v>57</v>
      </c>
      <c r="C330" s="9" t="s">
        <v>59</v>
      </c>
      <c r="D330" s="9" t="s">
        <v>54</v>
      </c>
      <c r="E330" s="9" t="s">
        <v>37</v>
      </c>
      <c r="F330" s="9" t="s">
        <v>7</v>
      </c>
      <c r="G330" s="6">
        <v>3197</v>
      </c>
      <c r="H330" s="6">
        <v>2916</v>
      </c>
      <c r="I330" s="6">
        <v>2108</v>
      </c>
      <c r="J330" s="6">
        <v>268</v>
      </c>
      <c r="K330" s="6">
        <v>808</v>
      </c>
      <c r="L330" s="6">
        <v>38</v>
      </c>
      <c r="M330" s="6">
        <v>243</v>
      </c>
      <c r="N330" s="10" t="s">
        <v>55</v>
      </c>
      <c r="O330" s="6">
        <v>677</v>
      </c>
      <c r="P330" s="10" t="s">
        <v>55</v>
      </c>
      <c r="Q330" s="10" t="s">
        <v>55</v>
      </c>
    </row>
    <row r="331" spans="1:17">
      <c r="A331" s="9" t="s">
        <v>56</v>
      </c>
      <c r="B331" s="9" t="s">
        <v>57</v>
      </c>
      <c r="C331" s="9" t="s">
        <v>59</v>
      </c>
      <c r="D331" s="9" t="s">
        <v>54</v>
      </c>
      <c r="E331" s="9" t="s">
        <v>37</v>
      </c>
      <c r="F331" s="9" t="s">
        <v>8</v>
      </c>
      <c r="G331" s="6">
        <v>3079</v>
      </c>
      <c r="H331" s="6">
        <v>2814</v>
      </c>
      <c r="I331" s="6">
        <v>2030</v>
      </c>
      <c r="J331" s="6">
        <v>261</v>
      </c>
      <c r="K331" s="6">
        <v>784</v>
      </c>
      <c r="L331" s="6">
        <v>36</v>
      </c>
      <c r="M331" s="6">
        <v>229</v>
      </c>
      <c r="N331" s="10" t="s">
        <v>55</v>
      </c>
      <c r="O331" s="6">
        <v>659</v>
      </c>
      <c r="P331" s="10" t="s">
        <v>55</v>
      </c>
      <c r="Q331" s="10" t="s">
        <v>55</v>
      </c>
    </row>
    <row r="332" spans="1:17">
      <c r="A332" s="9" t="s">
        <v>56</v>
      </c>
      <c r="B332" s="9" t="s">
        <v>57</v>
      </c>
      <c r="C332" s="9" t="s">
        <v>59</v>
      </c>
      <c r="D332" s="9" t="s">
        <v>54</v>
      </c>
      <c r="E332" s="9" t="s">
        <v>37</v>
      </c>
      <c r="F332" s="9" t="s">
        <v>13</v>
      </c>
      <c r="G332" s="6">
        <v>118</v>
      </c>
      <c r="H332" s="6">
        <v>102</v>
      </c>
      <c r="I332" s="6">
        <v>78</v>
      </c>
      <c r="J332" s="6">
        <v>7</v>
      </c>
      <c r="K332" s="6">
        <v>24</v>
      </c>
      <c r="L332" s="6">
        <v>2</v>
      </c>
      <c r="M332" s="6">
        <v>14</v>
      </c>
      <c r="N332" s="10" t="s">
        <v>55</v>
      </c>
      <c r="O332" s="6">
        <v>18</v>
      </c>
      <c r="P332" s="10" t="s">
        <v>55</v>
      </c>
      <c r="Q332" s="10" t="s">
        <v>55</v>
      </c>
    </row>
    <row r="333" spans="1:17">
      <c r="A333" s="9" t="s">
        <v>56</v>
      </c>
      <c r="B333" s="9" t="s">
        <v>57</v>
      </c>
      <c r="C333" s="9" t="s">
        <v>59</v>
      </c>
      <c r="D333" s="9" t="s">
        <v>54</v>
      </c>
      <c r="E333" s="9" t="s">
        <v>37</v>
      </c>
      <c r="F333" s="9" t="s">
        <v>14</v>
      </c>
      <c r="G333" s="6">
        <v>459</v>
      </c>
      <c r="H333" s="6">
        <v>428</v>
      </c>
      <c r="I333" s="6">
        <v>351</v>
      </c>
      <c r="J333" s="6">
        <v>78</v>
      </c>
      <c r="K333" s="6">
        <v>77</v>
      </c>
      <c r="L333" s="6">
        <v>2</v>
      </c>
      <c r="M333" s="6">
        <v>29</v>
      </c>
      <c r="N333" s="10" t="s">
        <v>55</v>
      </c>
      <c r="O333" s="6">
        <v>59</v>
      </c>
      <c r="P333" s="10" t="s">
        <v>55</v>
      </c>
      <c r="Q333" s="10" t="s">
        <v>55</v>
      </c>
    </row>
    <row r="334" spans="1:17">
      <c r="A334" s="9" t="s">
        <v>56</v>
      </c>
      <c r="B334" s="9" t="s">
        <v>57</v>
      </c>
      <c r="C334" s="9" t="s">
        <v>59</v>
      </c>
      <c r="D334" s="9" t="s">
        <v>54</v>
      </c>
      <c r="E334" s="9" t="s">
        <v>37</v>
      </c>
      <c r="F334" s="9" t="s">
        <v>18</v>
      </c>
      <c r="G334" s="6">
        <v>233</v>
      </c>
      <c r="H334" s="6">
        <v>197</v>
      </c>
      <c r="I334" s="6">
        <v>152</v>
      </c>
      <c r="J334" s="6">
        <v>22</v>
      </c>
      <c r="K334" s="6">
        <v>45</v>
      </c>
      <c r="L334" s="6">
        <v>3</v>
      </c>
      <c r="M334" s="6">
        <v>33</v>
      </c>
      <c r="N334" s="10" t="s">
        <v>55</v>
      </c>
      <c r="O334" s="6">
        <v>40</v>
      </c>
      <c r="P334" s="10" t="s">
        <v>55</v>
      </c>
      <c r="Q334" s="10" t="s">
        <v>55</v>
      </c>
    </row>
    <row r="335" spans="1:17">
      <c r="A335" s="9" t="s">
        <v>56</v>
      </c>
      <c r="B335" s="9" t="s">
        <v>57</v>
      </c>
      <c r="C335" s="9" t="s">
        <v>59</v>
      </c>
      <c r="D335" s="9" t="s">
        <v>54</v>
      </c>
      <c r="E335" s="9" t="s">
        <v>38</v>
      </c>
      <c r="F335" s="9" t="s">
        <v>6</v>
      </c>
      <c r="G335" s="6">
        <v>3751</v>
      </c>
      <c r="H335" s="6">
        <v>3360</v>
      </c>
      <c r="I335" s="6">
        <v>2366</v>
      </c>
      <c r="J335" s="6">
        <v>616</v>
      </c>
      <c r="K335" s="6">
        <v>994</v>
      </c>
      <c r="L335" s="6">
        <v>44</v>
      </c>
      <c r="M335" s="6">
        <v>347</v>
      </c>
      <c r="N335" s="10" t="s">
        <v>55</v>
      </c>
      <c r="O335" s="6">
        <v>673</v>
      </c>
      <c r="P335" s="10" t="s">
        <v>55</v>
      </c>
      <c r="Q335" s="10" t="s">
        <v>55</v>
      </c>
    </row>
    <row r="336" spans="1:17">
      <c r="A336" s="9" t="s">
        <v>56</v>
      </c>
      <c r="B336" s="9" t="s">
        <v>57</v>
      </c>
      <c r="C336" s="9" t="s">
        <v>59</v>
      </c>
      <c r="D336" s="9" t="s">
        <v>54</v>
      </c>
      <c r="E336" s="9" t="s">
        <v>38</v>
      </c>
      <c r="F336" s="9" t="s">
        <v>7</v>
      </c>
      <c r="G336" s="6">
        <v>3040</v>
      </c>
      <c r="H336" s="6">
        <v>2712</v>
      </c>
      <c r="I336" s="6">
        <v>1849</v>
      </c>
      <c r="J336" s="6">
        <v>466</v>
      </c>
      <c r="K336" s="6">
        <v>863</v>
      </c>
      <c r="L336" s="6">
        <v>35</v>
      </c>
      <c r="M336" s="6">
        <v>293</v>
      </c>
      <c r="N336" s="10" t="s">
        <v>55</v>
      </c>
      <c r="O336" s="6">
        <v>589</v>
      </c>
      <c r="P336" s="10" t="s">
        <v>55</v>
      </c>
      <c r="Q336" s="10" t="s">
        <v>55</v>
      </c>
    </row>
    <row r="337" spans="1:17">
      <c r="A337" s="9" t="s">
        <v>56</v>
      </c>
      <c r="B337" s="9" t="s">
        <v>57</v>
      </c>
      <c r="C337" s="9" t="s">
        <v>59</v>
      </c>
      <c r="D337" s="9" t="s">
        <v>54</v>
      </c>
      <c r="E337" s="9" t="s">
        <v>38</v>
      </c>
      <c r="F337" s="9" t="s">
        <v>8</v>
      </c>
      <c r="G337" s="6">
        <v>2952</v>
      </c>
      <c r="H337" s="6">
        <v>2643</v>
      </c>
      <c r="I337" s="6">
        <v>1792</v>
      </c>
      <c r="J337" s="6">
        <v>453</v>
      </c>
      <c r="K337" s="6">
        <v>851</v>
      </c>
      <c r="L337" s="6">
        <v>34</v>
      </c>
      <c r="M337" s="6">
        <v>275</v>
      </c>
      <c r="N337" s="10" t="s">
        <v>55</v>
      </c>
      <c r="O337" s="6">
        <v>581</v>
      </c>
      <c r="P337" s="10" t="s">
        <v>55</v>
      </c>
      <c r="Q337" s="10" t="s">
        <v>55</v>
      </c>
    </row>
    <row r="338" spans="1:17">
      <c r="A338" s="9" t="s">
        <v>56</v>
      </c>
      <c r="B338" s="9" t="s">
        <v>57</v>
      </c>
      <c r="C338" s="9" t="s">
        <v>59</v>
      </c>
      <c r="D338" s="9" t="s">
        <v>54</v>
      </c>
      <c r="E338" s="9" t="s">
        <v>38</v>
      </c>
      <c r="F338" s="9" t="s">
        <v>13</v>
      </c>
      <c r="G338" s="6">
        <v>88</v>
      </c>
      <c r="H338" s="6">
        <v>69</v>
      </c>
      <c r="I338" s="6">
        <v>57</v>
      </c>
      <c r="J338" s="6">
        <v>13</v>
      </c>
      <c r="K338" s="6">
        <v>12</v>
      </c>
      <c r="L338" s="6">
        <v>1</v>
      </c>
      <c r="M338" s="6">
        <v>18</v>
      </c>
      <c r="N338" s="10" t="s">
        <v>55</v>
      </c>
      <c r="O338" s="6">
        <v>8</v>
      </c>
      <c r="P338" s="10" t="s">
        <v>55</v>
      </c>
      <c r="Q338" s="10" t="s">
        <v>55</v>
      </c>
    </row>
    <row r="339" spans="1:17">
      <c r="A339" s="9" t="s">
        <v>56</v>
      </c>
      <c r="B339" s="9" t="s">
        <v>57</v>
      </c>
      <c r="C339" s="9" t="s">
        <v>59</v>
      </c>
      <c r="D339" s="9" t="s">
        <v>54</v>
      </c>
      <c r="E339" s="9" t="s">
        <v>38</v>
      </c>
      <c r="F339" s="9" t="s">
        <v>14</v>
      </c>
      <c r="G339" s="6">
        <v>556</v>
      </c>
      <c r="H339" s="6">
        <v>519</v>
      </c>
      <c r="I339" s="6">
        <v>413</v>
      </c>
      <c r="J339" s="6">
        <v>125</v>
      </c>
      <c r="K339" s="6">
        <v>106</v>
      </c>
      <c r="L339" s="6">
        <v>7</v>
      </c>
      <c r="M339" s="6">
        <v>30</v>
      </c>
      <c r="N339" s="10" t="s">
        <v>55</v>
      </c>
      <c r="O339" s="6">
        <v>65</v>
      </c>
      <c r="P339" s="10" t="s">
        <v>55</v>
      </c>
      <c r="Q339" s="10" t="s">
        <v>55</v>
      </c>
    </row>
    <row r="340" spans="1:17">
      <c r="A340" s="9" t="s">
        <v>56</v>
      </c>
      <c r="B340" s="9" t="s">
        <v>57</v>
      </c>
      <c r="C340" s="9" t="s">
        <v>59</v>
      </c>
      <c r="D340" s="9" t="s">
        <v>54</v>
      </c>
      <c r="E340" s="9" t="s">
        <v>38</v>
      </c>
      <c r="F340" s="9" t="s">
        <v>18</v>
      </c>
      <c r="G340" s="6">
        <v>155</v>
      </c>
      <c r="H340" s="6">
        <v>129</v>
      </c>
      <c r="I340" s="6">
        <v>104</v>
      </c>
      <c r="J340" s="6">
        <v>25</v>
      </c>
      <c r="K340" s="6">
        <v>25</v>
      </c>
      <c r="L340" s="6">
        <v>2</v>
      </c>
      <c r="M340" s="6">
        <v>24</v>
      </c>
      <c r="N340" s="10" t="s">
        <v>55</v>
      </c>
      <c r="O340" s="6">
        <v>19</v>
      </c>
      <c r="P340" s="10" t="s">
        <v>55</v>
      </c>
      <c r="Q340" s="10" t="s">
        <v>55</v>
      </c>
    </row>
    <row r="341" spans="1:17">
      <c r="A341" s="9" t="s">
        <v>56</v>
      </c>
      <c r="B341" s="9" t="s">
        <v>57</v>
      </c>
      <c r="C341" s="9" t="s">
        <v>59</v>
      </c>
      <c r="D341" s="9" t="s">
        <v>54</v>
      </c>
      <c r="E341" s="9" t="s">
        <v>39</v>
      </c>
      <c r="F341" s="9" t="s">
        <v>6</v>
      </c>
      <c r="G341" s="6">
        <v>3990</v>
      </c>
      <c r="H341" s="6">
        <v>3496</v>
      </c>
      <c r="I341" s="6">
        <v>2358</v>
      </c>
      <c r="J341" s="6">
        <v>983</v>
      </c>
      <c r="K341" s="6">
        <v>1138</v>
      </c>
      <c r="L341" s="6">
        <v>43</v>
      </c>
      <c r="M341" s="6">
        <v>451</v>
      </c>
      <c r="N341" s="10" t="s">
        <v>55</v>
      </c>
      <c r="O341" s="6">
        <v>669</v>
      </c>
      <c r="P341" s="10" t="s">
        <v>55</v>
      </c>
      <c r="Q341" s="10" t="s">
        <v>55</v>
      </c>
    </row>
    <row r="342" spans="1:17">
      <c r="A342" s="9" t="s">
        <v>56</v>
      </c>
      <c r="B342" s="9" t="s">
        <v>57</v>
      </c>
      <c r="C342" s="9" t="s">
        <v>59</v>
      </c>
      <c r="D342" s="9" t="s">
        <v>54</v>
      </c>
      <c r="E342" s="9" t="s">
        <v>39</v>
      </c>
      <c r="F342" s="9" t="s">
        <v>7</v>
      </c>
      <c r="G342" s="6">
        <v>3100</v>
      </c>
      <c r="H342" s="6">
        <v>2690</v>
      </c>
      <c r="I342" s="6">
        <v>1750</v>
      </c>
      <c r="J342" s="6">
        <v>708</v>
      </c>
      <c r="K342" s="6">
        <v>940</v>
      </c>
      <c r="L342" s="6">
        <v>33</v>
      </c>
      <c r="M342" s="6">
        <v>377</v>
      </c>
      <c r="N342" s="10" t="s">
        <v>55</v>
      </c>
      <c r="O342" s="6">
        <v>555</v>
      </c>
      <c r="P342" s="10" t="s">
        <v>55</v>
      </c>
      <c r="Q342" s="10" t="s">
        <v>55</v>
      </c>
    </row>
    <row r="343" spans="1:17">
      <c r="A343" s="9" t="s">
        <v>56</v>
      </c>
      <c r="B343" s="9" t="s">
        <v>57</v>
      </c>
      <c r="C343" s="9" t="s">
        <v>59</v>
      </c>
      <c r="D343" s="9" t="s">
        <v>54</v>
      </c>
      <c r="E343" s="9" t="s">
        <v>39</v>
      </c>
      <c r="F343" s="9" t="s">
        <v>8</v>
      </c>
      <c r="G343" s="6">
        <v>3018</v>
      </c>
      <c r="H343" s="6">
        <v>2629</v>
      </c>
      <c r="I343" s="6">
        <v>1709</v>
      </c>
      <c r="J343" s="6">
        <v>694</v>
      </c>
      <c r="K343" s="6">
        <v>920</v>
      </c>
      <c r="L343" s="6">
        <v>32</v>
      </c>
      <c r="M343" s="6">
        <v>357</v>
      </c>
      <c r="N343" s="10" t="s">
        <v>55</v>
      </c>
      <c r="O343" s="6">
        <v>544</v>
      </c>
      <c r="P343" s="10" t="s">
        <v>55</v>
      </c>
      <c r="Q343" s="10" t="s">
        <v>55</v>
      </c>
    </row>
    <row r="344" spans="1:17">
      <c r="A344" s="9" t="s">
        <v>56</v>
      </c>
      <c r="B344" s="9" t="s">
        <v>57</v>
      </c>
      <c r="C344" s="9" t="s">
        <v>59</v>
      </c>
      <c r="D344" s="9" t="s">
        <v>54</v>
      </c>
      <c r="E344" s="9" t="s">
        <v>39</v>
      </c>
      <c r="F344" s="9" t="s">
        <v>13</v>
      </c>
      <c r="G344" s="6">
        <v>82</v>
      </c>
      <c r="H344" s="6">
        <v>61</v>
      </c>
      <c r="I344" s="6">
        <v>41</v>
      </c>
      <c r="J344" s="6">
        <v>14</v>
      </c>
      <c r="K344" s="6">
        <v>20</v>
      </c>
      <c r="L344" s="6">
        <v>1</v>
      </c>
      <c r="M344" s="6">
        <v>20</v>
      </c>
      <c r="N344" s="10" t="s">
        <v>55</v>
      </c>
      <c r="O344" s="6">
        <v>11</v>
      </c>
      <c r="P344" s="10" t="s">
        <v>55</v>
      </c>
      <c r="Q344" s="10" t="s">
        <v>55</v>
      </c>
    </row>
    <row r="345" spans="1:17">
      <c r="A345" s="9" t="s">
        <v>56</v>
      </c>
      <c r="B345" s="9" t="s">
        <v>57</v>
      </c>
      <c r="C345" s="9" t="s">
        <v>59</v>
      </c>
      <c r="D345" s="9" t="s">
        <v>54</v>
      </c>
      <c r="E345" s="9" t="s">
        <v>39</v>
      </c>
      <c r="F345" s="9" t="s">
        <v>14</v>
      </c>
      <c r="G345" s="6">
        <v>751</v>
      </c>
      <c r="H345" s="6">
        <v>696</v>
      </c>
      <c r="I345" s="6">
        <v>530</v>
      </c>
      <c r="J345" s="6">
        <v>240</v>
      </c>
      <c r="K345" s="6">
        <v>166</v>
      </c>
      <c r="L345" s="6">
        <v>8</v>
      </c>
      <c r="M345" s="6">
        <v>47</v>
      </c>
      <c r="N345" s="10" t="s">
        <v>55</v>
      </c>
      <c r="O345" s="6">
        <v>90</v>
      </c>
      <c r="P345" s="10" t="s">
        <v>55</v>
      </c>
      <c r="Q345" s="10" t="s">
        <v>55</v>
      </c>
    </row>
    <row r="346" spans="1:17">
      <c r="A346" s="9" t="s">
        <v>56</v>
      </c>
      <c r="B346" s="9" t="s">
        <v>57</v>
      </c>
      <c r="C346" s="9" t="s">
        <v>59</v>
      </c>
      <c r="D346" s="9" t="s">
        <v>54</v>
      </c>
      <c r="E346" s="9" t="s">
        <v>39</v>
      </c>
      <c r="F346" s="9" t="s">
        <v>18</v>
      </c>
      <c r="G346" s="6">
        <v>139</v>
      </c>
      <c r="H346" s="6">
        <v>110</v>
      </c>
      <c r="I346" s="6">
        <v>78</v>
      </c>
      <c r="J346" s="6">
        <v>35</v>
      </c>
      <c r="K346" s="6">
        <v>32</v>
      </c>
      <c r="L346" s="6">
        <v>2</v>
      </c>
      <c r="M346" s="6">
        <v>27</v>
      </c>
      <c r="N346" s="10" t="s">
        <v>55</v>
      </c>
      <c r="O346" s="6">
        <v>24</v>
      </c>
      <c r="P346" s="10" t="s">
        <v>55</v>
      </c>
      <c r="Q346" s="10" t="s">
        <v>55</v>
      </c>
    </row>
    <row r="347" spans="1:17">
      <c r="A347" s="9" t="s">
        <v>56</v>
      </c>
      <c r="B347" s="9" t="s">
        <v>57</v>
      </c>
      <c r="C347" s="9" t="s">
        <v>59</v>
      </c>
      <c r="D347" s="9" t="s">
        <v>54</v>
      </c>
      <c r="E347" s="9" t="s">
        <v>40</v>
      </c>
      <c r="F347" s="9" t="s">
        <v>6</v>
      </c>
      <c r="G347" s="6">
        <v>4360</v>
      </c>
      <c r="H347" s="6">
        <v>3774</v>
      </c>
      <c r="I347" s="6">
        <v>2571</v>
      </c>
      <c r="J347" s="6">
        <v>1404</v>
      </c>
      <c r="K347" s="6">
        <v>1203</v>
      </c>
      <c r="L347" s="6">
        <v>31</v>
      </c>
      <c r="M347" s="6">
        <v>555</v>
      </c>
      <c r="N347" s="10" t="s">
        <v>55</v>
      </c>
      <c r="O347" s="6">
        <v>706</v>
      </c>
      <c r="P347" s="6">
        <v>765</v>
      </c>
      <c r="Q347" s="10" t="s">
        <v>55</v>
      </c>
    </row>
    <row r="348" spans="1:17">
      <c r="A348" s="9" t="s">
        <v>56</v>
      </c>
      <c r="B348" s="9" t="s">
        <v>57</v>
      </c>
      <c r="C348" s="9" t="s">
        <v>59</v>
      </c>
      <c r="D348" s="9" t="s">
        <v>54</v>
      </c>
      <c r="E348" s="9" t="s">
        <v>40</v>
      </c>
      <c r="F348" s="9" t="s">
        <v>7</v>
      </c>
      <c r="G348" s="6">
        <v>2809</v>
      </c>
      <c r="H348" s="6">
        <v>2404</v>
      </c>
      <c r="I348" s="6">
        <v>1570</v>
      </c>
      <c r="J348" s="6">
        <v>843</v>
      </c>
      <c r="K348" s="6">
        <v>834</v>
      </c>
      <c r="L348" s="6">
        <v>20</v>
      </c>
      <c r="M348" s="6">
        <v>385</v>
      </c>
      <c r="N348" s="10" t="s">
        <v>55</v>
      </c>
      <c r="O348" s="6">
        <v>510</v>
      </c>
      <c r="P348" s="6">
        <v>436</v>
      </c>
      <c r="Q348" s="10" t="s">
        <v>55</v>
      </c>
    </row>
    <row r="349" spans="1:17">
      <c r="A349" s="9" t="s">
        <v>56</v>
      </c>
      <c r="B349" s="9" t="s">
        <v>57</v>
      </c>
      <c r="C349" s="9" t="s">
        <v>59</v>
      </c>
      <c r="D349" s="9" t="s">
        <v>54</v>
      </c>
      <c r="E349" s="9" t="s">
        <v>40</v>
      </c>
      <c r="F349" s="9" t="s">
        <v>8</v>
      </c>
      <c r="G349" s="6">
        <v>2706</v>
      </c>
      <c r="H349" s="6">
        <v>2328</v>
      </c>
      <c r="I349" s="6">
        <v>1517</v>
      </c>
      <c r="J349" s="6">
        <v>815</v>
      </c>
      <c r="K349" s="6">
        <v>811</v>
      </c>
      <c r="L349" s="6">
        <v>20</v>
      </c>
      <c r="M349" s="6">
        <v>358</v>
      </c>
      <c r="N349" s="10" t="s">
        <v>55</v>
      </c>
      <c r="O349" s="6">
        <v>496</v>
      </c>
      <c r="P349" s="6">
        <v>423</v>
      </c>
      <c r="Q349" s="10" t="s">
        <v>55</v>
      </c>
    </row>
    <row r="350" spans="1:17">
      <c r="A350" s="9" t="s">
        <v>56</v>
      </c>
      <c r="B350" s="9" t="s">
        <v>57</v>
      </c>
      <c r="C350" s="9" t="s">
        <v>59</v>
      </c>
      <c r="D350" s="9" t="s">
        <v>54</v>
      </c>
      <c r="E350" s="9" t="s">
        <v>40</v>
      </c>
      <c r="F350" s="9" t="s">
        <v>13</v>
      </c>
      <c r="G350" s="6">
        <v>103</v>
      </c>
      <c r="H350" s="6">
        <v>76</v>
      </c>
      <c r="I350" s="6">
        <v>53</v>
      </c>
      <c r="J350" s="6">
        <v>28</v>
      </c>
      <c r="K350" s="6">
        <v>23</v>
      </c>
      <c r="L350" s="10" t="s">
        <v>55</v>
      </c>
      <c r="M350" s="6">
        <v>27</v>
      </c>
      <c r="N350" s="10" t="s">
        <v>55</v>
      </c>
      <c r="O350" s="6">
        <v>14</v>
      </c>
      <c r="P350" s="6">
        <v>13</v>
      </c>
      <c r="Q350" s="10" t="s">
        <v>55</v>
      </c>
    </row>
    <row r="351" spans="1:17">
      <c r="A351" s="9" t="s">
        <v>56</v>
      </c>
      <c r="B351" s="9" t="s">
        <v>57</v>
      </c>
      <c r="C351" s="9" t="s">
        <v>59</v>
      </c>
      <c r="D351" s="9" t="s">
        <v>54</v>
      </c>
      <c r="E351" s="9" t="s">
        <v>40</v>
      </c>
      <c r="F351" s="9" t="s">
        <v>14</v>
      </c>
      <c r="G351" s="6">
        <v>1433</v>
      </c>
      <c r="H351" s="6">
        <v>1289</v>
      </c>
      <c r="I351" s="6">
        <v>950</v>
      </c>
      <c r="J351" s="6">
        <v>545</v>
      </c>
      <c r="K351" s="6">
        <v>339</v>
      </c>
      <c r="L351" s="6">
        <v>11</v>
      </c>
      <c r="M351" s="6">
        <v>133</v>
      </c>
      <c r="N351" s="10" t="s">
        <v>55</v>
      </c>
      <c r="O351" s="6">
        <v>176</v>
      </c>
      <c r="P351" s="6">
        <v>322</v>
      </c>
      <c r="Q351" s="10" t="s">
        <v>55</v>
      </c>
    </row>
    <row r="352" spans="1:17">
      <c r="A352" s="9" t="s">
        <v>56</v>
      </c>
      <c r="B352" s="9" t="s">
        <v>57</v>
      </c>
      <c r="C352" s="9" t="s">
        <v>59</v>
      </c>
      <c r="D352" s="9" t="s">
        <v>54</v>
      </c>
      <c r="E352" s="9" t="s">
        <v>40</v>
      </c>
      <c r="F352" s="9" t="s">
        <v>18</v>
      </c>
      <c r="G352" s="6">
        <v>118</v>
      </c>
      <c r="H352" s="6">
        <v>81</v>
      </c>
      <c r="I352" s="6">
        <v>51</v>
      </c>
      <c r="J352" s="6">
        <v>16</v>
      </c>
      <c r="K352" s="6">
        <v>30</v>
      </c>
      <c r="L352" s="10" t="s">
        <v>55</v>
      </c>
      <c r="M352" s="6">
        <v>37</v>
      </c>
      <c r="N352" s="10" t="s">
        <v>55</v>
      </c>
      <c r="O352" s="6">
        <v>20</v>
      </c>
      <c r="P352" s="6">
        <v>7</v>
      </c>
      <c r="Q352" s="10" t="s">
        <v>55</v>
      </c>
    </row>
    <row r="353" spans="1:17">
      <c r="A353" s="9" t="s">
        <v>56</v>
      </c>
      <c r="B353" s="9" t="s">
        <v>57</v>
      </c>
      <c r="C353" s="9" t="s">
        <v>59</v>
      </c>
      <c r="D353" s="9" t="s">
        <v>54</v>
      </c>
      <c r="E353" s="9" t="s">
        <v>41</v>
      </c>
      <c r="F353" s="9" t="s">
        <v>6</v>
      </c>
      <c r="G353" s="6">
        <v>4959</v>
      </c>
      <c r="H353" s="6">
        <v>4198</v>
      </c>
      <c r="I353" s="6">
        <v>3029</v>
      </c>
      <c r="J353" s="6">
        <v>1821</v>
      </c>
      <c r="K353" s="6">
        <v>1169</v>
      </c>
      <c r="L353" s="6">
        <v>36</v>
      </c>
      <c r="M353" s="6">
        <v>725</v>
      </c>
      <c r="N353" s="10" t="s">
        <v>55</v>
      </c>
      <c r="O353" s="6">
        <v>745</v>
      </c>
      <c r="P353" s="6">
        <v>1716</v>
      </c>
      <c r="Q353" s="6">
        <v>725</v>
      </c>
    </row>
    <row r="354" spans="1:17">
      <c r="A354" s="9" t="s">
        <v>56</v>
      </c>
      <c r="B354" s="9" t="s">
        <v>57</v>
      </c>
      <c r="C354" s="9" t="s">
        <v>59</v>
      </c>
      <c r="D354" s="9" t="s">
        <v>54</v>
      </c>
      <c r="E354" s="9" t="s">
        <v>41</v>
      </c>
      <c r="F354" s="9" t="s">
        <v>7</v>
      </c>
      <c r="G354" s="6">
        <v>2225</v>
      </c>
      <c r="H354" s="6">
        <v>1854</v>
      </c>
      <c r="I354" s="6">
        <v>1241</v>
      </c>
      <c r="J354" s="6">
        <v>720</v>
      </c>
      <c r="K354" s="6">
        <v>613</v>
      </c>
      <c r="L354" s="6">
        <v>17</v>
      </c>
      <c r="M354" s="6">
        <v>354</v>
      </c>
      <c r="N354" s="10" t="s">
        <v>55</v>
      </c>
      <c r="O354" s="6">
        <v>420</v>
      </c>
      <c r="P354" s="6">
        <v>679</v>
      </c>
      <c r="Q354" s="6">
        <v>354</v>
      </c>
    </row>
    <row r="355" spans="1:17">
      <c r="A355" s="9" t="s">
        <v>56</v>
      </c>
      <c r="B355" s="9" t="s">
        <v>57</v>
      </c>
      <c r="C355" s="9" t="s">
        <v>59</v>
      </c>
      <c r="D355" s="9" t="s">
        <v>54</v>
      </c>
      <c r="E355" s="9" t="s">
        <v>41</v>
      </c>
      <c r="F355" s="9" t="s">
        <v>8</v>
      </c>
      <c r="G355" s="6">
        <v>2184</v>
      </c>
      <c r="H355" s="6">
        <v>1831</v>
      </c>
      <c r="I355" s="6">
        <v>1223</v>
      </c>
      <c r="J355" s="6">
        <v>712</v>
      </c>
      <c r="K355" s="6">
        <v>608</v>
      </c>
      <c r="L355" s="6">
        <v>15</v>
      </c>
      <c r="M355" s="6">
        <v>338</v>
      </c>
      <c r="N355" s="10" t="s">
        <v>55</v>
      </c>
      <c r="O355" s="6">
        <v>417</v>
      </c>
      <c r="P355" s="6">
        <v>671</v>
      </c>
      <c r="Q355" s="6">
        <v>338</v>
      </c>
    </row>
    <row r="356" spans="1:17">
      <c r="A356" s="9" t="s">
        <v>56</v>
      </c>
      <c r="B356" s="9" t="s">
        <v>57</v>
      </c>
      <c r="C356" s="9" t="s">
        <v>59</v>
      </c>
      <c r="D356" s="9" t="s">
        <v>54</v>
      </c>
      <c r="E356" s="9" t="s">
        <v>41</v>
      </c>
      <c r="F356" s="9" t="s">
        <v>13</v>
      </c>
      <c r="G356" s="6">
        <v>41</v>
      </c>
      <c r="H356" s="6">
        <v>23</v>
      </c>
      <c r="I356" s="6">
        <v>18</v>
      </c>
      <c r="J356" s="6">
        <v>8</v>
      </c>
      <c r="K356" s="6">
        <v>5</v>
      </c>
      <c r="L356" s="6">
        <v>2</v>
      </c>
      <c r="M356" s="6">
        <v>16</v>
      </c>
      <c r="N356" s="10" t="s">
        <v>55</v>
      </c>
      <c r="O356" s="6">
        <v>3</v>
      </c>
      <c r="P356" s="6">
        <v>8</v>
      </c>
      <c r="Q356" s="6">
        <v>16</v>
      </c>
    </row>
    <row r="357" spans="1:17">
      <c r="A357" s="9" t="s">
        <v>56</v>
      </c>
      <c r="B357" s="9" t="s">
        <v>57</v>
      </c>
      <c r="C357" s="9" t="s">
        <v>59</v>
      </c>
      <c r="D357" s="9" t="s">
        <v>54</v>
      </c>
      <c r="E357" s="9" t="s">
        <v>41</v>
      </c>
      <c r="F357" s="9" t="s">
        <v>14</v>
      </c>
      <c r="G357" s="6">
        <v>2627</v>
      </c>
      <c r="H357" s="6">
        <v>2270</v>
      </c>
      <c r="I357" s="6">
        <v>1739</v>
      </c>
      <c r="J357" s="6">
        <v>1072</v>
      </c>
      <c r="K357" s="6">
        <v>531</v>
      </c>
      <c r="L357" s="6">
        <v>17</v>
      </c>
      <c r="M357" s="6">
        <v>340</v>
      </c>
      <c r="N357" s="10" t="s">
        <v>55</v>
      </c>
      <c r="O357" s="6">
        <v>304</v>
      </c>
      <c r="P357" s="6">
        <v>1011</v>
      </c>
      <c r="Q357" s="6">
        <v>340</v>
      </c>
    </row>
    <row r="358" spans="1:17">
      <c r="A358" s="9" t="s">
        <v>56</v>
      </c>
      <c r="B358" s="9" t="s">
        <v>57</v>
      </c>
      <c r="C358" s="9" t="s">
        <v>59</v>
      </c>
      <c r="D358" s="9" t="s">
        <v>54</v>
      </c>
      <c r="E358" s="9" t="s">
        <v>41</v>
      </c>
      <c r="F358" s="9" t="s">
        <v>18</v>
      </c>
      <c r="G358" s="6">
        <v>107</v>
      </c>
      <c r="H358" s="6">
        <v>74</v>
      </c>
      <c r="I358" s="6">
        <v>49</v>
      </c>
      <c r="J358" s="6">
        <v>29</v>
      </c>
      <c r="K358" s="6">
        <v>25</v>
      </c>
      <c r="L358" s="6">
        <v>2</v>
      </c>
      <c r="M358" s="6">
        <v>31</v>
      </c>
      <c r="N358" s="10" t="s">
        <v>55</v>
      </c>
      <c r="O358" s="6">
        <v>21</v>
      </c>
      <c r="P358" s="6">
        <v>26</v>
      </c>
      <c r="Q358" s="6">
        <v>31</v>
      </c>
    </row>
    <row r="359" spans="1:17">
      <c r="A359" s="9" t="s">
        <v>56</v>
      </c>
      <c r="B359" s="9" t="s">
        <v>57</v>
      </c>
      <c r="C359" s="9" t="s">
        <v>59</v>
      </c>
      <c r="D359" s="9" t="s">
        <v>54</v>
      </c>
      <c r="E359" s="9" t="s">
        <v>42</v>
      </c>
      <c r="F359" s="9" t="s">
        <v>6</v>
      </c>
      <c r="G359" s="6">
        <v>5027</v>
      </c>
      <c r="H359" s="6">
        <v>4074</v>
      </c>
      <c r="I359" s="6">
        <v>3028</v>
      </c>
      <c r="J359" s="6">
        <v>1882</v>
      </c>
      <c r="K359" s="6">
        <v>1046</v>
      </c>
      <c r="L359" s="6">
        <v>27</v>
      </c>
      <c r="M359" s="6">
        <v>926</v>
      </c>
      <c r="N359" s="10" t="s">
        <v>55</v>
      </c>
      <c r="O359" s="6">
        <v>736</v>
      </c>
      <c r="P359" s="6">
        <v>1867</v>
      </c>
      <c r="Q359" s="6">
        <v>926</v>
      </c>
    </row>
    <row r="360" spans="1:17">
      <c r="A360" s="9" t="s">
        <v>56</v>
      </c>
      <c r="B360" s="9" t="s">
        <v>57</v>
      </c>
      <c r="C360" s="9" t="s">
        <v>59</v>
      </c>
      <c r="D360" s="9" t="s">
        <v>54</v>
      </c>
      <c r="E360" s="9" t="s">
        <v>42</v>
      </c>
      <c r="F360" s="9" t="s">
        <v>7</v>
      </c>
      <c r="G360" s="6">
        <v>1431</v>
      </c>
      <c r="H360" s="6">
        <v>1163</v>
      </c>
      <c r="I360" s="6">
        <v>799</v>
      </c>
      <c r="J360" s="6">
        <v>450</v>
      </c>
      <c r="K360" s="6">
        <v>364</v>
      </c>
      <c r="L360" s="6">
        <v>13</v>
      </c>
      <c r="M360" s="6">
        <v>255</v>
      </c>
      <c r="N360" s="10" t="s">
        <v>55</v>
      </c>
      <c r="O360" s="6">
        <v>280</v>
      </c>
      <c r="P360" s="6">
        <v>447</v>
      </c>
      <c r="Q360" s="6">
        <v>255</v>
      </c>
    </row>
    <row r="361" spans="1:17">
      <c r="A361" s="9" t="s">
        <v>56</v>
      </c>
      <c r="B361" s="9" t="s">
        <v>57</v>
      </c>
      <c r="C361" s="9" t="s">
        <v>59</v>
      </c>
      <c r="D361" s="9" t="s">
        <v>54</v>
      </c>
      <c r="E361" s="9" t="s">
        <v>42</v>
      </c>
      <c r="F361" s="9" t="s">
        <v>8</v>
      </c>
      <c r="G361" s="6">
        <v>1406</v>
      </c>
      <c r="H361" s="6">
        <v>1147</v>
      </c>
      <c r="I361" s="6">
        <v>786</v>
      </c>
      <c r="J361" s="6">
        <v>447</v>
      </c>
      <c r="K361" s="6">
        <v>361</v>
      </c>
      <c r="L361" s="6">
        <v>13</v>
      </c>
      <c r="M361" s="6">
        <v>246</v>
      </c>
      <c r="N361" s="10" t="s">
        <v>55</v>
      </c>
      <c r="O361" s="6">
        <v>279</v>
      </c>
      <c r="P361" s="6">
        <v>444</v>
      </c>
      <c r="Q361" s="6">
        <v>246</v>
      </c>
    </row>
    <row r="362" spans="1:17">
      <c r="A362" s="9" t="s">
        <v>56</v>
      </c>
      <c r="B362" s="9" t="s">
        <v>57</v>
      </c>
      <c r="C362" s="9" t="s">
        <v>59</v>
      </c>
      <c r="D362" s="9" t="s">
        <v>54</v>
      </c>
      <c r="E362" s="9" t="s">
        <v>42</v>
      </c>
      <c r="F362" s="9" t="s">
        <v>13</v>
      </c>
      <c r="G362" s="6">
        <v>25</v>
      </c>
      <c r="H362" s="6">
        <v>16</v>
      </c>
      <c r="I362" s="6">
        <v>13</v>
      </c>
      <c r="J362" s="6">
        <v>3</v>
      </c>
      <c r="K362" s="6">
        <v>3</v>
      </c>
      <c r="L362" s="10" t="s">
        <v>55</v>
      </c>
      <c r="M362" s="6">
        <v>9</v>
      </c>
      <c r="N362" s="10" t="s">
        <v>55</v>
      </c>
      <c r="O362" s="6">
        <v>1</v>
      </c>
      <c r="P362" s="6">
        <v>3</v>
      </c>
      <c r="Q362" s="6">
        <v>9</v>
      </c>
    </row>
    <row r="363" spans="1:17">
      <c r="A363" s="9" t="s">
        <v>56</v>
      </c>
      <c r="B363" s="9" t="s">
        <v>57</v>
      </c>
      <c r="C363" s="9" t="s">
        <v>59</v>
      </c>
      <c r="D363" s="9" t="s">
        <v>54</v>
      </c>
      <c r="E363" s="9" t="s">
        <v>42</v>
      </c>
      <c r="F363" s="9" t="s">
        <v>14</v>
      </c>
      <c r="G363" s="6">
        <v>3500</v>
      </c>
      <c r="H363" s="6">
        <v>2839</v>
      </c>
      <c r="I363" s="6">
        <v>2180</v>
      </c>
      <c r="J363" s="6">
        <v>1413</v>
      </c>
      <c r="K363" s="6">
        <v>659</v>
      </c>
      <c r="L363" s="6">
        <v>14</v>
      </c>
      <c r="M363" s="6">
        <v>647</v>
      </c>
      <c r="N363" s="10" t="s">
        <v>55</v>
      </c>
      <c r="O363" s="6">
        <v>437</v>
      </c>
      <c r="P363" s="6">
        <v>1402</v>
      </c>
      <c r="Q363" s="6">
        <v>647</v>
      </c>
    </row>
    <row r="364" spans="1:17">
      <c r="A364" s="9" t="s">
        <v>56</v>
      </c>
      <c r="B364" s="9" t="s">
        <v>57</v>
      </c>
      <c r="C364" s="9" t="s">
        <v>59</v>
      </c>
      <c r="D364" s="9" t="s">
        <v>54</v>
      </c>
      <c r="E364" s="9" t="s">
        <v>42</v>
      </c>
      <c r="F364" s="9" t="s">
        <v>18</v>
      </c>
      <c r="G364" s="6">
        <v>96</v>
      </c>
      <c r="H364" s="6">
        <v>72</v>
      </c>
      <c r="I364" s="6">
        <v>49</v>
      </c>
      <c r="J364" s="6">
        <v>19</v>
      </c>
      <c r="K364" s="6">
        <v>23</v>
      </c>
      <c r="L364" s="10" t="s">
        <v>55</v>
      </c>
      <c r="M364" s="6">
        <v>24</v>
      </c>
      <c r="N364" s="10" t="s">
        <v>55</v>
      </c>
      <c r="O364" s="6">
        <v>19</v>
      </c>
      <c r="P364" s="6">
        <v>18</v>
      </c>
      <c r="Q364" s="6">
        <v>24</v>
      </c>
    </row>
    <row r="365" spans="1:17">
      <c r="A365" s="9" t="s">
        <v>56</v>
      </c>
      <c r="B365" s="9" t="s">
        <v>57</v>
      </c>
      <c r="C365" s="9" t="s">
        <v>59</v>
      </c>
      <c r="D365" s="9" t="s">
        <v>54</v>
      </c>
      <c r="E365" s="9" t="s">
        <v>43</v>
      </c>
      <c r="F365" s="9" t="s">
        <v>6</v>
      </c>
      <c r="G365" s="6">
        <v>4144</v>
      </c>
      <c r="H365" s="6">
        <v>3185</v>
      </c>
      <c r="I365" s="6">
        <v>2286</v>
      </c>
      <c r="J365" s="6">
        <v>1280</v>
      </c>
      <c r="K365" s="6">
        <v>899</v>
      </c>
      <c r="L365" s="6">
        <v>21</v>
      </c>
      <c r="M365" s="6">
        <v>938</v>
      </c>
      <c r="N365" s="10" t="s">
        <v>55</v>
      </c>
      <c r="O365" s="6">
        <v>593</v>
      </c>
      <c r="P365" s="6">
        <v>1279</v>
      </c>
      <c r="Q365" s="6">
        <v>938</v>
      </c>
    </row>
    <row r="366" spans="1:17">
      <c r="A366" s="9" t="s">
        <v>56</v>
      </c>
      <c r="B366" s="9" t="s">
        <v>57</v>
      </c>
      <c r="C366" s="9" t="s">
        <v>59</v>
      </c>
      <c r="D366" s="9" t="s">
        <v>54</v>
      </c>
      <c r="E366" s="9" t="s">
        <v>43</v>
      </c>
      <c r="F366" s="9" t="s">
        <v>7</v>
      </c>
      <c r="G366" s="6">
        <v>557</v>
      </c>
      <c r="H366" s="6">
        <v>466</v>
      </c>
      <c r="I366" s="6">
        <v>304</v>
      </c>
      <c r="J366" s="6">
        <v>142</v>
      </c>
      <c r="K366" s="6">
        <v>162</v>
      </c>
      <c r="L366" s="6">
        <v>4</v>
      </c>
      <c r="M366" s="6">
        <v>87</v>
      </c>
      <c r="N366" s="10" t="s">
        <v>55</v>
      </c>
      <c r="O366" s="6">
        <v>110</v>
      </c>
      <c r="P366" s="6">
        <v>142</v>
      </c>
      <c r="Q366" s="6">
        <v>87</v>
      </c>
    </row>
    <row r="367" spans="1:17">
      <c r="A367" s="9" t="s">
        <v>56</v>
      </c>
      <c r="B367" s="9" t="s">
        <v>57</v>
      </c>
      <c r="C367" s="9" t="s">
        <v>59</v>
      </c>
      <c r="D367" s="9" t="s">
        <v>54</v>
      </c>
      <c r="E367" s="9" t="s">
        <v>43</v>
      </c>
      <c r="F367" s="9" t="s">
        <v>8</v>
      </c>
      <c r="G367" s="6">
        <v>550</v>
      </c>
      <c r="H367" s="6">
        <v>462</v>
      </c>
      <c r="I367" s="6">
        <v>300</v>
      </c>
      <c r="J367" s="6">
        <v>141</v>
      </c>
      <c r="K367" s="6">
        <v>162</v>
      </c>
      <c r="L367" s="6">
        <v>4</v>
      </c>
      <c r="M367" s="6">
        <v>84</v>
      </c>
      <c r="N367" s="10" t="s">
        <v>55</v>
      </c>
      <c r="O367" s="6">
        <v>110</v>
      </c>
      <c r="P367" s="6">
        <v>141</v>
      </c>
      <c r="Q367" s="6">
        <v>84</v>
      </c>
    </row>
    <row r="368" spans="1:17">
      <c r="A368" s="9" t="s">
        <v>56</v>
      </c>
      <c r="B368" s="9" t="s">
        <v>57</v>
      </c>
      <c r="C368" s="9" t="s">
        <v>59</v>
      </c>
      <c r="D368" s="9" t="s">
        <v>54</v>
      </c>
      <c r="E368" s="9" t="s">
        <v>43</v>
      </c>
      <c r="F368" s="9" t="s">
        <v>13</v>
      </c>
      <c r="G368" s="6">
        <v>7</v>
      </c>
      <c r="H368" s="6">
        <v>4</v>
      </c>
      <c r="I368" s="6">
        <v>4</v>
      </c>
      <c r="J368" s="6">
        <v>1</v>
      </c>
      <c r="K368" s="10" t="s">
        <v>55</v>
      </c>
      <c r="L368" s="10" t="s">
        <v>55</v>
      </c>
      <c r="M368" s="6">
        <v>3</v>
      </c>
      <c r="N368" s="10" t="s">
        <v>55</v>
      </c>
      <c r="O368" s="10" t="s">
        <v>55</v>
      </c>
      <c r="P368" s="6">
        <v>1</v>
      </c>
      <c r="Q368" s="6">
        <v>3</v>
      </c>
    </row>
    <row r="369" spans="1:17">
      <c r="A369" s="9" t="s">
        <v>56</v>
      </c>
      <c r="B369" s="9" t="s">
        <v>57</v>
      </c>
      <c r="C369" s="9" t="s">
        <v>59</v>
      </c>
      <c r="D369" s="9" t="s">
        <v>54</v>
      </c>
      <c r="E369" s="9" t="s">
        <v>43</v>
      </c>
      <c r="F369" s="9" t="s">
        <v>14</v>
      </c>
      <c r="G369" s="6">
        <v>3507</v>
      </c>
      <c r="H369" s="6">
        <v>2661</v>
      </c>
      <c r="I369" s="6">
        <v>1951</v>
      </c>
      <c r="J369" s="6">
        <v>1129</v>
      </c>
      <c r="K369" s="6">
        <v>710</v>
      </c>
      <c r="L369" s="6">
        <v>17</v>
      </c>
      <c r="M369" s="6">
        <v>829</v>
      </c>
      <c r="N369" s="10" t="s">
        <v>55</v>
      </c>
      <c r="O369" s="6">
        <v>461</v>
      </c>
      <c r="P369" s="6">
        <v>1128</v>
      </c>
      <c r="Q369" s="6">
        <v>829</v>
      </c>
    </row>
    <row r="370" spans="1:17">
      <c r="A370" s="9" t="s">
        <v>56</v>
      </c>
      <c r="B370" s="9" t="s">
        <v>57</v>
      </c>
      <c r="C370" s="9" t="s">
        <v>59</v>
      </c>
      <c r="D370" s="9" t="s">
        <v>54</v>
      </c>
      <c r="E370" s="9" t="s">
        <v>43</v>
      </c>
      <c r="F370" s="9" t="s">
        <v>18</v>
      </c>
      <c r="G370" s="6">
        <v>80</v>
      </c>
      <c r="H370" s="6">
        <v>58</v>
      </c>
      <c r="I370" s="6">
        <v>31</v>
      </c>
      <c r="J370" s="6">
        <v>9</v>
      </c>
      <c r="K370" s="6">
        <v>27</v>
      </c>
      <c r="L370" s="10" t="s">
        <v>55</v>
      </c>
      <c r="M370" s="6">
        <v>22</v>
      </c>
      <c r="N370" s="10" t="s">
        <v>55</v>
      </c>
      <c r="O370" s="6">
        <v>22</v>
      </c>
      <c r="P370" s="6">
        <v>9</v>
      </c>
      <c r="Q370" s="6">
        <v>22</v>
      </c>
    </row>
    <row r="371" spans="1:17">
      <c r="A371" s="9" t="s">
        <v>56</v>
      </c>
      <c r="B371" s="9" t="s">
        <v>57</v>
      </c>
      <c r="C371" s="9" t="s">
        <v>59</v>
      </c>
      <c r="D371" s="9" t="s">
        <v>54</v>
      </c>
      <c r="E371" s="9" t="s">
        <v>44</v>
      </c>
      <c r="F371" s="9" t="s">
        <v>6</v>
      </c>
      <c r="G371" s="6">
        <v>3573</v>
      </c>
      <c r="H371" s="6">
        <v>2585</v>
      </c>
      <c r="I371" s="6">
        <v>1615</v>
      </c>
      <c r="J371" s="6">
        <v>771</v>
      </c>
      <c r="K371" s="6">
        <v>970</v>
      </c>
      <c r="L371" s="6">
        <v>21</v>
      </c>
      <c r="M371" s="6">
        <v>967</v>
      </c>
      <c r="N371" s="10" t="s">
        <v>55</v>
      </c>
      <c r="O371" s="6">
        <v>573</v>
      </c>
      <c r="P371" s="6">
        <v>771</v>
      </c>
      <c r="Q371" s="6">
        <v>967</v>
      </c>
    </row>
    <row r="372" spans="1:17">
      <c r="A372" s="9" t="s">
        <v>56</v>
      </c>
      <c r="B372" s="9" t="s">
        <v>57</v>
      </c>
      <c r="C372" s="9" t="s">
        <v>59</v>
      </c>
      <c r="D372" s="9" t="s">
        <v>54</v>
      </c>
      <c r="E372" s="9" t="s">
        <v>44</v>
      </c>
      <c r="F372" s="9" t="s">
        <v>7</v>
      </c>
      <c r="G372" s="6">
        <v>255</v>
      </c>
      <c r="H372" s="6">
        <v>213</v>
      </c>
      <c r="I372" s="6">
        <v>116</v>
      </c>
      <c r="J372" s="6">
        <v>43</v>
      </c>
      <c r="K372" s="6">
        <v>97</v>
      </c>
      <c r="L372" s="6">
        <v>1</v>
      </c>
      <c r="M372" s="6">
        <v>41</v>
      </c>
      <c r="N372" s="10" t="s">
        <v>55</v>
      </c>
      <c r="O372" s="6">
        <v>66</v>
      </c>
      <c r="P372" s="6">
        <v>43</v>
      </c>
      <c r="Q372" s="6">
        <v>41</v>
      </c>
    </row>
    <row r="373" spans="1:17">
      <c r="A373" s="9" t="s">
        <v>56</v>
      </c>
      <c r="B373" s="9" t="s">
        <v>57</v>
      </c>
      <c r="C373" s="9" t="s">
        <v>59</v>
      </c>
      <c r="D373" s="9" t="s">
        <v>54</v>
      </c>
      <c r="E373" s="9" t="s">
        <v>44</v>
      </c>
      <c r="F373" s="9" t="s">
        <v>8</v>
      </c>
      <c r="G373" s="6">
        <v>255</v>
      </c>
      <c r="H373" s="6">
        <v>213</v>
      </c>
      <c r="I373" s="6">
        <v>116</v>
      </c>
      <c r="J373" s="6">
        <v>43</v>
      </c>
      <c r="K373" s="6">
        <v>97</v>
      </c>
      <c r="L373" s="6">
        <v>1</v>
      </c>
      <c r="M373" s="6">
        <v>41</v>
      </c>
      <c r="N373" s="10" t="s">
        <v>55</v>
      </c>
      <c r="O373" s="6">
        <v>66</v>
      </c>
      <c r="P373" s="6">
        <v>43</v>
      </c>
      <c r="Q373" s="6">
        <v>41</v>
      </c>
    </row>
    <row r="374" spans="1:17">
      <c r="A374" s="9" t="s">
        <v>56</v>
      </c>
      <c r="B374" s="9" t="s">
        <v>57</v>
      </c>
      <c r="C374" s="9" t="s">
        <v>59</v>
      </c>
      <c r="D374" s="9" t="s">
        <v>54</v>
      </c>
      <c r="E374" s="9" t="s">
        <v>44</v>
      </c>
      <c r="F374" s="9" t="s">
        <v>13</v>
      </c>
      <c r="G374" s="10" t="s">
        <v>55</v>
      </c>
      <c r="H374" s="10" t="s">
        <v>55</v>
      </c>
      <c r="I374" s="10" t="s">
        <v>55</v>
      </c>
      <c r="J374" s="10" t="s">
        <v>55</v>
      </c>
      <c r="K374" s="10" t="s">
        <v>55</v>
      </c>
      <c r="L374" s="10" t="s">
        <v>55</v>
      </c>
      <c r="M374" s="10" t="s">
        <v>55</v>
      </c>
      <c r="N374" s="10" t="s">
        <v>55</v>
      </c>
      <c r="O374" s="10" t="s">
        <v>55</v>
      </c>
      <c r="P374" s="10" t="s">
        <v>55</v>
      </c>
      <c r="Q374" s="10" t="s">
        <v>55</v>
      </c>
    </row>
    <row r="375" spans="1:17">
      <c r="A375" s="9" t="s">
        <v>56</v>
      </c>
      <c r="B375" s="9" t="s">
        <v>57</v>
      </c>
      <c r="C375" s="9" t="s">
        <v>59</v>
      </c>
      <c r="D375" s="9" t="s">
        <v>54</v>
      </c>
      <c r="E375" s="9" t="s">
        <v>44</v>
      </c>
      <c r="F375" s="9" t="s">
        <v>14</v>
      </c>
      <c r="G375" s="6">
        <v>3233</v>
      </c>
      <c r="H375" s="6">
        <v>2319</v>
      </c>
      <c r="I375" s="6">
        <v>1461</v>
      </c>
      <c r="J375" s="6">
        <v>714</v>
      </c>
      <c r="K375" s="6">
        <v>858</v>
      </c>
      <c r="L375" s="6">
        <v>17</v>
      </c>
      <c r="M375" s="6">
        <v>897</v>
      </c>
      <c r="N375" s="10" t="s">
        <v>55</v>
      </c>
      <c r="O375" s="6">
        <v>494</v>
      </c>
      <c r="P375" s="6">
        <v>714</v>
      </c>
      <c r="Q375" s="6">
        <v>897</v>
      </c>
    </row>
    <row r="376" spans="1:17">
      <c r="A376" s="9" t="s">
        <v>56</v>
      </c>
      <c r="B376" s="9" t="s">
        <v>57</v>
      </c>
      <c r="C376" s="9" t="s">
        <v>59</v>
      </c>
      <c r="D376" s="9" t="s">
        <v>54</v>
      </c>
      <c r="E376" s="9" t="s">
        <v>44</v>
      </c>
      <c r="F376" s="9" t="s">
        <v>18</v>
      </c>
      <c r="G376" s="6">
        <v>85</v>
      </c>
      <c r="H376" s="6">
        <v>53</v>
      </c>
      <c r="I376" s="6">
        <v>38</v>
      </c>
      <c r="J376" s="6">
        <v>14</v>
      </c>
      <c r="K376" s="6">
        <v>15</v>
      </c>
      <c r="L376" s="6">
        <v>3</v>
      </c>
      <c r="M376" s="6">
        <v>29</v>
      </c>
      <c r="N376" s="10" t="s">
        <v>55</v>
      </c>
      <c r="O376" s="6">
        <v>13</v>
      </c>
      <c r="P376" s="6">
        <v>14</v>
      </c>
      <c r="Q376" s="6">
        <v>29</v>
      </c>
    </row>
    <row r="377" spans="1:17">
      <c r="A377" s="9" t="s">
        <v>56</v>
      </c>
      <c r="B377" s="9" t="s">
        <v>57</v>
      </c>
      <c r="C377" s="9" t="s">
        <v>59</v>
      </c>
      <c r="D377" s="9" t="s">
        <v>54</v>
      </c>
      <c r="E377" s="9" t="s">
        <v>45</v>
      </c>
      <c r="F377" s="9" t="s">
        <v>6</v>
      </c>
      <c r="G377" s="6">
        <v>2605</v>
      </c>
      <c r="H377" s="6">
        <v>1858</v>
      </c>
      <c r="I377" s="6">
        <v>890</v>
      </c>
      <c r="J377" s="6">
        <v>288</v>
      </c>
      <c r="K377" s="6">
        <v>968</v>
      </c>
      <c r="L377" s="6">
        <v>10</v>
      </c>
      <c r="M377" s="6">
        <v>737</v>
      </c>
      <c r="N377" s="10" t="s">
        <v>55</v>
      </c>
      <c r="O377" s="6">
        <v>545</v>
      </c>
      <c r="P377" s="6">
        <v>287</v>
      </c>
      <c r="Q377" s="6">
        <v>737</v>
      </c>
    </row>
    <row r="378" spans="1:17">
      <c r="A378" s="9" t="s">
        <v>56</v>
      </c>
      <c r="B378" s="9" t="s">
        <v>57</v>
      </c>
      <c r="C378" s="9" t="s">
        <v>59</v>
      </c>
      <c r="D378" s="9" t="s">
        <v>54</v>
      </c>
      <c r="E378" s="9" t="s">
        <v>45</v>
      </c>
      <c r="F378" s="9" t="s">
        <v>7</v>
      </c>
      <c r="G378" s="6">
        <v>90</v>
      </c>
      <c r="H378" s="6">
        <v>75</v>
      </c>
      <c r="I378" s="6">
        <v>33</v>
      </c>
      <c r="J378" s="6">
        <v>9</v>
      </c>
      <c r="K378" s="6">
        <v>42</v>
      </c>
      <c r="L378" s="10" t="s">
        <v>55</v>
      </c>
      <c r="M378" s="6">
        <v>15</v>
      </c>
      <c r="N378" s="10" t="s">
        <v>55</v>
      </c>
      <c r="O378" s="6">
        <v>28</v>
      </c>
      <c r="P378" s="6">
        <v>9</v>
      </c>
      <c r="Q378" s="6">
        <v>15</v>
      </c>
    </row>
    <row r="379" spans="1:17">
      <c r="A379" s="9" t="s">
        <v>56</v>
      </c>
      <c r="B379" s="9" t="s">
        <v>57</v>
      </c>
      <c r="C379" s="9" t="s">
        <v>59</v>
      </c>
      <c r="D379" s="9" t="s">
        <v>54</v>
      </c>
      <c r="E379" s="9" t="s">
        <v>45</v>
      </c>
      <c r="F379" s="9" t="s">
        <v>8</v>
      </c>
      <c r="G379" s="6">
        <v>90</v>
      </c>
      <c r="H379" s="6">
        <v>75</v>
      </c>
      <c r="I379" s="6">
        <v>33</v>
      </c>
      <c r="J379" s="6">
        <v>9</v>
      </c>
      <c r="K379" s="6">
        <v>42</v>
      </c>
      <c r="L379" s="10" t="s">
        <v>55</v>
      </c>
      <c r="M379" s="6">
        <v>15</v>
      </c>
      <c r="N379" s="10" t="s">
        <v>55</v>
      </c>
      <c r="O379" s="6">
        <v>28</v>
      </c>
      <c r="P379" s="6">
        <v>9</v>
      </c>
      <c r="Q379" s="6">
        <v>15</v>
      </c>
    </row>
    <row r="380" spans="1:17">
      <c r="A380" s="9" t="s">
        <v>56</v>
      </c>
      <c r="B380" s="9" t="s">
        <v>57</v>
      </c>
      <c r="C380" s="9" t="s">
        <v>59</v>
      </c>
      <c r="D380" s="9" t="s">
        <v>54</v>
      </c>
      <c r="E380" s="9" t="s">
        <v>45</v>
      </c>
      <c r="F380" s="9" t="s">
        <v>13</v>
      </c>
      <c r="G380" s="10" t="s">
        <v>55</v>
      </c>
      <c r="H380" s="10" t="s">
        <v>55</v>
      </c>
      <c r="I380" s="10" t="s">
        <v>55</v>
      </c>
      <c r="J380" s="10" t="s">
        <v>55</v>
      </c>
      <c r="K380" s="10" t="s">
        <v>55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</row>
    <row r="381" spans="1:17">
      <c r="A381" s="9" t="s">
        <v>56</v>
      </c>
      <c r="B381" s="9" t="s">
        <v>57</v>
      </c>
      <c r="C381" s="9" t="s">
        <v>59</v>
      </c>
      <c r="D381" s="9" t="s">
        <v>54</v>
      </c>
      <c r="E381" s="9" t="s">
        <v>45</v>
      </c>
      <c r="F381" s="9" t="s">
        <v>14</v>
      </c>
      <c r="G381" s="6">
        <v>2439</v>
      </c>
      <c r="H381" s="6">
        <v>1736</v>
      </c>
      <c r="I381" s="6">
        <v>830</v>
      </c>
      <c r="J381" s="6">
        <v>274</v>
      </c>
      <c r="K381" s="6">
        <v>906</v>
      </c>
      <c r="L381" s="6">
        <v>10</v>
      </c>
      <c r="M381" s="6">
        <v>693</v>
      </c>
      <c r="N381" s="10" t="s">
        <v>55</v>
      </c>
      <c r="O381" s="6">
        <v>503</v>
      </c>
      <c r="P381" s="6">
        <v>273</v>
      </c>
      <c r="Q381" s="6">
        <v>693</v>
      </c>
    </row>
    <row r="382" spans="1:17">
      <c r="A382" s="9" t="s">
        <v>56</v>
      </c>
      <c r="B382" s="9" t="s">
        <v>57</v>
      </c>
      <c r="C382" s="9" t="s">
        <v>59</v>
      </c>
      <c r="D382" s="9" t="s">
        <v>54</v>
      </c>
      <c r="E382" s="9" t="s">
        <v>45</v>
      </c>
      <c r="F382" s="9" t="s">
        <v>18</v>
      </c>
      <c r="G382" s="6">
        <v>76</v>
      </c>
      <c r="H382" s="6">
        <v>47</v>
      </c>
      <c r="I382" s="6">
        <v>27</v>
      </c>
      <c r="J382" s="6">
        <v>5</v>
      </c>
      <c r="K382" s="6">
        <v>20</v>
      </c>
      <c r="L382" s="10" t="s">
        <v>55</v>
      </c>
      <c r="M382" s="6">
        <v>29</v>
      </c>
      <c r="N382" s="10" t="s">
        <v>55</v>
      </c>
      <c r="O382" s="6">
        <v>14</v>
      </c>
      <c r="P382" s="6">
        <v>5</v>
      </c>
      <c r="Q382" s="6">
        <v>29</v>
      </c>
    </row>
    <row r="383" spans="1:17">
      <c r="A383" s="9" t="s">
        <v>56</v>
      </c>
      <c r="B383" s="9" t="s">
        <v>57</v>
      </c>
      <c r="C383" s="9" t="s">
        <v>59</v>
      </c>
      <c r="D383" s="9" t="s">
        <v>54</v>
      </c>
      <c r="E383" s="9" t="s">
        <v>46</v>
      </c>
      <c r="F383" s="9" t="s">
        <v>6</v>
      </c>
      <c r="G383" s="6">
        <v>1154</v>
      </c>
      <c r="H383" s="6">
        <v>883</v>
      </c>
      <c r="I383" s="6">
        <v>304</v>
      </c>
      <c r="J383" s="6">
        <v>51</v>
      </c>
      <c r="K383" s="6">
        <v>579</v>
      </c>
      <c r="L383" s="6">
        <v>3</v>
      </c>
      <c r="M383" s="6">
        <v>268</v>
      </c>
      <c r="N383" s="10" t="s">
        <v>55</v>
      </c>
      <c r="O383" s="6">
        <v>294</v>
      </c>
      <c r="P383" s="6">
        <v>51</v>
      </c>
      <c r="Q383" s="6">
        <v>268</v>
      </c>
    </row>
    <row r="384" spans="1:17">
      <c r="A384" s="9" t="s">
        <v>56</v>
      </c>
      <c r="B384" s="9" t="s">
        <v>57</v>
      </c>
      <c r="C384" s="9" t="s">
        <v>59</v>
      </c>
      <c r="D384" s="9" t="s">
        <v>54</v>
      </c>
      <c r="E384" s="9" t="s">
        <v>46</v>
      </c>
      <c r="F384" s="9" t="s">
        <v>7</v>
      </c>
      <c r="G384" s="6">
        <v>21</v>
      </c>
      <c r="H384" s="6">
        <v>16</v>
      </c>
      <c r="I384" s="6">
        <v>5</v>
      </c>
      <c r="J384" s="10" t="s">
        <v>55</v>
      </c>
      <c r="K384" s="6">
        <v>11</v>
      </c>
      <c r="L384" s="10" t="s">
        <v>55</v>
      </c>
      <c r="M384" s="6">
        <v>5</v>
      </c>
      <c r="N384" s="10" t="s">
        <v>55</v>
      </c>
      <c r="O384" s="6">
        <v>5</v>
      </c>
      <c r="P384" s="10" t="s">
        <v>55</v>
      </c>
      <c r="Q384" s="6">
        <v>5</v>
      </c>
    </row>
    <row r="385" spans="1:17">
      <c r="A385" s="9" t="s">
        <v>56</v>
      </c>
      <c r="B385" s="9" t="s">
        <v>57</v>
      </c>
      <c r="C385" s="9" t="s">
        <v>59</v>
      </c>
      <c r="D385" s="9" t="s">
        <v>54</v>
      </c>
      <c r="E385" s="9" t="s">
        <v>46</v>
      </c>
      <c r="F385" s="9" t="s">
        <v>8</v>
      </c>
      <c r="G385" s="6">
        <v>21</v>
      </c>
      <c r="H385" s="6">
        <v>16</v>
      </c>
      <c r="I385" s="6">
        <v>5</v>
      </c>
      <c r="J385" s="10" t="s">
        <v>55</v>
      </c>
      <c r="K385" s="6">
        <v>11</v>
      </c>
      <c r="L385" s="10" t="s">
        <v>55</v>
      </c>
      <c r="M385" s="6">
        <v>5</v>
      </c>
      <c r="N385" s="10" t="s">
        <v>55</v>
      </c>
      <c r="O385" s="6">
        <v>5</v>
      </c>
      <c r="P385" s="10" t="s">
        <v>55</v>
      </c>
      <c r="Q385" s="6">
        <v>5</v>
      </c>
    </row>
    <row r="386" spans="1:17">
      <c r="A386" s="9" t="s">
        <v>56</v>
      </c>
      <c r="B386" s="9" t="s">
        <v>57</v>
      </c>
      <c r="C386" s="9" t="s">
        <v>59</v>
      </c>
      <c r="D386" s="9" t="s">
        <v>54</v>
      </c>
      <c r="E386" s="9" t="s">
        <v>46</v>
      </c>
      <c r="F386" s="9" t="s">
        <v>13</v>
      </c>
      <c r="G386" s="10" t="s">
        <v>55</v>
      </c>
      <c r="H386" s="10" t="s">
        <v>55</v>
      </c>
      <c r="I386" s="10" t="s">
        <v>55</v>
      </c>
      <c r="J386" s="10" t="s">
        <v>55</v>
      </c>
      <c r="K386" s="10" t="s">
        <v>55</v>
      </c>
      <c r="L386" s="10" t="s">
        <v>55</v>
      </c>
      <c r="M386" s="10" t="s">
        <v>55</v>
      </c>
      <c r="N386" s="10" t="s">
        <v>55</v>
      </c>
      <c r="O386" s="10" t="s">
        <v>55</v>
      </c>
      <c r="P386" s="10" t="s">
        <v>55</v>
      </c>
      <c r="Q386" s="10" t="s">
        <v>55</v>
      </c>
    </row>
    <row r="387" spans="1:17">
      <c r="A387" s="9" t="s">
        <v>56</v>
      </c>
      <c r="B387" s="9" t="s">
        <v>57</v>
      </c>
      <c r="C387" s="9" t="s">
        <v>59</v>
      </c>
      <c r="D387" s="9" t="s">
        <v>54</v>
      </c>
      <c r="E387" s="9" t="s">
        <v>46</v>
      </c>
      <c r="F387" s="9" t="s">
        <v>14</v>
      </c>
      <c r="G387" s="6">
        <v>1102</v>
      </c>
      <c r="H387" s="6">
        <v>844</v>
      </c>
      <c r="I387" s="6">
        <v>293</v>
      </c>
      <c r="J387" s="6">
        <v>50</v>
      </c>
      <c r="K387" s="6">
        <v>551</v>
      </c>
      <c r="L387" s="6">
        <v>3</v>
      </c>
      <c r="M387" s="6">
        <v>255</v>
      </c>
      <c r="N387" s="10" t="s">
        <v>55</v>
      </c>
      <c r="O387" s="6">
        <v>279</v>
      </c>
      <c r="P387" s="6">
        <v>50</v>
      </c>
      <c r="Q387" s="6">
        <v>255</v>
      </c>
    </row>
    <row r="388" spans="1:17">
      <c r="A388" s="9" t="s">
        <v>56</v>
      </c>
      <c r="B388" s="9" t="s">
        <v>57</v>
      </c>
      <c r="C388" s="9" t="s">
        <v>59</v>
      </c>
      <c r="D388" s="9" t="s">
        <v>54</v>
      </c>
      <c r="E388" s="9" t="s">
        <v>46</v>
      </c>
      <c r="F388" s="9" t="s">
        <v>18</v>
      </c>
      <c r="G388" s="6">
        <v>31</v>
      </c>
      <c r="H388" s="6">
        <v>23</v>
      </c>
      <c r="I388" s="6">
        <v>6</v>
      </c>
      <c r="J388" s="6">
        <v>1</v>
      </c>
      <c r="K388" s="6">
        <v>17</v>
      </c>
      <c r="L388" s="10" t="s">
        <v>55</v>
      </c>
      <c r="M388" s="6">
        <v>8</v>
      </c>
      <c r="N388" s="10" t="s">
        <v>55</v>
      </c>
      <c r="O388" s="6">
        <v>10</v>
      </c>
      <c r="P388" s="6">
        <v>1</v>
      </c>
      <c r="Q388" s="6">
        <v>8</v>
      </c>
    </row>
    <row r="389" spans="1:17">
      <c r="A389" s="9" t="s">
        <v>56</v>
      </c>
      <c r="B389" s="9" t="s">
        <v>57</v>
      </c>
      <c r="C389" s="9" t="s">
        <v>59</v>
      </c>
      <c r="D389" s="9" t="s">
        <v>54</v>
      </c>
      <c r="E389" s="9" t="s">
        <v>47</v>
      </c>
      <c r="F389" s="9" t="s">
        <v>6</v>
      </c>
      <c r="G389" s="6">
        <v>274</v>
      </c>
      <c r="H389" s="6">
        <v>229</v>
      </c>
      <c r="I389" s="6">
        <v>75</v>
      </c>
      <c r="J389" s="6">
        <v>2</v>
      </c>
      <c r="K389" s="6">
        <v>154</v>
      </c>
      <c r="L389" s="6">
        <v>2</v>
      </c>
      <c r="M389" s="6">
        <v>43</v>
      </c>
      <c r="N389" s="10" t="s">
        <v>55</v>
      </c>
      <c r="O389" s="6">
        <v>75</v>
      </c>
      <c r="P389" s="6">
        <v>2</v>
      </c>
      <c r="Q389" s="6">
        <v>43</v>
      </c>
    </row>
    <row r="390" spans="1:17">
      <c r="A390" s="9" t="s">
        <v>56</v>
      </c>
      <c r="B390" s="9" t="s">
        <v>57</v>
      </c>
      <c r="C390" s="9" t="s">
        <v>59</v>
      </c>
      <c r="D390" s="9" t="s">
        <v>54</v>
      </c>
      <c r="E390" s="9" t="s">
        <v>47</v>
      </c>
      <c r="F390" s="9" t="s">
        <v>7</v>
      </c>
      <c r="G390" s="6">
        <v>1</v>
      </c>
      <c r="H390" s="6">
        <v>1</v>
      </c>
      <c r="I390" s="10" t="s">
        <v>55</v>
      </c>
      <c r="J390" s="10" t="s">
        <v>55</v>
      </c>
      <c r="K390" s="6">
        <v>1</v>
      </c>
      <c r="L390" s="10" t="s">
        <v>55</v>
      </c>
      <c r="M390" s="10" t="s">
        <v>55</v>
      </c>
      <c r="N390" s="10" t="s">
        <v>55</v>
      </c>
      <c r="O390" s="6">
        <v>1</v>
      </c>
      <c r="P390" s="10" t="s">
        <v>55</v>
      </c>
      <c r="Q390" s="10" t="s">
        <v>55</v>
      </c>
    </row>
    <row r="391" spans="1:17">
      <c r="A391" s="9" t="s">
        <v>56</v>
      </c>
      <c r="B391" s="9" t="s">
        <v>57</v>
      </c>
      <c r="C391" s="9" t="s">
        <v>59</v>
      </c>
      <c r="D391" s="9" t="s">
        <v>54</v>
      </c>
      <c r="E391" s="9" t="s">
        <v>47</v>
      </c>
      <c r="F391" s="9" t="s">
        <v>8</v>
      </c>
      <c r="G391" s="6">
        <v>1</v>
      </c>
      <c r="H391" s="6">
        <v>1</v>
      </c>
      <c r="I391" s="10" t="s">
        <v>55</v>
      </c>
      <c r="J391" s="10" t="s">
        <v>55</v>
      </c>
      <c r="K391" s="6">
        <v>1</v>
      </c>
      <c r="L391" s="10" t="s">
        <v>55</v>
      </c>
      <c r="M391" s="10" t="s">
        <v>55</v>
      </c>
      <c r="N391" s="10" t="s">
        <v>55</v>
      </c>
      <c r="O391" s="6">
        <v>1</v>
      </c>
      <c r="P391" s="10" t="s">
        <v>55</v>
      </c>
      <c r="Q391" s="10" t="s">
        <v>55</v>
      </c>
    </row>
    <row r="392" spans="1:17">
      <c r="A392" s="9" t="s">
        <v>56</v>
      </c>
      <c r="B392" s="9" t="s">
        <v>57</v>
      </c>
      <c r="C392" s="9" t="s">
        <v>59</v>
      </c>
      <c r="D392" s="9" t="s">
        <v>54</v>
      </c>
      <c r="E392" s="9" t="s">
        <v>47</v>
      </c>
      <c r="F392" s="9" t="s">
        <v>13</v>
      </c>
      <c r="G392" s="10" t="s">
        <v>55</v>
      </c>
      <c r="H392" s="10" t="s">
        <v>55</v>
      </c>
      <c r="I392" s="10" t="s">
        <v>55</v>
      </c>
      <c r="J392" s="10" t="s">
        <v>55</v>
      </c>
      <c r="K392" s="10" t="s">
        <v>55</v>
      </c>
      <c r="L392" s="10" t="s">
        <v>55</v>
      </c>
      <c r="M392" s="10" t="s">
        <v>55</v>
      </c>
      <c r="N392" s="10" t="s">
        <v>55</v>
      </c>
      <c r="O392" s="10" t="s">
        <v>55</v>
      </c>
      <c r="P392" s="10" t="s">
        <v>55</v>
      </c>
      <c r="Q392" s="10" t="s">
        <v>55</v>
      </c>
    </row>
    <row r="393" spans="1:17">
      <c r="A393" s="9" t="s">
        <v>56</v>
      </c>
      <c r="B393" s="9" t="s">
        <v>57</v>
      </c>
      <c r="C393" s="9" t="s">
        <v>59</v>
      </c>
      <c r="D393" s="9" t="s">
        <v>54</v>
      </c>
      <c r="E393" s="9" t="s">
        <v>47</v>
      </c>
      <c r="F393" s="9" t="s">
        <v>14</v>
      </c>
      <c r="G393" s="6">
        <v>269</v>
      </c>
      <c r="H393" s="6">
        <v>225</v>
      </c>
      <c r="I393" s="6">
        <v>73</v>
      </c>
      <c r="J393" s="6">
        <v>2</v>
      </c>
      <c r="K393" s="6">
        <v>152</v>
      </c>
      <c r="L393" s="6">
        <v>2</v>
      </c>
      <c r="M393" s="6">
        <v>42</v>
      </c>
      <c r="N393" s="10" t="s">
        <v>55</v>
      </c>
      <c r="O393" s="6">
        <v>73</v>
      </c>
      <c r="P393" s="6">
        <v>2</v>
      </c>
      <c r="Q393" s="6">
        <v>42</v>
      </c>
    </row>
    <row r="394" spans="1:17">
      <c r="A394" s="9" t="s">
        <v>56</v>
      </c>
      <c r="B394" s="9" t="s">
        <v>57</v>
      </c>
      <c r="C394" s="9" t="s">
        <v>59</v>
      </c>
      <c r="D394" s="9" t="s">
        <v>54</v>
      </c>
      <c r="E394" s="9" t="s">
        <v>47</v>
      </c>
      <c r="F394" s="9" t="s">
        <v>18</v>
      </c>
      <c r="G394" s="6">
        <v>4</v>
      </c>
      <c r="H394" s="6">
        <v>3</v>
      </c>
      <c r="I394" s="6">
        <v>2</v>
      </c>
      <c r="J394" s="10" t="s">
        <v>55</v>
      </c>
      <c r="K394" s="6">
        <v>1</v>
      </c>
      <c r="L394" s="10" t="s">
        <v>55</v>
      </c>
      <c r="M394" s="6">
        <v>1</v>
      </c>
      <c r="N394" s="10" t="s">
        <v>55</v>
      </c>
      <c r="O394" s="6">
        <v>1</v>
      </c>
      <c r="P394" s="10" t="s">
        <v>55</v>
      </c>
      <c r="Q394" s="6">
        <v>1</v>
      </c>
    </row>
    <row r="395" spans="1:17">
      <c r="A395" s="9" t="s">
        <v>56</v>
      </c>
      <c r="B395" s="9" t="s">
        <v>57</v>
      </c>
      <c r="C395" s="9" t="s">
        <v>59</v>
      </c>
      <c r="D395" s="9" t="s">
        <v>54</v>
      </c>
      <c r="E395" s="9" t="s">
        <v>48</v>
      </c>
      <c r="F395" s="9" t="s">
        <v>6</v>
      </c>
      <c r="G395" s="6">
        <v>32951</v>
      </c>
      <c r="H395" s="6">
        <v>28609</v>
      </c>
      <c r="I395" s="6">
        <v>20442</v>
      </c>
      <c r="J395" s="6">
        <v>4150</v>
      </c>
      <c r="K395" s="6">
        <v>8167</v>
      </c>
      <c r="L395" s="6">
        <v>445</v>
      </c>
      <c r="M395" s="6">
        <v>3897</v>
      </c>
      <c r="N395" s="10" t="s">
        <v>55</v>
      </c>
      <c r="O395" s="6">
        <v>6456</v>
      </c>
      <c r="P395" s="6">
        <v>765</v>
      </c>
      <c r="Q395" s="10" t="s">
        <v>55</v>
      </c>
    </row>
    <row r="396" spans="1:17">
      <c r="A396" s="9" t="s">
        <v>56</v>
      </c>
      <c r="B396" s="9" t="s">
        <v>57</v>
      </c>
      <c r="C396" s="9" t="s">
        <v>59</v>
      </c>
      <c r="D396" s="9" t="s">
        <v>54</v>
      </c>
      <c r="E396" s="9" t="s">
        <v>48</v>
      </c>
      <c r="F396" s="9" t="s">
        <v>7</v>
      </c>
      <c r="G396" s="6">
        <v>24048</v>
      </c>
      <c r="H396" s="6">
        <v>20400</v>
      </c>
      <c r="I396" s="6">
        <v>14215</v>
      </c>
      <c r="J396" s="6">
        <v>2853</v>
      </c>
      <c r="K396" s="6">
        <v>6185</v>
      </c>
      <c r="L396" s="6">
        <v>358</v>
      </c>
      <c r="M396" s="6">
        <v>3290</v>
      </c>
      <c r="N396" s="10" t="s">
        <v>55</v>
      </c>
      <c r="O396" s="6">
        <v>4893</v>
      </c>
      <c r="P396" s="6">
        <v>436</v>
      </c>
      <c r="Q396" s="10" t="s">
        <v>55</v>
      </c>
    </row>
    <row r="397" spans="1:17">
      <c r="A397" s="9" t="s">
        <v>56</v>
      </c>
      <c r="B397" s="9" t="s">
        <v>57</v>
      </c>
      <c r="C397" s="9" t="s">
        <v>59</v>
      </c>
      <c r="D397" s="9" t="s">
        <v>54</v>
      </c>
      <c r="E397" s="9" t="s">
        <v>48</v>
      </c>
      <c r="F397" s="9" t="s">
        <v>8</v>
      </c>
      <c r="G397" s="6">
        <v>23200</v>
      </c>
      <c r="H397" s="6">
        <v>19671</v>
      </c>
      <c r="I397" s="6">
        <v>13684</v>
      </c>
      <c r="J397" s="6">
        <v>2774</v>
      </c>
      <c r="K397" s="6">
        <v>5987</v>
      </c>
      <c r="L397" s="6">
        <v>341</v>
      </c>
      <c r="M397" s="6">
        <v>3188</v>
      </c>
      <c r="N397" s="10" t="s">
        <v>55</v>
      </c>
      <c r="O397" s="6">
        <v>4735</v>
      </c>
      <c r="P397" s="6">
        <v>423</v>
      </c>
      <c r="Q397" s="10" t="s">
        <v>55</v>
      </c>
    </row>
    <row r="398" spans="1:17">
      <c r="A398" s="9" t="s">
        <v>56</v>
      </c>
      <c r="B398" s="9" t="s">
        <v>57</v>
      </c>
      <c r="C398" s="9" t="s">
        <v>59</v>
      </c>
      <c r="D398" s="9" t="s">
        <v>54</v>
      </c>
      <c r="E398" s="9" t="s">
        <v>48</v>
      </c>
      <c r="F398" s="9" t="s">
        <v>13</v>
      </c>
      <c r="G398" s="6">
        <v>848</v>
      </c>
      <c r="H398" s="6">
        <v>729</v>
      </c>
      <c r="I398" s="6">
        <v>531</v>
      </c>
      <c r="J398" s="6">
        <v>79</v>
      </c>
      <c r="K398" s="6">
        <v>198</v>
      </c>
      <c r="L398" s="6">
        <v>17</v>
      </c>
      <c r="M398" s="6">
        <v>102</v>
      </c>
      <c r="N398" s="10" t="s">
        <v>55</v>
      </c>
      <c r="O398" s="6">
        <v>158</v>
      </c>
      <c r="P398" s="6">
        <v>13</v>
      </c>
      <c r="Q398" s="10" t="s">
        <v>55</v>
      </c>
    </row>
    <row r="399" spans="1:17">
      <c r="A399" s="9" t="s">
        <v>56</v>
      </c>
      <c r="B399" s="9" t="s">
        <v>57</v>
      </c>
      <c r="C399" s="9" t="s">
        <v>59</v>
      </c>
      <c r="D399" s="9" t="s">
        <v>54</v>
      </c>
      <c r="E399" s="9" t="s">
        <v>48</v>
      </c>
      <c r="F399" s="9" t="s">
        <v>14</v>
      </c>
      <c r="G399" s="6">
        <v>6941</v>
      </c>
      <c r="H399" s="6">
        <v>6613</v>
      </c>
      <c r="I399" s="6">
        <v>4932</v>
      </c>
      <c r="J399" s="6">
        <v>1120</v>
      </c>
      <c r="K399" s="6">
        <v>1681</v>
      </c>
      <c r="L399" s="6">
        <v>53</v>
      </c>
      <c r="M399" s="6">
        <v>275</v>
      </c>
      <c r="N399" s="10" t="s">
        <v>55</v>
      </c>
      <c r="O399" s="6">
        <v>1318</v>
      </c>
      <c r="P399" s="6">
        <v>322</v>
      </c>
      <c r="Q399" s="10" t="s">
        <v>55</v>
      </c>
    </row>
    <row r="400" spans="1:17">
      <c r="A400" s="9" t="s">
        <v>56</v>
      </c>
      <c r="B400" s="9" t="s">
        <v>57</v>
      </c>
      <c r="C400" s="9" t="s">
        <v>59</v>
      </c>
      <c r="D400" s="9" t="s">
        <v>54</v>
      </c>
      <c r="E400" s="9" t="s">
        <v>48</v>
      </c>
      <c r="F400" s="9" t="s">
        <v>18</v>
      </c>
      <c r="G400" s="6">
        <v>1962</v>
      </c>
      <c r="H400" s="6">
        <v>1596</v>
      </c>
      <c r="I400" s="6">
        <v>1295</v>
      </c>
      <c r="J400" s="6">
        <v>177</v>
      </c>
      <c r="K400" s="6">
        <v>301</v>
      </c>
      <c r="L400" s="6">
        <v>34</v>
      </c>
      <c r="M400" s="6">
        <v>332</v>
      </c>
      <c r="N400" s="10" t="s">
        <v>55</v>
      </c>
      <c r="O400" s="6">
        <v>245</v>
      </c>
      <c r="P400" s="6">
        <v>7</v>
      </c>
      <c r="Q400" s="10" t="s">
        <v>55</v>
      </c>
    </row>
    <row r="401" spans="1:17">
      <c r="A401" s="9" t="s">
        <v>56</v>
      </c>
      <c r="B401" s="9" t="s">
        <v>57</v>
      </c>
      <c r="C401" s="9" t="s">
        <v>59</v>
      </c>
      <c r="D401" s="9" t="s">
        <v>54</v>
      </c>
      <c r="E401" s="9" t="s">
        <v>49</v>
      </c>
      <c r="F401" s="9" t="s">
        <v>6</v>
      </c>
      <c r="G401" s="6">
        <v>21736</v>
      </c>
      <c r="H401" s="6">
        <v>17012</v>
      </c>
      <c r="I401" s="6">
        <v>11227</v>
      </c>
      <c r="J401" s="6">
        <v>6095</v>
      </c>
      <c r="K401" s="6">
        <v>5785</v>
      </c>
      <c r="L401" s="6">
        <v>120</v>
      </c>
      <c r="M401" s="6">
        <v>4604</v>
      </c>
      <c r="N401" s="10" t="s">
        <v>55</v>
      </c>
      <c r="O401" s="6">
        <v>3561</v>
      </c>
      <c r="P401" s="6">
        <v>5973</v>
      </c>
      <c r="Q401" s="6">
        <v>4604</v>
      </c>
    </row>
    <row r="402" spans="1:17">
      <c r="A402" s="9" t="s">
        <v>56</v>
      </c>
      <c r="B402" s="9" t="s">
        <v>57</v>
      </c>
      <c r="C402" s="9" t="s">
        <v>59</v>
      </c>
      <c r="D402" s="9" t="s">
        <v>54</v>
      </c>
      <c r="E402" s="9" t="s">
        <v>49</v>
      </c>
      <c r="F402" s="9" t="s">
        <v>7</v>
      </c>
      <c r="G402" s="6">
        <v>4580</v>
      </c>
      <c r="H402" s="6">
        <v>3788</v>
      </c>
      <c r="I402" s="6">
        <v>2498</v>
      </c>
      <c r="J402" s="6">
        <v>1364</v>
      </c>
      <c r="K402" s="6">
        <v>1290</v>
      </c>
      <c r="L402" s="6">
        <v>35</v>
      </c>
      <c r="M402" s="6">
        <v>757</v>
      </c>
      <c r="N402" s="10" t="s">
        <v>55</v>
      </c>
      <c r="O402" s="6">
        <v>910</v>
      </c>
      <c r="P402" s="6">
        <v>1320</v>
      </c>
      <c r="Q402" s="6">
        <v>757</v>
      </c>
    </row>
    <row r="403" spans="1:17">
      <c r="A403" s="9" t="s">
        <v>56</v>
      </c>
      <c r="B403" s="9" t="s">
        <v>57</v>
      </c>
      <c r="C403" s="9" t="s">
        <v>59</v>
      </c>
      <c r="D403" s="9" t="s">
        <v>54</v>
      </c>
      <c r="E403" s="9" t="s">
        <v>49</v>
      </c>
      <c r="F403" s="9" t="s">
        <v>8</v>
      </c>
      <c r="G403" s="6">
        <v>4507</v>
      </c>
      <c r="H403" s="6">
        <v>3745</v>
      </c>
      <c r="I403" s="6">
        <v>2463</v>
      </c>
      <c r="J403" s="6">
        <v>1352</v>
      </c>
      <c r="K403" s="6">
        <v>1282</v>
      </c>
      <c r="L403" s="6">
        <v>33</v>
      </c>
      <c r="M403" s="6">
        <v>729</v>
      </c>
      <c r="N403" s="10" t="s">
        <v>55</v>
      </c>
      <c r="O403" s="6">
        <v>906</v>
      </c>
      <c r="P403" s="6">
        <v>1308</v>
      </c>
      <c r="Q403" s="6">
        <v>729</v>
      </c>
    </row>
    <row r="404" spans="1:17">
      <c r="A404" s="9" t="s">
        <v>56</v>
      </c>
      <c r="B404" s="9" t="s">
        <v>57</v>
      </c>
      <c r="C404" s="9" t="s">
        <v>59</v>
      </c>
      <c r="D404" s="9" t="s">
        <v>54</v>
      </c>
      <c r="E404" s="9" t="s">
        <v>49</v>
      </c>
      <c r="F404" s="9" t="s">
        <v>13</v>
      </c>
      <c r="G404" s="6">
        <v>73</v>
      </c>
      <c r="H404" s="6">
        <v>43</v>
      </c>
      <c r="I404" s="6">
        <v>35</v>
      </c>
      <c r="J404" s="6">
        <v>12</v>
      </c>
      <c r="K404" s="6">
        <v>8</v>
      </c>
      <c r="L404" s="6">
        <v>2</v>
      </c>
      <c r="M404" s="6">
        <v>28</v>
      </c>
      <c r="N404" s="10" t="s">
        <v>55</v>
      </c>
      <c r="O404" s="6">
        <v>4</v>
      </c>
      <c r="P404" s="6">
        <v>12</v>
      </c>
      <c r="Q404" s="6">
        <v>28</v>
      </c>
    </row>
    <row r="405" spans="1:17">
      <c r="A405" s="9" t="s">
        <v>56</v>
      </c>
      <c r="B405" s="9" t="s">
        <v>57</v>
      </c>
      <c r="C405" s="9" t="s">
        <v>59</v>
      </c>
      <c r="D405" s="9" t="s">
        <v>54</v>
      </c>
      <c r="E405" s="9" t="s">
        <v>49</v>
      </c>
      <c r="F405" s="9" t="s">
        <v>14</v>
      </c>
      <c r="G405" s="6">
        <v>16677</v>
      </c>
      <c r="H405" s="6">
        <v>12894</v>
      </c>
      <c r="I405" s="6">
        <v>8527</v>
      </c>
      <c r="J405" s="6">
        <v>4654</v>
      </c>
      <c r="K405" s="6">
        <v>4367</v>
      </c>
      <c r="L405" s="6">
        <v>80</v>
      </c>
      <c r="M405" s="6">
        <v>3703</v>
      </c>
      <c r="N405" s="10" t="s">
        <v>55</v>
      </c>
      <c r="O405" s="6">
        <v>2551</v>
      </c>
      <c r="P405" s="6">
        <v>4580</v>
      </c>
      <c r="Q405" s="6">
        <v>3703</v>
      </c>
    </row>
    <row r="406" spans="1:17">
      <c r="A406" s="9" t="s">
        <v>56</v>
      </c>
      <c r="B406" s="9" t="s">
        <v>57</v>
      </c>
      <c r="C406" s="9" t="s">
        <v>59</v>
      </c>
      <c r="D406" s="9" t="s">
        <v>54</v>
      </c>
      <c r="E406" s="9" t="s">
        <v>49</v>
      </c>
      <c r="F406" s="9" t="s">
        <v>18</v>
      </c>
      <c r="G406" s="6">
        <v>479</v>
      </c>
      <c r="H406" s="6">
        <v>330</v>
      </c>
      <c r="I406" s="6">
        <v>202</v>
      </c>
      <c r="J406" s="6">
        <v>77</v>
      </c>
      <c r="K406" s="6">
        <v>128</v>
      </c>
      <c r="L406" s="6">
        <v>5</v>
      </c>
      <c r="M406" s="6">
        <v>144</v>
      </c>
      <c r="N406" s="10" t="s">
        <v>55</v>
      </c>
      <c r="O406" s="6">
        <v>100</v>
      </c>
      <c r="P406" s="6">
        <v>73</v>
      </c>
      <c r="Q406" s="6">
        <v>144</v>
      </c>
    </row>
    <row r="407" spans="1:17">
      <c r="A407" s="9" t="s">
        <v>56</v>
      </c>
      <c r="B407" s="9" t="s">
        <v>57</v>
      </c>
      <c r="C407" s="9" t="s">
        <v>59</v>
      </c>
      <c r="D407" s="9" t="s">
        <v>54</v>
      </c>
      <c r="E407" s="9" t="s">
        <v>50</v>
      </c>
      <c r="F407" s="9" t="s">
        <v>6</v>
      </c>
      <c r="G407" s="6">
        <v>11750</v>
      </c>
      <c r="H407" s="6">
        <v>8740</v>
      </c>
      <c r="I407" s="6">
        <v>5170</v>
      </c>
      <c r="J407" s="6">
        <v>2392</v>
      </c>
      <c r="K407" s="6">
        <v>3570</v>
      </c>
      <c r="L407" s="6">
        <v>57</v>
      </c>
      <c r="M407" s="6">
        <v>2953</v>
      </c>
      <c r="N407" s="10" t="s">
        <v>55</v>
      </c>
      <c r="O407" s="6">
        <v>2080</v>
      </c>
      <c r="P407" s="6">
        <v>2390</v>
      </c>
      <c r="Q407" s="6">
        <v>2953</v>
      </c>
    </row>
    <row r="408" spans="1:17">
      <c r="A408" s="9" t="s">
        <v>56</v>
      </c>
      <c r="B408" s="9" t="s">
        <v>57</v>
      </c>
      <c r="C408" s="9" t="s">
        <v>59</v>
      </c>
      <c r="D408" s="9" t="s">
        <v>54</v>
      </c>
      <c r="E408" s="9" t="s">
        <v>50</v>
      </c>
      <c r="F408" s="9" t="s">
        <v>7</v>
      </c>
      <c r="G408" s="6">
        <v>924</v>
      </c>
      <c r="H408" s="6">
        <v>771</v>
      </c>
      <c r="I408" s="6">
        <v>458</v>
      </c>
      <c r="J408" s="6">
        <v>194</v>
      </c>
      <c r="K408" s="6">
        <v>313</v>
      </c>
      <c r="L408" s="6">
        <v>5</v>
      </c>
      <c r="M408" s="6">
        <v>148</v>
      </c>
      <c r="N408" s="10" t="s">
        <v>55</v>
      </c>
      <c r="O408" s="6">
        <v>210</v>
      </c>
      <c r="P408" s="6">
        <v>194</v>
      </c>
      <c r="Q408" s="6">
        <v>148</v>
      </c>
    </row>
    <row r="409" spans="1:17">
      <c r="A409" s="9" t="s">
        <v>56</v>
      </c>
      <c r="B409" s="9" t="s">
        <v>57</v>
      </c>
      <c r="C409" s="9" t="s">
        <v>59</v>
      </c>
      <c r="D409" s="9" t="s">
        <v>54</v>
      </c>
      <c r="E409" s="9" t="s">
        <v>50</v>
      </c>
      <c r="F409" s="9" t="s">
        <v>8</v>
      </c>
      <c r="G409" s="6">
        <v>917</v>
      </c>
      <c r="H409" s="6">
        <v>767</v>
      </c>
      <c r="I409" s="6">
        <v>454</v>
      </c>
      <c r="J409" s="6">
        <v>193</v>
      </c>
      <c r="K409" s="6">
        <v>313</v>
      </c>
      <c r="L409" s="6">
        <v>5</v>
      </c>
      <c r="M409" s="6">
        <v>145</v>
      </c>
      <c r="N409" s="10" t="s">
        <v>55</v>
      </c>
      <c r="O409" s="6">
        <v>210</v>
      </c>
      <c r="P409" s="6">
        <v>193</v>
      </c>
      <c r="Q409" s="6">
        <v>145</v>
      </c>
    </row>
    <row r="410" spans="1:17">
      <c r="A410" s="9" t="s">
        <v>56</v>
      </c>
      <c r="B410" s="9" t="s">
        <v>57</v>
      </c>
      <c r="C410" s="9" t="s">
        <v>59</v>
      </c>
      <c r="D410" s="9" t="s">
        <v>54</v>
      </c>
      <c r="E410" s="9" t="s">
        <v>50</v>
      </c>
      <c r="F410" s="9" t="s">
        <v>13</v>
      </c>
      <c r="G410" s="6">
        <v>7</v>
      </c>
      <c r="H410" s="6">
        <v>4</v>
      </c>
      <c r="I410" s="6">
        <v>4</v>
      </c>
      <c r="J410" s="6">
        <v>1</v>
      </c>
      <c r="K410" s="10" t="s">
        <v>55</v>
      </c>
      <c r="L410" s="10" t="s">
        <v>55</v>
      </c>
      <c r="M410" s="6">
        <v>3</v>
      </c>
      <c r="N410" s="10" t="s">
        <v>55</v>
      </c>
      <c r="O410" s="10" t="s">
        <v>55</v>
      </c>
      <c r="P410" s="6">
        <v>1</v>
      </c>
      <c r="Q410" s="6">
        <v>3</v>
      </c>
    </row>
    <row r="411" spans="1:17">
      <c r="A411" s="9" t="s">
        <v>56</v>
      </c>
      <c r="B411" s="9" t="s">
        <v>57</v>
      </c>
      <c r="C411" s="9" t="s">
        <v>59</v>
      </c>
      <c r="D411" s="9" t="s">
        <v>54</v>
      </c>
      <c r="E411" s="9" t="s">
        <v>50</v>
      </c>
      <c r="F411" s="9" t="s">
        <v>14</v>
      </c>
      <c r="G411" s="6">
        <v>10550</v>
      </c>
      <c r="H411" s="6">
        <v>7785</v>
      </c>
      <c r="I411" s="6">
        <v>4608</v>
      </c>
      <c r="J411" s="6">
        <v>2169</v>
      </c>
      <c r="K411" s="6">
        <v>3177</v>
      </c>
      <c r="L411" s="6">
        <v>49</v>
      </c>
      <c r="M411" s="6">
        <v>2716</v>
      </c>
      <c r="N411" s="10" t="s">
        <v>55</v>
      </c>
      <c r="O411" s="6">
        <v>1810</v>
      </c>
      <c r="P411" s="6">
        <v>2167</v>
      </c>
      <c r="Q411" s="6">
        <v>2716</v>
      </c>
    </row>
    <row r="412" spans="1:17">
      <c r="A412" s="9" t="s">
        <v>56</v>
      </c>
      <c r="B412" s="9" t="s">
        <v>57</v>
      </c>
      <c r="C412" s="9" t="s">
        <v>59</v>
      </c>
      <c r="D412" s="9" t="s">
        <v>54</v>
      </c>
      <c r="E412" s="9" t="s">
        <v>50</v>
      </c>
      <c r="F412" s="9" t="s">
        <v>18</v>
      </c>
      <c r="G412" s="6">
        <v>276</v>
      </c>
      <c r="H412" s="6">
        <v>184</v>
      </c>
      <c r="I412" s="6">
        <v>104</v>
      </c>
      <c r="J412" s="6">
        <v>29</v>
      </c>
      <c r="K412" s="6">
        <v>80</v>
      </c>
      <c r="L412" s="6">
        <v>3</v>
      </c>
      <c r="M412" s="6">
        <v>89</v>
      </c>
      <c r="N412" s="10" t="s">
        <v>55</v>
      </c>
      <c r="O412" s="6">
        <v>60</v>
      </c>
      <c r="P412" s="6">
        <v>29</v>
      </c>
      <c r="Q412" s="6">
        <v>89</v>
      </c>
    </row>
    <row r="413" spans="1:17">
      <c r="A413" s="9" t="s">
        <v>56</v>
      </c>
      <c r="B413" s="9" t="s">
        <v>57</v>
      </c>
      <c r="C413" s="9" t="s">
        <v>59</v>
      </c>
      <c r="D413" s="9" t="s">
        <v>54</v>
      </c>
      <c r="E413" s="9" t="s">
        <v>51</v>
      </c>
      <c r="F413" s="9" t="s">
        <v>6</v>
      </c>
      <c r="G413" s="6">
        <v>4033</v>
      </c>
      <c r="H413" s="6">
        <v>2970</v>
      </c>
      <c r="I413" s="6">
        <v>1269</v>
      </c>
      <c r="J413" s="6">
        <v>341</v>
      </c>
      <c r="K413" s="6">
        <v>1701</v>
      </c>
      <c r="L413" s="6">
        <v>15</v>
      </c>
      <c r="M413" s="6">
        <v>1048</v>
      </c>
      <c r="N413" s="10" t="s">
        <v>55</v>
      </c>
      <c r="O413" s="6">
        <v>914</v>
      </c>
      <c r="P413" s="6">
        <v>340</v>
      </c>
      <c r="Q413" s="6">
        <v>1048</v>
      </c>
    </row>
    <row r="414" spans="1:17">
      <c r="A414" s="9" t="s">
        <v>56</v>
      </c>
      <c r="B414" s="9" t="s">
        <v>57</v>
      </c>
      <c r="C414" s="9" t="s">
        <v>59</v>
      </c>
      <c r="D414" s="9" t="s">
        <v>54</v>
      </c>
      <c r="E414" s="9" t="s">
        <v>51</v>
      </c>
      <c r="F414" s="9" t="s">
        <v>7</v>
      </c>
      <c r="G414" s="6">
        <v>112</v>
      </c>
      <c r="H414" s="6">
        <v>92</v>
      </c>
      <c r="I414" s="6">
        <v>38</v>
      </c>
      <c r="J414" s="6">
        <v>9</v>
      </c>
      <c r="K414" s="6">
        <v>54</v>
      </c>
      <c r="L414" s="10" t="s">
        <v>55</v>
      </c>
      <c r="M414" s="6">
        <v>20</v>
      </c>
      <c r="N414" s="10" t="s">
        <v>55</v>
      </c>
      <c r="O414" s="6">
        <v>34</v>
      </c>
      <c r="P414" s="6">
        <v>9</v>
      </c>
      <c r="Q414" s="6">
        <v>20</v>
      </c>
    </row>
    <row r="415" spans="1:17">
      <c r="A415" s="9" t="s">
        <v>56</v>
      </c>
      <c r="B415" s="9" t="s">
        <v>57</v>
      </c>
      <c r="C415" s="9" t="s">
        <v>59</v>
      </c>
      <c r="D415" s="9" t="s">
        <v>54</v>
      </c>
      <c r="E415" s="9" t="s">
        <v>51</v>
      </c>
      <c r="F415" s="9" t="s">
        <v>8</v>
      </c>
      <c r="G415" s="6">
        <v>112</v>
      </c>
      <c r="H415" s="6">
        <v>92</v>
      </c>
      <c r="I415" s="6">
        <v>38</v>
      </c>
      <c r="J415" s="6">
        <v>9</v>
      </c>
      <c r="K415" s="6">
        <v>54</v>
      </c>
      <c r="L415" s="10" t="s">
        <v>55</v>
      </c>
      <c r="M415" s="6">
        <v>20</v>
      </c>
      <c r="N415" s="10" t="s">
        <v>55</v>
      </c>
      <c r="O415" s="6">
        <v>34</v>
      </c>
      <c r="P415" s="6">
        <v>9</v>
      </c>
      <c r="Q415" s="6">
        <v>20</v>
      </c>
    </row>
    <row r="416" spans="1:17">
      <c r="A416" s="9" t="s">
        <v>56</v>
      </c>
      <c r="B416" s="9" t="s">
        <v>57</v>
      </c>
      <c r="C416" s="9" t="s">
        <v>59</v>
      </c>
      <c r="D416" s="9" t="s">
        <v>54</v>
      </c>
      <c r="E416" s="9" t="s">
        <v>51</v>
      </c>
      <c r="F416" s="9" t="s">
        <v>13</v>
      </c>
      <c r="G416" s="10" t="s">
        <v>55</v>
      </c>
      <c r="H416" s="10" t="s">
        <v>55</v>
      </c>
      <c r="I416" s="10" t="s">
        <v>55</v>
      </c>
      <c r="J416" s="10" t="s">
        <v>55</v>
      </c>
      <c r="K416" s="10" t="s">
        <v>55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</row>
    <row r="417" spans="1:17">
      <c r="A417" s="9" t="s">
        <v>56</v>
      </c>
      <c r="B417" s="9" t="s">
        <v>57</v>
      </c>
      <c r="C417" s="9" t="s">
        <v>59</v>
      </c>
      <c r="D417" s="9" t="s">
        <v>54</v>
      </c>
      <c r="E417" s="9" t="s">
        <v>51</v>
      </c>
      <c r="F417" s="9" t="s">
        <v>14</v>
      </c>
      <c r="G417" s="6">
        <v>3810</v>
      </c>
      <c r="H417" s="6">
        <v>2805</v>
      </c>
      <c r="I417" s="6">
        <v>1196</v>
      </c>
      <c r="J417" s="6">
        <v>326</v>
      </c>
      <c r="K417" s="6">
        <v>1609</v>
      </c>
      <c r="L417" s="6">
        <v>15</v>
      </c>
      <c r="M417" s="6">
        <v>990</v>
      </c>
      <c r="N417" s="10" t="s">
        <v>55</v>
      </c>
      <c r="O417" s="6">
        <v>855</v>
      </c>
      <c r="P417" s="6">
        <v>325</v>
      </c>
      <c r="Q417" s="6">
        <v>990</v>
      </c>
    </row>
    <row r="418" spans="1:17">
      <c r="A418" s="9" t="s">
        <v>56</v>
      </c>
      <c r="B418" s="9" t="s">
        <v>57</v>
      </c>
      <c r="C418" s="9" t="s">
        <v>59</v>
      </c>
      <c r="D418" s="9" t="s">
        <v>54</v>
      </c>
      <c r="E418" s="9" t="s">
        <v>51</v>
      </c>
      <c r="F418" s="9" t="s">
        <v>18</v>
      </c>
      <c r="G418" s="6">
        <v>111</v>
      </c>
      <c r="H418" s="6">
        <v>73</v>
      </c>
      <c r="I418" s="6">
        <v>35</v>
      </c>
      <c r="J418" s="6">
        <v>6</v>
      </c>
      <c r="K418" s="6">
        <v>38</v>
      </c>
      <c r="L418" s="10" t="s">
        <v>55</v>
      </c>
      <c r="M418" s="6">
        <v>38</v>
      </c>
      <c r="N418" s="10" t="s">
        <v>55</v>
      </c>
      <c r="O418" s="6">
        <v>25</v>
      </c>
      <c r="P418" s="6">
        <v>6</v>
      </c>
      <c r="Q418" s="6">
        <v>38</v>
      </c>
    </row>
    <row r="419" spans="1:17">
      <c r="A419" s="9" t="s">
        <v>56</v>
      </c>
      <c r="B419" s="9" t="s">
        <v>57</v>
      </c>
      <c r="C419" s="9" t="s">
        <v>59</v>
      </c>
      <c r="D419" s="9" t="s">
        <v>54</v>
      </c>
      <c r="E419" s="9" t="s">
        <v>52</v>
      </c>
      <c r="F419" s="9" t="s">
        <v>6</v>
      </c>
      <c r="G419" s="6">
        <v>35430</v>
      </c>
      <c r="H419" s="6">
        <v>30389</v>
      </c>
      <c r="I419" s="6">
        <v>21770</v>
      </c>
      <c r="J419" s="6">
        <v>5969</v>
      </c>
      <c r="K419" s="6">
        <v>8619</v>
      </c>
      <c r="L419" s="6">
        <v>465</v>
      </c>
      <c r="M419" s="6">
        <v>4576</v>
      </c>
      <c r="N419" s="10" t="s">
        <v>55</v>
      </c>
      <c r="O419" s="6">
        <v>6508</v>
      </c>
      <c r="P419" s="6">
        <v>2481</v>
      </c>
      <c r="Q419" s="6">
        <v>725</v>
      </c>
    </row>
    <row r="420" spans="1:17">
      <c r="A420" s="9" t="s">
        <v>56</v>
      </c>
      <c r="B420" s="9" t="s">
        <v>57</v>
      </c>
      <c r="C420" s="9" t="s">
        <v>59</v>
      </c>
      <c r="D420" s="9" t="s">
        <v>54</v>
      </c>
      <c r="E420" s="9" t="s">
        <v>52</v>
      </c>
      <c r="F420" s="9" t="s">
        <v>7</v>
      </c>
      <c r="G420" s="6">
        <v>25981</v>
      </c>
      <c r="H420" s="6">
        <v>22002</v>
      </c>
      <c r="I420" s="6">
        <v>15278</v>
      </c>
      <c r="J420" s="6">
        <v>3573</v>
      </c>
      <c r="K420" s="6">
        <v>6724</v>
      </c>
      <c r="L420" s="6">
        <v>371</v>
      </c>
      <c r="M420" s="6">
        <v>3608</v>
      </c>
      <c r="N420" s="10" t="s">
        <v>55</v>
      </c>
      <c r="O420" s="6">
        <v>5247</v>
      </c>
      <c r="P420" s="6">
        <v>1115</v>
      </c>
      <c r="Q420" s="6">
        <v>354</v>
      </c>
    </row>
    <row r="421" spans="1:17">
      <c r="A421" s="9" t="s">
        <v>56</v>
      </c>
      <c r="B421" s="9" t="s">
        <v>57</v>
      </c>
      <c r="C421" s="9" t="s">
        <v>59</v>
      </c>
      <c r="D421" s="9" t="s">
        <v>54</v>
      </c>
      <c r="E421" s="9" t="s">
        <v>52</v>
      </c>
      <c r="F421" s="9" t="s">
        <v>8</v>
      </c>
      <c r="G421" s="6">
        <v>25115</v>
      </c>
      <c r="H421" s="6">
        <v>21273</v>
      </c>
      <c r="I421" s="6">
        <v>14744</v>
      </c>
      <c r="J421" s="6">
        <v>3486</v>
      </c>
      <c r="K421" s="6">
        <v>6529</v>
      </c>
      <c r="L421" s="6">
        <v>352</v>
      </c>
      <c r="M421" s="6">
        <v>3490</v>
      </c>
      <c r="N421" s="10" t="s">
        <v>55</v>
      </c>
      <c r="O421" s="6">
        <v>5093</v>
      </c>
      <c r="P421" s="6">
        <v>1094</v>
      </c>
      <c r="Q421" s="6">
        <v>338</v>
      </c>
    </row>
    <row r="422" spans="1:17">
      <c r="A422" s="9" t="s">
        <v>56</v>
      </c>
      <c r="B422" s="9" t="s">
        <v>57</v>
      </c>
      <c r="C422" s="9" t="s">
        <v>59</v>
      </c>
      <c r="D422" s="9" t="s">
        <v>54</v>
      </c>
      <c r="E422" s="9" t="s">
        <v>52</v>
      </c>
      <c r="F422" s="9" t="s">
        <v>13</v>
      </c>
      <c r="G422" s="6">
        <v>866</v>
      </c>
      <c r="H422" s="6">
        <v>729</v>
      </c>
      <c r="I422" s="6">
        <v>534</v>
      </c>
      <c r="J422" s="6">
        <v>87</v>
      </c>
      <c r="K422" s="6">
        <v>195</v>
      </c>
      <c r="L422" s="6">
        <v>19</v>
      </c>
      <c r="M422" s="6">
        <v>118</v>
      </c>
      <c r="N422" s="10" t="s">
        <v>55</v>
      </c>
      <c r="O422" s="6">
        <v>154</v>
      </c>
      <c r="P422" s="6">
        <v>21</v>
      </c>
      <c r="Q422" s="6">
        <v>16</v>
      </c>
    </row>
    <row r="423" spans="1:17">
      <c r="A423" s="9" t="s">
        <v>56</v>
      </c>
      <c r="B423" s="9" t="s">
        <v>57</v>
      </c>
      <c r="C423" s="9" t="s">
        <v>59</v>
      </c>
      <c r="D423" s="9" t="s">
        <v>54</v>
      </c>
      <c r="E423" s="9" t="s">
        <v>52</v>
      </c>
      <c r="F423" s="9" t="s">
        <v>14</v>
      </c>
      <c r="G423" s="6">
        <v>7554</v>
      </c>
      <c r="H423" s="6">
        <v>6885</v>
      </c>
      <c r="I423" s="6">
        <v>5279</v>
      </c>
      <c r="J423" s="6">
        <v>2191</v>
      </c>
      <c r="K423" s="6">
        <v>1606</v>
      </c>
      <c r="L423" s="6">
        <v>62</v>
      </c>
      <c r="M423" s="6">
        <v>607</v>
      </c>
      <c r="N423" s="10" t="s">
        <v>55</v>
      </c>
      <c r="O423" s="6">
        <v>1031</v>
      </c>
      <c r="P423" s="6">
        <v>1333</v>
      </c>
      <c r="Q423" s="6">
        <v>340</v>
      </c>
    </row>
    <row r="424" spans="1:17">
      <c r="A424" s="9" t="s">
        <v>56</v>
      </c>
      <c r="B424" s="9" t="s">
        <v>57</v>
      </c>
      <c r="C424" s="9" t="s">
        <v>59</v>
      </c>
      <c r="D424" s="9" t="s">
        <v>54</v>
      </c>
      <c r="E424" s="9" t="s">
        <v>52</v>
      </c>
      <c r="F424" s="9" t="s">
        <v>18</v>
      </c>
      <c r="G424" s="6">
        <v>1895</v>
      </c>
      <c r="H424" s="6">
        <v>1502</v>
      </c>
      <c r="I424" s="6">
        <v>1213</v>
      </c>
      <c r="J424" s="6">
        <v>205</v>
      </c>
      <c r="K424" s="6">
        <v>289</v>
      </c>
      <c r="L424" s="6">
        <v>32</v>
      </c>
      <c r="M424" s="6">
        <v>361</v>
      </c>
      <c r="N424" s="10" t="s">
        <v>55</v>
      </c>
      <c r="O424" s="6">
        <v>230</v>
      </c>
      <c r="P424" s="6">
        <v>33</v>
      </c>
      <c r="Q424" s="6">
        <v>3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6" orientation="portrait" r:id="rId1"/>
</worksheet>
</file>

<file path=xl/worksheets/sheet2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FFDDB35-34E9-4938-8F58-FFF9CA0DA8D3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23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5" t="s">
        <v>6</v>
      </c>
      <c r="G11" s="5" t="s">
        <v>30</v>
      </c>
      <c r="H11" s="6">
        <v>28058120</v>
      </c>
      <c r="I11" s="6">
        <v>14362976</v>
      </c>
      <c r="J11" s="6">
        <v>12511952</v>
      </c>
      <c r="K11" s="6">
        <v>11273453</v>
      </c>
      <c r="L11" s="6">
        <v>2421691</v>
      </c>
    </row>
    <row r="12" spans="1:12">
      <c r="A12" s="9" t="s">
        <v>27</v>
      </c>
      <c r="B12" s="9" t="s">
        <v>28</v>
      </c>
      <c r="C12" s="9" t="s">
        <v>29</v>
      </c>
      <c r="D12" s="9" t="s">
        <v>6</v>
      </c>
      <c r="E12" s="9" t="s">
        <v>6</v>
      </c>
      <c r="F12" s="9" t="s">
        <v>234</v>
      </c>
      <c r="G12" s="9" t="s">
        <v>30</v>
      </c>
      <c r="H12" s="6">
        <v>12121001</v>
      </c>
      <c r="I12" s="6">
        <v>5111051</v>
      </c>
      <c r="J12" s="6">
        <v>4243779</v>
      </c>
      <c r="K12" s="6">
        <v>6037774</v>
      </c>
      <c r="L12" s="6">
        <v>972176</v>
      </c>
    </row>
    <row r="13" spans="1:12">
      <c r="A13" s="9" t="s">
        <v>27</v>
      </c>
      <c r="B13" s="9" t="s">
        <v>28</v>
      </c>
      <c r="C13" s="9" t="s">
        <v>29</v>
      </c>
      <c r="D13" s="9" t="s">
        <v>6</v>
      </c>
      <c r="E13" s="9" t="s">
        <v>6</v>
      </c>
      <c r="F13" s="9" t="s">
        <v>235</v>
      </c>
      <c r="G13" s="9" t="s">
        <v>30</v>
      </c>
      <c r="H13" s="6">
        <v>15937119</v>
      </c>
      <c r="I13" s="6">
        <v>9251925</v>
      </c>
      <c r="J13" s="6">
        <v>8268173</v>
      </c>
      <c r="K13" s="6">
        <v>5235679</v>
      </c>
      <c r="L13" s="6">
        <v>1449515</v>
      </c>
    </row>
    <row r="14" spans="1:12">
      <c r="A14" s="9" t="s">
        <v>27</v>
      </c>
      <c r="B14" s="9" t="s">
        <v>28</v>
      </c>
      <c r="C14" s="9" t="s">
        <v>29</v>
      </c>
      <c r="D14" s="9" t="s">
        <v>6</v>
      </c>
      <c r="E14" s="9" t="s">
        <v>6</v>
      </c>
      <c r="F14" s="9" t="s">
        <v>235</v>
      </c>
      <c r="G14" s="9" t="s">
        <v>236</v>
      </c>
      <c r="H14" s="6">
        <v>778266</v>
      </c>
      <c r="I14" s="6">
        <v>322942</v>
      </c>
      <c r="J14" s="6">
        <v>300427</v>
      </c>
      <c r="K14" s="6">
        <v>357845</v>
      </c>
      <c r="L14" s="6">
        <v>97479</v>
      </c>
    </row>
    <row r="15" spans="1:12">
      <c r="A15" s="9" t="s">
        <v>27</v>
      </c>
      <c r="B15" s="9" t="s">
        <v>28</v>
      </c>
      <c r="C15" s="9" t="s">
        <v>29</v>
      </c>
      <c r="D15" s="9" t="s">
        <v>6</v>
      </c>
      <c r="E15" s="9" t="s">
        <v>6</v>
      </c>
      <c r="F15" s="9" t="s">
        <v>235</v>
      </c>
      <c r="G15" s="9" t="s">
        <v>237</v>
      </c>
      <c r="H15" s="6">
        <v>772667</v>
      </c>
      <c r="I15" s="6">
        <v>393491</v>
      </c>
      <c r="J15" s="6">
        <v>364902</v>
      </c>
      <c r="K15" s="6">
        <v>272535</v>
      </c>
      <c r="L15" s="6">
        <v>106641</v>
      </c>
    </row>
    <row r="16" spans="1:12">
      <c r="A16" s="9" t="s">
        <v>27</v>
      </c>
      <c r="B16" s="9" t="s">
        <v>28</v>
      </c>
      <c r="C16" s="9" t="s">
        <v>29</v>
      </c>
      <c r="D16" s="9" t="s">
        <v>6</v>
      </c>
      <c r="E16" s="9" t="s">
        <v>6</v>
      </c>
      <c r="F16" s="9" t="s">
        <v>235</v>
      </c>
      <c r="G16" s="9" t="s">
        <v>238</v>
      </c>
      <c r="H16" s="6">
        <v>682225</v>
      </c>
      <c r="I16" s="6">
        <v>381856</v>
      </c>
      <c r="J16" s="6">
        <v>352958</v>
      </c>
      <c r="K16" s="6">
        <v>206652</v>
      </c>
      <c r="L16" s="6">
        <v>93717</v>
      </c>
    </row>
    <row r="17" spans="1:12">
      <c r="A17" s="9" t="s">
        <v>27</v>
      </c>
      <c r="B17" s="9" t="s">
        <v>28</v>
      </c>
      <c r="C17" s="9" t="s">
        <v>29</v>
      </c>
      <c r="D17" s="9" t="s">
        <v>6</v>
      </c>
      <c r="E17" s="9" t="s">
        <v>6</v>
      </c>
      <c r="F17" s="9" t="s">
        <v>235</v>
      </c>
      <c r="G17" s="9" t="s">
        <v>239</v>
      </c>
      <c r="H17" s="6">
        <v>585831</v>
      </c>
      <c r="I17" s="6">
        <v>344197</v>
      </c>
      <c r="J17" s="6">
        <v>316432</v>
      </c>
      <c r="K17" s="6">
        <v>162697</v>
      </c>
      <c r="L17" s="6">
        <v>78937</v>
      </c>
    </row>
    <row r="18" spans="1:12">
      <c r="A18" s="9" t="s">
        <v>27</v>
      </c>
      <c r="B18" s="9" t="s">
        <v>28</v>
      </c>
      <c r="C18" s="9" t="s">
        <v>29</v>
      </c>
      <c r="D18" s="9" t="s">
        <v>6</v>
      </c>
      <c r="E18" s="9" t="s">
        <v>6</v>
      </c>
      <c r="F18" s="9" t="s">
        <v>235</v>
      </c>
      <c r="G18" s="9" t="s">
        <v>240</v>
      </c>
      <c r="H18" s="6">
        <v>536809</v>
      </c>
      <c r="I18" s="6">
        <v>331701</v>
      </c>
      <c r="J18" s="6">
        <v>304490</v>
      </c>
      <c r="K18" s="6">
        <v>135327</v>
      </c>
      <c r="L18" s="6">
        <v>69781</v>
      </c>
    </row>
    <row r="19" spans="1:12">
      <c r="A19" s="9" t="s">
        <v>27</v>
      </c>
      <c r="B19" s="9" t="s">
        <v>28</v>
      </c>
      <c r="C19" s="9" t="s">
        <v>29</v>
      </c>
      <c r="D19" s="9" t="s">
        <v>6</v>
      </c>
      <c r="E19" s="9" t="s">
        <v>6</v>
      </c>
      <c r="F19" s="9" t="s">
        <v>235</v>
      </c>
      <c r="G19" s="9" t="s">
        <v>241</v>
      </c>
      <c r="H19" s="6">
        <v>502742</v>
      </c>
      <c r="I19" s="6">
        <v>321694</v>
      </c>
      <c r="J19" s="6">
        <v>295500</v>
      </c>
      <c r="K19" s="6">
        <v>119246</v>
      </c>
      <c r="L19" s="6">
        <v>61802</v>
      </c>
    </row>
    <row r="20" spans="1:12">
      <c r="A20" s="9" t="s">
        <v>27</v>
      </c>
      <c r="B20" s="9" t="s">
        <v>28</v>
      </c>
      <c r="C20" s="9" t="s">
        <v>29</v>
      </c>
      <c r="D20" s="9" t="s">
        <v>6</v>
      </c>
      <c r="E20" s="9" t="s">
        <v>6</v>
      </c>
      <c r="F20" s="9" t="s">
        <v>235</v>
      </c>
      <c r="G20" s="9" t="s">
        <v>242</v>
      </c>
      <c r="H20" s="6">
        <v>474870</v>
      </c>
      <c r="I20" s="6">
        <v>308555</v>
      </c>
      <c r="J20" s="6">
        <v>283763</v>
      </c>
      <c r="K20" s="6">
        <v>109504</v>
      </c>
      <c r="L20" s="6">
        <v>56811</v>
      </c>
    </row>
    <row r="21" spans="1:12">
      <c r="A21" s="9" t="s">
        <v>27</v>
      </c>
      <c r="B21" s="9" t="s">
        <v>28</v>
      </c>
      <c r="C21" s="9" t="s">
        <v>29</v>
      </c>
      <c r="D21" s="9" t="s">
        <v>6</v>
      </c>
      <c r="E21" s="9" t="s">
        <v>6</v>
      </c>
      <c r="F21" s="9" t="s">
        <v>235</v>
      </c>
      <c r="G21" s="9" t="s">
        <v>243</v>
      </c>
      <c r="H21" s="6">
        <v>466795</v>
      </c>
      <c r="I21" s="6">
        <v>310833</v>
      </c>
      <c r="J21" s="6">
        <v>286779</v>
      </c>
      <c r="K21" s="6">
        <v>102405</v>
      </c>
      <c r="L21" s="6">
        <v>53557</v>
      </c>
    </row>
    <row r="22" spans="1:12">
      <c r="A22" s="9" t="s">
        <v>27</v>
      </c>
      <c r="B22" s="9" t="s">
        <v>28</v>
      </c>
      <c r="C22" s="9" t="s">
        <v>29</v>
      </c>
      <c r="D22" s="9" t="s">
        <v>6</v>
      </c>
      <c r="E22" s="9" t="s">
        <v>6</v>
      </c>
      <c r="F22" s="9" t="s">
        <v>235</v>
      </c>
      <c r="G22" s="9" t="s">
        <v>244</v>
      </c>
      <c r="H22" s="6">
        <v>449386</v>
      </c>
      <c r="I22" s="6">
        <v>309902</v>
      </c>
      <c r="J22" s="6">
        <v>286774</v>
      </c>
      <c r="K22" s="6">
        <v>88798</v>
      </c>
      <c r="L22" s="6">
        <v>50686</v>
      </c>
    </row>
    <row r="23" spans="1:12">
      <c r="A23" s="9" t="s">
        <v>27</v>
      </c>
      <c r="B23" s="9" t="s">
        <v>28</v>
      </c>
      <c r="C23" s="9" t="s">
        <v>29</v>
      </c>
      <c r="D23" s="9" t="s">
        <v>6</v>
      </c>
      <c r="E23" s="9" t="s">
        <v>6</v>
      </c>
      <c r="F23" s="9" t="s">
        <v>235</v>
      </c>
      <c r="G23" s="9" t="s">
        <v>245</v>
      </c>
      <c r="H23" s="6">
        <v>448269</v>
      </c>
      <c r="I23" s="6">
        <v>313734</v>
      </c>
      <c r="J23" s="6">
        <v>290693</v>
      </c>
      <c r="K23" s="6">
        <v>84833</v>
      </c>
      <c r="L23" s="6">
        <v>49702</v>
      </c>
    </row>
    <row r="24" spans="1:12">
      <c r="A24" s="9" t="s">
        <v>27</v>
      </c>
      <c r="B24" s="9" t="s">
        <v>28</v>
      </c>
      <c r="C24" s="9" t="s">
        <v>29</v>
      </c>
      <c r="D24" s="9" t="s">
        <v>6</v>
      </c>
      <c r="E24" s="9" t="s">
        <v>6</v>
      </c>
      <c r="F24" s="9" t="s">
        <v>235</v>
      </c>
      <c r="G24" s="9" t="s">
        <v>246</v>
      </c>
      <c r="H24" s="6">
        <v>439476</v>
      </c>
      <c r="I24" s="6">
        <v>311002</v>
      </c>
      <c r="J24" s="6">
        <v>288616</v>
      </c>
      <c r="K24" s="6">
        <v>80828</v>
      </c>
      <c r="L24" s="6">
        <v>47646</v>
      </c>
    </row>
    <row r="25" spans="1:12">
      <c r="A25" s="9" t="s">
        <v>27</v>
      </c>
      <c r="B25" s="9" t="s">
        <v>28</v>
      </c>
      <c r="C25" s="9" t="s">
        <v>29</v>
      </c>
      <c r="D25" s="9" t="s">
        <v>6</v>
      </c>
      <c r="E25" s="9" t="s">
        <v>6</v>
      </c>
      <c r="F25" s="9" t="s">
        <v>235</v>
      </c>
      <c r="G25" s="9" t="s">
        <v>247</v>
      </c>
      <c r="H25" s="6">
        <v>434830</v>
      </c>
      <c r="I25" s="6">
        <v>310594</v>
      </c>
      <c r="J25" s="6">
        <v>288420</v>
      </c>
      <c r="K25" s="6">
        <v>78044</v>
      </c>
      <c r="L25" s="6">
        <v>46192</v>
      </c>
    </row>
    <row r="26" spans="1:12">
      <c r="A26" s="9" t="s">
        <v>27</v>
      </c>
      <c r="B26" s="9" t="s">
        <v>28</v>
      </c>
      <c r="C26" s="9" t="s">
        <v>29</v>
      </c>
      <c r="D26" s="9" t="s">
        <v>6</v>
      </c>
      <c r="E26" s="9" t="s">
        <v>6</v>
      </c>
      <c r="F26" s="9" t="s">
        <v>235</v>
      </c>
      <c r="G26" s="9" t="s">
        <v>248</v>
      </c>
      <c r="H26" s="6">
        <v>433450</v>
      </c>
      <c r="I26" s="6">
        <v>312835</v>
      </c>
      <c r="J26" s="6">
        <v>290541</v>
      </c>
      <c r="K26" s="6">
        <v>76485</v>
      </c>
      <c r="L26" s="6">
        <v>44130</v>
      </c>
    </row>
    <row r="27" spans="1:12">
      <c r="A27" s="9" t="s">
        <v>27</v>
      </c>
      <c r="B27" s="9" t="s">
        <v>28</v>
      </c>
      <c r="C27" s="9" t="s">
        <v>29</v>
      </c>
      <c r="D27" s="9" t="s">
        <v>6</v>
      </c>
      <c r="E27" s="9" t="s">
        <v>6</v>
      </c>
      <c r="F27" s="9" t="s">
        <v>235</v>
      </c>
      <c r="G27" s="9" t="s">
        <v>249</v>
      </c>
      <c r="H27" s="6">
        <v>421762</v>
      </c>
      <c r="I27" s="6">
        <v>306903</v>
      </c>
      <c r="J27" s="6">
        <v>285603</v>
      </c>
      <c r="K27" s="6">
        <v>72791</v>
      </c>
      <c r="L27" s="6">
        <v>42068</v>
      </c>
    </row>
    <row r="28" spans="1:12">
      <c r="A28" s="9" t="s">
        <v>27</v>
      </c>
      <c r="B28" s="9" t="s">
        <v>28</v>
      </c>
      <c r="C28" s="9" t="s">
        <v>29</v>
      </c>
      <c r="D28" s="9" t="s">
        <v>6</v>
      </c>
      <c r="E28" s="9" t="s">
        <v>6</v>
      </c>
      <c r="F28" s="9" t="s">
        <v>235</v>
      </c>
      <c r="G28" s="9" t="s">
        <v>250</v>
      </c>
      <c r="H28" s="6">
        <v>407994</v>
      </c>
      <c r="I28" s="6">
        <v>300339</v>
      </c>
      <c r="J28" s="6">
        <v>279677</v>
      </c>
      <c r="K28" s="6">
        <v>68627</v>
      </c>
      <c r="L28" s="6">
        <v>39028</v>
      </c>
    </row>
    <row r="29" spans="1:12">
      <c r="A29" s="9" t="s">
        <v>27</v>
      </c>
      <c r="B29" s="9" t="s">
        <v>28</v>
      </c>
      <c r="C29" s="9" t="s">
        <v>29</v>
      </c>
      <c r="D29" s="9" t="s">
        <v>6</v>
      </c>
      <c r="E29" s="9" t="s">
        <v>6</v>
      </c>
      <c r="F29" s="9" t="s">
        <v>235</v>
      </c>
      <c r="G29" s="9" t="s">
        <v>251</v>
      </c>
      <c r="H29" s="6">
        <v>399105</v>
      </c>
      <c r="I29" s="6">
        <v>293974</v>
      </c>
      <c r="J29" s="6">
        <v>273741</v>
      </c>
      <c r="K29" s="6">
        <v>68479</v>
      </c>
      <c r="L29" s="6">
        <v>36652</v>
      </c>
    </row>
    <row r="30" spans="1:12">
      <c r="A30" s="9" t="s">
        <v>27</v>
      </c>
      <c r="B30" s="9" t="s">
        <v>28</v>
      </c>
      <c r="C30" s="9" t="s">
        <v>29</v>
      </c>
      <c r="D30" s="9" t="s">
        <v>6</v>
      </c>
      <c r="E30" s="9" t="s">
        <v>6</v>
      </c>
      <c r="F30" s="9" t="s">
        <v>235</v>
      </c>
      <c r="G30" s="9" t="s">
        <v>252</v>
      </c>
      <c r="H30" s="6">
        <v>404248</v>
      </c>
      <c r="I30" s="6">
        <v>297683</v>
      </c>
      <c r="J30" s="6">
        <v>276969</v>
      </c>
      <c r="K30" s="6">
        <v>70168</v>
      </c>
      <c r="L30" s="6">
        <v>36397</v>
      </c>
    </row>
    <row r="31" spans="1:12">
      <c r="A31" s="9" t="s">
        <v>27</v>
      </c>
      <c r="B31" s="9" t="s">
        <v>28</v>
      </c>
      <c r="C31" s="9" t="s">
        <v>29</v>
      </c>
      <c r="D31" s="9" t="s">
        <v>6</v>
      </c>
      <c r="E31" s="9" t="s">
        <v>6</v>
      </c>
      <c r="F31" s="9" t="s">
        <v>235</v>
      </c>
      <c r="G31" s="9" t="s">
        <v>253</v>
      </c>
      <c r="H31" s="6">
        <v>403474</v>
      </c>
      <c r="I31" s="6">
        <v>297528</v>
      </c>
      <c r="J31" s="6">
        <v>276391</v>
      </c>
      <c r="K31" s="6">
        <v>70747</v>
      </c>
      <c r="L31" s="6">
        <v>35199</v>
      </c>
    </row>
    <row r="32" spans="1:12">
      <c r="A32" s="9" t="s">
        <v>27</v>
      </c>
      <c r="B32" s="9" t="s">
        <v>28</v>
      </c>
      <c r="C32" s="9" t="s">
        <v>29</v>
      </c>
      <c r="D32" s="9" t="s">
        <v>6</v>
      </c>
      <c r="E32" s="9" t="s">
        <v>6</v>
      </c>
      <c r="F32" s="9" t="s">
        <v>235</v>
      </c>
      <c r="G32" s="9" t="s">
        <v>254</v>
      </c>
      <c r="H32" s="6">
        <v>374588</v>
      </c>
      <c r="I32" s="6">
        <v>271461</v>
      </c>
      <c r="J32" s="6">
        <v>252063</v>
      </c>
      <c r="K32" s="6">
        <v>69015</v>
      </c>
      <c r="L32" s="6">
        <v>34112</v>
      </c>
    </row>
    <row r="33" spans="1:12">
      <c r="A33" s="9" t="s">
        <v>27</v>
      </c>
      <c r="B33" s="9" t="s">
        <v>28</v>
      </c>
      <c r="C33" s="9" t="s">
        <v>29</v>
      </c>
      <c r="D33" s="9" t="s">
        <v>6</v>
      </c>
      <c r="E33" s="9" t="s">
        <v>6</v>
      </c>
      <c r="F33" s="9" t="s">
        <v>235</v>
      </c>
      <c r="G33" s="9" t="s">
        <v>255</v>
      </c>
      <c r="H33" s="6">
        <v>332070</v>
      </c>
      <c r="I33" s="6">
        <v>236644</v>
      </c>
      <c r="J33" s="6">
        <v>219143</v>
      </c>
      <c r="K33" s="6">
        <v>64591</v>
      </c>
      <c r="L33" s="6">
        <v>30835</v>
      </c>
    </row>
    <row r="34" spans="1:12">
      <c r="A34" s="9" t="s">
        <v>27</v>
      </c>
      <c r="B34" s="9" t="s">
        <v>28</v>
      </c>
      <c r="C34" s="9" t="s">
        <v>29</v>
      </c>
      <c r="D34" s="9" t="s">
        <v>6</v>
      </c>
      <c r="E34" s="9" t="s">
        <v>6</v>
      </c>
      <c r="F34" s="9" t="s">
        <v>235</v>
      </c>
      <c r="G34" s="9" t="s">
        <v>256</v>
      </c>
      <c r="H34" s="6">
        <v>6188262</v>
      </c>
      <c r="I34" s="6">
        <v>2974057</v>
      </c>
      <c r="J34" s="6">
        <v>2454291</v>
      </c>
      <c r="K34" s="6">
        <v>2876062</v>
      </c>
      <c r="L34" s="6">
        <v>338143</v>
      </c>
    </row>
    <row r="35" spans="1:12">
      <c r="A35" s="9" t="s">
        <v>27</v>
      </c>
      <c r="B35" s="9" t="s">
        <v>28</v>
      </c>
      <c r="C35" s="9" t="s">
        <v>29</v>
      </c>
      <c r="D35" s="9" t="s">
        <v>6</v>
      </c>
      <c r="E35" s="9" t="s">
        <v>226</v>
      </c>
      <c r="F35" s="9" t="s">
        <v>6</v>
      </c>
      <c r="G35" s="9" t="s">
        <v>30</v>
      </c>
      <c r="H35" s="6">
        <v>19073686</v>
      </c>
      <c r="I35" s="6">
        <v>13206934</v>
      </c>
      <c r="J35" s="6">
        <v>11482010</v>
      </c>
      <c r="K35" s="6">
        <v>5816497</v>
      </c>
      <c r="L35" s="6">
        <v>50255</v>
      </c>
    </row>
    <row r="36" spans="1:12">
      <c r="A36" s="9" t="s">
        <v>27</v>
      </c>
      <c r="B36" s="9" t="s">
        <v>28</v>
      </c>
      <c r="C36" s="9" t="s">
        <v>29</v>
      </c>
      <c r="D36" s="9" t="s">
        <v>6</v>
      </c>
      <c r="E36" s="9" t="s">
        <v>226</v>
      </c>
      <c r="F36" s="9" t="s">
        <v>234</v>
      </c>
      <c r="G36" s="9" t="s">
        <v>30</v>
      </c>
      <c r="H36" s="6">
        <v>6723283</v>
      </c>
      <c r="I36" s="6">
        <v>4434948</v>
      </c>
      <c r="J36" s="6">
        <v>3644493</v>
      </c>
      <c r="K36" s="6">
        <v>2254529</v>
      </c>
      <c r="L36" s="6">
        <v>33806</v>
      </c>
    </row>
    <row r="37" spans="1:12">
      <c r="A37" s="9" t="s">
        <v>27</v>
      </c>
      <c r="B37" s="9" t="s">
        <v>28</v>
      </c>
      <c r="C37" s="9" t="s">
        <v>29</v>
      </c>
      <c r="D37" s="9" t="s">
        <v>6</v>
      </c>
      <c r="E37" s="9" t="s">
        <v>226</v>
      </c>
      <c r="F37" s="9" t="s">
        <v>235</v>
      </c>
      <c r="G37" s="9" t="s">
        <v>30</v>
      </c>
      <c r="H37" s="6">
        <v>12350403</v>
      </c>
      <c r="I37" s="6">
        <v>8771986</v>
      </c>
      <c r="J37" s="6">
        <v>7837517</v>
      </c>
      <c r="K37" s="6">
        <v>3561968</v>
      </c>
      <c r="L37" s="6">
        <v>16449</v>
      </c>
    </row>
    <row r="38" spans="1:12">
      <c r="A38" s="9" t="s">
        <v>27</v>
      </c>
      <c r="B38" s="9" t="s">
        <v>28</v>
      </c>
      <c r="C38" s="9" t="s">
        <v>29</v>
      </c>
      <c r="D38" s="9" t="s">
        <v>6</v>
      </c>
      <c r="E38" s="9" t="s">
        <v>226</v>
      </c>
      <c r="F38" s="9" t="s">
        <v>235</v>
      </c>
      <c r="G38" s="9" t="s">
        <v>236</v>
      </c>
      <c r="H38" s="6">
        <v>671756</v>
      </c>
      <c r="I38" s="6">
        <v>319535</v>
      </c>
      <c r="J38" s="6">
        <v>297305</v>
      </c>
      <c r="K38" s="6">
        <v>351561</v>
      </c>
      <c r="L38" s="6">
        <v>660</v>
      </c>
    </row>
    <row r="39" spans="1:12">
      <c r="A39" s="9" t="s">
        <v>27</v>
      </c>
      <c r="B39" s="9" t="s">
        <v>28</v>
      </c>
      <c r="C39" s="9" t="s">
        <v>29</v>
      </c>
      <c r="D39" s="9" t="s">
        <v>6</v>
      </c>
      <c r="E39" s="9" t="s">
        <v>226</v>
      </c>
      <c r="F39" s="9" t="s">
        <v>235</v>
      </c>
      <c r="G39" s="9" t="s">
        <v>237</v>
      </c>
      <c r="H39" s="6">
        <v>658611</v>
      </c>
      <c r="I39" s="6">
        <v>389777</v>
      </c>
      <c r="J39" s="6">
        <v>361477</v>
      </c>
      <c r="K39" s="6">
        <v>268267</v>
      </c>
      <c r="L39" s="6">
        <v>567</v>
      </c>
    </row>
    <row r="40" spans="1:12">
      <c r="A40" s="9" t="s">
        <v>27</v>
      </c>
      <c r="B40" s="9" t="s">
        <v>28</v>
      </c>
      <c r="C40" s="9" t="s">
        <v>29</v>
      </c>
      <c r="D40" s="9" t="s">
        <v>6</v>
      </c>
      <c r="E40" s="9" t="s">
        <v>226</v>
      </c>
      <c r="F40" s="9" t="s">
        <v>235</v>
      </c>
      <c r="G40" s="9" t="s">
        <v>238</v>
      </c>
      <c r="H40" s="6">
        <v>582302</v>
      </c>
      <c r="I40" s="6">
        <v>378290</v>
      </c>
      <c r="J40" s="6">
        <v>349656</v>
      </c>
      <c r="K40" s="6">
        <v>203512</v>
      </c>
      <c r="L40" s="6">
        <v>500</v>
      </c>
    </row>
    <row r="41" spans="1:12">
      <c r="A41" s="9" t="s">
        <v>27</v>
      </c>
      <c r="B41" s="9" t="s">
        <v>28</v>
      </c>
      <c r="C41" s="9" t="s">
        <v>29</v>
      </c>
      <c r="D41" s="9" t="s">
        <v>6</v>
      </c>
      <c r="E41" s="9" t="s">
        <v>226</v>
      </c>
      <c r="F41" s="9" t="s">
        <v>235</v>
      </c>
      <c r="G41" s="9" t="s">
        <v>239</v>
      </c>
      <c r="H41" s="6">
        <v>501477</v>
      </c>
      <c r="I41" s="6">
        <v>340867</v>
      </c>
      <c r="J41" s="6">
        <v>313345</v>
      </c>
      <c r="K41" s="6">
        <v>160220</v>
      </c>
      <c r="L41" s="6">
        <v>390</v>
      </c>
    </row>
    <row r="42" spans="1:12">
      <c r="A42" s="9" t="s">
        <v>27</v>
      </c>
      <c r="B42" s="9" t="s">
        <v>28</v>
      </c>
      <c r="C42" s="9" t="s">
        <v>29</v>
      </c>
      <c r="D42" s="9" t="s">
        <v>6</v>
      </c>
      <c r="E42" s="9" t="s">
        <v>226</v>
      </c>
      <c r="F42" s="9" t="s">
        <v>235</v>
      </c>
      <c r="G42" s="9" t="s">
        <v>240</v>
      </c>
      <c r="H42" s="6">
        <v>462057</v>
      </c>
      <c r="I42" s="6">
        <v>328503</v>
      </c>
      <c r="J42" s="6">
        <v>301530</v>
      </c>
      <c r="K42" s="6">
        <v>133212</v>
      </c>
      <c r="L42" s="6">
        <v>342</v>
      </c>
    </row>
    <row r="43" spans="1:12">
      <c r="A43" s="9" t="s">
        <v>27</v>
      </c>
      <c r="B43" s="9" t="s">
        <v>28</v>
      </c>
      <c r="C43" s="9" t="s">
        <v>29</v>
      </c>
      <c r="D43" s="9" t="s">
        <v>6</v>
      </c>
      <c r="E43" s="9" t="s">
        <v>226</v>
      </c>
      <c r="F43" s="9" t="s">
        <v>235</v>
      </c>
      <c r="G43" s="9" t="s">
        <v>241</v>
      </c>
      <c r="H43" s="6">
        <v>436261</v>
      </c>
      <c r="I43" s="6">
        <v>318577</v>
      </c>
      <c r="J43" s="6">
        <v>292622</v>
      </c>
      <c r="K43" s="6">
        <v>117333</v>
      </c>
      <c r="L43" s="6">
        <v>351</v>
      </c>
    </row>
    <row r="44" spans="1:12">
      <c r="A44" s="9" t="s">
        <v>27</v>
      </c>
      <c r="B44" s="9" t="s">
        <v>28</v>
      </c>
      <c r="C44" s="9" t="s">
        <v>29</v>
      </c>
      <c r="D44" s="9" t="s">
        <v>6</v>
      </c>
      <c r="E44" s="9" t="s">
        <v>226</v>
      </c>
      <c r="F44" s="9" t="s">
        <v>235</v>
      </c>
      <c r="G44" s="9" t="s">
        <v>242</v>
      </c>
      <c r="H44" s="6">
        <v>413126</v>
      </c>
      <c r="I44" s="6">
        <v>305271</v>
      </c>
      <c r="J44" s="6">
        <v>280709</v>
      </c>
      <c r="K44" s="6">
        <v>107539</v>
      </c>
      <c r="L44" s="6">
        <v>316</v>
      </c>
    </row>
    <row r="45" spans="1:12">
      <c r="A45" s="9" t="s">
        <v>27</v>
      </c>
      <c r="B45" s="9" t="s">
        <v>28</v>
      </c>
      <c r="C45" s="9" t="s">
        <v>29</v>
      </c>
      <c r="D45" s="9" t="s">
        <v>6</v>
      </c>
      <c r="E45" s="9" t="s">
        <v>226</v>
      </c>
      <c r="F45" s="9" t="s">
        <v>235</v>
      </c>
      <c r="G45" s="9" t="s">
        <v>243</v>
      </c>
      <c r="H45" s="6">
        <v>408272</v>
      </c>
      <c r="I45" s="6">
        <v>307382</v>
      </c>
      <c r="J45" s="6">
        <v>283574</v>
      </c>
      <c r="K45" s="6">
        <v>100558</v>
      </c>
      <c r="L45" s="6">
        <v>332</v>
      </c>
    </row>
    <row r="46" spans="1:12">
      <c r="A46" s="9" t="s">
        <v>27</v>
      </c>
      <c r="B46" s="9" t="s">
        <v>28</v>
      </c>
      <c r="C46" s="9" t="s">
        <v>29</v>
      </c>
      <c r="D46" s="9" t="s">
        <v>6</v>
      </c>
      <c r="E46" s="9" t="s">
        <v>226</v>
      </c>
      <c r="F46" s="9" t="s">
        <v>235</v>
      </c>
      <c r="G46" s="9" t="s">
        <v>244</v>
      </c>
      <c r="H46" s="6">
        <v>393671</v>
      </c>
      <c r="I46" s="6">
        <v>306322</v>
      </c>
      <c r="J46" s="6">
        <v>283392</v>
      </c>
      <c r="K46" s="6">
        <v>87043</v>
      </c>
      <c r="L46" s="6">
        <v>306</v>
      </c>
    </row>
    <row r="47" spans="1:12">
      <c r="A47" s="9" t="s">
        <v>27</v>
      </c>
      <c r="B47" s="9" t="s">
        <v>28</v>
      </c>
      <c r="C47" s="9" t="s">
        <v>29</v>
      </c>
      <c r="D47" s="9" t="s">
        <v>6</v>
      </c>
      <c r="E47" s="9" t="s">
        <v>226</v>
      </c>
      <c r="F47" s="9" t="s">
        <v>235</v>
      </c>
      <c r="G47" s="9" t="s">
        <v>245</v>
      </c>
      <c r="H47" s="6">
        <v>393524</v>
      </c>
      <c r="I47" s="6">
        <v>310124</v>
      </c>
      <c r="J47" s="6">
        <v>287303</v>
      </c>
      <c r="K47" s="6">
        <v>83120</v>
      </c>
      <c r="L47" s="6">
        <v>280</v>
      </c>
    </row>
    <row r="48" spans="1:12">
      <c r="A48" s="9" t="s">
        <v>27</v>
      </c>
      <c r="B48" s="9" t="s">
        <v>28</v>
      </c>
      <c r="C48" s="9" t="s">
        <v>29</v>
      </c>
      <c r="D48" s="9" t="s">
        <v>6</v>
      </c>
      <c r="E48" s="9" t="s">
        <v>226</v>
      </c>
      <c r="F48" s="9" t="s">
        <v>235</v>
      </c>
      <c r="G48" s="9" t="s">
        <v>246</v>
      </c>
      <c r="H48" s="6">
        <v>386337</v>
      </c>
      <c r="I48" s="6">
        <v>307014</v>
      </c>
      <c r="J48" s="6">
        <v>284853</v>
      </c>
      <c r="K48" s="6">
        <v>79043</v>
      </c>
      <c r="L48" s="6">
        <v>280</v>
      </c>
    </row>
    <row r="49" spans="1:12">
      <c r="A49" s="9" t="s">
        <v>27</v>
      </c>
      <c r="B49" s="9" t="s">
        <v>28</v>
      </c>
      <c r="C49" s="9" t="s">
        <v>29</v>
      </c>
      <c r="D49" s="9" t="s">
        <v>6</v>
      </c>
      <c r="E49" s="9" t="s">
        <v>226</v>
      </c>
      <c r="F49" s="9" t="s">
        <v>235</v>
      </c>
      <c r="G49" s="9" t="s">
        <v>247</v>
      </c>
      <c r="H49" s="6">
        <v>383046</v>
      </c>
      <c r="I49" s="6">
        <v>306469</v>
      </c>
      <c r="J49" s="6">
        <v>284547</v>
      </c>
      <c r="K49" s="6">
        <v>76311</v>
      </c>
      <c r="L49" s="6">
        <v>266</v>
      </c>
    </row>
    <row r="50" spans="1:12">
      <c r="A50" s="9" t="s">
        <v>27</v>
      </c>
      <c r="B50" s="9" t="s">
        <v>28</v>
      </c>
      <c r="C50" s="9" t="s">
        <v>29</v>
      </c>
      <c r="D50" s="9" t="s">
        <v>6</v>
      </c>
      <c r="E50" s="9" t="s">
        <v>226</v>
      </c>
      <c r="F50" s="9" t="s">
        <v>235</v>
      </c>
      <c r="G50" s="9" t="s">
        <v>248</v>
      </c>
      <c r="H50" s="6">
        <v>383603</v>
      </c>
      <c r="I50" s="6">
        <v>308613</v>
      </c>
      <c r="J50" s="6">
        <v>286568</v>
      </c>
      <c r="K50" s="6">
        <v>74687</v>
      </c>
      <c r="L50" s="6">
        <v>303</v>
      </c>
    </row>
    <row r="51" spans="1:12">
      <c r="A51" s="9" t="s">
        <v>27</v>
      </c>
      <c r="B51" s="9" t="s">
        <v>28</v>
      </c>
      <c r="C51" s="9" t="s">
        <v>29</v>
      </c>
      <c r="D51" s="9" t="s">
        <v>6</v>
      </c>
      <c r="E51" s="9" t="s">
        <v>226</v>
      </c>
      <c r="F51" s="9" t="s">
        <v>235</v>
      </c>
      <c r="G51" s="9" t="s">
        <v>249</v>
      </c>
      <c r="H51" s="6">
        <v>373576</v>
      </c>
      <c r="I51" s="6">
        <v>302370</v>
      </c>
      <c r="J51" s="6">
        <v>281317</v>
      </c>
      <c r="K51" s="6">
        <v>70946</v>
      </c>
      <c r="L51" s="6">
        <v>260</v>
      </c>
    </row>
    <row r="52" spans="1:12">
      <c r="A52" s="9" t="s">
        <v>27</v>
      </c>
      <c r="B52" s="9" t="s">
        <v>28</v>
      </c>
      <c r="C52" s="9" t="s">
        <v>29</v>
      </c>
      <c r="D52" s="9" t="s">
        <v>6</v>
      </c>
      <c r="E52" s="9" t="s">
        <v>226</v>
      </c>
      <c r="F52" s="9" t="s">
        <v>235</v>
      </c>
      <c r="G52" s="9" t="s">
        <v>250</v>
      </c>
      <c r="H52" s="6">
        <v>362520</v>
      </c>
      <c r="I52" s="6">
        <v>295638</v>
      </c>
      <c r="J52" s="6">
        <v>275256</v>
      </c>
      <c r="K52" s="6">
        <v>66614</v>
      </c>
      <c r="L52" s="6">
        <v>268</v>
      </c>
    </row>
    <row r="53" spans="1:12">
      <c r="A53" s="9" t="s">
        <v>27</v>
      </c>
      <c r="B53" s="9" t="s">
        <v>28</v>
      </c>
      <c r="C53" s="9" t="s">
        <v>29</v>
      </c>
      <c r="D53" s="9" t="s">
        <v>6</v>
      </c>
      <c r="E53" s="9" t="s">
        <v>226</v>
      </c>
      <c r="F53" s="9" t="s">
        <v>235</v>
      </c>
      <c r="G53" s="9" t="s">
        <v>251</v>
      </c>
      <c r="H53" s="6">
        <v>355705</v>
      </c>
      <c r="I53" s="6">
        <v>289100</v>
      </c>
      <c r="J53" s="6">
        <v>269127</v>
      </c>
      <c r="K53" s="6">
        <v>66361</v>
      </c>
      <c r="L53" s="6">
        <v>244</v>
      </c>
    </row>
    <row r="54" spans="1:12">
      <c r="A54" s="9" t="s">
        <v>27</v>
      </c>
      <c r="B54" s="9" t="s">
        <v>28</v>
      </c>
      <c r="C54" s="9" t="s">
        <v>29</v>
      </c>
      <c r="D54" s="9" t="s">
        <v>6</v>
      </c>
      <c r="E54" s="9" t="s">
        <v>226</v>
      </c>
      <c r="F54" s="9" t="s">
        <v>235</v>
      </c>
      <c r="G54" s="9" t="s">
        <v>252</v>
      </c>
      <c r="H54" s="6">
        <v>360518</v>
      </c>
      <c r="I54" s="6">
        <v>292362</v>
      </c>
      <c r="J54" s="6">
        <v>271968</v>
      </c>
      <c r="K54" s="6">
        <v>67894</v>
      </c>
      <c r="L54" s="6">
        <v>262</v>
      </c>
    </row>
    <row r="55" spans="1:12">
      <c r="A55" s="9" t="s">
        <v>27</v>
      </c>
      <c r="B55" s="9" t="s">
        <v>28</v>
      </c>
      <c r="C55" s="9" t="s">
        <v>29</v>
      </c>
      <c r="D55" s="9" t="s">
        <v>6</v>
      </c>
      <c r="E55" s="9" t="s">
        <v>226</v>
      </c>
      <c r="F55" s="9" t="s">
        <v>235</v>
      </c>
      <c r="G55" s="9" t="s">
        <v>253</v>
      </c>
      <c r="H55" s="6">
        <v>359971</v>
      </c>
      <c r="I55" s="6">
        <v>291461</v>
      </c>
      <c r="J55" s="6">
        <v>270685</v>
      </c>
      <c r="K55" s="6">
        <v>68240</v>
      </c>
      <c r="L55" s="6">
        <v>270</v>
      </c>
    </row>
    <row r="56" spans="1:12">
      <c r="A56" s="9" t="s">
        <v>27</v>
      </c>
      <c r="B56" s="9" t="s">
        <v>28</v>
      </c>
      <c r="C56" s="9" t="s">
        <v>29</v>
      </c>
      <c r="D56" s="9" t="s">
        <v>6</v>
      </c>
      <c r="E56" s="9" t="s">
        <v>226</v>
      </c>
      <c r="F56" s="9" t="s">
        <v>235</v>
      </c>
      <c r="G56" s="9" t="s">
        <v>254</v>
      </c>
      <c r="H56" s="6">
        <v>331754</v>
      </c>
      <c r="I56" s="6">
        <v>265170</v>
      </c>
      <c r="J56" s="6">
        <v>246086</v>
      </c>
      <c r="K56" s="6">
        <v>66303</v>
      </c>
      <c r="L56" s="6">
        <v>281</v>
      </c>
    </row>
    <row r="57" spans="1:12">
      <c r="A57" s="9" t="s">
        <v>27</v>
      </c>
      <c r="B57" s="9" t="s">
        <v>28</v>
      </c>
      <c r="C57" s="9" t="s">
        <v>29</v>
      </c>
      <c r="D57" s="9" t="s">
        <v>6</v>
      </c>
      <c r="E57" s="9" t="s">
        <v>226</v>
      </c>
      <c r="F57" s="9" t="s">
        <v>235</v>
      </c>
      <c r="G57" s="9" t="s">
        <v>255</v>
      </c>
      <c r="H57" s="6">
        <v>292147</v>
      </c>
      <c r="I57" s="6">
        <v>230299</v>
      </c>
      <c r="J57" s="6">
        <v>213123</v>
      </c>
      <c r="K57" s="6">
        <v>61594</v>
      </c>
      <c r="L57" s="6">
        <v>254</v>
      </c>
    </row>
    <row r="58" spans="1:12">
      <c r="A58" s="9" t="s">
        <v>27</v>
      </c>
      <c r="B58" s="9" t="s">
        <v>28</v>
      </c>
      <c r="C58" s="9" t="s">
        <v>29</v>
      </c>
      <c r="D58" s="9" t="s">
        <v>6</v>
      </c>
      <c r="E58" s="9" t="s">
        <v>226</v>
      </c>
      <c r="F58" s="9" t="s">
        <v>235</v>
      </c>
      <c r="G58" s="9" t="s">
        <v>256</v>
      </c>
      <c r="H58" s="6">
        <v>3840169</v>
      </c>
      <c r="I58" s="6">
        <v>2578842</v>
      </c>
      <c r="J58" s="6">
        <v>2103074</v>
      </c>
      <c r="K58" s="6">
        <v>1251610</v>
      </c>
      <c r="L58" s="6">
        <v>9717</v>
      </c>
    </row>
    <row r="59" spans="1:12">
      <c r="A59" s="9" t="s">
        <v>27</v>
      </c>
      <c r="B59" s="9" t="s">
        <v>28</v>
      </c>
      <c r="C59" s="9" t="s">
        <v>29</v>
      </c>
      <c r="D59" s="9" t="s">
        <v>6</v>
      </c>
      <c r="E59" s="9" t="s">
        <v>227</v>
      </c>
      <c r="F59" s="9" t="s">
        <v>6</v>
      </c>
      <c r="G59" s="9" t="s">
        <v>30</v>
      </c>
      <c r="H59" s="6">
        <v>16179587</v>
      </c>
      <c r="I59" s="6">
        <v>11072971</v>
      </c>
      <c r="J59" s="6">
        <v>10581781</v>
      </c>
      <c r="K59" s="6">
        <v>5076822</v>
      </c>
      <c r="L59" s="6">
        <v>29794</v>
      </c>
    </row>
    <row r="60" spans="1:12">
      <c r="A60" s="9" t="s">
        <v>27</v>
      </c>
      <c r="B60" s="9" t="s">
        <v>28</v>
      </c>
      <c r="C60" s="9" t="s">
        <v>29</v>
      </c>
      <c r="D60" s="9" t="s">
        <v>6</v>
      </c>
      <c r="E60" s="9" t="s">
        <v>227</v>
      </c>
      <c r="F60" s="9" t="s">
        <v>234</v>
      </c>
      <c r="G60" s="9" t="s">
        <v>30</v>
      </c>
      <c r="H60" s="6">
        <v>5388168</v>
      </c>
      <c r="I60" s="6">
        <v>3488283</v>
      </c>
      <c r="J60" s="6">
        <v>3307297</v>
      </c>
      <c r="K60" s="6">
        <v>1880447</v>
      </c>
      <c r="L60" s="6">
        <v>19438</v>
      </c>
    </row>
    <row r="61" spans="1:12">
      <c r="A61" s="9" t="s">
        <v>27</v>
      </c>
      <c r="B61" s="9" t="s">
        <v>28</v>
      </c>
      <c r="C61" s="9" t="s">
        <v>29</v>
      </c>
      <c r="D61" s="9" t="s">
        <v>6</v>
      </c>
      <c r="E61" s="9" t="s">
        <v>227</v>
      </c>
      <c r="F61" s="9" t="s">
        <v>235</v>
      </c>
      <c r="G61" s="9" t="s">
        <v>30</v>
      </c>
      <c r="H61" s="6">
        <v>10791419</v>
      </c>
      <c r="I61" s="6">
        <v>7584688</v>
      </c>
      <c r="J61" s="6">
        <v>7274484</v>
      </c>
      <c r="K61" s="6">
        <v>3196375</v>
      </c>
      <c r="L61" s="6">
        <v>10356</v>
      </c>
    </row>
    <row r="62" spans="1:12">
      <c r="A62" s="9" t="s">
        <v>27</v>
      </c>
      <c r="B62" s="9" t="s">
        <v>28</v>
      </c>
      <c r="C62" s="9" t="s">
        <v>29</v>
      </c>
      <c r="D62" s="9" t="s">
        <v>6</v>
      </c>
      <c r="E62" s="9" t="s">
        <v>227</v>
      </c>
      <c r="F62" s="9" t="s">
        <v>235</v>
      </c>
      <c r="G62" s="9" t="s">
        <v>236</v>
      </c>
      <c r="H62" s="6">
        <v>626889</v>
      </c>
      <c r="I62" s="6">
        <v>296674</v>
      </c>
      <c r="J62" s="6">
        <v>284432</v>
      </c>
      <c r="K62" s="6">
        <v>329734</v>
      </c>
      <c r="L62" s="6">
        <v>481</v>
      </c>
    </row>
    <row r="63" spans="1:12">
      <c r="A63" s="9" t="s">
        <v>27</v>
      </c>
      <c r="B63" s="9" t="s">
        <v>28</v>
      </c>
      <c r="C63" s="9" t="s">
        <v>29</v>
      </c>
      <c r="D63" s="9" t="s">
        <v>6</v>
      </c>
      <c r="E63" s="9" t="s">
        <v>227</v>
      </c>
      <c r="F63" s="9" t="s">
        <v>235</v>
      </c>
      <c r="G63" s="9" t="s">
        <v>237</v>
      </c>
      <c r="H63" s="6">
        <v>612342</v>
      </c>
      <c r="I63" s="6">
        <v>359024</v>
      </c>
      <c r="J63" s="6">
        <v>344294</v>
      </c>
      <c r="K63" s="6">
        <v>252925</v>
      </c>
      <c r="L63" s="6">
        <v>393</v>
      </c>
    </row>
    <row r="64" spans="1:12">
      <c r="A64" s="9" t="s">
        <v>27</v>
      </c>
      <c r="B64" s="9" t="s">
        <v>28</v>
      </c>
      <c r="C64" s="9" t="s">
        <v>29</v>
      </c>
      <c r="D64" s="9" t="s">
        <v>6</v>
      </c>
      <c r="E64" s="9" t="s">
        <v>227</v>
      </c>
      <c r="F64" s="9" t="s">
        <v>235</v>
      </c>
      <c r="G64" s="9" t="s">
        <v>238</v>
      </c>
      <c r="H64" s="6">
        <v>539553</v>
      </c>
      <c r="I64" s="6">
        <v>346832</v>
      </c>
      <c r="J64" s="6">
        <v>332084</v>
      </c>
      <c r="K64" s="6">
        <v>192389</v>
      </c>
      <c r="L64" s="6">
        <v>332</v>
      </c>
    </row>
    <row r="65" spans="1:12">
      <c r="A65" s="9" t="s">
        <v>27</v>
      </c>
      <c r="B65" s="9" t="s">
        <v>28</v>
      </c>
      <c r="C65" s="9" t="s">
        <v>29</v>
      </c>
      <c r="D65" s="9" t="s">
        <v>6</v>
      </c>
      <c r="E65" s="9" t="s">
        <v>227</v>
      </c>
      <c r="F65" s="9" t="s">
        <v>235</v>
      </c>
      <c r="G65" s="9" t="s">
        <v>239</v>
      </c>
      <c r="H65" s="6">
        <v>462496</v>
      </c>
      <c r="I65" s="6">
        <v>310500</v>
      </c>
      <c r="J65" s="6">
        <v>296583</v>
      </c>
      <c r="K65" s="6">
        <v>151721</v>
      </c>
      <c r="L65" s="6">
        <v>275</v>
      </c>
    </row>
    <row r="66" spans="1:12">
      <c r="A66" s="9" t="s">
        <v>27</v>
      </c>
      <c r="B66" s="9" t="s">
        <v>28</v>
      </c>
      <c r="C66" s="9" t="s">
        <v>29</v>
      </c>
      <c r="D66" s="9" t="s">
        <v>6</v>
      </c>
      <c r="E66" s="9" t="s">
        <v>227</v>
      </c>
      <c r="F66" s="9" t="s">
        <v>235</v>
      </c>
      <c r="G66" s="9" t="s">
        <v>240</v>
      </c>
      <c r="H66" s="6">
        <v>424307</v>
      </c>
      <c r="I66" s="6">
        <v>298103</v>
      </c>
      <c r="J66" s="6">
        <v>284662</v>
      </c>
      <c r="K66" s="6">
        <v>125952</v>
      </c>
      <c r="L66" s="6">
        <v>252</v>
      </c>
    </row>
    <row r="67" spans="1:12">
      <c r="A67" s="9" t="s">
        <v>27</v>
      </c>
      <c r="B67" s="9" t="s">
        <v>28</v>
      </c>
      <c r="C67" s="9" t="s">
        <v>29</v>
      </c>
      <c r="D67" s="9" t="s">
        <v>6</v>
      </c>
      <c r="E67" s="9" t="s">
        <v>227</v>
      </c>
      <c r="F67" s="9" t="s">
        <v>235</v>
      </c>
      <c r="G67" s="9" t="s">
        <v>241</v>
      </c>
      <c r="H67" s="6">
        <v>399681</v>
      </c>
      <c r="I67" s="6">
        <v>288673</v>
      </c>
      <c r="J67" s="6">
        <v>275760</v>
      </c>
      <c r="K67" s="6">
        <v>110759</v>
      </c>
      <c r="L67" s="6">
        <v>249</v>
      </c>
    </row>
    <row r="68" spans="1:12">
      <c r="A68" s="9" t="s">
        <v>27</v>
      </c>
      <c r="B68" s="9" t="s">
        <v>28</v>
      </c>
      <c r="C68" s="9" t="s">
        <v>29</v>
      </c>
      <c r="D68" s="9" t="s">
        <v>6</v>
      </c>
      <c r="E68" s="9" t="s">
        <v>227</v>
      </c>
      <c r="F68" s="9" t="s">
        <v>235</v>
      </c>
      <c r="G68" s="9" t="s">
        <v>242</v>
      </c>
      <c r="H68" s="6">
        <v>377880</v>
      </c>
      <c r="I68" s="6">
        <v>276374</v>
      </c>
      <c r="J68" s="6">
        <v>264396</v>
      </c>
      <c r="K68" s="6">
        <v>101303</v>
      </c>
      <c r="L68" s="6">
        <v>203</v>
      </c>
    </row>
    <row r="69" spans="1:12">
      <c r="A69" s="9" t="s">
        <v>27</v>
      </c>
      <c r="B69" s="9" t="s">
        <v>28</v>
      </c>
      <c r="C69" s="9" t="s">
        <v>29</v>
      </c>
      <c r="D69" s="9" t="s">
        <v>6</v>
      </c>
      <c r="E69" s="9" t="s">
        <v>227</v>
      </c>
      <c r="F69" s="9" t="s">
        <v>235</v>
      </c>
      <c r="G69" s="9" t="s">
        <v>243</v>
      </c>
      <c r="H69" s="6">
        <v>372906</v>
      </c>
      <c r="I69" s="6">
        <v>278352</v>
      </c>
      <c r="J69" s="6">
        <v>267001</v>
      </c>
      <c r="K69" s="6">
        <v>94329</v>
      </c>
      <c r="L69" s="6">
        <v>225</v>
      </c>
    </row>
    <row r="70" spans="1:12">
      <c r="A70" s="9" t="s">
        <v>27</v>
      </c>
      <c r="B70" s="9" t="s">
        <v>28</v>
      </c>
      <c r="C70" s="9" t="s">
        <v>29</v>
      </c>
      <c r="D70" s="9" t="s">
        <v>6</v>
      </c>
      <c r="E70" s="9" t="s">
        <v>227</v>
      </c>
      <c r="F70" s="9" t="s">
        <v>235</v>
      </c>
      <c r="G70" s="9" t="s">
        <v>244</v>
      </c>
      <c r="H70" s="6">
        <v>359133</v>
      </c>
      <c r="I70" s="6">
        <v>277484</v>
      </c>
      <c r="J70" s="6">
        <v>266853</v>
      </c>
      <c r="K70" s="6">
        <v>81443</v>
      </c>
      <c r="L70" s="6">
        <v>206</v>
      </c>
    </row>
    <row r="71" spans="1:12">
      <c r="A71" s="9" t="s">
        <v>27</v>
      </c>
      <c r="B71" s="9" t="s">
        <v>28</v>
      </c>
      <c r="C71" s="9" t="s">
        <v>29</v>
      </c>
      <c r="D71" s="9" t="s">
        <v>6</v>
      </c>
      <c r="E71" s="9" t="s">
        <v>227</v>
      </c>
      <c r="F71" s="9" t="s">
        <v>235</v>
      </c>
      <c r="G71" s="9" t="s">
        <v>245</v>
      </c>
      <c r="H71" s="6">
        <v>358458</v>
      </c>
      <c r="I71" s="6">
        <v>280564</v>
      </c>
      <c r="J71" s="6">
        <v>270253</v>
      </c>
      <c r="K71" s="6">
        <v>77704</v>
      </c>
      <c r="L71" s="6">
        <v>190</v>
      </c>
    </row>
    <row r="72" spans="1:12">
      <c r="A72" s="9" t="s">
        <v>27</v>
      </c>
      <c r="B72" s="9" t="s">
        <v>28</v>
      </c>
      <c r="C72" s="9" t="s">
        <v>29</v>
      </c>
      <c r="D72" s="9" t="s">
        <v>6</v>
      </c>
      <c r="E72" s="9" t="s">
        <v>227</v>
      </c>
      <c r="F72" s="9" t="s">
        <v>235</v>
      </c>
      <c r="G72" s="9" t="s">
        <v>246</v>
      </c>
      <c r="H72" s="6">
        <v>351316</v>
      </c>
      <c r="I72" s="6">
        <v>277429</v>
      </c>
      <c r="J72" s="6">
        <v>267538</v>
      </c>
      <c r="K72" s="6">
        <v>73698</v>
      </c>
      <c r="L72" s="6">
        <v>189</v>
      </c>
    </row>
    <row r="73" spans="1:12">
      <c r="A73" s="9" t="s">
        <v>27</v>
      </c>
      <c r="B73" s="9" t="s">
        <v>28</v>
      </c>
      <c r="C73" s="9" t="s">
        <v>29</v>
      </c>
      <c r="D73" s="9" t="s">
        <v>6</v>
      </c>
      <c r="E73" s="9" t="s">
        <v>227</v>
      </c>
      <c r="F73" s="9" t="s">
        <v>235</v>
      </c>
      <c r="G73" s="9" t="s">
        <v>247</v>
      </c>
      <c r="H73" s="6">
        <v>347480</v>
      </c>
      <c r="I73" s="6">
        <v>276244</v>
      </c>
      <c r="J73" s="6">
        <v>266778</v>
      </c>
      <c r="K73" s="6">
        <v>71063</v>
      </c>
      <c r="L73" s="6">
        <v>173</v>
      </c>
    </row>
    <row r="74" spans="1:12">
      <c r="A74" s="9" t="s">
        <v>27</v>
      </c>
      <c r="B74" s="9" t="s">
        <v>28</v>
      </c>
      <c r="C74" s="9" t="s">
        <v>29</v>
      </c>
      <c r="D74" s="9" t="s">
        <v>6</v>
      </c>
      <c r="E74" s="9" t="s">
        <v>227</v>
      </c>
      <c r="F74" s="9" t="s">
        <v>235</v>
      </c>
      <c r="G74" s="9" t="s">
        <v>248</v>
      </c>
      <c r="H74" s="6">
        <v>347565</v>
      </c>
      <c r="I74" s="6">
        <v>277945</v>
      </c>
      <c r="J74" s="6">
        <v>268477</v>
      </c>
      <c r="K74" s="6">
        <v>69412</v>
      </c>
      <c r="L74" s="6">
        <v>208</v>
      </c>
    </row>
    <row r="75" spans="1:12">
      <c r="A75" s="9" t="s">
        <v>27</v>
      </c>
      <c r="B75" s="9" t="s">
        <v>28</v>
      </c>
      <c r="C75" s="9" t="s">
        <v>29</v>
      </c>
      <c r="D75" s="9" t="s">
        <v>6</v>
      </c>
      <c r="E75" s="9" t="s">
        <v>227</v>
      </c>
      <c r="F75" s="9" t="s">
        <v>235</v>
      </c>
      <c r="G75" s="9" t="s">
        <v>249</v>
      </c>
      <c r="H75" s="6">
        <v>338138</v>
      </c>
      <c r="I75" s="6">
        <v>272093</v>
      </c>
      <c r="J75" s="6">
        <v>263131</v>
      </c>
      <c r="K75" s="6">
        <v>65875</v>
      </c>
      <c r="L75" s="6">
        <v>170</v>
      </c>
    </row>
    <row r="76" spans="1:12">
      <c r="A76" s="9" t="s">
        <v>27</v>
      </c>
      <c r="B76" s="9" t="s">
        <v>28</v>
      </c>
      <c r="C76" s="9" t="s">
        <v>29</v>
      </c>
      <c r="D76" s="9" t="s">
        <v>6</v>
      </c>
      <c r="E76" s="9" t="s">
        <v>227</v>
      </c>
      <c r="F76" s="9" t="s">
        <v>235</v>
      </c>
      <c r="G76" s="9" t="s">
        <v>250</v>
      </c>
      <c r="H76" s="6">
        <v>327704</v>
      </c>
      <c r="I76" s="6">
        <v>265770</v>
      </c>
      <c r="J76" s="6">
        <v>257438</v>
      </c>
      <c r="K76" s="6">
        <v>61737</v>
      </c>
      <c r="L76" s="6">
        <v>197</v>
      </c>
    </row>
    <row r="77" spans="1:12">
      <c r="A77" s="9" t="s">
        <v>27</v>
      </c>
      <c r="B77" s="9" t="s">
        <v>28</v>
      </c>
      <c r="C77" s="9" t="s">
        <v>29</v>
      </c>
      <c r="D77" s="9" t="s">
        <v>6</v>
      </c>
      <c r="E77" s="9" t="s">
        <v>227</v>
      </c>
      <c r="F77" s="9" t="s">
        <v>235</v>
      </c>
      <c r="G77" s="9" t="s">
        <v>251</v>
      </c>
      <c r="H77" s="6">
        <v>321385</v>
      </c>
      <c r="I77" s="6">
        <v>259661</v>
      </c>
      <c r="J77" s="6">
        <v>251445</v>
      </c>
      <c r="K77" s="6">
        <v>61573</v>
      </c>
      <c r="L77" s="6">
        <v>151</v>
      </c>
    </row>
    <row r="78" spans="1:12">
      <c r="A78" s="9" t="s">
        <v>27</v>
      </c>
      <c r="B78" s="9" t="s">
        <v>28</v>
      </c>
      <c r="C78" s="9" t="s">
        <v>29</v>
      </c>
      <c r="D78" s="9" t="s">
        <v>6</v>
      </c>
      <c r="E78" s="9" t="s">
        <v>227</v>
      </c>
      <c r="F78" s="9" t="s">
        <v>235</v>
      </c>
      <c r="G78" s="9" t="s">
        <v>252</v>
      </c>
      <c r="H78" s="6">
        <v>325185</v>
      </c>
      <c r="I78" s="6">
        <v>262120</v>
      </c>
      <c r="J78" s="6">
        <v>253864</v>
      </c>
      <c r="K78" s="6">
        <v>62893</v>
      </c>
      <c r="L78" s="6">
        <v>172</v>
      </c>
    </row>
    <row r="79" spans="1:12">
      <c r="A79" s="9" t="s">
        <v>27</v>
      </c>
      <c r="B79" s="9" t="s">
        <v>28</v>
      </c>
      <c r="C79" s="9" t="s">
        <v>29</v>
      </c>
      <c r="D79" s="9" t="s">
        <v>6</v>
      </c>
      <c r="E79" s="9" t="s">
        <v>227</v>
      </c>
      <c r="F79" s="9" t="s">
        <v>235</v>
      </c>
      <c r="G79" s="9" t="s">
        <v>253</v>
      </c>
      <c r="H79" s="6">
        <v>324174</v>
      </c>
      <c r="I79" s="6">
        <v>260823</v>
      </c>
      <c r="J79" s="6">
        <v>252484</v>
      </c>
      <c r="K79" s="6">
        <v>63159</v>
      </c>
      <c r="L79" s="6">
        <v>192</v>
      </c>
    </row>
    <row r="80" spans="1:12">
      <c r="A80" s="9" t="s">
        <v>27</v>
      </c>
      <c r="B80" s="9" t="s">
        <v>28</v>
      </c>
      <c r="C80" s="9" t="s">
        <v>29</v>
      </c>
      <c r="D80" s="9" t="s">
        <v>6</v>
      </c>
      <c r="E80" s="9" t="s">
        <v>227</v>
      </c>
      <c r="F80" s="9" t="s">
        <v>235</v>
      </c>
      <c r="G80" s="9" t="s">
        <v>254</v>
      </c>
      <c r="H80" s="6">
        <v>297937</v>
      </c>
      <c r="I80" s="6">
        <v>236435</v>
      </c>
      <c r="J80" s="6">
        <v>229021</v>
      </c>
      <c r="K80" s="6">
        <v>61302</v>
      </c>
      <c r="L80" s="6">
        <v>200</v>
      </c>
    </row>
    <row r="81" spans="1:12">
      <c r="A81" s="9" t="s">
        <v>27</v>
      </c>
      <c r="B81" s="9" t="s">
        <v>28</v>
      </c>
      <c r="C81" s="9" t="s">
        <v>29</v>
      </c>
      <c r="D81" s="9" t="s">
        <v>6</v>
      </c>
      <c r="E81" s="9" t="s">
        <v>227</v>
      </c>
      <c r="F81" s="9" t="s">
        <v>235</v>
      </c>
      <c r="G81" s="9" t="s">
        <v>255</v>
      </c>
      <c r="H81" s="6">
        <v>261469</v>
      </c>
      <c r="I81" s="6">
        <v>204452</v>
      </c>
      <c r="J81" s="6">
        <v>197608</v>
      </c>
      <c r="K81" s="6">
        <v>56840</v>
      </c>
      <c r="L81" s="6">
        <v>177</v>
      </c>
    </row>
    <row r="82" spans="1:12">
      <c r="A82" s="9" t="s">
        <v>27</v>
      </c>
      <c r="B82" s="9" t="s">
        <v>28</v>
      </c>
      <c r="C82" s="9" t="s">
        <v>29</v>
      </c>
      <c r="D82" s="9" t="s">
        <v>6</v>
      </c>
      <c r="E82" s="9" t="s">
        <v>227</v>
      </c>
      <c r="F82" s="9" t="s">
        <v>235</v>
      </c>
      <c r="G82" s="9" t="s">
        <v>256</v>
      </c>
      <c r="H82" s="6">
        <v>3015421</v>
      </c>
      <c r="I82" s="6">
        <v>1979136</v>
      </c>
      <c r="J82" s="6">
        <v>1880382</v>
      </c>
      <c r="K82" s="6">
        <v>1030564</v>
      </c>
      <c r="L82" s="6">
        <v>5721</v>
      </c>
    </row>
    <row r="83" spans="1:12">
      <c r="A83" s="9" t="s">
        <v>27</v>
      </c>
      <c r="B83" s="9" t="s">
        <v>28</v>
      </c>
      <c r="C83" s="9" t="s">
        <v>29</v>
      </c>
      <c r="D83" s="9" t="s">
        <v>6</v>
      </c>
      <c r="E83" s="9" t="s">
        <v>228</v>
      </c>
      <c r="F83" s="9" t="s">
        <v>6</v>
      </c>
      <c r="G83" s="9" t="s">
        <v>30</v>
      </c>
      <c r="H83" s="6">
        <v>6579361</v>
      </c>
      <c r="I83" s="6">
        <v>1127770</v>
      </c>
      <c r="J83" s="6">
        <v>1008878</v>
      </c>
      <c r="K83" s="6">
        <v>5433690</v>
      </c>
      <c r="L83" s="6">
        <v>17901</v>
      </c>
    </row>
    <row r="84" spans="1:12">
      <c r="A84" s="9" t="s">
        <v>27</v>
      </c>
      <c r="B84" s="9" t="s">
        <v>28</v>
      </c>
      <c r="C84" s="9" t="s">
        <v>29</v>
      </c>
      <c r="D84" s="9" t="s">
        <v>6</v>
      </c>
      <c r="E84" s="9" t="s">
        <v>228</v>
      </c>
      <c r="F84" s="9" t="s">
        <v>234</v>
      </c>
      <c r="G84" s="9" t="s">
        <v>30</v>
      </c>
      <c r="H84" s="6">
        <v>4442785</v>
      </c>
      <c r="I84" s="6">
        <v>659125</v>
      </c>
      <c r="J84" s="6">
        <v>586816</v>
      </c>
      <c r="K84" s="6">
        <v>3768992</v>
      </c>
      <c r="L84" s="6">
        <v>14668</v>
      </c>
    </row>
    <row r="85" spans="1:12">
      <c r="A85" s="9" t="s">
        <v>27</v>
      </c>
      <c r="B85" s="9" t="s">
        <v>28</v>
      </c>
      <c r="C85" s="9" t="s">
        <v>29</v>
      </c>
      <c r="D85" s="9" t="s">
        <v>6</v>
      </c>
      <c r="E85" s="9" t="s">
        <v>228</v>
      </c>
      <c r="F85" s="9" t="s">
        <v>235</v>
      </c>
      <c r="G85" s="9" t="s">
        <v>30</v>
      </c>
      <c r="H85" s="6">
        <v>2136576</v>
      </c>
      <c r="I85" s="6">
        <v>468645</v>
      </c>
      <c r="J85" s="6">
        <v>422062</v>
      </c>
      <c r="K85" s="6">
        <v>1664698</v>
      </c>
      <c r="L85" s="6">
        <v>3233</v>
      </c>
    </row>
    <row r="86" spans="1:12">
      <c r="A86" s="9" t="s">
        <v>27</v>
      </c>
      <c r="B86" s="9" t="s">
        <v>28</v>
      </c>
      <c r="C86" s="9" t="s">
        <v>29</v>
      </c>
      <c r="D86" s="9" t="s">
        <v>6</v>
      </c>
      <c r="E86" s="9" t="s">
        <v>228</v>
      </c>
      <c r="F86" s="9" t="s">
        <v>235</v>
      </c>
      <c r="G86" s="9" t="s">
        <v>236</v>
      </c>
      <c r="H86" s="6">
        <v>9461</v>
      </c>
      <c r="I86" s="6">
        <v>3291</v>
      </c>
      <c r="J86" s="6">
        <v>3042</v>
      </c>
      <c r="K86" s="6">
        <v>6116</v>
      </c>
      <c r="L86" s="6">
        <v>54</v>
      </c>
    </row>
    <row r="87" spans="1:12">
      <c r="A87" s="9" t="s">
        <v>27</v>
      </c>
      <c r="B87" s="9" t="s">
        <v>28</v>
      </c>
      <c r="C87" s="9" t="s">
        <v>29</v>
      </c>
      <c r="D87" s="9" t="s">
        <v>6</v>
      </c>
      <c r="E87" s="9" t="s">
        <v>228</v>
      </c>
      <c r="F87" s="9" t="s">
        <v>235</v>
      </c>
      <c r="G87" s="9" t="s">
        <v>237</v>
      </c>
      <c r="H87" s="6">
        <v>7713</v>
      </c>
      <c r="I87" s="6">
        <v>3554</v>
      </c>
      <c r="J87" s="6">
        <v>3311</v>
      </c>
      <c r="K87" s="6">
        <v>4126</v>
      </c>
      <c r="L87" s="6">
        <v>33</v>
      </c>
    </row>
    <row r="88" spans="1:12">
      <c r="A88" s="9" t="s">
        <v>27</v>
      </c>
      <c r="B88" s="9" t="s">
        <v>28</v>
      </c>
      <c r="C88" s="9" t="s">
        <v>29</v>
      </c>
      <c r="D88" s="9" t="s">
        <v>6</v>
      </c>
      <c r="E88" s="9" t="s">
        <v>228</v>
      </c>
      <c r="F88" s="9" t="s">
        <v>235</v>
      </c>
      <c r="G88" s="9" t="s">
        <v>238</v>
      </c>
      <c r="H88" s="6">
        <v>6463</v>
      </c>
      <c r="I88" s="6">
        <v>3430</v>
      </c>
      <c r="J88" s="6">
        <v>3188</v>
      </c>
      <c r="K88" s="6">
        <v>3020</v>
      </c>
      <c r="L88" s="6">
        <v>13</v>
      </c>
    </row>
    <row r="89" spans="1:12">
      <c r="A89" s="9" t="s">
        <v>27</v>
      </c>
      <c r="B89" s="9" t="s">
        <v>28</v>
      </c>
      <c r="C89" s="9" t="s">
        <v>29</v>
      </c>
      <c r="D89" s="9" t="s">
        <v>6</v>
      </c>
      <c r="E89" s="9" t="s">
        <v>228</v>
      </c>
      <c r="F89" s="9" t="s">
        <v>235</v>
      </c>
      <c r="G89" s="9" t="s">
        <v>239</v>
      </c>
      <c r="H89" s="6">
        <v>5589</v>
      </c>
      <c r="I89" s="6">
        <v>3184</v>
      </c>
      <c r="J89" s="6">
        <v>2968</v>
      </c>
      <c r="K89" s="6">
        <v>2389</v>
      </c>
      <c r="L89" s="6">
        <v>16</v>
      </c>
    </row>
    <row r="90" spans="1:12">
      <c r="A90" s="9" t="s">
        <v>27</v>
      </c>
      <c r="B90" s="9" t="s">
        <v>28</v>
      </c>
      <c r="C90" s="9" t="s">
        <v>29</v>
      </c>
      <c r="D90" s="9" t="s">
        <v>6</v>
      </c>
      <c r="E90" s="9" t="s">
        <v>228</v>
      </c>
      <c r="F90" s="9" t="s">
        <v>235</v>
      </c>
      <c r="G90" s="9" t="s">
        <v>240</v>
      </c>
      <c r="H90" s="6">
        <v>5100</v>
      </c>
      <c r="I90" s="6">
        <v>3054</v>
      </c>
      <c r="J90" s="6">
        <v>2845</v>
      </c>
      <c r="K90" s="6">
        <v>2021</v>
      </c>
      <c r="L90" s="6">
        <v>25</v>
      </c>
    </row>
    <row r="91" spans="1:12">
      <c r="A91" s="9" t="s">
        <v>27</v>
      </c>
      <c r="B91" s="9" t="s">
        <v>28</v>
      </c>
      <c r="C91" s="9" t="s">
        <v>29</v>
      </c>
      <c r="D91" s="9" t="s">
        <v>6</v>
      </c>
      <c r="E91" s="9" t="s">
        <v>228</v>
      </c>
      <c r="F91" s="9" t="s">
        <v>235</v>
      </c>
      <c r="G91" s="9" t="s">
        <v>241</v>
      </c>
      <c r="H91" s="6">
        <v>4816</v>
      </c>
      <c r="I91" s="6">
        <v>2960</v>
      </c>
      <c r="J91" s="6">
        <v>2749</v>
      </c>
      <c r="K91" s="6">
        <v>1834</v>
      </c>
      <c r="L91" s="6">
        <v>22</v>
      </c>
    </row>
    <row r="92" spans="1:12">
      <c r="A92" s="9" t="s">
        <v>27</v>
      </c>
      <c r="B92" s="9" t="s">
        <v>28</v>
      </c>
      <c r="C92" s="9" t="s">
        <v>29</v>
      </c>
      <c r="D92" s="9" t="s">
        <v>6</v>
      </c>
      <c r="E92" s="9" t="s">
        <v>228</v>
      </c>
      <c r="F92" s="9" t="s">
        <v>235</v>
      </c>
      <c r="G92" s="9" t="s">
        <v>242</v>
      </c>
      <c r="H92" s="6">
        <v>5036</v>
      </c>
      <c r="I92" s="6">
        <v>3127</v>
      </c>
      <c r="J92" s="6">
        <v>2917</v>
      </c>
      <c r="K92" s="6">
        <v>1895</v>
      </c>
      <c r="L92" s="6">
        <v>14</v>
      </c>
    </row>
    <row r="93" spans="1:12">
      <c r="A93" s="9" t="s">
        <v>27</v>
      </c>
      <c r="B93" s="9" t="s">
        <v>28</v>
      </c>
      <c r="C93" s="9" t="s">
        <v>29</v>
      </c>
      <c r="D93" s="9" t="s">
        <v>6</v>
      </c>
      <c r="E93" s="9" t="s">
        <v>228</v>
      </c>
      <c r="F93" s="9" t="s">
        <v>235</v>
      </c>
      <c r="G93" s="9" t="s">
        <v>243</v>
      </c>
      <c r="H93" s="6">
        <v>5087</v>
      </c>
      <c r="I93" s="6">
        <v>3295</v>
      </c>
      <c r="J93" s="6">
        <v>3075</v>
      </c>
      <c r="K93" s="6">
        <v>1769</v>
      </c>
      <c r="L93" s="6">
        <v>23</v>
      </c>
    </row>
    <row r="94" spans="1:12">
      <c r="A94" s="9" t="s">
        <v>27</v>
      </c>
      <c r="B94" s="9" t="s">
        <v>28</v>
      </c>
      <c r="C94" s="9" t="s">
        <v>29</v>
      </c>
      <c r="D94" s="9" t="s">
        <v>6</v>
      </c>
      <c r="E94" s="9" t="s">
        <v>228</v>
      </c>
      <c r="F94" s="9" t="s">
        <v>235</v>
      </c>
      <c r="G94" s="9" t="s">
        <v>244</v>
      </c>
      <c r="H94" s="6">
        <v>5131</v>
      </c>
      <c r="I94" s="6">
        <v>3438</v>
      </c>
      <c r="J94" s="6">
        <v>3250</v>
      </c>
      <c r="K94" s="6">
        <v>1678</v>
      </c>
      <c r="L94" s="6">
        <v>15</v>
      </c>
    </row>
    <row r="95" spans="1:12">
      <c r="A95" s="9" t="s">
        <v>27</v>
      </c>
      <c r="B95" s="9" t="s">
        <v>28</v>
      </c>
      <c r="C95" s="9" t="s">
        <v>29</v>
      </c>
      <c r="D95" s="9" t="s">
        <v>6</v>
      </c>
      <c r="E95" s="9" t="s">
        <v>228</v>
      </c>
      <c r="F95" s="9" t="s">
        <v>235</v>
      </c>
      <c r="G95" s="9" t="s">
        <v>245</v>
      </c>
      <c r="H95" s="6">
        <v>5085</v>
      </c>
      <c r="I95" s="6">
        <v>3417</v>
      </c>
      <c r="J95" s="6">
        <v>3225</v>
      </c>
      <c r="K95" s="6">
        <v>1649</v>
      </c>
      <c r="L95" s="6">
        <v>19</v>
      </c>
    </row>
    <row r="96" spans="1:12">
      <c r="A96" s="9" t="s">
        <v>27</v>
      </c>
      <c r="B96" s="9" t="s">
        <v>28</v>
      </c>
      <c r="C96" s="9" t="s">
        <v>29</v>
      </c>
      <c r="D96" s="9" t="s">
        <v>6</v>
      </c>
      <c r="E96" s="9" t="s">
        <v>228</v>
      </c>
      <c r="F96" s="9" t="s">
        <v>235</v>
      </c>
      <c r="G96" s="9" t="s">
        <v>246</v>
      </c>
      <c r="H96" s="6">
        <v>5526</v>
      </c>
      <c r="I96" s="6">
        <v>3784</v>
      </c>
      <c r="J96" s="6">
        <v>3577</v>
      </c>
      <c r="K96" s="6">
        <v>1717</v>
      </c>
      <c r="L96" s="6">
        <v>25</v>
      </c>
    </row>
    <row r="97" spans="1:12">
      <c r="A97" s="9" t="s">
        <v>27</v>
      </c>
      <c r="B97" s="9" t="s">
        <v>28</v>
      </c>
      <c r="C97" s="9" t="s">
        <v>29</v>
      </c>
      <c r="D97" s="9" t="s">
        <v>6</v>
      </c>
      <c r="E97" s="9" t="s">
        <v>228</v>
      </c>
      <c r="F97" s="9" t="s">
        <v>235</v>
      </c>
      <c r="G97" s="9" t="s">
        <v>247</v>
      </c>
      <c r="H97" s="6">
        <v>5623</v>
      </c>
      <c r="I97" s="6">
        <v>3929</v>
      </c>
      <c r="J97" s="6">
        <v>3706</v>
      </c>
      <c r="K97" s="6">
        <v>1674</v>
      </c>
      <c r="L97" s="6">
        <v>20</v>
      </c>
    </row>
    <row r="98" spans="1:12">
      <c r="A98" s="9" t="s">
        <v>27</v>
      </c>
      <c r="B98" s="9" t="s">
        <v>28</v>
      </c>
      <c r="C98" s="9" t="s">
        <v>29</v>
      </c>
      <c r="D98" s="9" t="s">
        <v>6</v>
      </c>
      <c r="E98" s="9" t="s">
        <v>228</v>
      </c>
      <c r="F98" s="9" t="s">
        <v>235</v>
      </c>
      <c r="G98" s="9" t="s">
        <v>248</v>
      </c>
      <c r="H98" s="6">
        <v>5778</v>
      </c>
      <c r="I98" s="6">
        <v>4033</v>
      </c>
      <c r="J98" s="6">
        <v>3810</v>
      </c>
      <c r="K98" s="6">
        <v>1723</v>
      </c>
      <c r="L98" s="6">
        <v>22</v>
      </c>
    </row>
    <row r="99" spans="1:12">
      <c r="A99" s="9" t="s">
        <v>27</v>
      </c>
      <c r="B99" s="9" t="s">
        <v>28</v>
      </c>
      <c r="C99" s="9" t="s">
        <v>29</v>
      </c>
      <c r="D99" s="9" t="s">
        <v>6</v>
      </c>
      <c r="E99" s="9" t="s">
        <v>228</v>
      </c>
      <c r="F99" s="9" t="s">
        <v>235</v>
      </c>
      <c r="G99" s="9" t="s">
        <v>249</v>
      </c>
      <c r="H99" s="6">
        <v>6143</v>
      </c>
      <c r="I99" s="6">
        <v>4352</v>
      </c>
      <c r="J99" s="6">
        <v>4132</v>
      </c>
      <c r="K99" s="6">
        <v>1768</v>
      </c>
      <c r="L99" s="6">
        <v>23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228</v>
      </c>
      <c r="F100" s="9" t="s">
        <v>235</v>
      </c>
      <c r="G100" s="9" t="s">
        <v>250</v>
      </c>
      <c r="H100" s="6">
        <v>6462</v>
      </c>
      <c r="I100" s="6">
        <v>4497</v>
      </c>
      <c r="J100" s="6">
        <v>4248</v>
      </c>
      <c r="K100" s="6">
        <v>1948</v>
      </c>
      <c r="L100" s="6">
        <v>17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6</v>
      </c>
      <c r="E101" s="9" t="s">
        <v>228</v>
      </c>
      <c r="F101" s="9" t="s">
        <v>235</v>
      </c>
      <c r="G101" s="9" t="s">
        <v>251</v>
      </c>
      <c r="H101" s="6">
        <v>6750</v>
      </c>
      <c r="I101" s="6">
        <v>4667</v>
      </c>
      <c r="J101" s="6">
        <v>4440</v>
      </c>
      <c r="K101" s="6">
        <v>2060</v>
      </c>
      <c r="L101" s="6">
        <v>23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6</v>
      </c>
      <c r="E102" s="9" t="s">
        <v>228</v>
      </c>
      <c r="F102" s="9" t="s">
        <v>235</v>
      </c>
      <c r="G102" s="9" t="s">
        <v>252</v>
      </c>
      <c r="H102" s="6">
        <v>7359</v>
      </c>
      <c r="I102" s="6">
        <v>5116</v>
      </c>
      <c r="J102" s="6">
        <v>4820</v>
      </c>
      <c r="K102" s="6">
        <v>2225</v>
      </c>
      <c r="L102" s="6">
        <v>18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6</v>
      </c>
      <c r="E103" s="9" t="s">
        <v>228</v>
      </c>
      <c r="F103" s="9" t="s">
        <v>235</v>
      </c>
      <c r="G103" s="9" t="s">
        <v>253</v>
      </c>
      <c r="H103" s="6">
        <v>8329</v>
      </c>
      <c r="I103" s="6">
        <v>5859</v>
      </c>
      <c r="J103" s="6">
        <v>5523</v>
      </c>
      <c r="K103" s="6">
        <v>2444</v>
      </c>
      <c r="L103" s="6">
        <v>26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6</v>
      </c>
      <c r="E104" s="9" t="s">
        <v>228</v>
      </c>
      <c r="F104" s="9" t="s">
        <v>235</v>
      </c>
      <c r="G104" s="9" t="s">
        <v>254</v>
      </c>
      <c r="H104" s="6">
        <v>8756</v>
      </c>
      <c r="I104" s="6">
        <v>6088</v>
      </c>
      <c r="J104" s="6">
        <v>5794</v>
      </c>
      <c r="K104" s="6">
        <v>2648</v>
      </c>
      <c r="L104" s="6">
        <v>20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6</v>
      </c>
      <c r="E105" s="9" t="s">
        <v>228</v>
      </c>
      <c r="F105" s="9" t="s">
        <v>235</v>
      </c>
      <c r="G105" s="9" t="s">
        <v>255</v>
      </c>
      <c r="H105" s="6">
        <v>9133</v>
      </c>
      <c r="I105" s="6">
        <v>6164</v>
      </c>
      <c r="J105" s="6">
        <v>5858</v>
      </c>
      <c r="K105" s="6">
        <v>2946</v>
      </c>
      <c r="L105" s="6">
        <v>23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6</v>
      </c>
      <c r="E106" s="9" t="s">
        <v>228</v>
      </c>
      <c r="F106" s="9" t="s">
        <v>235</v>
      </c>
      <c r="G106" s="9" t="s">
        <v>256</v>
      </c>
      <c r="H106" s="6">
        <v>2007236</v>
      </c>
      <c r="I106" s="6">
        <v>387406</v>
      </c>
      <c r="J106" s="6">
        <v>345584</v>
      </c>
      <c r="K106" s="6">
        <v>1617048</v>
      </c>
      <c r="L106" s="6">
        <v>2782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6</v>
      </c>
      <c r="E107" s="9" t="s">
        <v>18</v>
      </c>
      <c r="F107" s="9" t="s">
        <v>6</v>
      </c>
      <c r="G107" s="9" t="s">
        <v>30</v>
      </c>
      <c r="H107" s="6">
        <v>2405073</v>
      </c>
      <c r="I107" s="6">
        <v>28272</v>
      </c>
      <c r="J107" s="6">
        <v>21064</v>
      </c>
      <c r="K107" s="6">
        <v>23266</v>
      </c>
      <c r="L107" s="6">
        <v>2353535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6</v>
      </c>
      <c r="E108" s="9" t="s">
        <v>18</v>
      </c>
      <c r="F108" s="9" t="s">
        <v>234</v>
      </c>
      <c r="G108" s="9" t="s">
        <v>30</v>
      </c>
      <c r="H108" s="6">
        <v>954933</v>
      </c>
      <c r="I108" s="6">
        <v>16978</v>
      </c>
      <c r="J108" s="6">
        <v>12470</v>
      </c>
      <c r="K108" s="6">
        <v>14253</v>
      </c>
      <c r="L108" s="6">
        <v>923702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6</v>
      </c>
      <c r="E109" s="9" t="s">
        <v>18</v>
      </c>
      <c r="F109" s="9" t="s">
        <v>235</v>
      </c>
      <c r="G109" s="9" t="s">
        <v>30</v>
      </c>
      <c r="H109" s="6">
        <v>1450140</v>
      </c>
      <c r="I109" s="6">
        <v>11294</v>
      </c>
      <c r="J109" s="6">
        <v>8594</v>
      </c>
      <c r="K109" s="6">
        <v>9013</v>
      </c>
      <c r="L109" s="6">
        <v>1429833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6</v>
      </c>
      <c r="E110" s="9" t="s">
        <v>18</v>
      </c>
      <c r="F110" s="9" t="s">
        <v>235</v>
      </c>
      <c r="G110" s="9" t="s">
        <v>236</v>
      </c>
      <c r="H110" s="6">
        <v>97049</v>
      </c>
      <c r="I110" s="6">
        <v>116</v>
      </c>
      <c r="J110" s="6">
        <v>80</v>
      </c>
      <c r="K110" s="6">
        <v>168</v>
      </c>
      <c r="L110" s="6">
        <v>96765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6</v>
      </c>
      <c r="E111" s="9" t="s">
        <v>18</v>
      </c>
      <c r="F111" s="9" t="s">
        <v>235</v>
      </c>
      <c r="G111" s="9" t="s">
        <v>237</v>
      </c>
      <c r="H111" s="6">
        <v>106343</v>
      </c>
      <c r="I111" s="6">
        <v>160</v>
      </c>
      <c r="J111" s="6">
        <v>114</v>
      </c>
      <c r="K111" s="6">
        <v>142</v>
      </c>
      <c r="L111" s="6">
        <v>106041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6</v>
      </c>
      <c r="E112" s="9" t="s">
        <v>18</v>
      </c>
      <c r="F112" s="9" t="s">
        <v>235</v>
      </c>
      <c r="G112" s="9" t="s">
        <v>238</v>
      </c>
      <c r="H112" s="6">
        <v>93460</v>
      </c>
      <c r="I112" s="6">
        <v>136</v>
      </c>
      <c r="J112" s="6">
        <v>114</v>
      </c>
      <c r="K112" s="6">
        <v>120</v>
      </c>
      <c r="L112" s="6">
        <v>93204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6</v>
      </c>
      <c r="E113" s="9" t="s">
        <v>18</v>
      </c>
      <c r="F113" s="9" t="s">
        <v>235</v>
      </c>
      <c r="G113" s="9" t="s">
        <v>239</v>
      </c>
      <c r="H113" s="6">
        <v>78765</v>
      </c>
      <c r="I113" s="6">
        <v>146</v>
      </c>
      <c r="J113" s="6">
        <v>119</v>
      </c>
      <c r="K113" s="6">
        <v>88</v>
      </c>
      <c r="L113" s="6">
        <v>78531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6</v>
      </c>
      <c r="E114" s="9" t="s">
        <v>18</v>
      </c>
      <c r="F114" s="9" t="s">
        <v>235</v>
      </c>
      <c r="G114" s="9" t="s">
        <v>240</v>
      </c>
      <c r="H114" s="6">
        <v>69652</v>
      </c>
      <c r="I114" s="6">
        <v>144</v>
      </c>
      <c r="J114" s="6">
        <v>115</v>
      </c>
      <c r="K114" s="6">
        <v>94</v>
      </c>
      <c r="L114" s="6">
        <v>69414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6</v>
      </c>
      <c r="E115" s="9" t="s">
        <v>18</v>
      </c>
      <c r="F115" s="9" t="s">
        <v>235</v>
      </c>
      <c r="G115" s="9" t="s">
        <v>241</v>
      </c>
      <c r="H115" s="6">
        <v>61665</v>
      </c>
      <c r="I115" s="6">
        <v>157</v>
      </c>
      <c r="J115" s="6">
        <v>129</v>
      </c>
      <c r="K115" s="6">
        <v>79</v>
      </c>
      <c r="L115" s="6">
        <v>61429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6</v>
      </c>
      <c r="E116" s="9" t="s">
        <v>18</v>
      </c>
      <c r="F116" s="9" t="s">
        <v>235</v>
      </c>
      <c r="G116" s="9" t="s">
        <v>242</v>
      </c>
      <c r="H116" s="6">
        <v>56708</v>
      </c>
      <c r="I116" s="6">
        <v>157</v>
      </c>
      <c r="J116" s="6">
        <v>137</v>
      </c>
      <c r="K116" s="6">
        <v>70</v>
      </c>
      <c r="L116" s="6">
        <v>56481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6</v>
      </c>
      <c r="E117" s="9" t="s">
        <v>18</v>
      </c>
      <c r="F117" s="9" t="s">
        <v>235</v>
      </c>
      <c r="G117" s="9" t="s">
        <v>243</v>
      </c>
      <c r="H117" s="6">
        <v>53436</v>
      </c>
      <c r="I117" s="6">
        <v>156</v>
      </c>
      <c r="J117" s="6">
        <v>130</v>
      </c>
      <c r="K117" s="6">
        <v>78</v>
      </c>
      <c r="L117" s="6">
        <v>53202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6</v>
      </c>
      <c r="E118" s="9" t="s">
        <v>18</v>
      </c>
      <c r="F118" s="9" t="s">
        <v>235</v>
      </c>
      <c r="G118" s="9" t="s">
        <v>244</v>
      </c>
      <c r="H118" s="6">
        <v>50584</v>
      </c>
      <c r="I118" s="6">
        <v>142</v>
      </c>
      <c r="J118" s="6">
        <v>132</v>
      </c>
      <c r="K118" s="6">
        <v>77</v>
      </c>
      <c r="L118" s="6">
        <v>50365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6</v>
      </c>
      <c r="E119" s="9" t="s">
        <v>18</v>
      </c>
      <c r="F119" s="9" t="s">
        <v>235</v>
      </c>
      <c r="G119" s="9" t="s">
        <v>245</v>
      </c>
      <c r="H119" s="6">
        <v>49660</v>
      </c>
      <c r="I119" s="6">
        <v>193</v>
      </c>
      <c r="J119" s="6">
        <v>165</v>
      </c>
      <c r="K119" s="6">
        <v>64</v>
      </c>
      <c r="L119" s="6">
        <v>49403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6</v>
      </c>
      <c r="E120" s="9" t="s">
        <v>18</v>
      </c>
      <c r="F120" s="9" t="s">
        <v>235</v>
      </c>
      <c r="G120" s="9" t="s">
        <v>246</v>
      </c>
      <c r="H120" s="6">
        <v>47613</v>
      </c>
      <c r="I120" s="6">
        <v>204</v>
      </c>
      <c r="J120" s="6">
        <v>186</v>
      </c>
      <c r="K120" s="6">
        <v>68</v>
      </c>
      <c r="L120" s="6">
        <v>47341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6</v>
      </c>
      <c r="E121" s="9" t="s">
        <v>18</v>
      </c>
      <c r="F121" s="9" t="s">
        <v>235</v>
      </c>
      <c r="G121" s="9" t="s">
        <v>247</v>
      </c>
      <c r="H121" s="6">
        <v>46161</v>
      </c>
      <c r="I121" s="6">
        <v>196</v>
      </c>
      <c r="J121" s="6">
        <v>167</v>
      </c>
      <c r="K121" s="6">
        <v>59</v>
      </c>
      <c r="L121" s="6">
        <v>45906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6</v>
      </c>
      <c r="E122" s="9" t="s">
        <v>18</v>
      </c>
      <c r="F122" s="9" t="s">
        <v>235</v>
      </c>
      <c r="G122" s="9" t="s">
        <v>248</v>
      </c>
      <c r="H122" s="6">
        <v>44069</v>
      </c>
      <c r="I122" s="6">
        <v>189</v>
      </c>
      <c r="J122" s="6">
        <v>163</v>
      </c>
      <c r="K122" s="6">
        <v>75</v>
      </c>
      <c r="L122" s="6">
        <v>43805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6</v>
      </c>
      <c r="E123" s="9" t="s">
        <v>18</v>
      </c>
      <c r="F123" s="9" t="s">
        <v>235</v>
      </c>
      <c r="G123" s="9" t="s">
        <v>249</v>
      </c>
      <c r="H123" s="6">
        <v>42043</v>
      </c>
      <c r="I123" s="6">
        <v>181</v>
      </c>
      <c r="J123" s="6">
        <v>154</v>
      </c>
      <c r="K123" s="6">
        <v>77</v>
      </c>
      <c r="L123" s="6">
        <v>41785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6</v>
      </c>
      <c r="E124" s="9" t="s">
        <v>18</v>
      </c>
      <c r="F124" s="9" t="s">
        <v>235</v>
      </c>
      <c r="G124" s="9" t="s">
        <v>250</v>
      </c>
      <c r="H124" s="6">
        <v>39012</v>
      </c>
      <c r="I124" s="6">
        <v>204</v>
      </c>
      <c r="J124" s="6">
        <v>173</v>
      </c>
      <c r="K124" s="6">
        <v>65</v>
      </c>
      <c r="L124" s="6">
        <v>38743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6</v>
      </c>
      <c r="E125" s="9" t="s">
        <v>18</v>
      </c>
      <c r="F125" s="9" t="s">
        <v>235</v>
      </c>
      <c r="G125" s="9" t="s">
        <v>251</v>
      </c>
      <c r="H125" s="6">
        <v>36650</v>
      </c>
      <c r="I125" s="6">
        <v>207</v>
      </c>
      <c r="J125" s="6">
        <v>174</v>
      </c>
      <c r="K125" s="6">
        <v>58</v>
      </c>
      <c r="L125" s="6">
        <v>36385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6</v>
      </c>
      <c r="E126" s="9" t="s">
        <v>18</v>
      </c>
      <c r="F126" s="9" t="s">
        <v>235</v>
      </c>
      <c r="G126" s="9" t="s">
        <v>252</v>
      </c>
      <c r="H126" s="6">
        <v>36371</v>
      </c>
      <c r="I126" s="6">
        <v>205</v>
      </c>
      <c r="J126" s="6">
        <v>181</v>
      </c>
      <c r="K126" s="6">
        <v>49</v>
      </c>
      <c r="L126" s="6">
        <v>36117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6</v>
      </c>
      <c r="E127" s="9" t="s">
        <v>18</v>
      </c>
      <c r="F127" s="9" t="s">
        <v>235</v>
      </c>
      <c r="G127" s="9" t="s">
        <v>253</v>
      </c>
      <c r="H127" s="6">
        <v>35174</v>
      </c>
      <c r="I127" s="6">
        <v>208</v>
      </c>
      <c r="J127" s="6">
        <v>183</v>
      </c>
      <c r="K127" s="6">
        <v>63</v>
      </c>
      <c r="L127" s="6">
        <v>34903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6</v>
      </c>
      <c r="E128" s="9" t="s">
        <v>18</v>
      </c>
      <c r="F128" s="9" t="s">
        <v>235</v>
      </c>
      <c r="G128" s="9" t="s">
        <v>254</v>
      </c>
      <c r="H128" s="6">
        <v>34078</v>
      </c>
      <c r="I128" s="6">
        <v>203</v>
      </c>
      <c r="J128" s="6">
        <v>183</v>
      </c>
      <c r="K128" s="6">
        <v>64</v>
      </c>
      <c r="L128" s="6">
        <v>33811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6</v>
      </c>
      <c r="E129" s="9" t="s">
        <v>18</v>
      </c>
      <c r="F129" s="9" t="s">
        <v>235</v>
      </c>
      <c r="G129" s="9" t="s">
        <v>255</v>
      </c>
      <c r="H129" s="6">
        <v>30790</v>
      </c>
      <c r="I129" s="6">
        <v>181</v>
      </c>
      <c r="J129" s="6">
        <v>162</v>
      </c>
      <c r="K129" s="6">
        <v>51</v>
      </c>
      <c r="L129" s="6">
        <v>30558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6</v>
      </c>
      <c r="E130" s="9" t="s">
        <v>18</v>
      </c>
      <c r="F130" s="9" t="s">
        <v>235</v>
      </c>
      <c r="G130" s="9" t="s">
        <v>256</v>
      </c>
      <c r="H130" s="6">
        <v>340857</v>
      </c>
      <c r="I130" s="6">
        <v>7809</v>
      </c>
      <c r="J130" s="6">
        <v>5633</v>
      </c>
      <c r="K130" s="6">
        <v>7404</v>
      </c>
      <c r="L130" s="6">
        <v>325644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6</v>
      </c>
      <c r="E131" s="9" t="s">
        <v>6</v>
      </c>
      <c r="F131" s="9" t="s">
        <v>6</v>
      </c>
      <c r="G131" s="9" t="s">
        <v>30</v>
      </c>
      <c r="H131" s="6">
        <v>380888</v>
      </c>
      <c r="I131" s="6">
        <v>215431</v>
      </c>
      <c r="J131" s="6">
        <v>179398</v>
      </c>
      <c r="K131" s="6">
        <v>147263</v>
      </c>
      <c r="L131" s="6">
        <v>18194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6</v>
      </c>
      <c r="E132" s="9" t="s">
        <v>6</v>
      </c>
      <c r="F132" s="9" t="s">
        <v>234</v>
      </c>
      <c r="G132" s="9" t="s">
        <v>30</v>
      </c>
      <c r="H132" s="6">
        <v>168788</v>
      </c>
      <c r="I132" s="6">
        <v>76638</v>
      </c>
      <c r="J132" s="6">
        <v>59701</v>
      </c>
      <c r="K132" s="6">
        <v>84678</v>
      </c>
      <c r="L132" s="6">
        <v>7472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6</v>
      </c>
      <c r="E133" s="9" t="s">
        <v>6</v>
      </c>
      <c r="F133" s="9" t="s">
        <v>235</v>
      </c>
      <c r="G133" s="9" t="s">
        <v>30</v>
      </c>
      <c r="H133" s="6">
        <v>212100</v>
      </c>
      <c r="I133" s="6">
        <v>138793</v>
      </c>
      <c r="J133" s="6">
        <v>119697</v>
      </c>
      <c r="K133" s="6">
        <v>62585</v>
      </c>
      <c r="L133" s="6">
        <v>10722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6</v>
      </c>
      <c r="E134" s="9" t="s">
        <v>6</v>
      </c>
      <c r="F134" s="9" t="s">
        <v>235</v>
      </c>
      <c r="G134" s="9" t="s">
        <v>236</v>
      </c>
      <c r="H134" s="6">
        <v>11519</v>
      </c>
      <c r="I134" s="6">
        <v>5670</v>
      </c>
      <c r="J134" s="6">
        <v>5283</v>
      </c>
      <c r="K134" s="6">
        <v>4954</v>
      </c>
      <c r="L134" s="6">
        <v>895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6</v>
      </c>
      <c r="E135" s="9" t="s">
        <v>6</v>
      </c>
      <c r="F135" s="9" t="s">
        <v>235</v>
      </c>
      <c r="G135" s="9" t="s">
        <v>237</v>
      </c>
      <c r="H135" s="6">
        <v>11378</v>
      </c>
      <c r="I135" s="6">
        <v>7545</v>
      </c>
      <c r="J135" s="6">
        <v>6946</v>
      </c>
      <c r="K135" s="6">
        <v>2882</v>
      </c>
      <c r="L135" s="6">
        <v>951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6</v>
      </c>
      <c r="E136" s="9" t="s">
        <v>6</v>
      </c>
      <c r="F136" s="9" t="s">
        <v>235</v>
      </c>
      <c r="G136" s="9" t="s">
        <v>238</v>
      </c>
      <c r="H136" s="6">
        <v>9823</v>
      </c>
      <c r="I136" s="6">
        <v>7067</v>
      </c>
      <c r="J136" s="6">
        <v>6528</v>
      </c>
      <c r="K136" s="6">
        <v>1994</v>
      </c>
      <c r="L136" s="6">
        <v>762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6</v>
      </c>
      <c r="E137" s="9" t="s">
        <v>6</v>
      </c>
      <c r="F137" s="9" t="s">
        <v>235</v>
      </c>
      <c r="G137" s="9" t="s">
        <v>239</v>
      </c>
      <c r="H137" s="6">
        <v>8095</v>
      </c>
      <c r="I137" s="6">
        <v>6017</v>
      </c>
      <c r="J137" s="6">
        <v>5501</v>
      </c>
      <c r="K137" s="6">
        <v>1497</v>
      </c>
      <c r="L137" s="6">
        <v>581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6</v>
      </c>
      <c r="E138" s="9" t="s">
        <v>6</v>
      </c>
      <c r="F138" s="9" t="s">
        <v>235</v>
      </c>
      <c r="G138" s="9" t="s">
        <v>240</v>
      </c>
      <c r="H138" s="6">
        <v>7247</v>
      </c>
      <c r="I138" s="6">
        <v>5585</v>
      </c>
      <c r="J138" s="6">
        <v>5130</v>
      </c>
      <c r="K138" s="6">
        <v>1179</v>
      </c>
      <c r="L138" s="6">
        <v>483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6</v>
      </c>
      <c r="E139" s="9" t="s">
        <v>6</v>
      </c>
      <c r="F139" s="9" t="s">
        <v>235</v>
      </c>
      <c r="G139" s="9" t="s">
        <v>241</v>
      </c>
      <c r="H139" s="6">
        <v>6672</v>
      </c>
      <c r="I139" s="6">
        <v>5126</v>
      </c>
      <c r="J139" s="6">
        <v>4657</v>
      </c>
      <c r="K139" s="6">
        <v>1104</v>
      </c>
      <c r="L139" s="6">
        <v>442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6</v>
      </c>
      <c r="E140" s="9" t="s">
        <v>6</v>
      </c>
      <c r="F140" s="9" t="s">
        <v>235</v>
      </c>
      <c r="G140" s="9" t="s">
        <v>242</v>
      </c>
      <c r="H140" s="6">
        <v>6254</v>
      </c>
      <c r="I140" s="6">
        <v>4822</v>
      </c>
      <c r="J140" s="6">
        <v>4384</v>
      </c>
      <c r="K140" s="6">
        <v>1008</v>
      </c>
      <c r="L140" s="6">
        <v>424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6</v>
      </c>
      <c r="E141" s="9" t="s">
        <v>6</v>
      </c>
      <c r="F141" s="9" t="s">
        <v>235</v>
      </c>
      <c r="G141" s="9" t="s">
        <v>243</v>
      </c>
      <c r="H141" s="6">
        <v>6236</v>
      </c>
      <c r="I141" s="6">
        <v>4814</v>
      </c>
      <c r="J141" s="6">
        <v>4375</v>
      </c>
      <c r="K141" s="6">
        <v>1028</v>
      </c>
      <c r="L141" s="6">
        <v>394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6</v>
      </c>
      <c r="E142" s="9" t="s">
        <v>6</v>
      </c>
      <c r="F142" s="9" t="s">
        <v>235</v>
      </c>
      <c r="G142" s="9" t="s">
        <v>244</v>
      </c>
      <c r="H142" s="6">
        <v>5954</v>
      </c>
      <c r="I142" s="6">
        <v>4703</v>
      </c>
      <c r="J142" s="6">
        <v>4299</v>
      </c>
      <c r="K142" s="6">
        <v>903</v>
      </c>
      <c r="L142" s="6">
        <v>348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6</v>
      </c>
      <c r="E143" s="9" t="s">
        <v>6</v>
      </c>
      <c r="F143" s="9" t="s">
        <v>235</v>
      </c>
      <c r="G143" s="9" t="s">
        <v>245</v>
      </c>
      <c r="H143" s="6">
        <v>5749</v>
      </c>
      <c r="I143" s="6">
        <v>4591</v>
      </c>
      <c r="J143" s="6">
        <v>4208</v>
      </c>
      <c r="K143" s="6">
        <v>815</v>
      </c>
      <c r="L143" s="6">
        <v>343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6</v>
      </c>
      <c r="E144" s="9" t="s">
        <v>6</v>
      </c>
      <c r="F144" s="9" t="s">
        <v>235</v>
      </c>
      <c r="G144" s="9" t="s">
        <v>246</v>
      </c>
      <c r="H144" s="6">
        <v>5728</v>
      </c>
      <c r="I144" s="6">
        <v>4627</v>
      </c>
      <c r="J144" s="6">
        <v>4190</v>
      </c>
      <c r="K144" s="6">
        <v>781</v>
      </c>
      <c r="L144" s="6">
        <v>320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6</v>
      </c>
      <c r="E145" s="9" t="s">
        <v>6</v>
      </c>
      <c r="F145" s="9" t="s">
        <v>235</v>
      </c>
      <c r="G145" s="9" t="s">
        <v>247</v>
      </c>
      <c r="H145" s="6">
        <v>5488</v>
      </c>
      <c r="I145" s="6">
        <v>4404</v>
      </c>
      <c r="J145" s="6">
        <v>3981</v>
      </c>
      <c r="K145" s="6">
        <v>756</v>
      </c>
      <c r="L145" s="6">
        <v>328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6</v>
      </c>
      <c r="E146" s="9" t="s">
        <v>6</v>
      </c>
      <c r="F146" s="9" t="s">
        <v>235</v>
      </c>
      <c r="G146" s="9" t="s">
        <v>248</v>
      </c>
      <c r="H146" s="6">
        <v>5582</v>
      </c>
      <c r="I146" s="6">
        <v>4536</v>
      </c>
      <c r="J146" s="6">
        <v>4116</v>
      </c>
      <c r="K146" s="6">
        <v>748</v>
      </c>
      <c r="L146" s="6">
        <v>298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6</v>
      </c>
      <c r="E147" s="9" t="s">
        <v>6</v>
      </c>
      <c r="F147" s="9" t="s">
        <v>235</v>
      </c>
      <c r="G147" s="9" t="s">
        <v>249</v>
      </c>
      <c r="H147" s="6">
        <v>5223</v>
      </c>
      <c r="I147" s="6">
        <v>4191</v>
      </c>
      <c r="J147" s="6">
        <v>3815</v>
      </c>
      <c r="K147" s="6">
        <v>692</v>
      </c>
      <c r="L147" s="6">
        <v>340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6</v>
      </c>
      <c r="E148" s="9" t="s">
        <v>6</v>
      </c>
      <c r="F148" s="9" t="s">
        <v>235</v>
      </c>
      <c r="G148" s="9" t="s">
        <v>250</v>
      </c>
      <c r="H148" s="6">
        <v>5043</v>
      </c>
      <c r="I148" s="6">
        <v>4120</v>
      </c>
      <c r="J148" s="6">
        <v>3752</v>
      </c>
      <c r="K148" s="6">
        <v>688</v>
      </c>
      <c r="L148" s="6">
        <v>235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6</v>
      </c>
      <c r="E149" s="9" t="s">
        <v>6</v>
      </c>
      <c r="F149" s="9" t="s">
        <v>235</v>
      </c>
      <c r="G149" s="9" t="s">
        <v>251</v>
      </c>
      <c r="H149" s="6">
        <v>4896</v>
      </c>
      <c r="I149" s="6">
        <v>3944</v>
      </c>
      <c r="J149" s="6">
        <v>3586</v>
      </c>
      <c r="K149" s="6">
        <v>712</v>
      </c>
      <c r="L149" s="6">
        <v>240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6</v>
      </c>
      <c r="E150" s="9" t="s">
        <v>6</v>
      </c>
      <c r="F150" s="9" t="s">
        <v>235</v>
      </c>
      <c r="G150" s="9" t="s">
        <v>252</v>
      </c>
      <c r="H150" s="6">
        <v>4968</v>
      </c>
      <c r="I150" s="6">
        <v>3987</v>
      </c>
      <c r="J150" s="6">
        <v>3615</v>
      </c>
      <c r="K150" s="6">
        <v>740</v>
      </c>
      <c r="L150" s="6">
        <v>241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6</v>
      </c>
      <c r="E151" s="9" t="s">
        <v>6</v>
      </c>
      <c r="F151" s="9" t="s">
        <v>235</v>
      </c>
      <c r="G151" s="9" t="s">
        <v>253</v>
      </c>
      <c r="H151" s="6">
        <v>4916</v>
      </c>
      <c r="I151" s="6">
        <v>3913</v>
      </c>
      <c r="J151" s="6">
        <v>3536</v>
      </c>
      <c r="K151" s="6">
        <v>773</v>
      </c>
      <c r="L151" s="6">
        <v>230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6</v>
      </c>
      <c r="E152" s="9" t="s">
        <v>6</v>
      </c>
      <c r="F152" s="9" t="s">
        <v>235</v>
      </c>
      <c r="G152" s="9" t="s">
        <v>254</v>
      </c>
      <c r="H152" s="6">
        <v>4180</v>
      </c>
      <c r="I152" s="6">
        <v>3320</v>
      </c>
      <c r="J152" s="6">
        <v>2979</v>
      </c>
      <c r="K152" s="6">
        <v>657</v>
      </c>
      <c r="L152" s="6">
        <v>203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6</v>
      </c>
      <c r="E153" s="9" t="s">
        <v>6</v>
      </c>
      <c r="F153" s="9" t="s">
        <v>235</v>
      </c>
      <c r="G153" s="9" t="s">
        <v>255</v>
      </c>
      <c r="H153" s="6">
        <v>3472</v>
      </c>
      <c r="I153" s="6">
        <v>2701</v>
      </c>
      <c r="J153" s="6">
        <v>2397</v>
      </c>
      <c r="K153" s="6">
        <v>609</v>
      </c>
      <c r="L153" s="6">
        <v>162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6</v>
      </c>
      <c r="E154" s="9" t="s">
        <v>6</v>
      </c>
      <c r="F154" s="9" t="s">
        <v>235</v>
      </c>
      <c r="G154" s="9" t="s">
        <v>256</v>
      </c>
      <c r="H154" s="6">
        <v>83677</v>
      </c>
      <c r="I154" s="6">
        <v>43110</v>
      </c>
      <c r="J154" s="6">
        <v>32419</v>
      </c>
      <c r="K154" s="6">
        <v>38065</v>
      </c>
      <c r="L154" s="6">
        <v>2502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6</v>
      </c>
      <c r="E155" s="9" t="s">
        <v>226</v>
      </c>
      <c r="F155" s="9" t="s">
        <v>6</v>
      </c>
      <c r="G155" s="9" t="s">
        <v>30</v>
      </c>
      <c r="H155" s="6">
        <v>265776</v>
      </c>
      <c r="I155" s="6">
        <v>197459</v>
      </c>
      <c r="J155" s="6">
        <v>163410</v>
      </c>
      <c r="K155" s="6">
        <v>67792</v>
      </c>
      <c r="L155" s="6">
        <v>525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6</v>
      </c>
      <c r="E156" s="9" t="s">
        <v>226</v>
      </c>
      <c r="F156" s="9" t="s">
        <v>234</v>
      </c>
      <c r="G156" s="9" t="s">
        <v>30</v>
      </c>
      <c r="H156" s="6">
        <v>94900</v>
      </c>
      <c r="I156" s="6">
        <v>65790</v>
      </c>
      <c r="J156" s="6">
        <v>50035</v>
      </c>
      <c r="K156" s="6">
        <v>28760</v>
      </c>
      <c r="L156" s="6">
        <v>350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6</v>
      </c>
      <c r="E157" s="9" t="s">
        <v>226</v>
      </c>
      <c r="F157" s="9" t="s">
        <v>235</v>
      </c>
      <c r="G157" s="9" t="s">
        <v>30</v>
      </c>
      <c r="H157" s="6">
        <v>170876</v>
      </c>
      <c r="I157" s="6">
        <v>131669</v>
      </c>
      <c r="J157" s="6">
        <v>113375</v>
      </c>
      <c r="K157" s="6">
        <v>39032</v>
      </c>
      <c r="L157" s="6">
        <v>175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6</v>
      </c>
      <c r="E158" s="9" t="s">
        <v>226</v>
      </c>
      <c r="F158" s="9" t="s">
        <v>235</v>
      </c>
      <c r="G158" s="9" t="s">
        <v>236</v>
      </c>
      <c r="H158" s="6">
        <v>10482</v>
      </c>
      <c r="I158" s="6">
        <v>5618</v>
      </c>
      <c r="J158" s="6">
        <v>5231</v>
      </c>
      <c r="K158" s="6">
        <v>4860</v>
      </c>
      <c r="L158" s="6">
        <v>4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6</v>
      </c>
      <c r="E159" s="9" t="s">
        <v>226</v>
      </c>
      <c r="F159" s="9" t="s">
        <v>235</v>
      </c>
      <c r="G159" s="9" t="s">
        <v>237</v>
      </c>
      <c r="H159" s="6">
        <v>10290</v>
      </c>
      <c r="I159" s="6">
        <v>7470</v>
      </c>
      <c r="J159" s="6">
        <v>6875</v>
      </c>
      <c r="K159" s="6">
        <v>2814</v>
      </c>
      <c r="L159" s="6">
        <v>6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6</v>
      </c>
      <c r="E160" s="9" t="s">
        <v>226</v>
      </c>
      <c r="F160" s="9" t="s">
        <v>235</v>
      </c>
      <c r="G160" s="9" t="s">
        <v>238</v>
      </c>
      <c r="H160" s="6">
        <v>8968</v>
      </c>
      <c r="I160" s="6">
        <v>7004</v>
      </c>
      <c r="J160" s="6">
        <v>6467</v>
      </c>
      <c r="K160" s="6">
        <v>1959</v>
      </c>
      <c r="L160" s="6">
        <v>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6</v>
      </c>
      <c r="E161" s="9" t="s">
        <v>226</v>
      </c>
      <c r="F161" s="9" t="s">
        <v>235</v>
      </c>
      <c r="G161" s="9" t="s">
        <v>239</v>
      </c>
      <c r="H161" s="6">
        <v>7422</v>
      </c>
      <c r="I161" s="6">
        <v>5944</v>
      </c>
      <c r="J161" s="6">
        <v>5431</v>
      </c>
      <c r="K161" s="6">
        <v>1475</v>
      </c>
      <c r="L161" s="6">
        <v>3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6</v>
      </c>
      <c r="E162" s="9" t="s">
        <v>226</v>
      </c>
      <c r="F162" s="9" t="s">
        <v>235</v>
      </c>
      <c r="G162" s="9" t="s">
        <v>240</v>
      </c>
      <c r="H162" s="6">
        <v>6673</v>
      </c>
      <c r="I162" s="6">
        <v>5521</v>
      </c>
      <c r="J162" s="6">
        <v>5075</v>
      </c>
      <c r="K162" s="6">
        <v>1147</v>
      </c>
      <c r="L162" s="6">
        <v>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6</v>
      </c>
      <c r="E163" s="9" t="s">
        <v>226</v>
      </c>
      <c r="F163" s="9" t="s">
        <v>235</v>
      </c>
      <c r="G163" s="9" t="s">
        <v>241</v>
      </c>
      <c r="H163" s="6">
        <v>6163</v>
      </c>
      <c r="I163" s="6">
        <v>5084</v>
      </c>
      <c r="J163" s="6">
        <v>4618</v>
      </c>
      <c r="K163" s="6">
        <v>1077</v>
      </c>
      <c r="L163" s="6">
        <v>2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6</v>
      </c>
      <c r="E164" s="9" t="s">
        <v>226</v>
      </c>
      <c r="F164" s="9" t="s">
        <v>235</v>
      </c>
      <c r="G164" s="9" t="s">
        <v>242</v>
      </c>
      <c r="H164" s="6">
        <v>5749</v>
      </c>
      <c r="I164" s="6">
        <v>4767</v>
      </c>
      <c r="J164" s="6">
        <v>4333</v>
      </c>
      <c r="K164" s="6">
        <v>978</v>
      </c>
      <c r="L164" s="6">
        <v>4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6</v>
      </c>
      <c r="E165" s="9" t="s">
        <v>226</v>
      </c>
      <c r="F165" s="9" t="s">
        <v>235</v>
      </c>
      <c r="G165" s="9" t="s">
        <v>243</v>
      </c>
      <c r="H165" s="6">
        <v>5767</v>
      </c>
      <c r="I165" s="6">
        <v>4752</v>
      </c>
      <c r="J165" s="6">
        <v>4323</v>
      </c>
      <c r="K165" s="6">
        <v>1008</v>
      </c>
      <c r="L165" s="6">
        <v>7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6</v>
      </c>
      <c r="E166" s="9" t="s">
        <v>226</v>
      </c>
      <c r="F166" s="9" t="s">
        <v>235</v>
      </c>
      <c r="G166" s="9" t="s">
        <v>244</v>
      </c>
      <c r="H166" s="6">
        <v>5529</v>
      </c>
      <c r="I166" s="6">
        <v>4645</v>
      </c>
      <c r="J166" s="6">
        <v>4243</v>
      </c>
      <c r="K166" s="6">
        <v>880</v>
      </c>
      <c r="L166" s="6">
        <v>4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6</v>
      </c>
      <c r="E167" s="9" t="s">
        <v>226</v>
      </c>
      <c r="F167" s="9" t="s">
        <v>235</v>
      </c>
      <c r="G167" s="9" t="s">
        <v>245</v>
      </c>
      <c r="H167" s="6">
        <v>5323</v>
      </c>
      <c r="I167" s="6">
        <v>4530</v>
      </c>
      <c r="J167" s="6">
        <v>4153</v>
      </c>
      <c r="K167" s="6">
        <v>788</v>
      </c>
      <c r="L167" s="6">
        <v>5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6</v>
      </c>
      <c r="E168" s="9" t="s">
        <v>226</v>
      </c>
      <c r="F168" s="9" t="s">
        <v>235</v>
      </c>
      <c r="G168" s="9" t="s">
        <v>246</v>
      </c>
      <c r="H168" s="6">
        <v>5315</v>
      </c>
      <c r="I168" s="6">
        <v>4561</v>
      </c>
      <c r="J168" s="6">
        <v>4129</v>
      </c>
      <c r="K168" s="6">
        <v>752</v>
      </c>
      <c r="L168" s="6">
        <v>2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6</v>
      </c>
      <c r="E169" s="9" t="s">
        <v>226</v>
      </c>
      <c r="F169" s="9" t="s">
        <v>235</v>
      </c>
      <c r="G169" s="9" t="s">
        <v>247</v>
      </c>
      <c r="H169" s="6">
        <v>5092</v>
      </c>
      <c r="I169" s="6">
        <v>4344</v>
      </c>
      <c r="J169" s="6">
        <v>3924</v>
      </c>
      <c r="K169" s="6">
        <v>744</v>
      </c>
      <c r="L169" s="6">
        <v>4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6</v>
      </c>
      <c r="E170" s="9" t="s">
        <v>226</v>
      </c>
      <c r="F170" s="9" t="s">
        <v>235</v>
      </c>
      <c r="G170" s="9" t="s">
        <v>248</v>
      </c>
      <c r="H170" s="6">
        <v>5173</v>
      </c>
      <c r="I170" s="6">
        <v>4444</v>
      </c>
      <c r="J170" s="6">
        <v>4030</v>
      </c>
      <c r="K170" s="6">
        <v>726</v>
      </c>
      <c r="L170" s="6">
        <v>3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6</v>
      </c>
      <c r="E171" s="9" t="s">
        <v>226</v>
      </c>
      <c r="F171" s="9" t="s">
        <v>235</v>
      </c>
      <c r="G171" s="9" t="s">
        <v>249</v>
      </c>
      <c r="H171" s="6">
        <v>4806</v>
      </c>
      <c r="I171" s="6">
        <v>4131</v>
      </c>
      <c r="J171" s="6">
        <v>3759</v>
      </c>
      <c r="K171" s="6">
        <v>670</v>
      </c>
      <c r="L171" s="6">
        <v>5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6</v>
      </c>
      <c r="E172" s="9" t="s">
        <v>226</v>
      </c>
      <c r="F172" s="9" t="s">
        <v>235</v>
      </c>
      <c r="G172" s="9" t="s">
        <v>250</v>
      </c>
      <c r="H172" s="6">
        <v>4715</v>
      </c>
      <c r="I172" s="6">
        <v>4042</v>
      </c>
      <c r="J172" s="6">
        <v>3675</v>
      </c>
      <c r="K172" s="6">
        <v>672</v>
      </c>
      <c r="L172" s="6">
        <v>1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6</v>
      </c>
      <c r="E173" s="9" t="s">
        <v>226</v>
      </c>
      <c r="F173" s="9" t="s">
        <v>235</v>
      </c>
      <c r="G173" s="9" t="s">
        <v>251</v>
      </c>
      <c r="H173" s="6">
        <v>4548</v>
      </c>
      <c r="I173" s="6">
        <v>3859</v>
      </c>
      <c r="J173" s="6">
        <v>3503</v>
      </c>
      <c r="K173" s="6">
        <v>687</v>
      </c>
      <c r="L173" s="6">
        <v>2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6</v>
      </c>
      <c r="E174" s="9" t="s">
        <v>226</v>
      </c>
      <c r="F174" s="9" t="s">
        <v>235</v>
      </c>
      <c r="G174" s="9" t="s">
        <v>252</v>
      </c>
      <c r="H174" s="6">
        <v>4619</v>
      </c>
      <c r="I174" s="6">
        <v>3900</v>
      </c>
      <c r="J174" s="6">
        <v>3533</v>
      </c>
      <c r="K174" s="6">
        <v>718</v>
      </c>
      <c r="L174" s="6">
        <v>1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6</v>
      </c>
      <c r="E175" s="9" t="s">
        <v>226</v>
      </c>
      <c r="F175" s="9" t="s">
        <v>235</v>
      </c>
      <c r="G175" s="9" t="s">
        <v>253</v>
      </c>
      <c r="H175" s="6">
        <v>4558</v>
      </c>
      <c r="I175" s="6">
        <v>3821</v>
      </c>
      <c r="J175" s="6">
        <v>3449</v>
      </c>
      <c r="K175" s="6">
        <v>734</v>
      </c>
      <c r="L175" s="6">
        <v>3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6</v>
      </c>
      <c r="E176" s="9" t="s">
        <v>226</v>
      </c>
      <c r="F176" s="9" t="s">
        <v>235</v>
      </c>
      <c r="G176" s="9" t="s">
        <v>254</v>
      </c>
      <c r="H176" s="6">
        <v>3843</v>
      </c>
      <c r="I176" s="6">
        <v>3223</v>
      </c>
      <c r="J176" s="6">
        <v>2883</v>
      </c>
      <c r="K176" s="6">
        <v>618</v>
      </c>
      <c r="L176" s="6">
        <v>2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6</v>
      </c>
      <c r="E177" s="9" t="s">
        <v>226</v>
      </c>
      <c r="F177" s="9" t="s">
        <v>235</v>
      </c>
      <c r="G177" s="9" t="s">
        <v>255</v>
      </c>
      <c r="H177" s="6">
        <v>3182</v>
      </c>
      <c r="I177" s="6">
        <v>2607</v>
      </c>
      <c r="J177" s="6">
        <v>2307</v>
      </c>
      <c r="K177" s="6">
        <v>571</v>
      </c>
      <c r="L177" s="6">
        <v>4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6</v>
      </c>
      <c r="E178" s="9" t="s">
        <v>226</v>
      </c>
      <c r="F178" s="9" t="s">
        <v>235</v>
      </c>
      <c r="G178" s="9" t="s">
        <v>256</v>
      </c>
      <c r="H178" s="6">
        <v>52659</v>
      </c>
      <c r="I178" s="6">
        <v>37402</v>
      </c>
      <c r="J178" s="6">
        <v>27434</v>
      </c>
      <c r="K178" s="6">
        <v>15154</v>
      </c>
      <c r="L178" s="6">
        <v>103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6</v>
      </c>
      <c r="E179" s="9" t="s">
        <v>227</v>
      </c>
      <c r="F179" s="9" t="s">
        <v>6</v>
      </c>
      <c r="G179" s="9" t="s">
        <v>30</v>
      </c>
      <c r="H179" s="6">
        <v>210052</v>
      </c>
      <c r="I179" s="6">
        <v>153530</v>
      </c>
      <c r="J179" s="6">
        <v>147322</v>
      </c>
      <c r="K179" s="6">
        <v>56243</v>
      </c>
      <c r="L179" s="6">
        <v>279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6</v>
      </c>
      <c r="E180" s="9" t="s">
        <v>227</v>
      </c>
      <c r="F180" s="9" t="s">
        <v>234</v>
      </c>
      <c r="G180" s="9" t="s">
        <v>30</v>
      </c>
      <c r="H180" s="6">
        <v>68810</v>
      </c>
      <c r="I180" s="6">
        <v>46083</v>
      </c>
      <c r="J180" s="6">
        <v>43839</v>
      </c>
      <c r="K180" s="6">
        <v>22547</v>
      </c>
      <c r="L180" s="6">
        <v>180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6</v>
      </c>
      <c r="E181" s="9" t="s">
        <v>227</v>
      </c>
      <c r="F181" s="9" t="s">
        <v>235</v>
      </c>
      <c r="G181" s="9" t="s">
        <v>30</v>
      </c>
      <c r="H181" s="6">
        <v>141242</v>
      </c>
      <c r="I181" s="6">
        <v>107447</v>
      </c>
      <c r="J181" s="6">
        <v>103483</v>
      </c>
      <c r="K181" s="6">
        <v>33696</v>
      </c>
      <c r="L181" s="6">
        <v>99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6</v>
      </c>
      <c r="E182" s="9" t="s">
        <v>227</v>
      </c>
      <c r="F182" s="9" t="s">
        <v>235</v>
      </c>
      <c r="G182" s="9" t="s">
        <v>236</v>
      </c>
      <c r="H182" s="6">
        <v>9484</v>
      </c>
      <c r="I182" s="6">
        <v>5041</v>
      </c>
      <c r="J182" s="6">
        <v>4904</v>
      </c>
      <c r="K182" s="6">
        <v>4439</v>
      </c>
      <c r="L182" s="6">
        <v>4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6</v>
      </c>
      <c r="E183" s="9" t="s">
        <v>227</v>
      </c>
      <c r="F183" s="9" t="s">
        <v>235</v>
      </c>
      <c r="G183" s="9" t="s">
        <v>237</v>
      </c>
      <c r="H183" s="6">
        <v>9203</v>
      </c>
      <c r="I183" s="6">
        <v>6601</v>
      </c>
      <c r="J183" s="6">
        <v>6402</v>
      </c>
      <c r="K183" s="6">
        <v>2600</v>
      </c>
      <c r="L183" s="6">
        <v>2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6</v>
      </c>
      <c r="E184" s="9" t="s">
        <v>227</v>
      </c>
      <c r="F184" s="9" t="s">
        <v>235</v>
      </c>
      <c r="G184" s="9" t="s">
        <v>238</v>
      </c>
      <c r="H184" s="6">
        <v>8034</v>
      </c>
      <c r="I184" s="6">
        <v>6194</v>
      </c>
      <c r="J184" s="6">
        <v>6012</v>
      </c>
      <c r="K184" s="6">
        <v>1835</v>
      </c>
      <c r="L184" s="6">
        <v>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6</v>
      </c>
      <c r="E185" s="9" t="s">
        <v>227</v>
      </c>
      <c r="F185" s="9" t="s">
        <v>235</v>
      </c>
      <c r="G185" s="9" t="s">
        <v>239</v>
      </c>
      <c r="H185" s="6">
        <v>6617</v>
      </c>
      <c r="I185" s="6">
        <v>5250</v>
      </c>
      <c r="J185" s="6">
        <v>5062</v>
      </c>
      <c r="K185" s="6">
        <v>1366</v>
      </c>
      <c r="L185" s="6">
        <v>1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6</v>
      </c>
      <c r="E186" s="9" t="s">
        <v>227</v>
      </c>
      <c r="F186" s="9" t="s">
        <v>235</v>
      </c>
      <c r="G186" s="9" t="s">
        <v>240</v>
      </c>
      <c r="H186" s="6">
        <v>5970</v>
      </c>
      <c r="I186" s="6">
        <v>4885</v>
      </c>
      <c r="J186" s="6">
        <v>4724</v>
      </c>
      <c r="K186" s="6">
        <v>1081</v>
      </c>
      <c r="L186" s="6">
        <v>4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6</v>
      </c>
      <c r="E187" s="9" t="s">
        <v>227</v>
      </c>
      <c r="F187" s="9" t="s">
        <v>235</v>
      </c>
      <c r="G187" s="9" t="s">
        <v>241</v>
      </c>
      <c r="H187" s="6">
        <v>5440</v>
      </c>
      <c r="I187" s="6">
        <v>4435</v>
      </c>
      <c r="J187" s="6">
        <v>4278</v>
      </c>
      <c r="K187" s="6">
        <v>1004</v>
      </c>
      <c r="L187" s="6">
        <v>1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6</v>
      </c>
      <c r="E188" s="9" t="s">
        <v>227</v>
      </c>
      <c r="F188" s="9" t="s">
        <v>235</v>
      </c>
      <c r="G188" s="9" t="s">
        <v>242</v>
      </c>
      <c r="H188" s="6">
        <v>5050</v>
      </c>
      <c r="I188" s="6">
        <v>4125</v>
      </c>
      <c r="J188" s="6">
        <v>3989</v>
      </c>
      <c r="K188" s="6">
        <v>923</v>
      </c>
      <c r="L188" s="6">
        <v>2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6</v>
      </c>
      <c r="E189" s="9" t="s">
        <v>227</v>
      </c>
      <c r="F189" s="9" t="s">
        <v>235</v>
      </c>
      <c r="G189" s="9" t="s">
        <v>243</v>
      </c>
      <c r="H189" s="6">
        <v>5101</v>
      </c>
      <c r="I189" s="6">
        <v>4167</v>
      </c>
      <c r="J189" s="6">
        <v>4023</v>
      </c>
      <c r="K189" s="6">
        <v>930</v>
      </c>
      <c r="L189" s="6">
        <v>4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6</v>
      </c>
      <c r="E190" s="9" t="s">
        <v>227</v>
      </c>
      <c r="F190" s="9" t="s">
        <v>235</v>
      </c>
      <c r="G190" s="9" t="s">
        <v>244</v>
      </c>
      <c r="H190" s="6">
        <v>4899</v>
      </c>
      <c r="I190" s="6">
        <v>4083</v>
      </c>
      <c r="J190" s="6">
        <v>3941</v>
      </c>
      <c r="K190" s="6">
        <v>814</v>
      </c>
      <c r="L190" s="6">
        <v>2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6</v>
      </c>
      <c r="E191" s="9" t="s">
        <v>227</v>
      </c>
      <c r="F191" s="9" t="s">
        <v>235</v>
      </c>
      <c r="G191" s="9" t="s">
        <v>245</v>
      </c>
      <c r="H191" s="6">
        <v>4739</v>
      </c>
      <c r="I191" s="6">
        <v>4016</v>
      </c>
      <c r="J191" s="6">
        <v>3876</v>
      </c>
      <c r="K191" s="6">
        <v>720</v>
      </c>
      <c r="L191" s="6">
        <v>3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6</v>
      </c>
      <c r="E192" s="9" t="s">
        <v>227</v>
      </c>
      <c r="F192" s="9" t="s">
        <v>235</v>
      </c>
      <c r="G192" s="9" t="s">
        <v>246</v>
      </c>
      <c r="H192" s="6">
        <v>4641</v>
      </c>
      <c r="I192" s="6">
        <v>3944</v>
      </c>
      <c r="J192" s="6">
        <v>3823</v>
      </c>
      <c r="K192" s="6">
        <v>696</v>
      </c>
      <c r="L192" s="6">
        <v>1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6</v>
      </c>
      <c r="E193" s="9" t="s">
        <v>227</v>
      </c>
      <c r="F193" s="9" t="s">
        <v>235</v>
      </c>
      <c r="G193" s="9" t="s">
        <v>247</v>
      </c>
      <c r="H193" s="6">
        <v>4456</v>
      </c>
      <c r="I193" s="6">
        <v>3773</v>
      </c>
      <c r="J193" s="6">
        <v>3639</v>
      </c>
      <c r="K193" s="6">
        <v>681</v>
      </c>
      <c r="L193" s="6">
        <v>2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6</v>
      </c>
      <c r="E194" s="9" t="s">
        <v>227</v>
      </c>
      <c r="F194" s="9" t="s">
        <v>235</v>
      </c>
      <c r="G194" s="9" t="s">
        <v>248</v>
      </c>
      <c r="H194" s="6">
        <v>4543</v>
      </c>
      <c r="I194" s="6">
        <v>3871</v>
      </c>
      <c r="J194" s="6">
        <v>3735</v>
      </c>
      <c r="K194" s="6">
        <v>670</v>
      </c>
      <c r="L194" s="6">
        <v>2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6</v>
      </c>
      <c r="E195" s="9" t="s">
        <v>227</v>
      </c>
      <c r="F195" s="9" t="s">
        <v>235</v>
      </c>
      <c r="G195" s="9" t="s">
        <v>249</v>
      </c>
      <c r="H195" s="6">
        <v>4247</v>
      </c>
      <c r="I195" s="6">
        <v>3619</v>
      </c>
      <c r="J195" s="6">
        <v>3485</v>
      </c>
      <c r="K195" s="6">
        <v>626</v>
      </c>
      <c r="L195" s="6">
        <v>2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6</v>
      </c>
      <c r="E196" s="9" t="s">
        <v>227</v>
      </c>
      <c r="F196" s="9" t="s">
        <v>235</v>
      </c>
      <c r="G196" s="9" t="s">
        <v>250</v>
      </c>
      <c r="H196" s="6">
        <v>4094</v>
      </c>
      <c r="I196" s="6">
        <v>3486</v>
      </c>
      <c r="J196" s="6">
        <v>3371</v>
      </c>
      <c r="K196" s="6">
        <v>607</v>
      </c>
      <c r="L196" s="6">
        <v>1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6</v>
      </c>
      <c r="E197" s="9" t="s">
        <v>227</v>
      </c>
      <c r="F197" s="9" t="s">
        <v>235</v>
      </c>
      <c r="G197" s="9" t="s">
        <v>251</v>
      </c>
      <c r="H197" s="6">
        <v>3971</v>
      </c>
      <c r="I197" s="6">
        <v>3341</v>
      </c>
      <c r="J197" s="6">
        <v>3225</v>
      </c>
      <c r="K197" s="6">
        <v>629</v>
      </c>
      <c r="L197" s="6">
        <v>1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6</v>
      </c>
      <c r="E198" s="9" t="s">
        <v>227</v>
      </c>
      <c r="F198" s="9" t="s">
        <v>235</v>
      </c>
      <c r="G198" s="9" t="s">
        <v>252</v>
      </c>
      <c r="H198" s="6">
        <v>4032</v>
      </c>
      <c r="I198" s="6">
        <v>3366</v>
      </c>
      <c r="J198" s="6">
        <v>3251</v>
      </c>
      <c r="K198" s="6">
        <v>666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6</v>
      </c>
      <c r="E199" s="9" t="s">
        <v>227</v>
      </c>
      <c r="F199" s="9" t="s">
        <v>235</v>
      </c>
      <c r="G199" s="9" t="s">
        <v>253</v>
      </c>
      <c r="H199" s="6">
        <v>3956</v>
      </c>
      <c r="I199" s="6">
        <v>3276</v>
      </c>
      <c r="J199" s="6">
        <v>3170</v>
      </c>
      <c r="K199" s="6">
        <v>679</v>
      </c>
      <c r="L199" s="6">
        <v>1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6</v>
      </c>
      <c r="E200" s="9" t="s">
        <v>227</v>
      </c>
      <c r="F200" s="9" t="s">
        <v>235</v>
      </c>
      <c r="G200" s="9" t="s">
        <v>254</v>
      </c>
      <c r="H200" s="6">
        <v>3267</v>
      </c>
      <c r="I200" s="6">
        <v>2716</v>
      </c>
      <c r="J200" s="6">
        <v>2632</v>
      </c>
      <c r="K200" s="6">
        <v>549</v>
      </c>
      <c r="L200" s="6">
        <v>2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6</v>
      </c>
      <c r="E201" s="9" t="s">
        <v>227</v>
      </c>
      <c r="F201" s="9" t="s">
        <v>235</v>
      </c>
      <c r="G201" s="9" t="s">
        <v>255</v>
      </c>
      <c r="H201" s="6">
        <v>2692</v>
      </c>
      <c r="I201" s="6">
        <v>2175</v>
      </c>
      <c r="J201" s="6">
        <v>2091</v>
      </c>
      <c r="K201" s="6">
        <v>514</v>
      </c>
      <c r="L201" s="6">
        <v>3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6</v>
      </c>
      <c r="E202" s="9" t="s">
        <v>227</v>
      </c>
      <c r="F202" s="9" t="s">
        <v>235</v>
      </c>
      <c r="G202" s="9" t="s">
        <v>256</v>
      </c>
      <c r="H202" s="6">
        <v>36806</v>
      </c>
      <c r="I202" s="6">
        <v>25083</v>
      </c>
      <c r="J202" s="6">
        <v>23850</v>
      </c>
      <c r="K202" s="6">
        <v>11667</v>
      </c>
      <c r="L202" s="6">
        <v>56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6</v>
      </c>
      <c r="E203" s="9" t="s">
        <v>228</v>
      </c>
      <c r="F203" s="9" t="s">
        <v>6</v>
      </c>
      <c r="G203" s="9" t="s">
        <v>30</v>
      </c>
      <c r="H203" s="6">
        <v>97045</v>
      </c>
      <c r="I203" s="6">
        <v>17633</v>
      </c>
      <c r="J203" s="6">
        <v>15736</v>
      </c>
      <c r="K203" s="6">
        <v>79214</v>
      </c>
      <c r="L203" s="6">
        <v>198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6</v>
      </c>
      <c r="E204" s="9" t="s">
        <v>228</v>
      </c>
      <c r="F204" s="9" t="s">
        <v>234</v>
      </c>
      <c r="G204" s="9" t="s">
        <v>30</v>
      </c>
      <c r="H204" s="6">
        <v>66540</v>
      </c>
      <c r="I204" s="6">
        <v>10633</v>
      </c>
      <c r="J204" s="6">
        <v>9503</v>
      </c>
      <c r="K204" s="6">
        <v>55748</v>
      </c>
      <c r="L204" s="6">
        <v>159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6</v>
      </c>
      <c r="E205" s="9" t="s">
        <v>228</v>
      </c>
      <c r="F205" s="9" t="s">
        <v>235</v>
      </c>
      <c r="G205" s="9" t="s">
        <v>30</v>
      </c>
      <c r="H205" s="6">
        <v>30505</v>
      </c>
      <c r="I205" s="6">
        <v>7000</v>
      </c>
      <c r="J205" s="6">
        <v>6233</v>
      </c>
      <c r="K205" s="6">
        <v>23466</v>
      </c>
      <c r="L205" s="6">
        <v>39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6</v>
      </c>
      <c r="E206" s="9" t="s">
        <v>228</v>
      </c>
      <c r="F206" s="9" t="s">
        <v>235</v>
      </c>
      <c r="G206" s="9" t="s">
        <v>236</v>
      </c>
      <c r="H206" s="6">
        <v>147</v>
      </c>
      <c r="I206" s="6">
        <v>52</v>
      </c>
      <c r="J206" s="6">
        <v>52</v>
      </c>
      <c r="K206" s="6">
        <v>93</v>
      </c>
      <c r="L206" s="6">
        <v>2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6</v>
      </c>
      <c r="E207" s="9" t="s">
        <v>228</v>
      </c>
      <c r="F207" s="9" t="s">
        <v>235</v>
      </c>
      <c r="G207" s="9" t="s">
        <v>237</v>
      </c>
      <c r="H207" s="6">
        <v>138</v>
      </c>
      <c r="I207" s="6">
        <v>71</v>
      </c>
      <c r="J207" s="6">
        <v>68</v>
      </c>
      <c r="K207" s="6">
        <v>67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6</v>
      </c>
      <c r="E208" s="9" t="s">
        <v>228</v>
      </c>
      <c r="F208" s="9" t="s">
        <v>235</v>
      </c>
      <c r="G208" s="9" t="s">
        <v>238</v>
      </c>
      <c r="H208" s="6">
        <v>93</v>
      </c>
      <c r="I208" s="6">
        <v>59</v>
      </c>
      <c r="J208" s="6">
        <v>57</v>
      </c>
      <c r="K208" s="6">
        <v>33</v>
      </c>
      <c r="L208" s="6">
        <v>1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6</v>
      </c>
      <c r="E209" s="9" t="s">
        <v>228</v>
      </c>
      <c r="F209" s="9" t="s">
        <v>235</v>
      </c>
      <c r="G209" s="9" t="s">
        <v>239</v>
      </c>
      <c r="H209" s="6">
        <v>94</v>
      </c>
      <c r="I209" s="6">
        <v>72</v>
      </c>
      <c r="J209" s="6">
        <v>70</v>
      </c>
      <c r="K209" s="6">
        <v>22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6</v>
      </c>
      <c r="E210" s="9" t="s">
        <v>228</v>
      </c>
      <c r="F210" s="9" t="s">
        <v>235</v>
      </c>
      <c r="G210" s="9" t="s">
        <v>240</v>
      </c>
      <c r="H210" s="6">
        <v>94</v>
      </c>
      <c r="I210" s="6">
        <v>62</v>
      </c>
      <c r="J210" s="6">
        <v>54</v>
      </c>
      <c r="K210" s="6">
        <v>32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6</v>
      </c>
      <c r="E211" s="9" t="s">
        <v>228</v>
      </c>
      <c r="F211" s="9" t="s">
        <v>235</v>
      </c>
      <c r="G211" s="9" t="s">
        <v>241</v>
      </c>
      <c r="H211" s="6">
        <v>68</v>
      </c>
      <c r="I211" s="6">
        <v>41</v>
      </c>
      <c r="J211" s="6">
        <v>39</v>
      </c>
      <c r="K211" s="6">
        <v>27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6</v>
      </c>
      <c r="E212" s="9" t="s">
        <v>228</v>
      </c>
      <c r="F212" s="9" t="s">
        <v>235</v>
      </c>
      <c r="G212" s="9" t="s">
        <v>242</v>
      </c>
      <c r="H212" s="6">
        <v>82</v>
      </c>
      <c r="I212" s="6">
        <v>52</v>
      </c>
      <c r="J212" s="6">
        <v>48</v>
      </c>
      <c r="K212" s="6">
        <v>30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6</v>
      </c>
      <c r="E213" s="9" t="s">
        <v>228</v>
      </c>
      <c r="F213" s="9" t="s">
        <v>235</v>
      </c>
      <c r="G213" s="9" t="s">
        <v>243</v>
      </c>
      <c r="H213" s="6">
        <v>81</v>
      </c>
      <c r="I213" s="6">
        <v>59</v>
      </c>
      <c r="J213" s="6">
        <v>49</v>
      </c>
      <c r="K213" s="6">
        <v>20</v>
      </c>
      <c r="L213" s="6">
        <v>2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6</v>
      </c>
      <c r="E214" s="9" t="s">
        <v>228</v>
      </c>
      <c r="F214" s="9" t="s">
        <v>235</v>
      </c>
      <c r="G214" s="9" t="s">
        <v>244</v>
      </c>
      <c r="H214" s="6">
        <v>81</v>
      </c>
      <c r="I214" s="6">
        <v>58</v>
      </c>
      <c r="J214" s="6">
        <v>56</v>
      </c>
      <c r="K214" s="6">
        <v>23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6</v>
      </c>
      <c r="E215" s="9" t="s">
        <v>228</v>
      </c>
      <c r="F215" s="9" t="s">
        <v>235</v>
      </c>
      <c r="G215" s="9" t="s">
        <v>245</v>
      </c>
      <c r="H215" s="6">
        <v>84</v>
      </c>
      <c r="I215" s="6">
        <v>57</v>
      </c>
      <c r="J215" s="6">
        <v>51</v>
      </c>
      <c r="K215" s="6">
        <v>26</v>
      </c>
      <c r="L215" s="6">
        <v>1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6</v>
      </c>
      <c r="E216" s="9" t="s">
        <v>228</v>
      </c>
      <c r="F216" s="9" t="s">
        <v>235</v>
      </c>
      <c r="G216" s="9" t="s">
        <v>246</v>
      </c>
      <c r="H216" s="6">
        <v>90</v>
      </c>
      <c r="I216" s="6">
        <v>62</v>
      </c>
      <c r="J216" s="6">
        <v>58</v>
      </c>
      <c r="K216" s="6">
        <v>28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6</v>
      </c>
      <c r="E217" s="9" t="s">
        <v>228</v>
      </c>
      <c r="F217" s="9" t="s">
        <v>235</v>
      </c>
      <c r="G217" s="9" t="s">
        <v>247</v>
      </c>
      <c r="H217" s="6">
        <v>72</v>
      </c>
      <c r="I217" s="6">
        <v>60</v>
      </c>
      <c r="J217" s="6">
        <v>57</v>
      </c>
      <c r="K217" s="6">
        <v>12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6</v>
      </c>
      <c r="E218" s="9" t="s">
        <v>228</v>
      </c>
      <c r="F218" s="9" t="s">
        <v>235</v>
      </c>
      <c r="G218" s="9" t="s">
        <v>248</v>
      </c>
      <c r="H218" s="6">
        <v>112</v>
      </c>
      <c r="I218" s="6">
        <v>90</v>
      </c>
      <c r="J218" s="6">
        <v>85</v>
      </c>
      <c r="K218" s="6">
        <v>22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6</v>
      </c>
      <c r="E219" s="9" t="s">
        <v>228</v>
      </c>
      <c r="F219" s="9" t="s">
        <v>235</v>
      </c>
      <c r="G219" s="9" t="s">
        <v>249</v>
      </c>
      <c r="H219" s="6">
        <v>79</v>
      </c>
      <c r="I219" s="6">
        <v>59</v>
      </c>
      <c r="J219" s="6">
        <v>55</v>
      </c>
      <c r="K219" s="6">
        <v>19</v>
      </c>
      <c r="L219" s="6">
        <v>1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6</v>
      </c>
      <c r="E220" s="9" t="s">
        <v>228</v>
      </c>
      <c r="F220" s="9" t="s">
        <v>235</v>
      </c>
      <c r="G220" s="9" t="s">
        <v>250</v>
      </c>
      <c r="H220" s="6">
        <v>90</v>
      </c>
      <c r="I220" s="6">
        <v>74</v>
      </c>
      <c r="J220" s="6">
        <v>73</v>
      </c>
      <c r="K220" s="6">
        <v>16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6</v>
      </c>
      <c r="E221" s="9" t="s">
        <v>228</v>
      </c>
      <c r="F221" s="9" t="s">
        <v>235</v>
      </c>
      <c r="G221" s="9" t="s">
        <v>251</v>
      </c>
      <c r="H221" s="6">
        <v>109</v>
      </c>
      <c r="I221" s="6">
        <v>85</v>
      </c>
      <c r="J221" s="6">
        <v>83</v>
      </c>
      <c r="K221" s="6">
        <v>24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6</v>
      </c>
      <c r="E222" s="9" t="s">
        <v>228</v>
      </c>
      <c r="F222" s="9" t="s">
        <v>235</v>
      </c>
      <c r="G222" s="9" t="s">
        <v>252</v>
      </c>
      <c r="H222" s="6">
        <v>107</v>
      </c>
      <c r="I222" s="6">
        <v>85</v>
      </c>
      <c r="J222" s="6">
        <v>80</v>
      </c>
      <c r="K222" s="6">
        <v>22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6</v>
      </c>
      <c r="E223" s="9" t="s">
        <v>228</v>
      </c>
      <c r="F223" s="9" t="s">
        <v>235</v>
      </c>
      <c r="G223" s="9" t="s">
        <v>253</v>
      </c>
      <c r="H223" s="6">
        <v>127</v>
      </c>
      <c r="I223" s="6">
        <v>90</v>
      </c>
      <c r="J223" s="6">
        <v>85</v>
      </c>
      <c r="K223" s="6">
        <v>37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6</v>
      </c>
      <c r="E224" s="9" t="s">
        <v>228</v>
      </c>
      <c r="F224" s="9" t="s">
        <v>235</v>
      </c>
      <c r="G224" s="9" t="s">
        <v>254</v>
      </c>
      <c r="H224" s="6">
        <v>135</v>
      </c>
      <c r="I224" s="6">
        <v>96</v>
      </c>
      <c r="J224" s="6">
        <v>95</v>
      </c>
      <c r="K224" s="6">
        <v>39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6</v>
      </c>
      <c r="E225" s="9" t="s">
        <v>228</v>
      </c>
      <c r="F225" s="9" t="s">
        <v>235</v>
      </c>
      <c r="G225" s="9" t="s">
        <v>255</v>
      </c>
      <c r="H225" s="6">
        <v>130</v>
      </c>
      <c r="I225" s="6">
        <v>92</v>
      </c>
      <c r="J225" s="6">
        <v>88</v>
      </c>
      <c r="K225" s="6">
        <v>38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6</v>
      </c>
      <c r="E226" s="9" t="s">
        <v>228</v>
      </c>
      <c r="F226" s="9" t="s">
        <v>235</v>
      </c>
      <c r="G226" s="9" t="s">
        <v>256</v>
      </c>
      <c r="H226" s="6">
        <v>28492</v>
      </c>
      <c r="I226" s="6">
        <v>5624</v>
      </c>
      <c r="J226" s="6">
        <v>4930</v>
      </c>
      <c r="K226" s="6">
        <v>22836</v>
      </c>
      <c r="L226" s="6">
        <v>32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6</v>
      </c>
      <c r="E227" s="9" t="s">
        <v>18</v>
      </c>
      <c r="F227" s="9" t="s">
        <v>6</v>
      </c>
      <c r="G227" s="9" t="s">
        <v>30</v>
      </c>
      <c r="H227" s="6">
        <v>18067</v>
      </c>
      <c r="I227" s="6">
        <v>339</v>
      </c>
      <c r="J227" s="6">
        <v>252</v>
      </c>
      <c r="K227" s="6">
        <v>257</v>
      </c>
      <c r="L227" s="6">
        <v>17471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6</v>
      </c>
      <c r="E228" s="9" t="s">
        <v>18</v>
      </c>
      <c r="F228" s="9" t="s">
        <v>234</v>
      </c>
      <c r="G228" s="9" t="s">
        <v>30</v>
      </c>
      <c r="H228" s="6">
        <v>7348</v>
      </c>
      <c r="I228" s="6">
        <v>215</v>
      </c>
      <c r="J228" s="6">
        <v>163</v>
      </c>
      <c r="K228" s="6">
        <v>170</v>
      </c>
      <c r="L228" s="6">
        <v>6963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6</v>
      </c>
      <c r="E229" s="9" t="s">
        <v>18</v>
      </c>
      <c r="F229" s="9" t="s">
        <v>235</v>
      </c>
      <c r="G229" s="9" t="s">
        <v>30</v>
      </c>
      <c r="H229" s="6">
        <v>10719</v>
      </c>
      <c r="I229" s="6">
        <v>124</v>
      </c>
      <c r="J229" s="6">
        <v>89</v>
      </c>
      <c r="K229" s="6">
        <v>87</v>
      </c>
      <c r="L229" s="6">
        <v>10508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6</v>
      </c>
      <c r="E230" s="9" t="s">
        <v>18</v>
      </c>
      <c r="F230" s="9" t="s">
        <v>235</v>
      </c>
      <c r="G230" s="9" t="s">
        <v>236</v>
      </c>
      <c r="H230" s="6">
        <v>890</v>
      </c>
      <c r="I230" s="10" t="s">
        <v>55</v>
      </c>
      <c r="J230" s="10" t="s">
        <v>55</v>
      </c>
      <c r="K230" s="6">
        <v>1</v>
      </c>
      <c r="L230" s="6">
        <v>889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6</v>
      </c>
      <c r="E231" s="9" t="s">
        <v>18</v>
      </c>
      <c r="F231" s="9" t="s">
        <v>235</v>
      </c>
      <c r="G231" s="9" t="s">
        <v>237</v>
      </c>
      <c r="H231" s="6">
        <v>950</v>
      </c>
      <c r="I231" s="6">
        <v>4</v>
      </c>
      <c r="J231" s="6">
        <v>3</v>
      </c>
      <c r="K231" s="6">
        <v>1</v>
      </c>
      <c r="L231" s="6">
        <v>94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6</v>
      </c>
      <c r="E232" s="9" t="s">
        <v>18</v>
      </c>
      <c r="F232" s="9" t="s">
        <v>235</v>
      </c>
      <c r="G232" s="9" t="s">
        <v>238</v>
      </c>
      <c r="H232" s="6">
        <v>762</v>
      </c>
      <c r="I232" s="6">
        <v>4</v>
      </c>
      <c r="J232" s="6">
        <v>4</v>
      </c>
      <c r="K232" s="6">
        <v>2</v>
      </c>
      <c r="L232" s="6">
        <v>756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6</v>
      </c>
      <c r="E233" s="9" t="s">
        <v>18</v>
      </c>
      <c r="F233" s="9" t="s">
        <v>235</v>
      </c>
      <c r="G233" s="9" t="s">
        <v>239</v>
      </c>
      <c r="H233" s="6">
        <v>579</v>
      </c>
      <c r="I233" s="6">
        <v>1</v>
      </c>
      <c r="J233" s="10" t="s">
        <v>55</v>
      </c>
      <c r="K233" s="10" t="s">
        <v>55</v>
      </c>
      <c r="L233" s="6">
        <v>578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6</v>
      </c>
      <c r="E234" s="9" t="s">
        <v>18</v>
      </c>
      <c r="F234" s="9" t="s">
        <v>235</v>
      </c>
      <c r="G234" s="9" t="s">
        <v>240</v>
      </c>
      <c r="H234" s="6">
        <v>480</v>
      </c>
      <c r="I234" s="6">
        <v>2</v>
      </c>
      <c r="J234" s="6">
        <v>1</v>
      </c>
      <c r="K234" s="10" t="s">
        <v>55</v>
      </c>
      <c r="L234" s="6">
        <v>478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6</v>
      </c>
      <c r="E235" s="9" t="s">
        <v>18</v>
      </c>
      <c r="F235" s="9" t="s">
        <v>235</v>
      </c>
      <c r="G235" s="9" t="s">
        <v>241</v>
      </c>
      <c r="H235" s="6">
        <v>441</v>
      </c>
      <c r="I235" s="6">
        <v>1</v>
      </c>
      <c r="J235" s="10" t="s">
        <v>55</v>
      </c>
      <c r="K235" s="10" t="s">
        <v>55</v>
      </c>
      <c r="L235" s="6">
        <v>440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6</v>
      </c>
      <c r="E236" s="9" t="s">
        <v>18</v>
      </c>
      <c r="F236" s="9" t="s">
        <v>235</v>
      </c>
      <c r="G236" s="9" t="s">
        <v>242</v>
      </c>
      <c r="H236" s="6">
        <v>423</v>
      </c>
      <c r="I236" s="6">
        <v>3</v>
      </c>
      <c r="J236" s="6">
        <v>3</v>
      </c>
      <c r="K236" s="10" t="s">
        <v>55</v>
      </c>
      <c r="L236" s="6">
        <v>420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6</v>
      </c>
      <c r="E237" s="9" t="s">
        <v>18</v>
      </c>
      <c r="F237" s="9" t="s">
        <v>235</v>
      </c>
      <c r="G237" s="9" t="s">
        <v>243</v>
      </c>
      <c r="H237" s="6">
        <v>388</v>
      </c>
      <c r="I237" s="6">
        <v>3</v>
      </c>
      <c r="J237" s="6">
        <v>3</v>
      </c>
      <c r="K237" s="10" t="s">
        <v>55</v>
      </c>
      <c r="L237" s="6">
        <v>385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6</v>
      </c>
      <c r="E238" s="9" t="s">
        <v>18</v>
      </c>
      <c r="F238" s="9" t="s">
        <v>235</v>
      </c>
      <c r="G238" s="9" t="s">
        <v>244</v>
      </c>
      <c r="H238" s="6">
        <v>344</v>
      </c>
      <c r="I238" s="10" t="s">
        <v>55</v>
      </c>
      <c r="J238" s="10" t="s">
        <v>55</v>
      </c>
      <c r="K238" s="10" t="s">
        <v>55</v>
      </c>
      <c r="L238" s="6">
        <v>344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6</v>
      </c>
      <c r="E239" s="9" t="s">
        <v>18</v>
      </c>
      <c r="F239" s="9" t="s">
        <v>235</v>
      </c>
      <c r="G239" s="9" t="s">
        <v>245</v>
      </c>
      <c r="H239" s="6">
        <v>342</v>
      </c>
      <c r="I239" s="6">
        <v>4</v>
      </c>
      <c r="J239" s="6">
        <v>4</v>
      </c>
      <c r="K239" s="6">
        <v>1</v>
      </c>
      <c r="L239" s="6">
        <v>337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6</v>
      </c>
      <c r="E240" s="9" t="s">
        <v>18</v>
      </c>
      <c r="F240" s="9" t="s">
        <v>235</v>
      </c>
      <c r="G240" s="9" t="s">
        <v>246</v>
      </c>
      <c r="H240" s="6">
        <v>323</v>
      </c>
      <c r="I240" s="6">
        <v>4</v>
      </c>
      <c r="J240" s="6">
        <v>3</v>
      </c>
      <c r="K240" s="6">
        <v>1</v>
      </c>
      <c r="L240" s="6">
        <v>318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6</v>
      </c>
      <c r="E241" s="9" t="s">
        <v>18</v>
      </c>
      <c r="F241" s="9" t="s">
        <v>235</v>
      </c>
      <c r="G241" s="9" t="s">
        <v>247</v>
      </c>
      <c r="H241" s="6">
        <v>324</v>
      </c>
      <c r="I241" s="10" t="s">
        <v>55</v>
      </c>
      <c r="J241" s="10" t="s">
        <v>55</v>
      </c>
      <c r="K241" s="10" t="s">
        <v>55</v>
      </c>
      <c r="L241" s="6">
        <v>324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6</v>
      </c>
      <c r="E242" s="9" t="s">
        <v>18</v>
      </c>
      <c r="F242" s="9" t="s">
        <v>235</v>
      </c>
      <c r="G242" s="9" t="s">
        <v>248</v>
      </c>
      <c r="H242" s="6">
        <v>297</v>
      </c>
      <c r="I242" s="6">
        <v>2</v>
      </c>
      <c r="J242" s="6">
        <v>1</v>
      </c>
      <c r="K242" s="10" t="s">
        <v>55</v>
      </c>
      <c r="L242" s="6">
        <v>295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6</v>
      </c>
      <c r="E243" s="9" t="s">
        <v>18</v>
      </c>
      <c r="F243" s="9" t="s">
        <v>235</v>
      </c>
      <c r="G243" s="9" t="s">
        <v>249</v>
      </c>
      <c r="H243" s="6">
        <v>338</v>
      </c>
      <c r="I243" s="6">
        <v>1</v>
      </c>
      <c r="J243" s="6">
        <v>1</v>
      </c>
      <c r="K243" s="6">
        <v>3</v>
      </c>
      <c r="L243" s="6">
        <v>33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6</v>
      </c>
      <c r="E244" s="9" t="s">
        <v>18</v>
      </c>
      <c r="F244" s="9" t="s">
        <v>235</v>
      </c>
      <c r="G244" s="9" t="s">
        <v>250</v>
      </c>
      <c r="H244" s="6">
        <v>238</v>
      </c>
      <c r="I244" s="6">
        <v>4</v>
      </c>
      <c r="J244" s="6">
        <v>4</v>
      </c>
      <c r="K244" s="10" t="s">
        <v>55</v>
      </c>
      <c r="L244" s="6">
        <v>234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6</v>
      </c>
      <c r="E245" s="9" t="s">
        <v>18</v>
      </c>
      <c r="F245" s="9" t="s">
        <v>235</v>
      </c>
      <c r="G245" s="9" t="s">
        <v>251</v>
      </c>
      <c r="H245" s="6">
        <v>239</v>
      </c>
      <c r="I245" s="10" t="s">
        <v>55</v>
      </c>
      <c r="J245" s="10" t="s">
        <v>55</v>
      </c>
      <c r="K245" s="6">
        <v>1</v>
      </c>
      <c r="L245" s="6">
        <v>238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6</v>
      </c>
      <c r="E246" s="9" t="s">
        <v>18</v>
      </c>
      <c r="F246" s="9" t="s">
        <v>235</v>
      </c>
      <c r="G246" s="9" t="s">
        <v>252</v>
      </c>
      <c r="H246" s="6">
        <v>242</v>
      </c>
      <c r="I246" s="6">
        <v>2</v>
      </c>
      <c r="J246" s="6">
        <v>2</v>
      </c>
      <c r="K246" s="10" t="s">
        <v>55</v>
      </c>
      <c r="L246" s="6">
        <v>240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6</v>
      </c>
      <c r="E247" s="9" t="s">
        <v>18</v>
      </c>
      <c r="F247" s="9" t="s">
        <v>235</v>
      </c>
      <c r="G247" s="9" t="s">
        <v>253</v>
      </c>
      <c r="H247" s="6">
        <v>231</v>
      </c>
      <c r="I247" s="6">
        <v>2</v>
      </c>
      <c r="J247" s="6">
        <v>2</v>
      </c>
      <c r="K247" s="6">
        <v>2</v>
      </c>
      <c r="L247" s="6">
        <v>227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6</v>
      </c>
      <c r="E248" s="9" t="s">
        <v>18</v>
      </c>
      <c r="F248" s="9" t="s">
        <v>235</v>
      </c>
      <c r="G248" s="9" t="s">
        <v>254</v>
      </c>
      <c r="H248" s="6">
        <v>202</v>
      </c>
      <c r="I248" s="6">
        <v>1</v>
      </c>
      <c r="J248" s="6">
        <v>1</v>
      </c>
      <c r="K248" s="10" t="s">
        <v>55</v>
      </c>
      <c r="L248" s="6">
        <v>201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6</v>
      </c>
      <c r="E249" s="9" t="s">
        <v>18</v>
      </c>
      <c r="F249" s="9" t="s">
        <v>235</v>
      </c>
      <c r="G249" s="9" t="s">
        <v>255</v>
      </c>
      <c r="H249" s="6">
        <v>160</v>
      </c>
      <c r="I249" s="6">
        <v>2</v>
      </c>
      <c r="J249" s="6">
        <v>2</v>
      </c>
      <c r="K249" s="10" t="s">
        <v>55</v>
      </c>
      <c r="L249" s="6">
        <v>158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6</v>
      </c>
      <c r="E250" s="9" t="s">
        <v>18</v>
      </c>
      <c r="F250" s="9" t="s">
        <v>235</v>
      </c>
      <c r="G250" s="9" t="s">
        <v>256</v>
      </c>
      <c r="H250" s="6">
        <v>2526</v>
      </c>
      <c r="I250" s="6">
        <v>84</v>
      </c>
      <c r="J250" s="6">
        <v>55</v>
      </c>
      <c r="K250" s="6">
        <v>75</v>
      </c>
      <c r="L250" s="6">
        <v>2367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6</v>
      </c>
      <c r="E251" s="9" t="s">
        <v>6</v>
      </c>
      <c r="F251" s="9" t="s">
        <v>6</v>
      </c>
      <c r="G251" s="9" t="s">
        <v>30</v>
      </c>
      <c r="H251" s="6">
        <v>26327</v>
      </c>
      <c r="I251" s="6">
        <v>14705</v>
      </c>
      <c r="J251" s="6">
        <v>11863</v>
      </c>
      <c r="K251" s="6">
        <v>10604</v>
      </c>
      <c r="L251" s="6">
        <v>1018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6</v>
      </c>
      <c r="E252" s="9" t="s">
        <v>6</v>
      </c>
      <c r="F252" s="9" t="s">
        <v>234</v>
      </c>
      <c r="G252" s="9" t="s">
        <v>30</v>
      </c>
      <c r="H252" s="6">
        <v>12098</v>
      </c>
      <c r="I252" s="6">
        <v>5399</v>
      </c>
      <c r="J252" s="6">
        <v>4102</v>
      </c>
      <c r="K252" s="6">
        <v>6414</v>
      </c>
      <c r="L252" s="6">
        <v>285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6</v>
      </c>
      <c r="E253" s="9" t="s">
        <v>6</v>
      </c>
      <c r="F253" s="9" t="s">
        <v>235</v>
      </c>
      <c r="G253" s="9" t="s">
        <v>30</v>
      </c>
      <c r="H253" s="6">
        <v>14229</v>
      </c>
      <c r="I253" s="6">
        <v>9306</v>
      </c>
      <c r="J253" s="6">
        <v>7761</v>
      </c>
      <c r="K253" s="6">
        <v>4190</v>
      </c>
      <c r="L253" s="6">
        <v>733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6</v>
      </c>
      <c r="E254" s="9" t="s">
        <v>6</v>
      </c>
      <c r="F254" s="9" t="s">
        <v>235</v>
      </c>
      <c r="G254" s="9" t="s">
        <v>236</v>
      </c>
      <c r="H254" s="6">
        <v>667</v>
      </c>
      <c r="I254" s="6">
        <v>315</v>
      </c>
      <c r="J254" s="6">
        <v>295</v>
      </c>
      <c r="K254" s="6">
        <v>291</v>
      </c>
      <c r="L254" s="6">
        <v>61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6</v>
      </c>
      <c r="E255" s="9" t="s">
        <v>6</v>
      </c>
      <c r="F255" s="9" t="s">
        <v>235</v>
      </c>
      <c r="G255" s="9" t="s">
        <v>237</v>
      </c>
      <c r="H255" s="6">
        <v>661</v>
      </c>
      <c r="I255" s="6">
        <v>461</v>
      </c>
      <c r="J255" s="6">
        <v>428</v>
      </c>
      <c r="K255" s="6">
        <v>135</v>
      </c>
      <c r="L255" s="6">
        <v>65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6</v>
      </c>
      <c r="E256" s="9" t="s">
        <v>6</v>
      </c>
      <c r="F256" s="9" t="s">
        <v>235</v>
      </c>
      <c r="G256" s="9" t="s">
        <v>238</v>
      </c>
      <c r="H256" s="6">
        <v>564</v>
      </c>
      <c r="I256" s="6">
        <v>420</v>
      </c>
      <c r="J256" s="6">
        <v>377</v>
      </c>
      <c r="K256" s="6">
        <v>93</v>
      </c>
      <c r="L256" s="6">
        <v>51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6</v>
      </c>
      <c r="E257" s="9" t="s">
        <v>6</v>
      </c>
      <c r="F257" s="9" t="s">
        <v>235</v>
      </c>
      <c r="G257" s="9" t="s">
        <v>239</v>
      </c>
      <c r="H257" s="6">
        <v>485</v>
      </c>
      <c r="I257" s="6">
        <v>390</v>
      </c>
      <c r="J257" s="6">
        <v>357</v>
      </c>
      <c r="K257" s="6">
        <v>53</v>
      </c>
      <c r="L257" s="6">
        <v>42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6</v>
      </c>
      <c r="E258" s="9" t="s">
        <v>6</v>
      </c>
      <c r="F258" s="9" t="s">
        <v>235</v>
      </c>
      <c r="G258" s="9" t="s">
        <v>240</v>
      </c>
      <c r="H258" s="6">
        <v>487</v>
      </c>
      <c r="I258" s="6">
        <v>402</v>
      </c>
      <c r="J258" s="6">
        <v>356</v>
      </c>
      <c r="K258" s="6">
        <v>49</v>
      </c>
      <c r="L258" s="6">
        <v>36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6</v>
      </c>
      <c r="E259" s="9" t="s">
        <v>6</v>
      </c>
      <c r="F259" s="9" t="s">
        <v>235</v>
      </c>
      <c r="G259" s="9" t="s">
        <v>241</v>
      </c>
      <c r="H259" s="6">
        <v>410</v>
      </c>
      <c r="I259" s="6">
        <v>320</v>
      </c>
      <c r="J259" s="6">
        <v>291</v>
      </c>
      <c r="K259" s="6">
        <v>56</v>
      </c>
      <c r="L259" s="6">
        <v>34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6</v>
      </c>
      <c r="E260" s="9" t="s">
        <v>6</v>
      </c>
      <c r="F260" s="9" t="s">
        <v>235</v>
      </c>
      <c r="G260" s="9" t="s">
        <v>242</v>
      </c>
      <c r="H260" s="6">
        <v>422</v>
      </c>
      <c r="I260" s="6">
        <v>346</v>
      </c>
      <c r="J260" s="6">
        <v>322</v>
      </c>
      <c r="K260" s="6">
        <v>45</v>
      </c>
      <c r="L260" s="6">
        <v>31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6</v>
      </c>
      <c r="E261" s="9" t="s">
        <v>6</v>
      </c>
      <c r="F261" s="9" t="s">
        <v>235</v>
      </c>
      <c r="G261" s="9" t="s">
        <v>243</v>
      </c>
      <c r="H261" s="6">
        <v>379</v>
      </c>
      <c r="I261" s="6">
        <v>305</v>
      </c>
      <c r="J261" s="6">
        <v>274</v>
      </c>
      <c r="K261" s="6">
        <v>48</v>
      </c>
      <c r="L261" s="6">
        <v>26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6</v>
      </c>
      <c r="E262" s="9" t="s">
        <v>6</v>
      </c>
      <c r="F262" s="9" t="s">
        <v>235</v>
      </c>
      <c r="G262" s="9" t="s">
        <v>244</v>
      </c>
      <c r="H262" s="6">
        <v>378</v>
      </c>
      <c r="I262" s="6">
        <v>297</v>
      </c>
      <c r="J262" s="6">
        <v>271</v>
      </c>
      <c r="K262" s="6">
        <v>57</v>
      </c>
      <c r="L262" s="6">
        <v>24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6</v>
      </c>
      <c r="E263" s="9" t="s">
        <v>6</v>
      </c>
      <c r="F263" s="9" t="s">
        <v>235</v>
      </c>
      <c r="G263" s="9" t="s">
        <v>245</v>
      </c>
      <c r="H263" s="6">
        <v>353</v>
      </c>
      <c r="I263" s="6">
        <v>285</v>
      </c>
      <c r="J263" s="6">
        <v>259</v>
      </c>
      <c r="K263" s="6">
        <v>43</v>
      </c>
      <c r="L263" s="6">
        <v>25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6</v>
      </c>
      <c r="E264" s="9" t="s">
        <v>6</v>
      </c>
      <c r="F264" s="9" t="s">
        <v>235</v>
      </c>
      <c r="G264" s="9" t="s">
        <v>246</v>
      </c>
      <c r="H264" s="6">
        <v>324</v>
      </c>
      <c r="I264" s="6">
        <v>268</v>
      </c>
      <c r="J264" s="6">
        <v>235</v>
      </c>
      <c r="K264" s="6">
        <v>42</v>
      </c>
      <c r="L264" s="6">
        <v>14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6</v>
      </c>
      <c r="E265" s="9" t="s">
        <v>6</v>
      </c>
      <c r="F265" s="9" t="s">
        <v>235</v>
      </c>
      <c r="G265" s="9" t="s">
        <v>247</v>
      </c>
      <c r="H265" s="6">
        <v>344</v>
      </c>
      <c r="I265" s="6">
        <v>286</v>
      </c>
      <c r="J265" s="6">
        <v>257</v>
      </c>
      <c r="K265" s="6">
        <v>32</v>
      </c>
      <c r="L265" s="6">
        <v>26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6</v>
      </c>
      <c r="E266" s="9" t="s">
        <v>6</v>
      </c>
      <c r="F266" s="9" t="s">
        <v>235</v>
      </c>
      <c r="G266" s="9" t="s">
        <v>248</v>
      </c>
      <c r="H266" s="6">
        <v>367</v>
      </c>
      <c r="I266" s="6">
        <v>301</v>
      </c>
      <c r="J266" s="6">
        <v>273</v>
      </c>
      <c r="K266" s="6">
        <v>48</v>
      </c>
      <c r="L266" s="6">
        <v>18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6</v>
      </c>
      <c r="E267" s="9" t="s">
        <v>6</v>
      </c>
      <c r="F267" s="9" t="s">
        <v>235</v>
      </c>
      <c r="G267" s="9" t="s">
        <v>249</v>
      </c>
      <c r="H267" s="6">
        <v>332</v>
      </c>
      <c r="I267" s="6">
        <v>267</v>
      </c>
      <c r="J267" s="6">
        <v>247</v>
      </c>
      <c r="K267" s="6">
        <v>40</v>
      </c>
      <c r="L267" s="6">
        <v>25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6</v>
      </c>
      <c r="E268" s="9" t="s">
        <v>6</v>
      </c>
      <c r="F268" s="9" t="s">
        <v>235</v>
      </c>
      <c r="G268" s="9" t="s">
        <v>250</v>
      </c>
      <c r="H268" s="6">
        <v>333</v>
      </c>
      <c r="I268" s="6">
        <v>269</v>
      </c>
      <c r="J268" s="6">
        <v>239</v>
      </c>
      <c r="K268" s="6">
        <v>42</v>
      </c>
      <c r="L268" s="6">
        <v>22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6</v>
      </c>
      <c r="E269" s="9" t="s">
        <v>6</v>
      </c>
      <c r="F269" s="9" t="s">
        <v>235</v>
      </c>
      <c r="G269" s="9" t="s">
        <v>251</v>
      </c>
      <c r="H269" s="6">
        <v>315</v>
      </c>
      <c r="I269" s="6">
        <v>257</v>
      </c>
      <c r="J269" s="6">
        <v>229</v>
      </c>
      <c r="K269" s="6">
        <v>39</v>
      </c>
      <c r="L269" s="6">
        <v>19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6</v>
      </c>
      <c r="E270" s="9" t="s">
        <v>6</v>
      </c>
      <c r="F270" s="9" t="s">
        <v>235</v>
      </c>
      <c r="G270" s="9" t="s">
        <v>252</v>
      </c>
      <c r="H270" s="6">
        <v>297</v>
      </c>
      <c r="I270" s="6">
        <v>235</v>
      </c>
      <c r="J270" s="6">
        <v>211</v>
      </c>
      <c r="K270" s="6">
        <v>41</v>
      </c>
      <c r="L270" s="6">
        <v>21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6</v>
      </c>
      <c r="E271" s="9" t="s">
        <v>6</v>
      </c>
      <c r="F271" s="9" t="s">
        <v>235</v>
      </c>
      <c r="G271" s="9" t="s">
        <v>253</v>
      </c>
      <c r="H271" s="6">
        <v>311</v>
      </c>
      <c r="I271" s="6">
        <v>261</v>
      </c>
      <c r="J271" s="6">
        <v>234</v>
      </c>
      <c r="K271" s="6">
        <v>40</v>
      </c>
      <c r="L271" s="6">
        <v>10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6</v>
      </c>
      <c r="E272" s="9" t="s">
        <v>6</v>
      </c>
      <c r="F272" s="9" t="s">
        <v>235</v>
      </c>
      <c r="G272" s="9" t="s">
        <v>254</v>
      </c>
      <c r="H272" s="6">
        <v>269</v>
      </c>
      <c r="I272" s="6">
        <v>217</v>
      </c>
      <c r="J272" s="6">
        <v>190</v>
      </c>
      <c r="K272" s="6">
        <v>34</v>
      </c>
      <c r="L272" s="6">
        <v>18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6</v>
      </c>
      <c r="E273" s="9" t="s">
        <v>6</v>
      </c>
      <c r="F273" s="9" t="s">
        <v>235</v>
      </c>
      <c r="G273" s="9" t="s">
        <v>255</v>
      </c>
      <c r="H273" s="6">
        <v>257</v>
      </c>
      <c r="I273" s="6">
        <v>212</v>
      </c>
      <c r="J273" s="6">
        <v>175</v>
      </c>
      <c r="K273" s="6">
        <v>33</v>
      </c>
      <c r="L273" s="6">
        <v>12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6</v>
      </c>
      <c r="E274" s="9" t="s">
        <v>6</v>
      </c>
      <c r="F274" s="9" t="s">
        <v>235</v>
      </c>
      <c r="G274" s="9" t="s">
        <v>256</v>
      </c>
      <c r="H274" s="6">
        <v>6274</v>
      </c>
      <c r="I274" s="6">
        <v>3192</v>
      </c>
      <c r="J274" s="6">
        <v>2241</v>
      </c>
      <c r="K274" s="6">
        <v>2929</v>
      </c>
      <c r="L274" s="6">
        <v>153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6</v>
      </c>
      <c r="E275" s="9" t="s">
        <v>226</v>
      </c>
      <c r="F275" s="9" t="s">
        <v>6</v>
      </c>
      <c r="G275" s="9" t="s">
        <v>30</v>
      </c>
      <c r="H275" s="6">
        <v>17434</v>
      </c>
      <c r="I275" s="6">
        <v>13306</v>
      </c>
      <c r="J275" s="6">
        <v>10607</v>
      </c>
      <c r="K275" s="6">
        <v>4120</v>
      </c>
      <c r="L275" s="6">
        <v>8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6</v>
      </c>
      <c r="E276" s="9" t="s">
        <v>226</v>
      </c>
      <c r="F276" s="9" t="s">
        <v>234</v>
      </c>
      <c r="G276" s="9" t="s">
        <v>30</v>
      </c>
      <c r="H276" s="6">
        <v>6476</v>
      </c>
      <c r="I276" s="6">
        <v>4575</v>
      </c>
      <c r="J276" s="6">
        <v>3348</v>
      </c>
      <c r="K276" s="6">
        <v>1896</v>
      </c>
      <c r="L276" s="6">
        <v>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6</v>
      </c>
      <c r="E277" s="9" t="s">
        <v>226</v>
      </c>
      <c r="F277" s="9" t="s">
        <v>235</v>
      </c>
      <c r="G277" s="9" t="s">
        <v>30</v>
      </c>
      <c r="H277" s="6">
        <v>10958</v>
      </c>
      <c r="I277" s="6">
        <v>8731</v>
      </c>
      <c r="J277" s="6">
        <v>7259</v>
      </c>
      <c r="K277" s="6">
        <v>2224</v>
      </c>
      <c r="L277" s="6">
        <v>3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6</v>
      </c>
      <c r="E278" s="9" t="s">
        <v>226</v>
      </c>
      <c r="F278" s="9" t="s">
        <v>235</v>
      </c>
      <c r="G278" s="9" t="s">
        <v>236</v>
      </c>
      <c r="H278" s="6">
        <v>597</v>
      </c>
      <c r="I278" s="6">
        <v>314</v>
      </c>
      <c r="J278" s="6">
        <v>294</v>
      </c>
      <c r="K278" s="6">
        <v>283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6</v>
      </c>
      <c r="E279" s="9" t="s">
        <v>226</v>
      </c>
      <c r="F279" s="9" t="s">
        <v>235</v>
      </c>
      <c r="G279" s="9" t="s">
        <v>237</v>
      </c>
      <c r="H279" s="6">
        <v>585</v>
      </c>
      <c r="I279" s="6">
        <v>455</v>
      </c>
      <c r="J279" s="6">
        <v>422</v>
      </c>
      <c r="K279" s="6">
        <v>130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6</v>
      </c>
      <c r="E280" s="9" t="s">
        <v>226</v>
      </c>
      <c r="F280" s="9" t="s">
        <v>235</v>
      </c>
      <c r="G280" s="9" t="s">
        <v>238</v>
      </c>
      <c r="H280" s="6">
        <v>508</v>
      </c>
      <c r="I280" s="6">
        <v>417</v>
      </c>
      <c r="J280" s="6">
        <v>374</v>
      </c>
      <c r="K280" s="6">
        <v>91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6</v>
      </c>
      <c r="E281" s="9" t="s">
        <v>226</v>
      </c>
      <c r="F281" s="9" t="s">
        <v>235</v>
      </c>
      <c r="G281" s="9" t="s">
        <v>239</v>
      </c>
      <c r="H281" s="6">
        <v>436</v>
      </c>
      <c r="I281" s="6">
        <v>383</v>
      </c>
      <c r="J281" s="6">
        <v>351</v>
      </c>
      <c r="K281" s="6">
        <v>53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6</v>
      </c>
      <c r="E282" s="9" t="s">
        <v>226</v>
      </c>
      <c r="F282" s="9" t="s">
        <v>235</v>
      </c>
      <c r="G282" s="9" t="s">
        <v>240</v>
      </c>
      <c r="H282" s="6">
        <v>445</v>
      </c>
      <c r="I282" s="6">
        <v>398</v>
      </c>
      <c r="J282" s="6">
        <v>354</v>
      </c>
      <c r="K282" s="6">
        <v>47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6</v>
      </c>
      <c r="E283" s="9" t="s">
        <v>226</v>
      </c>
      <c r="F283" s="9" t="s">
        <v>235</v>
      </c>
      <c r="G283" s="9" t="s">
        <v>241</v>
      </c>
      <c r="H283" s="6">
        <v>369</v>
      </c>
      <c r="I283" s="6">
        <v>313</v>
      </c>
      <c r="J283" s="6">
        <v>284</v>
      </c>
      <c r="K283" s="6">
        <v>56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6</v>
      </c>
      <c r="E284" s="9" t="s">
        <v>226</v>
      </c>
      <c r="F284" s="9" t="s">
        <v>235</v>
      </c>
      <c r="G284" s="9" t="s">
        <v>242</v>
      </c>
      <c r="H284" s="6">
        <v>383</v>
      </c>
      <c r="I284" s="6">
        <v>340</v>
      </c>
      <c r="J284" s="6">
        <v>316</v>
      </c>
      <c r="K284" s="6">
        <v>43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6</v>
      </c>
      <c r="E285" s="9" t="s">
        <v>226</v>
      </c>
      <c r="F285" s="9" t="s">
        <v>235</v>
      </c>
      <c r="G285" s="9" t="s">
        <v>243</v>
      </c>
      <c r="H285" s="6">
        <v>344</v>
      </c>
      <c r="I285" s="6">
        <v>298</v>
      </c>
      <c r="J285" s="6">
        <v>269</v>
      </c>
      <c r="K285" s="6">
        <v>46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6</v>
      </c>
      <c r="E286" s="9" t="s">
        <v>226</v>
      </c>
      <c r="F286" s="9" t="s">
        <v>235</v>
      </c>
      <c r="G286" s="9" t="s">
        <v>244</v>
      </c>
      <c r="H286" s="6">
        <v>345</v>
      </c>
      <c r="I286" s="6">
        <v>291</v>
      </c>
      <c r="J286" s="6">
        <v>265</v>
      </c>
      <c r="K286" s="6">
        <v>54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6</v>
      </c>
      <c r="E287" s="9" t="s">
        <v>226</v>
      </c>
      <c r="F287" s="9" t="s">
        <v>235</v>
      </c>
      <c r="G287" s="9" t="s">
        <v>245</v>
      </c>
      <c r="H287" s="6">
        <v>325</v>
      </c>
      <c r="I287" s="6">
        <v>282</v>
      </c>
      <c r="J287" s="6">
        <v>257</v>
      </c>
      <c r="K287" s="6">
        <v>43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6</v>
      </c>
      <c r="E288" s="9" t="s">
        <v>226</v>
      </c>
      <c r="F288" s="9" t="s">
        <v>235</v>
      </c>
      <c r="G288" s="9" t="s">
        <v>246</v>
      </c>
      <c r="H288" s="6">
        <v>307</v>
      </c>
      <c r="I288" s="6">
        <v>265</v>
      </c>
      <c r="J288" s="6">
        <v>232</v>
      </c>
      <c r="K288" s="6">
        <v>42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6</v>
      </c>
      <c r="E289" s="9" t="s">
        <v>226</v>
      </c>
      <c r="F289" s="9" t="s">
        <v>235</v>
      </c>
      <c r="G289" s="9" t="s">
        <v>247</v>
      </c>
      <c r="H289" s="6">
        <v>314</v>
      </c>
      <c r="I289" s="6">
        <v>282</v>
      </c>
      <c r="J289" s="6">
        <v>253</v>
      </c>
      <c r="K289" s="6">
        <v>31</v>
      </c>
      <c r="L289" s="6">
        <v>1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6</v>
      </c>
      <c r="E290" s="9" t="s">
        <v>226</v>
      </c>
      <c r="F290" s="9" t="s">
        <v>235</v>
      </c>
      <c r="G290" s="9" t="s">
        <v>248</v>
      </c>
      <c r="H290" s="6">
        <v>342</v>
      </c>
      <c r="I290" s="6">
        <v>296</v>
      </c>
      <c r="J290" s="6">
        <v>268</v>
      </c>
      <c r="K290" s="6">
        <v>46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6</v>
      </c>
      <c r="E291" s="9" t="s">
        <v>226</v>
      </c>
      <c r="F291" s="9" t="s">
        <v>235</v>
      </c>
      <c r="G291" s="9" t="s">
        <v>249</v>
      </c>
      <c r="H291" s="6">
        <v>303</v>
      </c>
      <c r="I291" s="6">
        <v>264</v>
      </c>
      <c r="J291" s="6">
        <v>244</v>
      </c>
      <c r="K291" s="6">
        <v>38</v>
      </c>
      <c r="L291" s="6">
        <v>1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6</v>
      </c>
      <c r="E292" s="9" t="s">
        <v>226</v>
      </c>
      <c r="F292" s="9" t="s">
        <v>235</v>
      </c>
      <c r="G292" s="9" t="s">
        <v>250</v>
      </c>
      <c r="H292" s="6">
        <v>302</v>
      </c>
      <c r="I292" s="6">
        <v>261</v>
      </c>
      <c r="J292" s="6">
        <v>231</v>
      </c>
      <c r="K292" s="6">
        <v>41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6</v>
      </c>
      <c r="E293" s="9" t="s">
        <v>226</v>
      </c>
      <c r="F293" s="9" t="s">
        <v>235</v>
      </c>
      <c r="G293" s="9" t="s">
        <v>251</v>
      </c>
      <c r="H293" s="6">
        <v>291</v>
      </c>
      <c r="I293" s="6">
        <v>252</v>
      </c>
      <c r="J293" s="6">
        <v>224</v>
      </c>
      <c r="K293" s="6">
        <v>39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6</v>
      </c>
      <c r="E294" s="9" t="s">
        <v>226</v>
      </c>
      <c r="F294" s="9" t="s">
        <v>235</v>
      </c>
      <c r="G294" s="9" t="s">
        <v>252</v>
      </c>
      <c r="H294" s="6">
        <v>267</v>
      </c>
      <c r="I294" s="6">
        <v>229</v>
      </c>
      <c r="J294" s="6">
        <v>205</v>
      </c>
      <c r="K294" s="6">
        <v>38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6</v>
      </c>
      <c r="E295" s="9" t="s">
        <v>226</v>
      </c>
      <c r="F295" s="9" t="s">
        <v>235</v>
      </c>
      <c r="G295" s="9" t="s">
        <v>253</v>
      </c>
      <c r="H295" s="6">
        <v>291</v>
      </c>
      <c r="I295" s="6">
        <v>252</v>
      </c>
      <c r="J295" s="6">
        <v>225</v>
      </c>
      <c r="K295" s="6">
        <v>39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6</v>
      </c>
      <c r="E296" s="9" t="s">
        <v>226</v>
      </c>
      <c r="F296" s="9" t="s">
        <v>235</v>
      </c>
      <c r="G296" s="9" t="s">
        <v>254</v>
      </c>
      <c r="H296" s="6">
        <v>239</v>
      </c>
      <c r="I296" s="6">
        <v>206</v>
      </c>
      <c r="J296" s="6">
        <v>179</v>
      </c>
      <c r="K296" s="6">
        <v>33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6</v>
      </c>
      <c r="E297" s="9" t="s">
        <v>226</v>
      </c>
      <c r="F297" s="9" t="s">
        <v>235</v>
      </c>
      <c r="G297" s="9" t="s">
        <v>255</v>
      </c>
      <c r="H297" s="6">
        <v>236</v>
      </c>
      <c r="I297" s="6">
        <v>206</v>
      </c>
      <c r="J297" s="6">
        <v>169</v>
      </c>
      <c r="K297" s="6">
        <v>30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6</v>
      </c>
      <c r="E298" s="9" t="s">
        <v>226</v>
      </c>
      <c r="F298" s="9" t="s">
        <v>235</v>
      </c>
      <c r="G298" s="9" t="s">
        <v>256</v>
      </c>
      <c r="H298" s="6">
        <v>3729</v>
      </c>
      <c r="I298" s="6">
        <v>2727</v>
      </c>
      <c r="J298" s="6">
        <v>1843</v>
      </c>
      <c r="K298" s="6">
        <v>1001</v>
      </c>
      <c r="L298" s="6">
        <v>1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6</v>
      </c>
      <c r="E299" s="9" t="s">
        <v>227</v>
      </c>
      <c r="F299" s="9" t="s">
        <v>6</v>
      </c>
      <c r="G299" s="9" t="s">
        <v>30</v>
      </c>
      <c r="H299" s="6">
        <v>13366</v>
      </c>
      <c r="I299" s="6">
        <v>9985</v>
      </c>
      <c r="J299" s="6">
        <v>9648</v>
      </c>
      <c r="K299" s="6">
        <v>3379</v>
      </c>
      <c r="L299" s="6">
        <v>2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6</v>
      </c>
      <c r="E300" s="9" t="s">
        <v>227</v>
      </c>
      <c r="F300" s="9" t="s">
        <v>234</v>
      </c>
      <c r="G300" s="9" t="s">
        <v>30</v>
      </c>
      <c r="H300" s="6">
        <v>4607</v>
      </c>
      <c r="I300" s="6">
        <v>3120</v>
      </c>
      <c r="J300" s="6">
        <v>2981</v>
      </c>
      <c r="K300" s="6">
        <v>1485</v>
      </c>
      <c r="L300" s="6">
        <v>2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6</v>
      </c>
      <c r="E301" s="9" t="s">
        <v>227</v>
      </c>
      <c r="F301" s="9" t="s">
        <v>235</v>
      </c>
      <c r="G301" s="9" t="s">
        <v>30</v>
      </c>
      <c r="H301" s="6">
        <v>8759</v>
      </c>
      <c r="I301" s="6">
        <v>6865</v>
      </c>
      <c r="J301" s="6">
        <v>6667</v>
      </c>
      <c r="K301" s="6">
        <v>1894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6</v>
      </c>
      <c r="E302" s="9" t="s">
        <v>227</v>
      </c>
      <c r="F302" s="9" t="s">
        <v>235</v>
      </c>
      <c r="G302" s="9" t="s">
        <v>236</v>
      </c>
      <c r="H302" s="6">
        <v>544</v>
      </c>
      <c r="I302" s="6">
        <v>286</v>
      </c>
      <c r="J302" s="6">
        <v>280</v>
      </c>
      <c r="K302" s="6">
        <v>258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6</v>
      </c>
      <c r="E303" s="9" t="s">
        <v>227</v>
      </c>
      <c r="F303" s="9" t="s">
        <v>235</v>
      </c>
      <c r="G303" s="9" t="s">
        <v>237</v>
      </c>
      <c r="H303" s="6">
        <v>514</v>
      </c>
      <c r="I303" s="6">
        <v>396</v>
      </c>
      <c r="J303" s="6">
        <v>386</v>
      </c>
      <c r="K303" s="6">
        <v>118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6</v>
      </c>
      <c r="E304" s="9" t="s">
        <v>227</v>
      </c>
      <c r="F304" s="9" t="s">
        <v>235</v>
      </c>
      <c r="G304" s="9" t="s">
        <v>238</v>
      </c>
      <c r="H304" s="6">
        <v>437</v>
      </c>
      <c r="I304" s="6">
        <v>351</v>
      </c>
      <c r="J304" s="6">
        <v>342</v>
      </c>
      <c r="K304" s="6">
        <v>86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6</v>
      </c>
      <c r="E305" s="9" t="s">
        <v>227</v>
      </c>
      <c r="F305" s="9" t="s">
        <v>235</v>
      </c>
      <c r="G305" s="9" t="s">
        <v>239</v>
      </c>
      <c r="H305" s="6">
        <v>385</v>
      </c>
      <c r="I305" s="6">
        <v>336</v>
      </c>
      <c r="J305" s="6">
        <v>330</v>
      </c>
      <c r="K305" s="6">
        <v>49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6</v>
      </c>
      <c r="E306" s="9" t="s">
        <v>227</v>
      </c>
      <c r="F306" s="9" t="s">
        <v>235</v>
      </c>
      <c r="G306" s="9" t="s">
        <v>240</v>
      </c>
      <c r="H306" s="6">
        <v>386</v>
      </c>
      <c r="I306" s="6">
        <v>343</v>
      </c>
      <c r="J306" s="6">
        <v>328</v>
      </c>
      <c r="K306" s="6">
        <v>43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6</v>
      </c>
      <c r="E307" s="9" t="s">
        <v>227</v>
      </c>
      <c r="F307" s="9" t="s">
        <v>235</v>
      </c>
      <c r="G307" s="9" t="s">
        <v>241</v>
      </c>
      <c r="H307" s="6">
        <v>325</v>
      </c>
      <c r="I307" s="6">
        <v>275</v>
      </c>
      <c r="J307" s="6">
        <v>264</v>
      </c>
      <c r="K307" s="6">
        <v>50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6</v>
      </c>
      <c r="E308" s="9" t="s">
        <v>227</v>
      </c>
      <c r="F308" s="9" t="s">
        <v>235</v>
      </c>
      <c r="G308" s="9" t="s">
        <v>242</v>
      </c>
      <c r="H308" s="6">
        <v>334</v>
      </c>
      <c r="I308" s="6">
        <v>295</v>
      </c>
      <c r="J308" s="6">
        <v>292</v>
      </c>
      <c r="K308" s="6">
        <v>39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6</v>
      </c>
      <c r="E309" s="9" t="s">
        <v>227</v>
      </c>
      <c r="F309" s="9" t="s">
        <v>235</v>
      </c>
      <c r="G309" s="9" t="s">
        <v>243</v>
      </c>
      <c r="H309" s="6">
        <v>297</v>
      </c>
      <c r="I309" s="6">
        <v>255</v>
      </c>
      <c r="J309" s="6">
        <v>250</v>
      </c>
      <c r="K309" s="6">
        <v>42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6</v>
      </c>
      <c r="E310" s="9" t="s">
        <v>227</v>
      </c>
      <c r="F310" s="9" t="s">
        <v>235</v>
      </c>
      <c r="G310" s="9" t="s">
        <v>244</v>
      </c>
      <c r="H310" s="6">
        <v>300</v>
      </c>
      <c r="I310" s="6">
        <v>253</v>
      </c>
      <c r="J310" s="6">
        <v>247</v>
      </c>
      <c r="K310" s="6">
        <v>47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6</v>
      </c>
      <c r="E311" s="9" t="s">
        <v>227</v>
      </c>
      <c r="F311" s="9" t="s">
        <v>235</v>
      </c>
      <c r="G311" s="9" t="s">
        <v>245</v>
      </c>
      <c r="H311" s="6">
        <v>280</v>
      </c>
      <c r="I311" s="6">
        <v>243</v>
      </c>
      <c r="J311" s="6">
        <v>237</v>
      </c>
      <c r="K311" s="6">
        <v>37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6</v>
      </c>
      <c r="E312" s="9" t="s">
        <v>227</v>
      </c>
      <c r="F312" s="9" t="s">
        <v>235</v>
      </c>
      <c r="G312" s="9" t="s">
        <v>246</v>
      </c>
      <c r="H312" s="6">
        <v>267</v>
      </c>
      <c r="I312" s="6">
        <v>231</v>
      </c>
      <c r="J312" s="6">
        <v>223</v>
      </c>
      <c r="K312" s="6">
        <v>36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6</v>
      </c>
      <c r="E313" s="9" t="s">
        <v>227</v>
      </c>
      <c r="F313" s="9" t="s">
        <v>235</v>
      </c>
      <c r="G313" s="9" t="s">
        <v>247</v>
      </c>
      <c r="H313" s="6">
        <v>275</v>
      </c>
      <c r="I313" s="6">
        <v>247</v>
      </c>
      <c r="J313" s="6">
        <v>240</v>
      </c>
      <c r="K313" s="6">
        <v>28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6</v>
      </c>
      <c r="E314" s="9" t="s">
        <v>227</v>
      </c>
      <c r="F314" s="9" t="s">
        <v>235</v>
      </c>
      <c r="G314" s="9" t="s">
        <v>248</v>
      </c>
      <c r="H314" s="6">
        <v>300</v>
      </c>
      <c r="I314" s="6">
        <v>257</v>
      </c>
      <c r="J314" s="6">
        <v>253</v>
      </c>
      <c r="K314" s="6">
        <v>43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6</v>
      </c>
      <c r="E315" s="9" t="s">
        <v>227</v>
      </c>
      <c r="F315" s="9" t="s">
        <v>235</v>
      </c>
      <c r="G315" s="9" t="s">
        <v>249</v>
      </c>
      <c r="H315" s="6">
        <v>264</v>
      </c>
      <c r="I315" s="6">
        <v>229</v>
      </c>
      <c r="J315" s="6">
        <v>227</v>
      </c>
      <c r="K315" s="6">
        <v>35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6</v>
      </c>
      <c r="E316" s="9" t="s">
        <v>227</v>
      </c>
      <c r="F316" s="9" t="s">
        <v>235</v>
      </c>
      <c r="G316" s="9" t="s">
        <v>250</v>
      </c>
      <c r="H316" s="6">
        <v>253</v>
      </c>
      <c r="I316" s="6">
        <v>214</v>
      </c>
      <c r="J316" s="6">
        <v>209</v>
      </c>
      <c r="K316" s="6">
        <v>39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6</v>
      </c>
      <c r="E317" s="9" t="s">
        <v>227</v>
      </c>
      <c r="F317" s="9" t="s">
        <v>235</v>
      </c>
      <c r="G317" s="9" t="s">
        <v>251</v>
      </c>
      <c r="H317" s="6">
        <v>250</v>
      </c>
      <c r="I317" s="6">
        <v>213</v>
      </c>
      <c r="J317" s="6">
        <v>208</v>
      </c>
      <c r="K317" s="6">
        <v>37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6</v>
      </c>
      <c r="E318" s="9" t="s">
        <v>227</v>
      </c>
      <c r="F318" s="9" t="s">
        <v>235</v>
      </c>
      <c r="G318" s="9" t="s">
        <v>252</v>
      </c>
      <c r="H318" s="6">
        <v>233</v>
      </c>
      <c r="I318" s="6">
        <v>196</v>
      </c>
      <c r="J318" s="6">
        <v>192</v>
      </c>
      <c r="K318" s="6">
        <v>37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6</v>
      </c>
      <c r="E319" s="9" t="s">
        <v>227</v>
      </c>
      <c r="F319" s="9" t="s">
        <v>235</v>
      </c>
      <c r="G319" s="9" t="s">
        <v>253</v>
      </c>
      <c r="H319" s="6">
        <v>253</v>
      </c>
      <c r="I319" s="6">
        <v>216</v>
      </c>
      <c r="J319" s="6">
        <v>211</v>
      </c>
      <c r="K319" s="6">
        <v>37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6</v>
      </c>
      <c r="E320" s="9" t="s">
        <v>227</v>
      </c>
      <c r="F320" s="9" t="s">
        <v>235</v>
      </c>
      <c r="G320" s="9" t="s">
        <v>254</v>
      </c>
      <c r="H320" s="6">
        <v>200</v>
      </c>
      <c r="I320" s="6">
        <v>170</v>
      </c>
      <c r="J320" s="6">
        <v>165</v>
      </c>
      <c r="K320" s="6">
        <v>30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6</v>
      </c>
      <c r="E321" s="9" t="s">
        <v>227</v>
      </c>
      <c r="F321" s="9" t="s">
        <v>235</v>
      </c>
      <c r="G321" s="9" t="s">
        <v>255</v>
      </c>
      <c r="H321" s="6">
        <v>191</v>
      </c>
      <c r="I321" s="6">
        <v>166</v>
      </c>
      <c r="J321" s="6">
        <v>157</v>
      </c>
      <c r="K321" s="6">
        <v>25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6</v>
      </c>
      <c r="E322" s="9" t="s">
        <v>227</v>
      </c>
      <c r="F322" s="9" t="s">
        <v>235</v>
      </c>
      <c r="G322" s="9" t="s">
        <v>256</v>
      </c>
      <c r="H322" s="6">
        <v>2471</v>
      </c>
      <c r="I322" s="6">
        <v>1693</v>
      </c>
      <c r="J322" s="6">
        <v>1626</v>
      </c>
      <c r="K322" s="6">
        <v>778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6</v>
      </c>
      <c r="E323" s="9" t="s">
        <v>228</v>
      </c>
      <c r="F323" s="9" t="s">
        <v>6</v>
      </c>
      <c r="G323" s="9" t="s">
        <v>30</v>
      </c>
      <c r="H323" s="6">
        <v>7879</v>
      </c>
      <c r="I323" s="6">
        <v>1394</v>
      </c>
      <c r="J323" s="6">
        <v>1251</v>
      </c>
      <c r="K323" s="6">
        <v>6483</v>
      </c>
      <c r="L323" s="6">
        <v>2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6</v>
      </c>
      <c r="E324" s="9" t="s">
        <v>228</v>
      </c>
      <c r="F324" s="9" t="s">
        <v>234</v>
      </c>
      <c r="G324" s="9" t="s">
        <v>30</v>
      </c>
      <c r="H324" s="6">
        <v>5342</v>
      </c>
      <c r="I324" s="6">
        <v>823</v>
      </c>
      <c r="J324" s="6">
        <v>753</v>
      </c>
      <c r="K324" s="6">
        <v>4518</v>
      </c>
      <c r="L324" s="6">
        <v>1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6</v>
      </c>
      <c r="E325" s="9" t="s">
        <v>228</v>
      </c>
      <c r="F325" s="9" t="s">
        <v>235</v>
      </c>
      <c r="G325" s="9" t="s">
        <v>30</v>
      </c>
      <c r="H325" s="6">
        <v>2537</v>
      </c>
      <c r="I325" s="6">
        <v>571</v>
      </c>
      <c r="J325" s="6">
        <v>498</v>
      </c>
      <c r="K325" s="6">
        <v>1965</v>
      </c>
      <c r="L325" s="6">
        <v>1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6</v>
      </c>
      <c r="E326" s="9" t="s">
        <v>228</v>
      </c>
      <c r="F326" s="9" t="s">
        <v>235</v>
      </c>
      <c r="G326" s="9" t="s">
        <v>236</v>
      </c>
      <c r="H326" s="6">
        <v>9</v>
      </c>
      <c r="I326" s="6">
        <v>1</v>
      </c>
      <c r="J326" s="6">
        <v>1</v>
      </c>
      <c r="K326" s="6">
        <v>8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6</v>
      </c>
      <c r="E327" s="9" t="s">
        <v>228</v>
      </c>
      <c r="F327" s="9" t="s">
        <v>235</v>
      </c>
      <c r="G327" s="9" t="s">
        <v>237</v>
      </c>
      <c r="H327" s="6">
        <v>11</v>
      </c>
      <c r="I327" s="6">
        <v>6</v>
      </c>
      <c r="J327" s="6">
        <v>6</v>
      </c>
      <c r="K327" s="6">
        <v>5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6</v>
      </c>
      <c r="E328" s="9" t="s">
        <v>228</v>
      </c>
      <c r="F328" s="9" t="s">
        <v>235</v>
      </c>
      <c r="G328" s="9" t="s">
        <v>238</v>
      </c>
      <c r="H328" s="6">
        <v>5</v>
      </c>
      <c r="I328" s="6">
        <v>3</v>
      </c>
      <c r="J328" s="6">
        <v>3</v>
      </c>
      <c r="K328" s="6">
        <v>2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6</v>
      </c>
      <c r="E329" s="9" t="s">
        <v>228</v>
      </c>
      <c r="F329" s="9" t="s">
        <v>235</v>
      </c>
      <c r="G329" s="9" t="s">
        <v>239</v>
      </c>
      <c r="H329" s="6">
        <v>7</v>
      </c>
      <c r="I329" s="6">
        <v>7</v>
      </c>
      <c r="J329" s="6">
        <v>6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6</v>
      </c>
      <c r="E330" s="9" t="s">
        <v>228</v>
      </c>
      <c r="F330" s="9" t="s">
        <v>235</v>
      </c>
      <c r="G330" s="9" t="s">
        <v>240</v>
      </c>
      <c r="H330" s="6">
        <v>6</v>
      </c>
      <c r="I330" s="6">
        <v>4</v>
      </c>
      <c r="J330" s="6">
        <v>2</v>
      </c>
      <c r="K330" s="6">
        <v>2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6</v>
      </c>
      <c r="E331" s="9" t="s">
        <v>228</v>
      </c>
      <c r="F331" s="9" t="s">
        <v>235</v>
      </c>
      <c r="G331" s="9" t="s">
        <v>241</v>
      </c>
      <c r="H331" s="6">
        <v>7</v>
      </c>
      <c r="I331" s="6">
        <v>7</v>
      </c>
      <c r="J331" s="6">
        <v>7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6</v>
      </c>
      <c r="E332" s="9" t="s">
        <v>228</v>
      </c>
      <c r="F332" s="9" t="s">
        <v>235</v>
      </c>
      <c r="G332" s="9" t="s">
        <v>242</v>
      </c>
      <c r="H332" s="6">
        <v>6</v>
      </c>
      <c r="I332" s="6">
        <v>4</v>
      </c>
      <c r="J332" s="6">
        <v>4</v>
      </c>
      <c r="K332" s="6">
        <v>2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6</v>
      </c>
      <c r="E333" s="9" t="s">
        <v>228</v>
      </c>
      <c r="F333" s="9" t="s">
        <v>235</v>
      </c>
      <c r="G333" s="9" t="s">
        <v>243</v>
      </c>
      <c r="H333" s="6">
        <v>9</v>
      </c>
      <c r="I333" s="6">
        <v>7</v>
      </c>
      <c r="J333" s="6">
        <v>5</v>
      </c>
      <c r="K333" s="6">
        <v>2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6</v>
      </c>
      <c r="E334" s="9" t="s">
        <v>228</v>
      </c>
      <c r="F334" s="9" t="s">
        <v>235</v>
      </c>
      <c r="G334" s="9" t="s">
        <v>244</v>
      </c>
      <c r="H334" s="6">
        <v>9</v>
      </c>
      <c r="I334" s="6">
        <v>6</v>
      </c>
      <c r="J334" s="6">
        <v>6</v>
      </c>
      <c r="K334" s="6">
        <v>3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6</v>
      </c>
      <c r="E335" s="9" t="s">
        <v>228</v>
      </c>
      <c r="F335" s="9" t="s">
        <v>235</v>
      </c>
      <c r="G335" s="9" t="s">
        <v>245</v>
      </c>
      <c r="H335" s="6">
        <v>3</v>
      </c>
      <c r="I335" s="6">
        <v>3</v>
      </c>
      <c r="J335" s="6">
        <v>2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6</v>
      </c>
      <c r="E336" s="9" t="s">
        <v>228</v>
      </c>
      <c r="F336" s="9" t="s">
        <v>235</v>
      </c>
      <c r="G336" s="9" t="s">
        <v>246</v>
      </c>
      <c r="H336" s="6">
        <v>3</v>
      </c>
      <c r="I336" s="6">
        <v>3</v>
      </c>
      <c r="J336" s="6">
        <v>3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6</v>
      </c>
      <c r="E337" s="9" t="s">
        <v>228</v>
      </c>
      <c r="F337" s="9" t="s">
        <v>235</v>
      </c>
      <c r="G337" s="9" t="s">
        <v>247</v>
      </c>
      <c r="H337" s="6">
        <v>5</v>
      </c>
      <c r="I337" s="6">
        <v>4</v>
      </c>
      <c r="J337" s="6">
        <v>4</v>
      </c>
      <c r="K337" s="6">
        <v>1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6</v>
      </c>
      <c r="E338" s="9" t="s">
        <v>228</v>
      </c>
      <c r="F338" s="9" t="s">
        <v>235</v>
      </c>
      <c r="G338" s="9" t="s">
        <v>248</v>
      </c>
      <c r="H338" s="6">
        <v>7</v>
      </c>
      <c r="I338" s="6">
        <v>5</v>
      </c>
      <c r="J338" s="6">
        <v>5</v>
      </c>
      <c r="K338" s="6">
        <v>2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6</v>
      </c>
      <c r="E339" s="9" t="s">
        <v>228</v>
      </c>
      <c r="F339" s="9" t="s">
        <v>235</v>
      </c>
      <c r="G339" s="9" t="s">
        <v>249</v>
      </c>
      <c r="H339" s="6">
        <v>5</v>
      </c>
      <c r="I339" s="6">
        <v>3</v>
      </c>
      <c r="J339" s="6">
        <v>3</v>
      </c>
      <c r="K339" s="6">
        <v>2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6</v>
      </c>
      <c r="E340" s="9" t="s">
        <v>228</v>
      </c>
      <c r="F340" s="9" t="s">
        <v>235</v>
      </c>
      <c r="G340" s="9" t="s">
        <v>250</v>
      </c>
      <c r="H340" s="6">
        <v>9</v>
      </c>
      <c r="I340" s="6">
        <v>8</v>
      </c>
      <c r="J340" s="6">
        <v>8</v>
      </c>
      <c r="K340" s="6">
        <v>1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6</v>
      </c>
      <c r="E341" s="9" t="s">
        <v>228</v>
      </c>
      <c r="F341" s="9" t="s">
        <v>235</v>
      </c>
      <c r="G341" s="9" t="s">
        <v>251</v>
      </c>
      <c r="H341" s="6">
        <v>5</v>
      </c>
      <c r="I341" s="6">
        <v>5</v>
      </c>
      <c r="J341" s="6">
        <v>5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6</v>
      </c>
      <c r="E342" s="9" t="s">
        <v>228</v>
      </c>
      <c r="F342" s="9" t="s">
        <v>235</v>
      </c>
      <c r="G342" s="9" t="s">
        <v>252</v>
      </c>
      <c r="H342" s="6">
        <v>9</v>
      </c>
      <c r="I342" s="6">
        <v>6</v>
      </c>
      <c r="J342" s="6">
        <v>6</v>
      </c>
      <c r="K342" s="6">
        <v>3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6</v>
      </c>
      <c r="E343" s="9" t="s">
        <v>228</v>
      </c>
      <c r="F343" s="9" t="s">
        <v>235</v>
      </c>
      <c r="G343" s="9" t="s">
        <v>253</v>
      </c>
      <c r="H343" s="6">
        <v>10</v>
      </c>
      <c r="I343" s="6">
        <v>9</v>
      </c>
      <c r="J343" s="6">
        <v>9</v>
      </c>
      <c r="K343" s="6">
        <v>1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6</v>
      </c>
      <c r="E344" s="9" t="s">
        <v>228</v>
      </c>
      <c r="F344" s="9" t="s">
        <v>235</v>
      </c>
      <c r="G344" s="9" t="s">
        <v>254</v>
      </c>
      <c r="H344" s="6">
        <v>11</v>
      </c>
      <c r="I344" s="6">
        <v>10</v>
      </c>
      <c r="J344" s="6">
        <v>10</v>
      </c>
      <c r="K344" s="6">
        <v>1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6</v>
      </c>
      <c r="E345" s="9" t="s">
        <v>228</v>
      </c>
      <c r="F345" s="9" t="s">
        <v>235</v>
      </c>
      <c r="G345" s="9" t="s">
        <v>255</v>
      </c>
      <c r="H345" s="6">
        <v>9</v>
      </c>
      <c r="I345" s="6">
        <v>6</v>
      </c>
      <c r="J345" s="6">
        <v>6</v>
      </c>
      <c r="K345" s="6">
        <v>3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6</v>
      </c>
      <c r="E346" s="9" t="s">
        <v>228</v>
      </c>
      <c r="F346" s="9" t="s">
        <v>235</v>
      </c>
      <c r="G346" s="9" t="s">
        <v>256</v>
      </c>
      <c r="H346" s="6">
        <v>2392</v>
      </c>
      <c r="I346" s="6">
        <v>464</v>
      </c>
      <c r="J346" s="6">
        <v>397</v>
      </c>
      <c r="K346" s="6">
        <v>1927</v>
      </c>
      <c r="L346" s="6">
        <v>1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6</v>
      </c>
      <c r="E347" s="9" t="s">
        <v>18</v>
      </c>
      <c r="F347" s="9" t="s">
        <v>6</v>
      </c>
      <c r="G347" s="9" t="s">
        <v>30</v>
      </c>
      <c r="H347" s="6">
        <v>1014</v>
      </c>
      <c r="I347" s="6">
        <v>5</v>
      </c>
      <c r="J347" s="6">
        <v>5</v>
      </c>
      <c r="K347" s="6">
        <v>1</v>
      </c>
      <c r="L347" s="6">
        <v>1008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6</v>
      </c>
      <c r="E348" s="9" t="s">
        <v>18</v>
      </c>
      <c r="F348" s="9" t="s">
        <v>234</v>
      </c>
      <c r="G348" s="9" t="s">
        <v>30</v>
      </c>
      <c r="H348" s="6">
        <v>280</v>
      </c>
      <c r="I348" s="6">
        <v>1</v>
      </c>
      <c r="J348" s="6">
        <v>1</v>
      </c>
      <c r="K348" s="10" t="s">
        <v>55</v>
      </c>
      <c r="L348" s="6">
        <v>279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6</v>
      </c>
      <c r="E349" s="9" t="s">
        <v>18</v>
      </c>
      <c r="F349" s="9" t="s">
        <v>235</v>
      </c>
      <c r="G349" s="9" t="s">
        <v>30</v>
      </c>
      <c r="H349" s="6">
        <v>734</v>
      </c>
      <c r="I349" s="6">
        <v>4</v>
      </c>
      <c r="J349" s="6">
        <v>4</v>
      </c>
      <c r="K349" s="6">
        <v>1</v>
      </c>
      <c r="L349" s="6">
        <v>729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6</v>
      </c>
      <c r="E350" s="9" t="s">
        <v>18</v>
      </c>
      <c r="F350" s="9" t="s">
        <v>235</v>
      </c>
      <c r="G350" s="9" t="s">
        <v>236</v>
      </c>
      <c r="H350" s="6">
        <v>61</v>
      </c>
      <c r="I350" s="10" t="s">
        <v>55</v>
      </c>
      <c r="J350" s="10" t="s">
        <v>55</v>
      </c>
      <c r="K350" s="10" t="s">
        <v>55</v>
      </c>
      <c r="L350" s="6">
        <v>61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6</v>
      </c>
      <c r="E351" s="9" t="s">
        <v>18</v>
      </c>
      <c r="F351" s="9" t="s">
        <v>235</v>
      </c>
      <c r="G351" s="9" t="s">
        <v>237</v>
      </c>
      <c r="H351" s="6">
        <v>65</v>
      </c>
      <c r="I351" s="10" t="s">
        <v>55</v>
      </c>
      <c r="J351" s="10" t="s">
        <v>55</v>
      </c>
      <c r="K351" s="10" t="s">
        <v>55</v>
      </c>
      <c r="L351" s="6">
        <v>65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6</v>
      </c>
      <c r="E352" s="9" t="s">
        <v>18</v>
      </c>
      <c r="F352" s="9" t="s">
        <v>235</v>
      </c>
      <c r="G352" s="9" t="s">
        <v>238</v>
      </c>
      <c r="H352" s="6">
        <v>51</v>
      </c>
      <c r="I352" s="10" t="s">
        <v>55</v>
      </c>
      <c r="J352" s="10" t="s">
        <v>55</v>
      </c>
      <c r="K352" s="10" t="s">
        <v>55</v>
      </c>
      <c r="L352" s="6">
        <v>51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6</v>
      </c>
      <c r="E353" s="9" t="s">
        <v>18</v>
      </c>
      <c r="F353" s="9" t="s">
        <v>235</v>
      </c>
      <c r="G353" s="9" t="s">
        <v>239</v>
      </c>
      <c r="H353" s="6">
        <v>42</v>
      </c>
      <c r="I353" s="10" t="s">
        <v>55</v>
      </c>
      <c r="J353" s="10" t="s">
        <v>55</v>
      </c>
      <c r="K353" s="10" t="s">
        <v>55</v>
      </c>
      <c r="L353" s="6">
        <v>42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6</v>
      </c>
      <c r="E354" s="9" t="s">
        <v>18</v>
      </c>
      <c r="F354" s="9" t="s">
        <v>235</v>
      </c>
      <c r="G354" s="9" t="s">
        <v>240</v>
      </c>
      <c r="H354" s="6">
        <v>36</v>
      </c>
      <c r="I354" s="10" t="s">
        <v>55</v>
      </c>
      <c r="J354" s="10" t="s">
        <v>55</v>
      </c>
      <c r="K354" s="10" t="s">
        <v>55</v>
      </c>
      <c r="L354" s="6">
        <v>36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6</v>
      </c>
      <c r="E355" s="9" t="s">
        <v>18</v>
      </c>
      <c r="F355" s="9" t="s">
        <v>235</v>
      </c>
      <c r="G355" s="9" t="s">
        <v>241</v>
      </c>
      <c r="H355" s="6">
        <v>34</v>
      </c>
      <c r="I355" s="10" t="s">
        <v>55</v>
      </c>
      <c r="J355" s="10" t="s">
        <v>55</v>
      </c>
      <c r="K355" s="10" t="s">
        <v>55</v>
      </c>
      <c r="L355" s="6">
        <v>34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6</v>
      </c>
      <c r="E356" s="9" t="s">
        <v>18</v>
      </c>
      <c r="F356" s="9" t="s">
        <v>235</v>
      </c>
      <c r="G356" s="9" t="s">
        <v>242</v>
      </c>
      <c r="H356" s="6">
        <v>33</v>
      </c>
      <c r="I356" s="6">
        <v>2</v>
      </c>
      <c r="J356" s="6">
        <v>2</v>
      </c>
      <c r="K356" s="10" t="s">
        <v>55</v>
      </c>
      <c r="L356" s="6">
        <v>31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6</v>
      </c>
      <c r="E357" s="9" t="s">
        <v>18</v>
      </c>
      <c r="F357" s="9" t="s">
        <v>235</v>
      </c>
      <c r="G357" s="9" t="s">
        <v>243</v>
      </c>
      <c r="H357" s="6">
        <v>26</v>
      </c>
      <c r="I357" s="10" t="s">
        <v>55</v>
      </c>
      <c r="J357" s="10" t="s">
        <v>55</v>
      </c>
      <c r="K357" s="10" t="s">
        <v>55</v>
      </c>
      <c r="L357" s="6">
        <v>26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6</v>
      </c>
      <c r="E358" s="9" t="s">
        <v>18</v>
      </c>
      <c r="F358" s="9" t="s">
        <v>235</v>
      </c>
      <c r="G358" s="9" t="s">
        <v>244</v>
      </c>
      <c r="H358" s="6">
        <v>24</v>
      </c>
      <c r="I358" s="10" t="s">
        <v>55</v>
      </c>
      <c r="J358" s="10" t="s">
        <v>55</v>
      </c>
      <c r="K358" s="10" t="s">
        <v>55</v>
      </c>
      <c r="L358" s="6">
        <v>24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6</v>
      </c>
      <c r="E359" s="9" t="s">
        <v>18</v>
      </c>
      <c r="F359" s="9" t="s">
        <v>235</v>
      </c>
      <c r="G359" s="9" t="s">
        <v>245</v>
      </c>
      <c r="H359" s="6">
        <v>25</v>
      </c>
      <c r="I359" s="10" t="s">
        <v>55</v>
      </c>
      <c r="J359" s="10" t="s">
        <v>55</v>
      </c>
      <c r="K359" s="10" t="s">
        <v>55</v>
      </c>
      <c r="L359" s="6">
        <v>25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6</v>
      </c>
      <c r="E360" s="9" t="s">
        <v>18</v>
      </c>
      <c r="F360" s="9" t="s">
        <v>235</v>
      </c>
      <c r="G360" s="9" t="s">
        <v>246</v>
      </c>
      <c r="H360" s="6">
        <v>14</v>
      </c>
      <c r="I360" s="10" t="s">
        <v>55</v>
      </c>
      <c r="J360" s="10" t="s">
        <v>55</v>
      </c>
      <c r="K360" s="10" t="s">
        <v>55</v>
      </c>
      <c r="L360" s="6">
        <v>14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6</v>
      </c>
      <c r="E361" s="9" t="s">
        <v>18</v>
      </c>
      <c r="F361" s="9" t="s">
        <v>235</v>
      </c>
      <c r="G361" s="9" t="s">
        <v>247</v>
      </c>
      <c r="H361" s="6">
        <v>25</v>
      </c>
      <c r="I361" s="10" t="s">
        <v>55</v>
      </c>
      <c r="J361" s="10" t="s">
        <v>55</v>
      </c>
      <c r="K361" s="10" t="s">
        <v>55</v>
      </c>
      <c r="L361" s="6">
        <v>25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6</v>
      </c>
      <c r="E362" s="9" t="s">
        <v>18</v>
      </c>
      <c r="F362" s="9" t="s">
        <v>235</v>
      </c>
      <c r="G362" s="9" t="s">
        <v>248</v>
      </c>
      <c r="H362" s="6">
        <v>18</v>
      </c>
      <c r="I362" s="10" t="s">
        <v>55</v>
      </c>
      <c r="J362" s="10" t="s">
        <v>55</v>
      </c>
      <c r="K362" s="10" t="s">
        <v>55</v>
      </c>
      <c r="L362" s="6">
        <v>18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6</v>
      </c>
      <c r="E363" s="9" t="s">
        <v>18</v>
      </c>
      <c r="F363" s="9" t="s">
        <v>235</v>
      </c>
      <c r="G363" s="9" t="s">
        <v>249</v>
      </c>
      <c r="H363" s="6">
        <v>24</v>
      </c>
      <c r="I363" s="10" t="s">
        <v>55</v>
      </c>
      <c r="J363" s="10" t="s">
        <v>55</v>
      </c>
      <c r="K363" s="10" t="s">
        <v>55</v>
      </c>
      <c r="L363" s="6">
        <v>24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6</v>
      </c>
      <c r="E364" s="9" t="s">
        <v>18</v>
      </c>
      <c r="F364" s="9" t="s">
        <v>235</v>
      </c>
      <c r="G364" s="9" t="s">
        <v>250</v>
      </c>
      <c r="H364" s="6">
        <v>22</v>
      </c>
      <c r="I364" s="10" t="s">
        <v>55</v>
      </c>
      <c r="J364" s="10" t="s">
        <v>55</v>
      </c>
      <c r="K364" s="10" t="s">
        <v>55</v>
      </c>
      <c r="L364" s="6">
        <v>22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6</v>
      </c>
      <c r="E365" s="9" t="s">
        <v>18</v>
      </c>
      <c r="F365" s="9" t="s">
        <v>235</v>
      </c>
      <c r="G365" s="9" t="s">
        <v>251</v>
      </c>
      <c r="H365" s="6">
        <v>19</v>
      </c>
      <c r="I365" s="10" t="s">
        <v>55</v>
      </c>
      <c r="J365" s="10" t="s">
        <v>55</v>
      </c>
      <c r="K365" s="10" t="s">
        <v>55</v>
      </c>
      <c r="L365" s="6">
        <v>19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6</v>
      </c>
      <c r="E366" s="9" t="s">
        <v>18</v>
      </c>
      <c r="F366" s="9" t="s">
        <v>235</v>
      </c>
      <c r="G366" s="9" t="s">
        <v>252</v>
      </c>
      <c r="H366" s="6">
        <v>21</v>
      </c>
      <c r="I366" s="10" t="s">
        <v>55</v>
      </c>
      <c r="J366" s="10" t="s">
        <v>55</v>
      </c>
      <c r="K366" s="10" t="s">
        <v>55</v>
      </c>
      <c r="L366" s="6">
        <v>21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6</v>
      </c>
      <c r="E367" s="9" t="s">
        <v>18</v>
      </c>
      <c r="F367" s="9" t="s">
        <v>235</v>
      </c>
      <c r="G367" s="9" t="s">
        <v>253</v>
      </c>
      <c r="H367" s="6">
        <v>10</v>
      </c>
      <c r="I367" s="10" t="s">
        <v>55</v>
      </c>
      <c r="J367" s="10" t="s">
        <v>55</v>
      </c>
      <c r="K367" s="10" t="s">
        <v>55</v>
      </c>
      <c r="L367" s="6">
        <v>10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6</v>
      </c>
      <c r="E368" s="9" t="s">
        <v>18</v>
      </c>
      <c r="F368" s="9" t="s">
        <v>235</v>
      </c>
      <c r="G368" s="9" t="s">
        <v>254</v>
      </c>
      <c r="H368" s="6">
        <v>19</v>
      </c>
      <c r="I368" s="6">
        <v>1</v>
      </c>
      <c r="J368" s="6">
        <v>1</v>
      </c>
      <c r="K368" s="10" t="s">
        <v>55</v>
      </c>
      <c r="L368" s="6">
        <v>18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6</v>
      </c>
      <c r="E369" s="9" t="s">
        <v>18</v>
      </c>
      <c r="F369" s="9" t="s">
        <v>235</v>
      </c>
      <c r="G369" s="9" t="s">
        <v>255</v>
      </c>
      <c r="H369" s="6">
        <v>12</v>
      </c>
      <c r="I369" s="10" t="s">
        <v>55</v>
      </c>
      <c r="J369" s="10" t="s">
        <v>55</v>
      </c>
      <c r="K369" s="10" t="s">
        <v>55</v>
      </c>
      <c r="L369" s="6">
        <v>12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6</v>
      </c>
      <c r="E370" s="9" t="s">
        <v>18</v>
      </c>
      <c r="F370" s="9" t="s">
        <v>235</v>
      </c>
      <c r="G370" s="9" t="s">
        <v>256</v>
      </c>
      <c r="H370" s="6">
        <v>153</v>
      </c>
      <c r="I370" s="6">
        <v>1</v>
      </c>
      <c r="J370" s="6">
        <v>1</v>
      </c>
      <c r="K370" s="6">
        <v>1</v>
      </c>
      <c r="L370" s="6">
        <v>15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2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97C653-F6DD-44A0-AAFC-AC7594B29EDA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57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58</v>
      </c>
      <c r="E11" s="5" t="s">
        <v>6</v>
      </c>
      <c r="F11" s="5" t="s">
        <v>6</v>
      </c>
      <c r="G11" s="5" t="s">
        <v>30</v>
      </c>
      <c r="H11" s="6">
        <v>25108030</v>
      </c>
      <c r="I11" s="6">
        <v>12417933</v>
      </c>
      <c r="J11" s="6">
        <v>10868633</v>
      </c>
      <c r="K11" s="6">
        <v>10399432</v>
      </c>
      <c r="L11" s="6">
        <v>2290665</v>
      </c>
    </row>
    <row r="12" spans="1:12">
      <c r="A12" s="9" t="s">
        <v>27</v>
      </c>
      <c r="B12" s="9" t="s">
        <v>28</v>
      </c>
      <c r="C12" s="9" t="s">
        <v>29</v>
      </c>
      <c r="D12" s="9" t="s">
        <v>258</v>
      </c>
      <c r="E12" s="9" t="s">
        <v>6</v>
      </c>
      <c r="F12" s="9" t="s">
        <v>234</v>
      </c>
      <c r="G12" s="9" t="s">
        <v>30</v>
      </c>
      <c r="H12" s="6">
        <v>11158840</v>
      </c>
      <c r="I12" s="6">
        <v>4512635</v>
      </c>
      <c r="J12" s="6">
        <v>3752558</v>
      </c>
      <c r="K12" s="6">
        <v>5714737</v>
      </c>
      <c r="L12" s="6">
        <v>931468</v>
      </c>
    </row>
    <row r="13" spans="1:12">
      <c r="A13" s="9" t="s">
        <v>27</v>
      </c>
      <c r="B13" s="9" t="s">
        <v>28</v>
      </c>
      <c r="C13" s="9" t="s">
        <v>29</v>
      </c>
      <c r="D13" s="9" t="s">
        <v>258</v>
      </c>
      <c r="E13" s="9" t="s">
        <v>6</v>
      </c>
      <c r="F13" s="9" t="s">
        <v>235</v>
      </c>
      <c r="G13" s="9" t="s">
        <v>30</v>
      </c>
      <c r="H13" s="6">
        <v>13949190</v>
      </c>
      <c r="I13" s="6">
        <v>7905298</v>
      </c>
      <c r="J13" s="6">
        <v>7116075</v>
      </c>
      <c r="K13" s="6">
        <v>4684695</v>
      </c>
      <c r="L13" s="6">
        <v>1359197</v>
      </c>
    </row>
    <row r="14" spans="1:12">
      <c r="A14" s="9" t="s">
        <v>27</v>
      </c>
      <c r="B14" s="9" t="s">
        <v>28</v>
      </c>
      <c r="C14" s="9" t="s">
        <v>29</v>
      </c>
      <c r="D14" s="9" t="s">
        <v>258</v>
      </c>
      <c r="E14" s="9" t="s">
        <v>6</v>
      </c>
      <c r="F14" s="9" t="s">
        <v>235</v>
      </c>
      <c r="G14" s="9" t="s">
        <v>236</v>
      </c>
      <c r="H14" s="6">
        <v>721974</v>
      </c>
      <c r="I14" s="6">
        <v>296375</v>
      </c>
      <c r="J14" s="6">
        <v>277080</v>
      </c>
      <c r="K14" s="6">
        <v>332476</v>
      </c>
      <c r="L14" s="6">
        <v>93123</v>
      </c>
    </row>
    <row r="15" spans="1:12">
      <c r="A15" s="9" t="s">
        <v>27</v>
      </c>
      <c r="B15" s="9" t="s">
        <v>28</v>
      </c>
      <c r="C15" s="9" t="s">
        <v>29</v>
      </c>
      <c r="D15" s="9" t="s">
        <v>258</v>
      </c>
      <c r="E15" s="9" t="s">
        <v>6</v>
      </c>
      <c r="F15" s="9" t="s">
        <v>235</v>
      </c>
      <c r="G15" s="9" t="s">
        <v>237</v>
      </c>
      <c r="H15" s="6">
        <v>714638</v>
      </c>
      <c r="I15" s="6">
        <v>358464</v>
      </c>
      <c r="J15" s="6">
        <v>333985</v>
      </c>
      <c r="K15" s="6">
        <v>253899</v>
      </c>
      <c r="L15" s="6">
        <v>102275</v>
      </c>
    </row>
    <row r="16" spans="1:12">
      <c r="A16" s="9" t="s">
        <v>27</v>
      </c>
      <c r="B16" s="9" t="s">
        <v>28</v>
      </c>
      <c r="C16" s="9" t="s">
        <v>29</v>
      </c>
      <c r="D16" s="9" t="s">
        <v>258</v>
      </c>
      <c r="E16" s="9" t="s">
        <v>6</v>
      </c>
      <c r="F16" s="9" t="s">
        <v>235</v>
      </c>
      <c r="G16" s="9" t="s">
        <v>238</v>
      </c>
      <c r="H16" s="6">
        <v>629428</v>
      </c>
      <c r="I16" s="6">
        <v>346600</v>
      </c>
      <c r="J16" s="6">
        <v>321857</v>
      </c>
      <c r="K16" s="6">
        <v>192861</v>
      </c>
      <c r="L16" s="6">
        <v>89967</v>
      </c>
    </row>
    <row r="17" spans="1:12">
      <c r="A17" s="9" t="s">
        <v>27</v>
      </c>
      <c r="B17" s="9" t="s">
        <v>28</v>
      </c>
      <c r="C17" s="9" t="s">
        <v>29</v>
      </c>
      <c r="D17" s="9" t="s">
        <v>258</v>
      </c>
      <c r="E17" s="9" t="s">
        <v>6</v>
      </c>
      <c r="F17" s="9" t="s">
        <v>235</v>
      </c>
      <c r="G17" s="9" t="s">
        <v>239</v>
      </c>
      <c r="H17" s="6">
        <v>537675</v>
      </c>
      <c r="I17" s="6">
        <v>309748</v>
      </c>
      <c r="J17" s="6">
        <v>286017</v>
      </c>
      <c r="K17" s="6">
        <v>152057</v>
      </c>
      <c r="L17" s="6">
        <v>75870</v>
      </c>
    </row>
    <row r="18" spans="1:12">
      <c r="A18" s="9" t="s">
        <v>27</v>
      </c>
      <c r="B18" s="9" t="s">
        <v>28</v>
      </c>
      <c r="C18" s="9" t="s">
        <v>29</v>
      </c>
      <c r="D18" s="9" t="s">
        <v>258</v>
      </c>
      <c r="E18" s="9" t="s">
        <v>6</v>
      </c>
      <c r="F18" s="9" t="s">
        <v>235</v>
      </c>
      <c r="G18" s="9" t="s">
        <v>240</v>
      </c>
      <c r="H18" s="6">
        <v>490120</v>
      </c>
      <c r="I18" s="6">
        <v>296748</v>
      </c>
      <c r="J18" s="6">
        <v>273558</v>
      </c>
      <c r="K18" s="6">
        <v>126543</v>
      </c>
      <c r="L18" s="6">
        <v>66829</v>
      </c>
    </row>
    <row r="19" spans="1:12">
      <c r="A19" s="9" t="s">
        <v>27</v>
      </c>
      <c r="B19" s="9" t="s">
        <v>28</v>
      </c>
      <c r="C19" s="9" t="s">
        <v>29</v>
      </c>
      <c r="D19" s="9" t="s">
        <v>258</v>
      </c>
      <c r="E19" s="9" t="s">
        <v>6</v>
      </c>
      <c r="F19" s="9" t="s">
        <v>235</v>
      </c>
      <c r="G19" s="9" t="s">
        <v>241</v>
      </c>
      <c r="H19" s="6">
        <v>456810</v>
      </c>
      <c r="I19" s="6">
        <v>286501</v>
      </c>
      <c r="J19" s="6">
        <v>264285</v>
      </c>
      <c r="K19" s="6">
        <v>111219</v>
      </c>
      <c r="L19" s="6">
        <v>59090</v>
      </c>
    </row>
    <row r="20" spans="1:12">
      <c r="A20" s="9" t="s">
        <v>27</v>
      </c>
      <c r="B20" s="9" t="s">
        <v>28</v>
      </c>
      <c r="C20" s="9" t="s">
        <v>29</v>
      </c>
      <c r="D20" s="9" t="s">
        <v>258</v>
      </c>
      <c r="E20" s="9" t="s">
        <v>6</v>
      </c>
      <c r="F20" s="9" t="s">
        <v>235</v>
      </c>
      <c r="G20" s="9" t="s">
        <v>242</v>
      </c>
      <c r="H20" s="6">
        <v>429244</v>
      </c>
      <c r="I20" s="6">
        <v>272983</v>
      </c>
      <c r="J20" s="6">
        <v>252276</v>
      </c>
      <c r="K20" s="6">
        <v>102063</v>
      </c>
      <c r="L20" s="6">
        <v>54198</v>
      </c>
    </row>
    <row r="21" spans="1:12">
      <c r="A21" s="9" t="s">
        <v>27</v>
      </c>
      <c r="B21" s="9" t="s">
        <v>28</v>
      </c>
      <c r="C21" s="9" t="s">
        <v>29</v>
      </c>
      <c r="D21" s="9" t="s">
        <v>258</v>
      </c>
      <c r="E21" s="9" t="s">
        <v>6</v>
      </c>
      <c r="F21" s="9" t="s">
        <v>235</v>
      </c>
      <c r="G21" s="9" t="s">
        <v>243</v>
      </c>
      <c r="H21" s="6">
        <v>420073</v>
      </c>
      <c r="I21" s="6">
        <v>273937</v>
      </c>
      <c r="J21" s="6">
        <v>253921</v>
      </c>
      <c r="K21" s="6">
        <v>95003</v>
      </c>
      <c r="L21" s="6">
        <v>51133</v>
      </c>
    </row>
    <row r="22" spans="1:12">
      <c r="A22" s="9" t="s">
        <v>27</v>
      </c>
      <c r="B22" s="9" t="s">
        <v>28</v>
      </c>
      <c r="C22" s="9" t="s">
        <v>29</v>
      </c>
      <c r="D22" s="9" t="s">
        <v>258</v>
      </c>
      <c r="E22" s="9" t="s">
        <v>6</v>
      </c>
      <c r="F22" s="9" t="s">
        <v>235</v>
      </c>
      <c r="G22" s="9" t="s">
        <v>244</v>
      </c>
      <c r="H22" s="6">
        <v>402410</v>
      </c>
      <c r="I22" s="6">
        <v>272086</v>
      </c>
      <c r="J22" s="6">
        <v>252990</v>
      </c>
      <c r="K22" s="6">
        <v>82102</v>
      </c>
      <c r="L22" s="6">
        <v>48222</v>
      </c>
    </row>
    <row r="23" spans="1:12">
      <c r="A23" s="9" t="s">
        <v>27</v>
      </c>
      <c r="B23" s="9" t="s">
        <v>28</v>
      </c>
      <c r="C23" s="9" t="s">
        <v>29</v>
      </c>
      <c r="D23" s="9" t="s">
        <v>258</v>
      </c>
      <c r="E23" s="9" t="s">
        <v>6</v>
      </c>
      <c r="F23" s="9" t="s">
        <v>235</v>
      </c>
      <c r="G23" s="9" t="s">
        <v>245</v>
      </c>
      <c r="H23" s="6">
        <v>399777</v>
      </c>
      <c r="I23" s="6">
        <v>274444</v>
      </c>
      <c r="J23" s="6">
        <v>255699</v>
      </c>
      <c r="K23" s="6">
        <v>78136</v>
      </c>
      <c r="L23" s="6">
        <v>47197</v>
      </c>
    </row>
    <row r="24" spans="1:12">
      <c r="A24" s="9" t="s">
        <v>27</v>
      </c>
      <c r="B24" s="9" t="s">
        <v>28</v>
      </c>
      <c r="C24" s="9" t="s">
        <v>29</v>
      </c>
      <c r="D24" s="9" t="s">
        <v>258</v>
      </c>
      <c r="E24" s="9" t="s">
        <v>6</v>
      </c>
      <c r="F24" s="9" t="s">
        <v>235</v>
      </c>
      <c r="G24" s="9" t="s">
        <v>246</v>
      </c>
      <c r="H24" s="6">
        <v>390502</v>
      </c>
      <c r="I24" s="6">
        <v>271212</v>
      </c>
      <c r="J24" s="6">
        <v>253225</v>
      </c>
      <c r="K24" s="6">
        <v>74195</v>
      </c>
      <c r="L24" s="6">
        <v>45095</v>
      </c>
    </row>
    <row r="25" spans="1:12">
      <c r="A25" s="9" t="s">
        <v>27</v>
      </c>
      <c r="B25" s="9" t="s">
        <v>28</v>
      </c>
      <c r="C25" s="9" t="s">
        <v>29</v>
      </c>
      <c r="D25" s="9" t="s">
        <v>258</v>
      </c>
      <c r="E25" s="9" t="s">
        <v>6</v>
      </c>
      <c r="F25" s="9" t="s">
        <v>235</v>
      </c>
      <c r="G25" s="9" t="s">
        <v>247</v>
      </c>
      <c r="H25" s="6">
        <v>384166</v>
      </c>
      <c r="I25" s="6">
        <v>269289</v>
      </c>
      <c r="J25" s="6">
        <v>251525</v>
      </c>
      <c r="K25" s="6">
        <v>71192</v>
      </c>
      <c r="L25" s="6">
        <v>43685</v>
      </c>
    </row>
    <row r="26" spans="1:12">
      <c r="A26" s="9" t="s">
        <v>27</v>
      </c>
      <c r="B26" s="9" t="s">
        <v>28</v>
      </c>
      <c r="C26" s="9" t="s">
        <v>29</v>
      </c>
      <c r="D26" s="9" t="s">
        <v>258</v>
      </c>
      <c r="E26" s="9" t="s">
        <v>6</v>
      </c>
      <c r="F26" s="9" t="s">
        <v>235</v>
      </c>
      <c r="G26" s="9" t="s">
        <v>248</v>
      </c>
      <c r="H26" s="6">
        <v>381152</v>
      </c>
      <c r="I26" s="6">
        <v>269980</v>
      </c>
      <c r="J26" s="6">
        <v>252206</v>
      </c>
      <c r="K26" s="6">
        <v>69537</v>
      </c>
      <c r="L26" s="6">
        <v>41635</v>
      </c>
    </row>
    <row r="27" spans="1:12">
      <c r="A27" s="9" t="s">
        <v>27</v>
      </c>
      <c r="B27" s="9" t="s">
        <v>28</v>
      </c>
      <c r="C27" s="9" t="s">
        <v>29</v>
      </c>
      <c r="D27" s="9" t="s">
        <v>258</v>
      </c>
      <c r="E27" s="9" t="s">
        <v>6</v>
      </c>
      <c r="F27" s="9" t="s">
        <v>235</v>
      </c>
      <c r="G27" s="9" t="s">
        <v>249</v>
      </c>
      <c r="H27" s="6">
        <v>368706</v>
      </c>
      <c r="I27" s="6">
        <v>263311</v>
      </c>
      <c r="J27" s="6">
        <v>246582</v>
      </c>
      <c r="K27" s="6">
        <v>65827</v>
      </c>
      <c r="L27" s="6">
        <v>39568</v>
      </c>
    </row>
    <row r="28" spans="1:12">
      <c r="A28" s="9" t="s">
        <v>27</v>
      </c>
      <c r="B28" s="9" t="s">
        <v>28</v>
      </c>
      <c r="C28" s="9" t="s">
        <v>29</v>
      </c>
      <c r="D28" s="9" t="s">
        <v>258</v>
      </c>
      <c r="E28" s="9" t="s">
        <v>6</v>
      </c>
      <c r="F28" s="9" t="s">
        <v>235</v>
      </c>
      <c r="G28" s="9" t="s">
        <v>250</v>
      </c>
      <c r="H28" s="6">
        <v>354852</v>
      </c>
      <c r="I28" s="6">
        <v>256413</v>
      </c>
      <c r="J28" s="6">
        <v>240301</v>
      </c>
      <c r="K28" s="6">
        <v>61756</v>
      </c>
      <c r="L28" s="6">
        <v>36683</v>
      </c>
    </row>
    <row r="29" spans="1:12">
      <c r="A29" s="9" t="s">
        <v>27</v>
      </c>
      <c r="B29" s="9" t="s">
        <v>28</v>
      </c>
      <c r="C29" s="9" t="s">
        <v>29</v>
      </c>
      <c r="D29" s="9" t="s">
        <v>258</v>
      </c>
      <c r="E29" s="9" t="s">
        <v>6</v>
      </c>
      <c r="F29" s="9" t="s">
        <v>235</v>
      </c>
      <c r="G29" s="9" t="s">
        <v>251</v>
      </c>
      <c r="H29" s="6">
        <v>345734</v>
      </c>
      <c r="I29" s="6">
        <v>250023</v>
      </c>
      <c r="J29" s="6">
        <v>234250</v>
      </c>
      <c r="K29" s="6">
        <v>61440</v>
      </c>
      <c r="L29" s="6">
        <v>34271</v>
      </c>
    </row>
    <row r="30" spans="1:12">
      <c r="A30" s="9" t="s">
        <v>27</v>
      </c>
      <c r="B30" s="9" t="s">
        <v>28</v>
      </c>
      <c r="C30" s="9" t="s">
        <v>29</v>
      </c>
      <c r="D30" s="9" t="s">
        <v>258</v>
      </c>
      <c r="E30" s="9" t="s">
        <v>6</v>
      </c>
      <c r="F30" s="9" t="s">
        <v>235</v>
      </c>
      <c r="G30" s="9" t="s">
        <v>252</v>
      </c>
      <c r="H30" s="6">
        <v>348432</v>
      </c>
      <c r="I30" s="6">
        <v>251795</v>
      </c>
      <c r="J30" s="6">
        <v>235794</v>
      </c>
      <c r="K30" s="6">
        <v>62638</v>
      </c>
      <c r="L30" s="6">
        <v>33999</v>
      </c>
    </row>
    <row r="31" spans="1:12">
      <c r="A31" s="9" t="s">
        <v>27</v>
      </c>
      <c r="B31" s="9" t="s">
        <v>28</v>
      </c>
      <c r="C31" s="9" t="s">
        <v>29</v>
      </c>
      <c r="D31" s="9" t="s">
        <v>258</v>
      </c>
      <c r="E31" s="9" t="s">
        <v>6</v>
      </c>
      <c r="F31" s="9" t="s">
        <v>235</v>
      </c>
      <c r="G31" s="9" t="s">
        <v>253</v>
      </c>
      <c r="H31" s="6">
        <v>345951</v>
      </c>
      <c r="I31" s="6">
        <v>250354</v>
      </c>
      <c r="J31" s="6">
        <v>234173</v>
      </c>
      <c r="K31" s="6">
        <v>62892</v>
      </c>
      <c r="L31" s="6">
        <v>32705</v>
      </c>
    </row>
    <row r="32" spans="1:12">
      <c r="A32" s="9" t="s">
        <v>27</v>
      </c>
      <c r="B32" s="9" t="s">
        <v>28</v>
      </c>
      <c r="C32" s="9" t="s">
        <v>29</v>
      </c>
      <c r="D32" s="9" t="s">
        <v>258</v>
      </c>
      <c r="E32" s="9" t="s">
        <v>6</v>
      </c>
      <c r="F32" s="9" t="s">
        <v>235</v>
      </c>
      <c r="G32" s="9" t="s">
        <v>254</v>
      </c>
      <c r="H32" s="6">
        <v>321205</v>
      </c>
      <c r="I32" s="6">
        <v>228269</v>
      </c>
      <c r="J32" s="6">
        <v>213347</v>
      </c>
      <c r="K32" s="6">
        <v>61377</v>
      </c>
      <c r="L32" s="6">
        <v>31559</v>
      </c>
    </row>
    <row r="33" spans="1:12">
      <c r="A33" s="9" t="s">
        <v>27</v>
      </c>
      <c r="B33" s="9" t="s">
        <v>28</v>
      </c>
      <c r="C33" s="9" t="s">
        <v>29</v>
      </c>
      <c r="D33" s="9" t="s">
        <v>258</v>
      </c>
      <c r="E33" s="9" t="s">
        <v>6</v>
      </c>
      <c r="F33" s="9" t="s">
        <v>235</v>
      </c>
      <c r="G33" s="9" t="s">
        <v>255</v>
      </c>
      <c r="H33" s="6">
        <v>285140</v>
      </c>
      <c r="I33" s="6">
        <v>199427</v>
      </c>
      <c r="J33" s="6">
        <v>185844</v>
      </c>
      <c r="K33" s="6">
        <v>57240</v>
      </c>
      <c r="L33" s="6">
        <v>28473</v>
      </c>
    </row>
    <row r="34" spans="1:12">
      <c r="A34" s="9" t="s">
        <v>27</v>
      </c>
      <c r="B34" s="9" t="s">
        <v>28</v>
      </c>
      <c r="C34" s="9" t="s">
        <v>29</v>
      </c>
      <c r="D34" s="9" t="s">
        <v>258</v>
      </c>
      <c r="E34" s="9" t="s">
        <v>6</v>
      </c>
      <c r="F34" s="9" t="s">
        <v>235</v>
      </c>
      <c r="G34" s="9" t="s">
        <v>256</v>
      </c>
      <c r="H34" s="6">
        <v>5221201</v>
      </c>
      <c r="I34" s="6">
        <v>2407339</v>
      </c>
      <c r="J34" s="6">
        <v>1997160</v>
      </c>
      <c r="K34" s="6">
        <v>2510242</v>
      </c>
      <c r="L34" s="6">
        <v>303620</v>
      </c>
    </row>
    <row r="35" spans="1:12">
      <c r="A35" s="9" t="s">
        <v>27</v>
      </c>
      <c r="B35" s="9" t="s">
        <v>28</v>
      </c>
      <c r="C35" s="9" t="s">
        <v>29</v>
      </c>
      <c r="D35" s="9" t="s">
        <v>258</v>
      </c>
      <c r="E35" s="9" t="s">
        <v>226</v>
      </c>
      <c r="F35" s="9" t="s">
        <v>6</v>
      </c>
      <c r="G35" s="9" t="s">
        <v>30</v>
      </c>
      <c r="H35" s="6">
        <v>16700545</v>
      </c>
      <c r="I35" s="6">
        <v>11390500</v>
      </c>
      <c r="J35" s="6">
        <v>9954690</v>
      </c>
      <c r="K35" s="6">
        <v>5264788</v>
      </c>
      <c r="L35" s="6">
        <v>45257</v>
      </c>
    </row>
    <row r="36" spans="1:12">
      <c r="A36" s="9" t="s">
        <v>27</v>
      </c>
      <c r="B36" s="9" t="s">
        <v>28</v>
      </c>
      <c r="C36" s="9" t="s">
        <v>29</v>
      </c>
      <c r="D36" s="9" t="s">
        <v>258</v>
      </c>
      <c r="E36" s="9" t="s">
        <v>226</v>
      </c>
      <c r="F36" s="9" t="s">
        <v>234</v>
      </c>
      <c r="G36" s="9" t="s">
        <v>30</v>
      </c>
      <c r="H36" s="6">
        <v>5990501</v>
      </c>
      <c r="I36" s="6">
        <v>3893614</v>
      </c>
      <c r="J36" s="6">
        <v>3205172</v>
      </c>
      <c r="K36" s="6">
        <v>2065021</v>
      </c>
      <c r="L36" s="6">
        <v>31866</v>
      </c>
    </row>
    <row r="37" spans="1:12">
      <c r="A37" s="9" t="s">
        <v>27</v>
      </c>
      <c r="B37" s="9" t="s">
        <v>28</v>
      </c>
      <c r="C37" s="9" t="s">
        <v>29</v>
      </c>
      <c r="D37" s="9" t="s">
        <v>258</v>
      </c>
      <c r="E37" s="9" t="s">
        <v>226</v>
      </c>
      <c r="F37" s="9" t="s">
        <v>235</v>
      </c>
      <c r="G37" s="9" t="s">
        <v>30</v>
      </c>
      <c r="H37" s="6">
        <v>10710044</v>
      </c>
      <c r="I37" s="6">
        <v>7496886</v>
      </c>
      <c r="J37" s="6">
        <v>6749518</v>
      </c>
      <c r="K37" s="6">
        <v>3199767</v>
      </c>
      <c r="L37" s="6">
        <v>13391</v>
      </c>
    </row>
    <row r="38" spans="1:12">
      <c r="A38" s="9" t="s">
        <v>27</v>
      </c>
      <c r="B38" s="9" t="s">
        <v>28</v>
      </c>
      <c r="C38" s="9" t="s">
        <v>29</v>
      </c>
      <c r="D38" s="9" t="s">
        <v>258</v>
      </c>
      <c r="E38" s="9" t="s">
        <v>226</v>
      </c>
      <c r="F38" s="9" t="s">
        <v>235</v>
      </c>
      <c r="G38" s="9" t="s">
        <v>236</v>
      </c>
      <c r="H38" s="6">
        <v>620986</v>
      </c>
      <c r="I38" s="6">
        <v>293390</v>
      </c>
      <c r="J38" s="6">
        <v>274338</v>
      </c>
      <c r="K38" s="6">
        <v>327106</v>
      </c>
      <c r="L38" s="6">
        <v>490</v>
      </c>
    </row>
    <row r="39" spans="1:12">
      <c r="A39" s="9" t="s">
        <v>27</v>
      </c>
      <c r="B39" s="9" t="s">
        <v>28</v>
      </c>
      <c r="C39" s="9" t="s">
        <v>29</v>
      </c>
      <c r="D39" s="9" t="s">
        <v>258</v>
      </c>
      <c r="E39" s="9" t="s">
        <v>226</v>
      </c>
      <c r="F39" s="9" t="s">
        <v>235</v>
      </c>
      <c r="G39" s="9" t="s">
        <v>237</v>
      </c>
      <c r="H39" s="6">
        <v>605850</v>
      </c>
      <c r="I39" s="6">
        <v>355226</v>
      </c>
      <c r="J39" s="6">
        <v>330981</v>
      </c>
      <c r="K39" s="6">
        <v>250225</v>
      </c>
      <c r="L39" s="6">
        <v>399</v>
      </c>
    </row>
    <row r="40" spans="1:12">
      <c r="A40" s="9" t="s">
        <v>27</v>
      </c>
      <c r="B40" s="9" t="s">
        <v>28</v>
      </c>
      <c r="C40" s="9" t="s">
        <v>29</v>
      </c>
      <c r="D40" s="9" t="s">
        <v>258</v>
      </c>
      <c r="E40" s="9" t="s">
        <v>226</v>
      </c>
      <c r="F40" s="9" t="s">
        <v>235</v>
      </c>
      <c r="G40" s="9" t="s">
        <v>238</v>
      </c>
      <c r="H40" s="6">
        <v>533987</v>
      </c>
      <c r="I40" s="6">
        <v>343459</v>
      </c>
      <c r="J40" s="6">
        <v>318947</v>
      </c>
      <c r="K40" s="6">
        <v>190148</v>
      </c>
      <c r="L40" s="6">
        <v>380</v>
      </c>
    </row>
    <row r="41" spans="1:12">
      <c r="A41" s="9" t="s">
        <v>27</v>
      </c>
      <c r="B41" s="9" t="s">
        <v>28</v>
      </c>
      <c r="C41" s="9" t="s">
        <v>29</v>
      </c>
      <c r="D41" s="9" t="s">
        <v>258</v>
      </c>
      <c r="E41" s="9" t="s">
        <v>226</v>
      </c>
      <c r="F41" s="9" t="s">
        <v>235</v>
      </c>
      <c r="G41" s="9" t="s">
        <v>239</v>
      </c>
      <c r="H41" s="6">
        <v>457073</v>
      </c>
      <c r="I41" s="6">
        <v>306881</v>
      </c>
      <c r="J41" s="6">
        <v>283345</v>
      </c>
      <c r="K41" s="6">
        <v>149895</v>
      </c>
      <c r="L41" s="6">
        <v>297</v>
      </c>
    </row>
    <row r="42" spans="1:12">
      <c r="A42" s="9" t="s">
        <v>27</v>
      </c>
      <c r="B42" s="9" t="s">
        <v>28</v>
      </c>
      <c r="C42" s="9" t="s">
        <v>29</v>
      </c>
      <c r="D42" s="9" t="s">
        <v>258</v>
      </c>
      <c r="E42" s="9" t="s">
        <v>226</v>
      </c>
      <c r="F42" s="9" t="s">
        <v>235</v>
      </c>
      <c r="G42" s="9" t="s">
        <v>240</v>
      </c>
      <c r="H42" s="6">
        <v>418954</v>
      </c>
      <c r="I42" s="6">
        <v>293971</v>
      </c>
      <c r="J42" s="6">
        <v>270962</v>
      </c>
      <c r="K42" s="6">
        <v>124713</v>
      </c>
      <c r="L42" s="6">
        <v>270</v>
      </c>
    </row>
    <row r="43" spans="1:12">
      <c r="A43" s="9" t="s">
        <v>27</v>
      </c>
      <c r="B43" s="9" t="s">
        <v>28</v>
      </c>
      <c r="C43" s="9" t="s">
        <v>29</v>
      </c>
      <c r="D43" s="9" t="s">
        <v>258</v>
      </c>
      <c r="E43" s="9" t="s">
        <v>226</v>
      </c>
      <c r="F43" s="9" t="s">
        <v>235</v>
      </c>
      <c r="G43" s="9" t="s">
        <v>241</v>
      </c>
      <c r="H43" s="6">
        <v>393658</v>
      </c>
      <c r="I43" s="6">
        <v>283803</v>
      </c>
      <c r="J43" s="6">
        <v>261792</v>
      </c>
      <c r="K43" s="6">
        <v>109593</v>
      </c>
      <c r="L43" s="6">
        <v>262</v>
      </c>
    </row>
    <row r="44" spans="1:12">
      <c r="A44" s="9" t="s">
        <v>27</v>
      </c>
      <c r="B44" s="9" t="s">
        <v>28</v>
      </c>
      <c r="C44" s="9" t="s">
        <v>29</v>
      </c>
      <c r="D44" s="9" t="s">
        <v>258</v>
      </c>
      <c r="E44" s="9" t="s">
        <v>226</v>
      </c>
      <c r="F44" s="9" t="s">
        <v>235</v>
      </c>
      <c r="G44" s="9" t="s">
        <v>242</v>
      </c>
      <c r="H44" s="6">
        <v>370678</v>
      </c>
      <c r="I44" s="6">
        <v>270096</v>
      </c>
      <c r="J44" s="6">
        <v>249584</v>
      </c>
      <c r="K44" s="6">
        <v>100343</v>
      </c>
      <c r="L44" s="6">
        <v>239</v>
      </c>
    </row>
    <row r="45" spans="1:12">
      <c r="A45" s="9" t="s">
        <v>27</v>
      </c>
      <c r="B45" s="9" t="s">
        <v>28</v>
      </c>
      <c r="C45" s="9" t="s">
        <v>29</v>
      </c>
      <c r="D45" s="9" t="s">
        <v>258</v>
      </c>
      <c r="E45" s="9" t="s">
        <v>226</v>
      </c>
      <c r="F45" s="9" t="s">
        <v>235</v>
      </c>
      <c r="G45" s="9" t="s">
        <v>243</v>
      </c>
      <c r="H45" s="6">
        <v>364658</v>
      </c>
      <c r="I45" s="6">
        <v>270993</v>
      </c>
      <c r="J45" s="6">
        <v>251189</v>
      </c>
      <c r="K45" s="6">
        <v>93407</v>
      </c>
      <c r="L45" s="6">
        <v>258</v>
      </c>
    </row>
    <row r="46" spans="1:12">
      <c r="A46" s="9" t="s">
        <v>27</v>
      </c>
      <c r="B46" s="9" t="s">
        <v>28</v>
      </c>
      <c r="C46" s="9" t="s">
        <v>29</v>
      </c>
      <c r="D46" s="9" t="s">
        <v>258</v>
      </c>
      <c r="E46" s="9" t="s">
        <v>226</v>
      </c>
      <c r="F46" s="9" t="s">
        <v>235</v>
      </c>
      <c r="G46" s="9" t="s">
        <v>244</v>
      </c>
      <c r="H46" s="6">
        <v>349836</v>
      </c>
      <c r="I46" s="6">
        <v>268988</v>
      </c>
      <c r="J46" s="6">
        <v>250050</v>
      </c>
      <c r="K46" s="6">
        <v>80599</v>
      </c>
      <c r="L46" s="6">
        <v>249</v>
      </c>
    </row>
    <row r="47" spans="1:12">
      <c r="A47" s="9" t="s">
        <v>27</v>
      </c>
      <c r="B47" s="9" t="s">
        <v>28</v>
      </c>
      <c r="C47" s="9" t="s">
        <v>29</v>
      </c>
      <c r="D47" s="9" t="s">
        <v>258</v>
      </c>
      <c r="E47" s="9" t="s">
        <v>226</v>
      </c>
      <c r="F47" s="9" t="s">
        <v>235</v>
      </c>
      <c r="G47" s="9" t="s">
        <v>245</v>
      </c>
      <c r="H47" s="6">
        <v>348201</v>
      </c>
      <c r="I47" s="6">
        <v>271335</v>
      </c>
      <c r="J47" s="6">
        <v>252775</v>
      </c>
      <c r="K47" s="6">
        <v>76656</v>
      </c>
      <c r="L47" s="6">
        <v>210</v>
      </c>
    </row>
    <row r="48" spans="1:12">
      <c r="A48" s="9" t="s">
        <v>27</v>
      </c>
      <c r="B48" s="9" t="s">
        <v>28</v>
      </c>
      <c r="C48" s="9" t="s">
        <v>29</v>
      </c>
      <c r="D48" s="9" t="s">
        <v>258</v>
      </c>
      <c r="E48" s="9" t="s">
        <v>226</v>
      </c>
      <c r="F48" s="9" t="s">
        <v>235</v>
      </c>
      <c r="G48" s="9" t="s">
        <v>246</v>
      </c>
      <c r="H48" s="6">
        <v>340599</v>
      </c>
      <c r="I48" s="6">
        <v>267761</v>
      </c>
      <c r="J48" s="6">
        <v>249958</v>
      </c>
      <c r="K48" s="6">
        <v>72632</v>
      </c>
      <c r="L48" s="6">
        <v>206</v>
      </c>
    </row>
    <row r="49" spans="1:12">
      <c r="A49" s="9" t="s">
        <v>27</v>
      </c>
      <c r="B49" s="9" t="s">
        <v>28</v>
      </c>
      <c r="C49" s="9" t="s">
        <v>29</v>
      </c>
      <c r="D49" s="9" t="s">
        <v>258</v>
      </c>
      <c r="E49" s="9" t="s">
        <v>226</v>
      </c>
      <c r="F49" s="9" t="s">
        <v>235</v>
      </c>
      <c r="G49" s="9" t="s">
        <v>247</v>
      </c>
      <c r="H49" s="6">
        <v>335662</v>
      </c>
      <c r="I49" s="6">
        <v>265765</v>
      </c>
      <c r="J49" s="6">
        <v>248211</v>
      </c>
      <c r="K49" s="6">
        <v>69704</v>
      </c>
      <c r="L49" s="6">
        <v>193</v>
      </c>
    </row>
    <row r="50" spans="1:12">
      <c r="A50" s="9" t="s">
        <v>27</v>
      </c>
      <c r="B50" s="9" t="s">
        <v>28</v>
      </c>
      <c r="C50" s="9" t="s">
        <v>29</v>
      </c>
      <c r="D50" s="9" t="s">
        <v>258</v>
      </c>
      <c r="E50" s="9" t="s">
        <v>226</v>
      </c>
      <c r="F50" s="9" t="s">
        <v>235</v>
      </c>
      <c r="G50" s="9" t="s">
        <v>248</v>
      </c>
      <c r="H50" s="6">
        <v>334552</v>
      </c>
      <c r="I50" s="6">
        <v>266341</v>
      </c>
      <c r="J50" s="6">
        <v>248772</v>
      </c>
      <c r="K50" s="6">
        <v>67990</v>
      </c>
      <c r="L50" s="6">
        <v>221</v>
      </c>
    </row>
    <row r="51" spans="1:12">
      <c r="A51" s="9" t="s">
        <v>27</v>
      </c>
      <c r="B51" s="9" t="s">
        <v>28</v>
      </c>
      <c r="C51" s="9" t="s">
        <v>29</v>
      </c>
      <c r="D51" s="9" t="s">
        <v>258</v>
      </c>
      <c r="E51" s="9" t="s">
        <v>226</v>
      </c>
      <c r="F51" s="9" t="s">
        <v>235</v>
      </c>
      <c r="G51" s="9" t="s">
        <v>249</v>
      </c>
      <c r="H51" s="6">
        <v>323861</v>
      </c>
      <c r="I51" s="6">
        <v>259444</v>
      </c>
      <c r="J51" s="6">
        <v>242923</v>
      </c>
      <c r="K51" s="6">
        <v>64228</v>
      </c>
      <c r="L51" s="6">
        <v>189</v>
      </c>
    </row>
    <row r="52" spans="1:12">
      <c r="A52" s="9" t="s">
        <v>27</v>
      </c>
      <c r="B52" s="9" t="s">
        <v>28</v>
      </c>
      <c r="C52" s="9" t="s">
        <v>29</v>
      </c>
      <c r="D52" s="9" t="s">
        <v>258</v>
      </c>
      <c r="E52" s="9" t="s">
        <v>226</v>
      </c>
      <c r="F52" s="9" t="s">
        <v>235</v>
      </c>
      <c r="G52" s="9" t="s">
        <v>250</v>
      </c>
      <c r="H52" s="6">
        <v>312638</v>
      </c>
      <c r="I52" s="6">
        <v>252406</v>
      </c>
      <c r="J52" s="6">
        <v>236529</v>
      </c>
      <c r="K52" s="6">
        <v>60024</v>
      </c>
      <c r="L52" s="6">
        <v>208</v>
      </c>
    </row>
    <row r="53" spans="1:12">
      <c r="A53" s="9" t="s">
        <v>27</v>
      </c>
      <c r="B53" s="9" t="s">
        <v>28</v>
      </c>
      <c r="C53" s="9" t="s">
        <v>29</v>
      </c>
      <c r="D53" s="9" t="s">
        <v>258</v>
      </c>
      <c r="E53" s="9" t="s">
        <v>226</v>
      </c>
      <c r="F53" s="9" t="s">
        <v>235</v>
      </c>
      <c r="G53" s="9" t="s">
        <v>251</v>
      </c>
      <c r="H53" s="6">
        <v>305715</v>
      </c>
      <c r="I53" s="6">
        <v>245891</v>
      </c>
      <c r="J53" s="6">
        <v>230338</v>
      </c>
      <c r="K53" s="6">
        <v>59639</v>
      </c>
      <c r="L53" s="6">
        <v>185</v>
      </c>
    </row>
    <row r="54" spans="1:12">
      <c r="A54" s="9" t="s">
        <v>27</v>
      </c>
      <c r="B54" s="9" t="s">
        <v>28</v>
      </c>
      <c r="C54" s="9" t="s">
        <v>29</v>
      </c>
      <c r="D54" s="9" t="s">
        <v>258</v>
      </c>
      <c r="E54" s="9" t="s">
        <v>226</v>
      </c>
      <c r="F54" s="9" t="s">
        <v>235</v>
      </c>
      <c r="G54" s="9" t="s">
        <v>252</v>
      </c>
      <c r="H54" s="6">
        <v>308169</v>
      </c>
      <c r="I54" s="6">
        <v>247285</v>
      </c>
      <c r="J54" s="6">
        <v>231548</v>
      </c>
      <c r="K54" s="6">
        <v>60702</v>
      </c>
      <c r="L54" s="6">
        <v>182</v>
      </c>
    </row>
    <row r="55" spans="1:12">
      <c r="A55" s="9" t="s">
        <v>27</v>
      </c>
      <c r="B55" s="9" t="s">
        <v>28</v>
      </c>
      <c r="C55" s="9" t="s">
        <v>29</v>
      </c>
      <c r="D55" s="9" t="s">
        <v>258</v>
      </c>
      <c r="E55" s="9" t="s">
        <v>226</v>
      </c>
      <c r="F55" s="9" t="s">
        <v>235</v>
      </c>
      <c r="G55" s="9" t="s">
        <v>253</v>
      </c>
      <c r="H55" s="6">
        <v>306190</v>
      </c>
      <c r="I55" s="6">
        <v>245220</v>
      </c>
      <c r="J55" s="6">
        <v>229343</v>
      </c>
      <c r="K55" s="6">
        <v>60771</v>
      </c>
      <c r="L55" s="6">
        <v>199</v>
      </c>
    </row>
    <row r="56" spans="1:12">
      <c r="A56" s="9" t="s">
        <v>27</v>
      </c>
      <c r="B56" s="9" t="s">
        <v>28</v>
      </c>
      <c r="C56" s="9" t="s">
        <v>29</v>
      </c>
      <c r="D56" s="9" t="s">
        <v>258</v>
      </c>
      <c r="E56" s="9" t="s">
        <v>226</v>
      </c>
      <c r="F56" s="9" t="s">
        <v>235</v>
      </c>
      <c r="G56" s="9" t="s">
        <v>254</v>
      </c>
      <c r="H56" s="6">
        <v>282162</v>
      </c>
      <c r="I56" s="6">
        <v>222913</v>
      </c>
      <c r="J56" s="6">
        <v>208241</v>
      </c>
      <c r="K56" s="6">
        <v>59040</v>
      </c>
      <c r="L56" s="6">
        <v>209</v>
      </c>
    </row>
    <row r="57" spans="1:12">
      <c r="A57" s="9" t="s">
        <v>27</v>
      </c>
      <c r="B57" s="9" t="s">
        <v>28</v>
      </c>
      <c r="C57" s="9" t="s">
        <v>29</v>
      </c>
      <c r="D57" s="9" t="s">
        <v>258</v>
      </c>
      <c r="E57" s="9" t="s">
        <v>226</v>
      </c>
      <c r="F57" s="9" t="s">
        <v>235</v>
      </c>
      <c r="G57" s="9" t="s">
        <v>255</v>
      </c>
      <c r="H57" s="6">
        <v>248832</v>
      </c>
      <c r="I57" s="6">
        <v>194007</v>
      </c>
      <c r="J57" s="6">
        <v>180703</v>
      </c>
      <c r="K57" s="6">
        <v>54631</v>
      </c>
      <c r="L57" s="6">
        <v>194</v>
      </c>
    </row>
    <row r="58" spans="1:12">
      <c r="A58" s="9" t="s">
        <v>27</v>
      </c>
      <c r="B58" s="9" t="s">
        <v>28</v>
      </c>
      <c r="C58" s="9" t="s">
        <v>29</v>
      </c>
      <c r="D58" s="9" t="s">
        <v>258</v>
      </c>
      <c r="E58" s="9" t="s">
        <v>226</v>
      </c>
      <c r="F58" s="9" t="s">
        <v>235</v>
      </c>
      <c r="G58" s="9" t="s">
        <v>256</v>
      </c>
      <c r="H58" s="6">
        <v>3147783</v>
      </c>
      <c r="I58" s="6">
        <v>2071711</v>
      </c>
      <c r="J58" s="6">
        <v>1698989</v>
      </c>
      <c r="K58" s="6">
        <v>1067721</v>
      </c>
      <c r="L58" s="6">
        <v>8351</v>
      </c>
    </row>
    <row r="59" spans="1:12">
      <c r="A59" s="9" t="s">
        <v>27</v>
      </c>
      <c r="B59" s="9" t="s">
        <v>28</v>
      </c>
      <c r="C59" s="9" t="s">
        <v>29</v>
      </c>
      <c r="D59" s="9" t="s">
        <v>258</v>
      </c>
      <c r="E59" s="9" t="s">
        <v>227</v>
      </c>
      <c r="F59" s="9" t="s">
        <v>6</v>
      </c>
      <c r="G59" s="9" t="s">
        <v>30</v>
      </c>
      <c r="H59" s="6">
        <v>14277106</v>
      </c>
      <c r="I59" s="6">
        <v>9636873</v>
      </c>
      <c r="J59" s="6">
        <v>9211315</v>
      </c>
      <c r="K59" s="6">
        <v>4613651</v>
      </c>
      <c r="L59" s="6">
        <v>26582</v>
      </c>
    </row>
    <row r="60" spans="1:12">
      <c r="A60" s="9" t="s">
        <v>27</v>
      </c>
      <c r="B60" s="9" t="s">
        <v>28</v>
      </c>
      <c r="C60" s="9" t="s">
        <v>29</v>
      </c>
      <c r="D60" s="9" t="s">
        <v>258</v>
      </c>
      <c r="E60" s="9" t="s">
        <v>227</v>
      </c>
      <c r="F60" s="9" t="s">
        <v>234</v>
      </c>
      <c r="G60" s="9" t="s">
        <v>30</v>
      </c>
      <c r="H60" s="6">
        <v>4820263</v>
      </c>
      <c r="I60" s="6">
        <v>3078351</v>
      </c>
      <c r="J60" s="6">
        <v>2918804</v>
      </c>
      <c r="K60" s="6">
        <v>1723749</v>
      </c>
      <c r="L60" s="6">
        <v>18163</v>
      </c>
    </row>
    <row r="61" spans="1:12">
      <c r="A61" s="9" t="s">
        <v>27</v>
      </c>
      <c r="B61" s="9" t="s">
        <v>28</v>
      </c>
      <c r="C61" s="9" t="s">
        <v>29</v>
      </c>
      <c r="D61" s="9" t="s">
        <v>258</v>
      </c>
      <c r="E61" s="9" t="s">
        <v>227</v>
      </c>
      <c r="F61" s="9" t="s">
        <v>235</v>
      </c>
      <c r="G61" s="9" t="s">
        <v>30</v>
      </c>
      <c r="H61" s="6">
        <v>9456843</v>
      </c>
      <c r="I61" s="6">
        <v>6558522</v>
      </c>
      <c r="J61" s="6">
        <v>6292511</v>
      </c>
      <c r="K61" s="6">
        <v>2889902</v>
      </c>
      <c r="L61" s="6">
        <v>8419</v>
      </c>
    </row>
    <row r="62" spans="1:12">
      <c r="A62" s="9" t="s">
        <v>27</v>
      </c>
      <c r="B62" s="9" t="s">
        <v>28</v>
      </c>
      <c r="C62" s="9" t="s">
        <v>29</v>
      </c>
      <c r="D62" s="9" t="s">
        <v>258</v>
      </c>
      <c r="E62" s="9" t="s">
        <v>227</v>
      </c>
      <c r="F62" s="9" t="s">
        <v>235</v>
      </c>
      <c r="G62" s="9" t="s">
        <v>236</v>
      </c>
      <c r="H62" s="6">
        <v>582777</v>
      </c>
      <c r="I62" s="6">
        <v>274250</v>
      </c>
      <c r="J62" s="6">
        <v>263188</v>
      </c>
      <c r="K62" s="6">
        <v>308172</v>
      </c>
      <c r="L62" s="6">
        <v>355</v>
      </c>
    </row>
    <row r="63" spans="1:12">
      <c r="A63" s="9" t="s">
        <v>27</v>
      </c>
      <c r="B63" s="9" t="s">
        <v>28</v>
      </c>
      <c r="C63" s="9" t="s">
        <v>29</v>
      </c>
      <c r="D63" s="9" t="s">
        <v>258</v>
      </c>
      <c r="E63" s="9" t="s">
        <v>227</v>
      </c>
      <c r="F63" s="9" t="s">
        <v>235</v>
      </c>
      <c r="G63" s="9" t="s">
        <v>237</v>
      </c>
      <c r="H63" s="6">
        <v>566514</v>
      </c>
      <c r="I63" s="6">
        <v>329339</v>
      </c>
      <c r="J63" s="6">
        <v>316013</v>
      </c>
      <c r="K63" s="6">
        <v>236891</v>
      </c>
      <c r="L63" s="6">
        <v>284</v>
      </c>
    </row>
    <row r="64" spans="1:12">
      <c r="A64" s="9" t="s">
        <v>27</v>
      </c>
      <c r="B64" s="9" t="s">
        <v>28</v>
      </c>
      <c r="C64" s="9" t="s">
        <v>29</v>
      </c>
      <c r="D64" s="9" t="s">
        <v>258</v>
      </c>
      <c r="E64" s="9" t="s">
        <v>227</v>
      </c>
      <c r="F64" s="9" t="s">
        <v>235</v>
      </c>
      <c r="G64" s="9" t="s">
        <v>238</v>
      </c>
      <c r="H64" s="6">
        <v>497885</v>
      </c>
      <c r="I64" s="6">
        <v>317188</v>
      </c>
      <c r="J64" s="6">
        <v>303856</v>
      </c>
      <c r="K64" s="6">
        <v>180449</v>
      </c>
      <c r="L64" s="6">
        <v>248</v>
      </c>
    </row>
    <row r="65" spans="1:12">
      <c r="A65" s="9" t="s">
        <v>27</v>
      </c>
      <c r="B65" s="9" t="s">
        <v>28</v>
      </c>
      <c r="C65" s="9" t="s">
        <v>29</v>
      </c>
      <c r="D65" s="9" t="s">
        <v>258</v>
      </c>
      <c r="E65" s="9" t="s">
        <v>227</v>
      </c>
      <c r="F65" s="9" t="s">
        <v>235</v>
      </c>
      <c r="G65" s="9" t="s">
        <v>239</v>
      </c>
      <c r="H65" s="6">
        <v>424263</v>
      </c>
      <c r="I65" s="6">
        <v>281545</v>
      </c>
      <c r="J65" s="6">
        <v>268941</v>
      </c>
      <c r="K65" s="6">
        <v>142499</v>
      </c>
      <c r="L65" s="6">
        <v>219</v>
      </c>
    </row>
    <row r="66" spans="1:12">
      <c r="A66" s="9" t="s">
        <v>27</v>
      </c>
      <c r="B66" s="9" t="s">
        <v>28</v>
      </c>
      <c r="C66" s="9" t="s">
        <v>29</v>
      </c>
      <c r="D66" s="9" t="s">
        <v>258</v>
      </c>
      <c r="E66" s="9" t="s">
        <v>227</v>
      </c>
      <c r="F66" s="9" t="s">
        <v>235</v>
      </c>
      <c r="G66" s="9" t="s">
        <v>240</v>
      </c>
      <c r="H66" s="6">
        <v>387165</v>
      </c>
      <c r="I66" s="6">
        <v>268599</v>
      </c>
      <c r="J66" s="6">
        <v>256475</v>
      </c>
      <c r="K66" s="6">
        <v>118368</v>
      </c>
      <c r="L66" s="6">
        <v>198</v>
      </c>
    </row>
    <row r="67" spans="1:12">
      <c r="A67" s="9" t="s">
        <v>27</v>
      </c>
      <c r="B67" s="9" t="s">
        <v>28</v>
      </c>
      <c r="C67" s="9" t="s">
        <v>29</v>
      </c>
      <c r="D67" s="9" t="s">
        <v>258</v>
      </c>
      <c r="E67" s="9" t="s">
        <v>227</v>
      </c>
      <c r="F67" s="9" t="s">
        <v>235</v>
      </c>
      <c r="G67" s="9" t="s">
        <v>241</v>
      </c>
      <c r="H67" s="6">
        <v>363216</v>
      </c>
      <c r="I67" s="6">
        <v>259123</v>
      </c>
      <c r="J67" s="6">
        <v>247476</v>
      </c>
      <c r="K67" s="6">
        <v>103911</v>
      </c>
      <c r="L67" s="6">
        <v>182</v>
      </c>
    </row>
    <row r="68" spans="1:12">
      <c r="A68" s="9" t="s">
        <v>27</v>
      </c>
      <c r="B68" s="9" t="s">
        <v>28</v>
      </c>
      <c r="C68" s="9" t="s">
        <v>29</v>
      </c>
      <c r="D68" s="9" t="s">
        <v>258</v>
      </c>
      <c r="E68" s="9" t="s">
        <v>227</v>
      </c>
      <c r="F68" s="9" t="s">
        <v>235</v>
      </c>
      <c r="G68" s="9" t="s">
        <v>242</v>
      </c>
      <c r="H68" s="6">
        <v>341575</v>
      </c>
      <c r="I68" s="6">
        <v>246555</v>
      </c>
      <c r="J68" s="6">
        <v>235861</v>
      </c>
      <c r="K68" s="6">
        <v>94863</v>
      </c>
      <c r="L68" s="6">
        <v>157</v>
      </c>
    </row>
    <row r="69" spans="1:12">
      <c r="A69" s="9" t="s">
        <v>27</v>
      </c>
      <c r="B69" s="9" t="s">
        <v>28</v>
      </c>
      <c r="C69" s="9" t="s">
        <v>29</v>
      </c>
      <c r="D69" s="9" t="s">
        <v>258</v>
      </c>
      <c r="E69" s="9" t="s">
        <v>227</v>
      </c>
      <c r="F69" s="9" t="s">
        <v>235</v>
      </c>
      <c r="G69" s="9" t="s">
        <v>243</v>
      </c>
      <c r="H69" s="6">
        <v>335519</v>
      </c>
      <c r="I69" s="6">
        <v>247365</v>
      </c>
      <c r="J69" s="6">
        <v>237280</v>
      </c>
      <c r="K69" s="6">
        <v>87974</v>
      </c>
      <c r="L69" s="6">
        <v>180</v>
      </c>
    </row>
    <row r="70" spans="1:12">
      <c r="A70" s="9" t="s">
        <v>27</v>
      </c>
      <c r="B70" s="9" t="s">
        <v>28</v>
      </c>
      <c r="C70" s="9" t="s">
        <v>29</v>
      </c>
      <c r="D70" s="9" t="s">
        <v>258</v>
      </c>
      <c r="E70" s="9" t="s">
        <v>227</v>
      </c>
      <c r="F70" s="9" t="s">
        <v>235</v>
      </c>
      <c r="G70" s="9" t="s">
        <v>244</v>
      </c>
      <c r="H70" s="6">
        <v>321663</v>
      </c>
      <c r="I70" s="6">
        <v>245763</v>
      </c>
      <c r="J70" s="6">
        <v>236308</v>
      </c>
      <c r="K70" s="6">
        <v>75731</v>
      </c>
      <c r="L70" s="6">
        <v>169</v>
      </c>
    </row>
    <row r="71" spans="1:12">
      <c r="A71" s="9" t="s">
        <v>27</v>
      </c>
      <c r="B71" s="9" t="s">
        <v>28</v>
      </c>
      <c r="C71" s="9" t="s">
        <v>29</v>
      </c>
      <c r="D71" s="9" t="s">
        <v>258</v>
      </c>
      <c r="E71" s="9" t="s">
        <v>227</v>
      </c>
      <c r="F71" s="9" t="s">
        <v>235</v>
      </c>
      <c r="G71" s="9" t="s">
        <v>245</v>
      </c>
      <c r="H71" s="6">
        <v>319620</v>
      </c>
      <c r="I71" s="6">
        <v>247546</v>
      </c>
      <c r="J71" s="6">
        <v>238523</v>
      </c>
      <c r="K71" s="6">
        <v>71933</v>
      </c>
      <c r="L71" s="6">
        <v>141</v>
      </c>
    </row>
    <row r="72" spans="1:12">
      <c r="A72" s="9" t="s">
        <v>27</v>
      </c>
      <c r="B72" s="9" t="s">
        <v>28</v>
      </c>
      <c r="C72" s="9" t="s">
        <v>29</v>
      </c>
      <c r="D72" s="9" t="s">
        <v>258</v>
      </c>
      <c r="E72" s="9" t="s">
        <v>227</v>
      </c>
      <c r="F72" s="9" t="s">
        <v>235</v>
      </c>
      <c r="G72" s="9" t="s">
        <v>246</v>
      </c>
      <c r="H72" s="6">
        <v>312455</v>
      </c>
      <c r="I72" s="6">
        <v>244291</v>
      </c>
      <c r="J72" s="6">
        <v>235642</v>
      </c>
      <c r="K72" s="6">
        <v>68022</v>
      </c>
      <c r="L72" s="6">
        <v>142</v>
      </c>
    </row>
    <row r="73" spans="1:12">
      <c r="A73" s="9" t="s">
        <v>27</v>
      </c>
      <c r="B73" s="9" t="s">
        <v>28</v>
      </c>
      <c r="C73" s="9" t="s">
        <v>29</v>
      </c>
      <c r="D73" s="9" t="s">
        <v>258</v>
      </c>
      <c r="E73" s="9" t="s">
        <v>227</v>
      </c>
      <c r="F73" s="9" t="s">
        <v>235</v>
      </c>
      <c r="G73" s="9" t="s">
        <v>247</v>
      </c>
      <c r="H73" s="6">
        <v>307165</v>
      </c>
      <c r="I73" s="6">
        <v>241806</v>
      </c>
      <c r="J73" s="6">
        <v>233592</v>
      </c>
      <c r="K73" s="6">
        <v>65232</v>
      </c>
      <c r="L73" s="6">
        <v>127</v>
      </c>
    </row>
    <row r="74" spans="1:12">
      <c r="A74" s="9" t="s">
        <v>27</v>
      </c>
      <c r="B74" s="9" t="s">
        <v>28</v>
      </c>
      <c r="C74" s="9" t="s">
        <v>29</v>
      </c>
      <c r="D74" s="9" t="s">
        <v>258</v>
      </c>
      <c r="E74" s="9" t="s">
        <v>227</v>
      </c>
      <c r="F74" s="9" t="s">
        <v>235</v>
      </c>
      <c r="G74" s="9" t="s">
        <v>248</v>
      </c>
      <c r="H74" s="6">
        <v>305687</v>
      </c>
      <c r="I74" s="6">
        <v>242038</v>
      </c>
      <c r="J74" s="6">
        <v>233862</v>
      </c>
      <c r="K74" s="6">
        <v>63492</v>
      </c>
      <c r="L74" s="6">
        <v>157</v>
      </c>
    </row>
    <row r="75" spans="1:12">
      <c r="A75" s="9" t="s">
        <v>27</v>
      </c>
      <c r="B75" s="9" t="s">
        <v>28</v>
      </c>
      <c r="C75" s="9" t="s">
        <v>29</v>
      </c>
      <c r="D75" s="9" t="s">
        <v>258</v>
      </c>
      <c r="E75" s="9" t="s">
        <v>227</v>
      </c>
      <c r="F75" s="9" t="s">
        <v>235</v>
      </c>
      <c r="G75" s="9" t="s">
        <v>249</v>
      </c>
      <c r="H75" s="6">
        <v>295685</v>
      </c>
      <c r="I75" s="6">
        <v>235626</v>
      </c>
      <c r="J75" s="6">
        <v>227997</v>
      </c>
      <c r="K75" s="6">
        <v>59940</v>
      </c>
      <c r="L75" s="6">
        <v>119</v>
      </c>
    </row>
    <row r="76" spans="1:12">
      <c r="A76" s="9" t="s">
        <v>27</v>
      </c>
      <c r="B76" s="9" t="s">
        <v>28</v>
      </c>
      <c r="C76" s="9" t="s">
        <v>29</v>
      </c>
      <c r="D76" s="9" t="s">
        <v>258</v>
      </c>
      <c r="E76" s="9" t="s">
        <v>227</v>
      </c>
      <c r="F76" s="9" t="s">
        <v>235</v>
      </c>
      <c r="G76" s="9" t="s">
        <v>250</v>
      </c>
      <c r="H76" s="6">
        <v>285192</v>
      </c>
      <c r="I76" s="6">
        <v>229086</v>
      </c>
      <c r="J76" s="6">
        <v>221987</v>
      </c>
      <c r="K76" s="6">
        <v>55956</v>
      </c>
      <c r="L76" s="6">
        <v>150</v>
      </c>
    </row>
    <row r="77" spans="1:12">
      <c r="A77" s="9" t="s">
        <v>27</v>
      </c>
      <c r="B77" s="9" t="s">
        <v>28</v>
      </c>
      <c r="C77" s="9" t="s">
        <v>29</v>
      </c>
      <c r="D77" s="9" t="s">
        <v>258</v>
      </c>
      <c r="E77" s="9" t="s">
        <v>227</v>
      </c>
      <c r="F77" s="9" t="s">
        <v>235</v>
      </c>
      <c r="G77" s="9" t="s">
        <v>251</v>
      </c>
      <c r="H77" s="6">
        <v>278677</v>
      </c>
      <c r="I77" s="6">
        <v>222963</v>
      </c>
      <c r="J77" s="6">
        <v>216011</v>
      </c>
      <c r="K77" s="6">
        <v>55591</v>
      </c>
      <c r="L77" s="6">
        <v>123</v>
      </c>
    </row>
    <row r="78" spans="1:12">
      <c r="A78" s="9" t="s">
        <v>27</v>
      </c>
      <c r="B78" s="9" t="s">
        <v>28</v>
      </c>
      <c r="C78" s="9" t="s">
        <v>29</v>
      </c>
      <c r="D78" s="9" t="s">
        <v>258</v>
      </c>
      <c r="E78" s="9" t="s">
        <v>227</v>
      </c>
      <c r="F78" s="9" t="s">
        <v>235</v>
      </c>
      <c r="G78" s="9" t="s">
        <v>252</v>
      </c>
      <c r="H78" s="6">
        <v>280472</v>
      </c>
      <c r="I78" s="6">
        <v>223846</v>
      </c>
      <c r="J78" s="6">
        <v>216929</v>
      </c>
      <c r="K78" s="6">
        <v>56498</v>
      </c>
      <c r="L78" s="6">
        <v>128</v>
      </c>
    </row>
    <row r="79" spans="1:12">
      <c r="A79" s="9" t="s">
        <v>27</v>
      </c>
      <c r="B79" s="9" t="s">
        <v>28</v>
      </c>
      <c r="C79" s="9" t="s">
        <v>29</v>
      </c>
      <c r="D79" s="9" t="s">
        <v>258</v>
      </c>
      <c r="E79" s="9" t="s">
        <v>227</v>
      </c>
      <c r="F79" s="9" t="s">
        <v>235</v>
      </c>
      <c r="G79" s="9" t="s">
        <v>253</v>
      </c>
      <c r="H79" s="6">
        <v>278436</v>
      </c>
      <c r="I79" s="6">
        <v>221783</v>
      </c>
      <c r="J79" s="6">
        <v>214797</v>
      </c>
      <c r="K79" s="6">
        <v>56507</v>
      </c>
      <c r="L79" s="6">
        <v>146</v>
      </c>
    </row>
    <row r="80" spans="1:12">
      <c r="A80" s="9" t="s">
        <v>27</v>
      </c>
      <c r="B80" s="9" t="s">
        <v>28</v>
      </c>
      <c r="C80" s="9" t="s">
        <v>29</v>
      </c>
      <c r="D80" s="9" t="s">
        <v>258</v>
      </c>
      <c r="E80" s="9" t="s">
        <v>227</v>
      </c>
      <c r="F80" s="9" t="s">
        <v>235</v>
      </c>
      <c r="G80" s="9" t="s">
        <v>254</v>
      </c>
      <c r="H80" s="6">
        <v>255671</v>
      </c>
      <c r="I80" s="6">
        <v>200660</v>
      </c>
      <c r="J80" s="6">
        <v>194438</v>
      </c>
      <c r="K80" s="6">
        <v>54860</v>
      </c>
      <c r="L80" s="6">
        <v>151</v>
      </c>
    </row>
    <row r="81" spans="1:12">
      <c r="A81" s="9" t="s">
        <v>27</v>
      </c>
      <c r="B81" s="9" t="s">
        <v>28</v>
      </c>
      <c r="C81" s="9" t="s">
        <v>29</v>
      </c>
      <c r="D81" s="9" t="s">
        <v>258</v>
      </c>
      <c r="E81" s="9" t="s">
        <v>227</v>
      </c>
      <c r="F81" s="9" t="s">
        <v>235</v>
      </c>
      <c r="G81" s="9" t="s">
        <v>255</v>
      </c>
      <c r="H81" s="6">
        <v>224703</v>
      </c>
      <c r="I81" s="6">
        <v>173863</v>
      </c>
      <c r="J81" s="6">
        <v>168128</v>
      </c>
      <c r="K81" s="6">
        <v>50699</v>
      </c>
      <c r="L81" s="6">
        <v>141</v>
      </c>
    </row>
    <row r="82" spans="1:12">
      <c r="A82" s="9" t="s">
        <v>27</v>
      </c>
      <c r="B82" s="9" t="s">
        <v>28</v>
      </c>
      <c r="C82" s="9" t="s">
        <v>29</v>
      </c>
      <c r="D82" s="9" t="s">
        <v>258</v>
      </c>
      <c r="E82" s="9" t="s">
        <v>227</v>
      </c>
      <c r="F82" s="9" t="s">
        <v>235</v>
      </c>
      <c r="G82" s="9" t="s">
        <v>256</v>
      </c>
      <c r="H82" s="6">
        <v>2492503</v>
      </c>
      <c r="I82" s="6">
        <v>1605287</v>
      </c>
      <c r="J82" s="6">
        <v>1525207</v>
      </c>
      <c r="K82" s="6">
        <v>882314</v>
      </c>
      <c r="L82" s="6">
        <v>4902</v>
      </c>
    </row>
    <row r="83" spans="1:12">
      <c r="A83" s="9" t="s">
        <v>27</v>
      </c>
      <c r="B83" s="9" t="s">
        <v>28</v>
      </c>
      <c r="C83" s="9" t="s">
        <v>29</v>
      </c>
      <c r="D83" s="9" t="s">
        <v>258</v>
      </c>
      <c r="E83" s="9" t="s">
        <v>228</v>
      </c>
      <c r="F83" s="9" t="s">
        <v>6</v>
      </c>
      <c r="G83" s="9" t="s">
        <v>30</v>
      </c>
      <c r="H83" s="6">
        <v>6131915</v>
      </c>
      <c r="I83" s="6">
        <v>1001747</v>
      </c>
      <c r="J83" s="6">
        <v>894856</v>
      </c>
      <c r="K83" s="6">
        <v>5112983</v>
      </c>
      <c r="L83" s="6">
        <v>17185</v>
      </c>
    </row>
    <row r="84" spans="1:12">
      <c r="A84" s="9" t="s">
        <v>27</v>
      </c>
      <c r="B84" s="9" t="s">
        <v>28</v>
      </c>
      <c r="C84" s="9" t="s">
        <v>29</v>
      </c>
      <c r="D84" s="9" t="s">
        <v>258</v>
      </c>
      <c r="E84" s="9" t="s">
        <v>228</v>
      </c>
      <c r="F84" s="9" t="s">
        <v>234</v>
      </c>
      <c r="G84" s="9" t="s">
        <v>30</v>
      </c>
      <c r="H84" s="6">
        <v>4253392</v>
      </c>
      <c r="I84" s="6">
        <v>602984</v>
      </c>
      <c r="J84" s="6">
        <v>535642</v>
      </c>
      <c r="K84" s="6">
        <v>3636009</v>
      </c>
      <c r="L84" s="6">
        <v>14399</v>
      </c>
    </row>
    <row r="85" spans="1:12">
      <c r="A85" s="9" t="s">
        <v>27</v>
      </c>
      <c r="B85" s="9" t="s">
        <v>28</v>
      </c>
      <c r="C85" s="9" t="s">
        <v>29</v>
      </c>
      <c r="D85" s="9" t="s">
        <v>258</v>
      </c>
      <c r="E85" s="9" t="s">
        <v>228</v>
      </c>
      <c r="F85" s="9" t="s">
        <v>235</v>
      </c>
      <c r="G85" s="9" t="s">
        <v>30</v>
      </c>
      <c r="H85" s="6">
        <v>1878523</v>
      </c>
      <c r="I85" s="6">
        <v>398763</v>
      </c>
      <c r="J85" s="6">
        <v>359214</v>
      </c>
      <c r="K85" s="6">
        <v>1476974</v>
      </c>
      <c r="L85" s="6">
        <v>2786</v>
      </c>
    </row>
    <row r="86" spans="1:12">
      <c r="A86" s="9" t="s">
        <v>27</v>
      </c>
      <c r="B86" s="9" t="s">
        <v>28</v>
      </c>
      <c r="C86" s="9" t="s">
        <v>29</v>
      </c>
      <c r="D86" s="9" t="s">
        <v>258</v>
      </c>
      <c r="E86" s="9" t="s">
        <v>228</v>
      </c>
      <c r="F86" s="9" t="s">
        <v>235</v>
      </c>
      <c r="G86" s="9" t="s">
        <v>236</v>
      </c>
      <c r="H86" s="6">
        <v>8174</v>
      </c>
      <c r="I86" s="6">
        <v>2903</v>
      </c>
      <c r="J86" s="6">
        <v>2685</v>
      </c>
      <c r="K86" s="6">
        <v>5232</v>
      </c>
      <c r="L86" s="6">
        <v>39</v>
      </c>
    </row>
    <row r="87" spans="1:12">
      <c r="A87" s="9" t="s">
        <v>27</v>
      </c>
      <c r="B87" s="9" t="s">
        <v>28</v>
      </c>
      <c r="C87" s="9" t="s">
        <v>29</v>
      </c>
      <c r="D87" s="9" t="s">
        <v>258</v>
      </c>
      <c r="E87" s="9" t="s">
        <v>228</v>
      </c>
      <c r="F87" s="9" t="s">
        <v>235</v>
      </c>
      <c r="G87" s="9" t="s">
        <v>237</v>
      </c>
      <c r="H87" s="6">
        <v>6699</v>
      </c>
      <c r="I87" s="6">
        <v>3104</v>
      </c>
      <c r="J87" s="6">
        <v>2908</v>
      </c>
      <c r="K87" s="6">
        <v>3567</v>
      </c>
      <c r="L87" s="6">
        <v>28</v>
      </c>
    </row>
    <row r="88" spans="1:12">
      <c r="A88" s="9" t="s">
        <v>27</v>
      </c>
      <c r="B88" s="9" t="s">
        <v>28</v>
      </c>
      <c r="C88" s="9" t="s">
        <v>29</v>
      </c>
      <c r="D88" s="9" t="s">
        <v>258</v>
      </c>
      <c r="E88" s="9" t="s">
        <v>228</v>
      </c>
      <c r="F88" s="9" t="s">
        <v>235</v>
      </c>
      <c r="G88" s="9" t="s">
        <v>238</v>
      </c>
      <c r="H88" s="6">
        <v>5650</v>
      </c>
      <c r="I88" s="6">
        <v>3028</v>
      </c>
      <c r="J88" s="6">
        <v>2816</v>
      </c>
      <c r="K88" s="6">
        <v>2615</v>
      </c>
      <c r="L88" s="6">
        <v>7</v>
      </c>
    </row>
    <row r="89" spans="1:12">
      <c r="A89" s="9" t="s">
        <v>27</v>
      </c>
      <c r="B89" s="9" t="s">
        <v>28</v>
      </c>
      <c r="C89" s="9" t="s">
        <v>29</v>
      </c>
      <c r="D89" s="9" t="s">
        <v>258</v>
      </c>
      <c r="E89" s="9" t="s">
        <v>228</v>
      </c>
      <c r="F89" s="9" t="s">
        <v>235</v>
      </c>
      <c r="G89" s="9" t="s">
        <v>239</v>
      </c>
      <c r="H89" s="6">
        <v>4852</v>
      </c>
      <c r="I89" s="6">
        <v>2754</v>
      </c>
      <c r="J89" s="6">
        <v>2578</v>
      </c>
      <c r="K89" s="6">
        <v>2086</v>
      </c>
      <c r="L89" s="6">
        <v>12</v>
      </c>
    </row>
    <row r="90" spans="1:12">
      <c r="A90" s="9" t="s">
        <v>27</v>
      </c>
      <c r="B90" s="9" t="s">
        <v>28</v>
      </c>
      <c r="C90" s="9" t="s">
        <v>29</v>
      </c>
      <c r="D90" s="9" t="s">
        <v>258</v>
      </c>
      <c r="E90" s="9" t="s">
        <v>228</v>
      </c>
      <c r="F90" s="9" t="s">
        <v>235</v>
      </c>
      <c r="G90" s="9" t="s">
        <v>240</v>
      </c>
      <c r="H90" s="6">
        <v>4438</v>
      </c>
      <c r="I90" s="6">
        <v>2663</v>
      </c>
      <c r="J90" s="6">
        <v>2500</v>
      </c>
      <c r="K90" s="6">
        <v>1756</v>
      </c>
      <c r="L90" s="6">
        <v>19</v>
      </c>
    </row>
    <row r="91" spans="1:12">
      <c r="A91" s="9" t="s">
        <v>27</v>
      </c>
      <c r="B91" s="9" t="s">
        <v>28</v>
      </c>
      <c r="C91" s="9" t="s">
        <v>29</v>
      </c>
      <c r="D91" s="9" t="s">
        <v>258</v>
      </c>
      <c r="E91" s="9" t="s">
        <v>228</v>
      </c>
      <c r="F91" s="9" t="s">
        <v>235</v>
      </c>
      <c r="G91" s="9" t="s">
        <v>241</v>
      </c>
      <c r="H91" s="6">
        <v>4147</v>
      </c>
      <c r="I91" s="6">
        <v>2562</v>
      </c>
      <c r="J91" s="6">
        <v>2380</v>
      </c>
      <c r="K91" s="6">
        <v>1567</v>
      </c>
      <c r="L91" s="6">
        <v>18</v>
      </c>
    </row>
    <row r="92" spans="1:12">
      <c r="A92" s="9" t="s">
        <v>27</v>
      </c>
      <c r="B92" s="9" t="s">
        <v>28</v>
      </c>
      <c r="C92" s="9" t="s">
        <v>29</v>
      </c>
      <c r="D92" s="9" t="s">
        <v>258</v>
      </c>
      <c r="E92" s="9" t="s">
        <v>228</v>
      </c>
      <c r="F92" s="9" t="s">
        <v>235</v>
      </c>
      <c r="G92" s="9" t="s">
        <v>242</v>
      </c>
      <c r="H92" s="6">
        <v>4414</v>
      </c>
      <c r="I92" s="6">
        <v>2748</v>
      </c>
      <c r="J92" s="6">
        <v>2567</v>
      </c>
      <c r="K92" s="6">
        <v>1657</v>
      </c>
      <c r="L92" s="6">
        <v>9</v>
      </c>
    </row>
    <row r="93" spans="1:12">
      <c r="A93" s="9" t="s">
        <v>27</v>
      </c>
      <c r="B93" s="9" t="s">
        <v>28</v>
      </c>
      <c r="C93" s="9" t="s">
        <v>29</v>
      </c>
      <c r="D93" s="9" t="s">
        <v>258</v>
      </c>
      <c r="E93" s="9" t="s">
        <v>228</v>
      </c>
      <c r="F93" s="9" t="s">
        <v>235</v>
      </c>
      <c r="G93" s="9" t="s">
        <v>243</v>
      </c>
      <c r="H93" s="6">
        <v>4364</v>
      </c>
      <c r="I93" s="6">
        <v>2815</v>
      </c>
      <c r="J93" s="6">
        <v>2622</v>
      </c>
      <c r="K93" s="6">
        <v>1533</v>
      </c>
      <c r="L93" s="6">
        <v>16</v>
      </c>
    </row>
    <row r="94" spans="1:12">
      <c r="A94" s="9" t="s">
        <v>27</v>
      </c>
      <c r="B94" s="9" t="s">
        <v>28</v>
      </c>
      <c r="C94" s="9" t="s">
        <v>29</v>
      </c>
      <c r="D94" s="9" t="s">
        <v>258</v>
      </c>
      <c r="E94" s="9" t="s">
        <v>228</v>
      </c>
      <c r="F94" s="9" t="s">
        <v>235</v>
      </c>
      <c r="G94" s="9" t="s">
        <v>244</v>
      </c>
      <c r="H94" s="6">
        <v>4424</v>
      </c>
      <c r="I94" s="6">
        <v>2976</v>
      </c>
      <c r="J94" s="6">
        <v>2824</v>
      </c>
      <c r="K94" s="6">
        <v>1436</v>
      </c>
      <c r="L94" s="6">
        <v>12</v>
      </c>
    </row>
    <row r="95" spans="1:12">
      <c r="A95" s="9" t="s">
        <v>27</v>
      </c>
      <c r="B95" s="9" t="s">
        <v>28</v>
      </c>
      <c r="C95" s="9" t="s">
        <v>29</v>
      </c>
      <c r="D95" s="9" t="s">
        <v>258</v>
      </c>
      <c r="E95" s="9" t="s">
        <v>228</v>
      </c>
      <c r="F95" s="9" t="s">
        <v>235</v>
      </c>
      <c r="G95" s="9" t="s">
        <v>245</v>
      </c>
      <c r="H95" s="6">
        <v>4381</v>
      </c>
      <c r="I95" s="6">
        <v>2937</v>
      </c>
      <c r="J95" s="6">
        <v>2775</v>
      </c>
      <c r="K95" s="6">
        <v>1429</v>
      </c>
      <c r="L95" s="6">
        <v>15</v>
      </c>
    </row>
    <row r="96" spans="1:12">
      <c r="A96" s="9" t="s">
        <v>27</v>
      </c>
      <c r="B96" s="9" t="s">
        <v>28</v>
      </c>
      <c r="C96" s="9" t="s">
        <v>29</v>
      </c>
      <c r="D96" s="9" t="s">
        <v>258</v>
      </c>
      <c r="E96" s="9" t="s">
        <v>228</v>
      </c>
      <c r="F96" s="9" t="s">
        <v>235</v>
      </c>
      <c r="G96" s="9" t="s">
        <v>246</v>
      </c>
      <c r="H96" s="6">
        <v>4786</v>
      </c>
      <c r="I96" s="6">
        <v>3262</v>
      </c>
      <c r="J96" s="6">
        <v>3090</v>
      </c>
      <c r="K96" s="6">
        <v>1506</v>
      </c>
      <c r="L96" s="6">
        <v>18</v>
      </c>
    </row>
    <row r="97" spans="1:12">
      <c r="A97" s="9" t="s">
        <v>27</v>
      </c>
      <c r="B97" s="9" t="s">
        <v>28</v>
      </c>
      <c r="C97" s="9" t="s">
        <v>29</v>
      </c>
      <c r="D97" s="9" t="s">
        <v>258</v>
      </c>
      <c r="E97" s="9" t="s">
        <v>228</v>
      </c>
      <c r="F97" s="9" t="s">
        <v>235</v>
      </c>
      <c r="G97" s="9" t="s">
        <v>247</v>
      </c>
      <c r="H97" s="6">
        <v>4813</v>
      </c>
      <c r="I97" s="6">
        <v>3362</v>
      </c>
      <c r="J97" s="6">
        <v>3176</v>
      </c>
      <c r="K97" s="6">
        <v>1436</v>
      </c>
      <c r="L97" s="6">
        <v>15</v>
      </c>
    </row>
    <row r="98" spans="1:12">
      <c r="A98" s="9" t="s">
        <v>27</v>
      </c>
      <c r="B98" s="9" t="s">
        <v>28</v>
      </c>
      <c r="C98" s="9" t="s">
        <v>29</v>
      </c>
      <c r="D98" s="9" t="s">
        <v>258</v>
      </c>
      <c r="E98" s="9" t="s">
        <v>228</v>
      </c>
      <c r="F98" s="9" t="s">
        <v>235</v>
      </c>
      <c r="G98" s="9" t="s">
        <v>248</v>
      </c>
      <c r="H98" s="6">
        <v>4967</v>
      </c>
      <c r="I98" s="6">
        <v>3470</v>
      </c>
      <c r="J98" s="6">
        <v>3288</v>
      </c>
      <c r="K98" s="6">
        <v>1481</v>
      </c>
      <c r="L98" s="6">
        <v>16</v>
      </c>
    </row>
    <row r="99" spans="1:12">
      <c r="A99" s="9" t="s">
        <v>27</v>
      </c>
      <c r="B99" s="9" t="s">
        <v>28</v>
      </c>
      <c r="C99" s="9" t="s">
        <v>29</v>
      </c>
      <c r="D99" s="9" t="s">
        <v>258</v>
      </c>
      <c r="E99" s="9" t="s">
        <v>228</v>
      </c>
      <c r="F99" s="9" t="s">
        <v>235</v>
      </c>
      <c r="G99" s="9" t="s">
        <v>249</v>
      </c>
      <c r="H99" s="6">
        <v>5269</v>
      </c>
      <c r="I99" s="6">
        <v>3717</v>
      </c>
      <c r="J99" s="6">
        <v>3531</v>
      </c>
      <c r="K99" s="6">
        <v>1531</v>
      </c>
      <c r="L99" s="6">
        <v>21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58</v>
      </c>
      <c r="E100" s="9" t="s">
        <v>228</v>
      </c>
      <c r="F100" s="9" t="s">
        <v>235</v>
      </c>
      <c r="G100" s="9" t="s">
        <v>250</v>
      </c>
      <c r="H100" s="6">
        <v>5534</v>
      </c>
      <c r="I100" s="6">
        <v>3843</v>
      </c>
      <c r="J100" s="6">
        <v>3631</v>
      </c>
      <c r="K100" s="6">
        <v>1677</v>
      </c>
      <c r="L100" s="6">
        <v>14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58</v>
      </c>
      <c r="E101" s="9" t="s">
        <v>228</v>
      </c>
      <c r="F101" s="9" t="s">
        <v>235</v>
      </c>
      <c r="G101" s="9" t="s">
        <v>251</v>
      </c>
      <c r="H101" s="6">
        <v>5729</v>
      </c>
      <c r="I101" s="6">
        <v>3961</v>
      </c>
      <c r="J101" s="6">
        <v>3766</v>
      </c>
      <c r="K101" s="6">
        <v>1751</v>
      </c>
      <c r="L101" s="6">
        <v>17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58</v>
      </c>
      <c r="E102" s="9" t="s">
        <v>228</v>
      </c>
      <c r="F102" s="9" t="s">
        <v>235</v>
      </c>
      <c r="G102" s="9" t="s">
        <v>252</v>
      </c>
      <c r="H102" s="6">
        <v>6248</v>
      </c>
      <c r="I102" s="6">
        <v>4342</v>
      </c>
      <c r="J102" s="6">
        <v>4094</v>
      </c>
      <c r="K102" s="6">
        <v>1894</v>
      </c>
      <c r="L102" s="6">
        <v>12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58</v>
      </c>
      <c r="E103" s="9" t="s">
        <v>228</v>
      </c>
      <c r="F103" s="9" t="s">
        <v>235</v>
      </c>
      <c r="G103" s="9" t="s">
        <v>253</v>
      </c>
      <c r="H103" s="6">
        <v>7068</v>
      </c>
      <c r="I103" s="6">
        <v>4975</v>
      </c>
      <c r="J103" s="6">
        <v>4690</v>
      </c>
      <c r="K103" s="6">
        <v>2074</v>
      </c>
      <c r="L103" s="6">
        <v>19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58</v>
      </c>
      <c r="E104" s="9" t="s">
        <v>228</v>
      </c>
      <c r="F104" s="9" t="s">
        <v>235</v>
      </c>
      <c r="G104" s="9" t="s">
        <v>254</v>
      </c>
      <c r="H104" s="6">
        <v>7492</v>
      </c>
      <c r="I104" s="6">
        <v>5190</v>
      </c>
      <c r="J104" s="6">
        <v>4953</v>
      </c>
      <c r="K104" s="6">
        <v>2285</v>
      </c>
      <c r="L104" s="6">
        <v>17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58</v>
      </c>
      <c r="E105" s="9" t="s">
        <v>228</v>
      </c>
      <c r="F105" s="9" t="s">
        <v>235</v>
      </c>
      <c r="G105" s="9" t="s">
        <v>255</v>
      </c>
      <c r="H105" s="6">
        <v>7859</v>
      </c>
      <c r="I105" s="6">
        <v>5273</v>
      </c>
      <c r="J105" s="6">
        <v>5010</v>
      </c>
      <c r="K105" s="6">
        <v>2568</v>
      </c>
      <c r="L105" s="6">
        <v>18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58</v>
      </c>
      <c r="E106" s="9" t="s">
        <v>228</v>
      </c>
      <c r="F106" s="9" t="s">
        <v>235</v>
      </c>
      <c r="G106" s="9" t="s">
        <v>256</v>
      </c>
      <c r="H106" s="6">
        <v>1767215</v>
      </c>
      <c r="I106" s="6">
        <v>328878</v>
      </c>
      <c r="J106" s="6">
        <v>293330</v>
      </c>
      <c r="K106" s="6">
        <v>1435893</v>
      </c>
      <c r="L106" s="6">
        <v>2444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58</v>
      </c>
      <c r="E107" s="9" t="s">
        <v>18</v>
      </c>
      <c r="F107" s="9" t="s">
        <v>6</v>
      </c>
      <c r="G107" s="9" t="s">
        <v>30</v>
      </c>
      <c r="H107" s="6">
        <v>2275570</v>
      </c>
      <c r="I107" s="6">
        <v>25686</v>
      </c>
      <c r="J107" s="6">
        <v>19087</v>
      </c>
      <c r="K107" s="6">
        <v>21661</v>
      </c>
      <c r="L107" s="6">
        <v>2228223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58</v>
      </c>
      <c r="E108" s="9" t="s">
        <v>18</v>
      </c>
      <c r="F108" s="9" t="s">
        <v>234</v>
      </c>
      <c r="G108" s="9" t="s">
        <v>30</v>
      </c>
      <c r="H108" s="6">
        <v>914947</v>
      </c>
      <c r="I108" s="6">
        <v>16037</v>
      </c>
      <c r="J108" s="6">
        <v>11744</v>
      </c>
      <c r="K108" s="6">
        <v>13707</v>
      </c>
      <c r="L108" s="6">
        <v>885203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58</v>
      </c>
      <c r="E109" s="9" t="s">
        <v>18</v>
      </c>
      <c r="F109" s="9" t="s">
        <v>235</v>
      </c>
      <c r="G109" s="9" t="s">
        <v>30</v>
      </c>
      <c r="H109" s="6">
        <v>1360623</v>
      </c>
      <c r="I109" s="6">
        <v>9649</v>
      </c>
      <c r="J109" s="6">
        <v>7343</v>
      </c>
      <c r="K109" s="6">
        <v>7954</v>
      </c>
      <c r="L109" s="6">
        <v>1343020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58</v>
      </c>
      <c r="E110" s="9" t="s">
        <v>18</v>
      </c>
      <c r="F110" s="9" t="s">
        <v>235</v>
      </c>
      <c r="G110" s="9" t="s">
        <v>236</v>
      </c>
      <c r="H110" s="6">
        <v>92814</v>
      </c>
      <c r="I110" s="6">
        <v>82</v>
      </c>
      <c r="J110" s="6">
        <v>57</v>
      </c>
      <c r="K110" s="6">
        <v>138</v>
      </c>
      <c r="L110" s="6">
        <v>92594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58</v>
      </c>
      <c r="E111" s="9" t="s">
        <v>18</v>
      </c>
      <c r="F111" s="9" t="s">
        <v>235</v>
      </c>
      <c r="G111" s="9" t="s">
        <v>237</v>
      </c>
      <c r="H111" s="6">
        <v>102089</v>
      </c>
      <c r="I111" s="6">
        <v>134</v>
      </c>
      <c r="J111" s="6">
        <v>96</v>
      </c>
      <c r="K111" s="6">
        <v>107</v>
      </c>
      <c r="L111" s="6">
        <v>101848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58</v>
      </c>
      <c r="E112" s="9" t="s">
        <v>18</v>
      </c>
      <c r="F112" s="9" t="s">
        <v>235</v>
      </c>
      <c r="G112" s="9" t="s">
        <v>238</v>
      </c>
      <c r="H112" s="6">
        <v>89791</v>
      </c>
      <c r="I112" s="6">
        <v>113</v>
      </c>
      <c r="J112" s="6">
        <v>94</v>
      </c>
      <c r="K112" s="6">
        <v>98</v>
      </c>
      <c r="L112" s="6">
        <v>89580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58</v>
      </c>
      <c r="E113" s="9" t="s">
        <v>18</v>
      </c>
      <c r="F113" s="9" t="s">
        <v>235</v>
      </c>
      <c r="G113" s="9" t="s">
        <v>239</v>
      </c>
      <c r="H113" s="6">
        <v>75750</v>
      </c>
      <c r="I113" s="6">
        <v>113</v>
      </c>
      <c r="J113" s="6">
        <v>94</v>
      </c>
      <c r="K113" s="6">
        <v>76</v>
      </c>
      <c r="L113" s="6">
        <v>75561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58</v>
      </c>
      <c r="E114" s="9" t="s">
        <v>18</v>
      </c>
      <c r="F114" s="9" t="s">
        <v>235</v>
      </c>
      <c r="G114" s="9" t="s">
        <v>240</v>
      </c>
      <c r="H114" s="6">
        <v>66728</v>
      </c>
      <c r="I114" s="6">
        <v>114</v>
      </c>
      <c r="J114" s="6">
        <v>96</v>
      </c>
      <c r="K114" s="6">
        <v>74</v>
      </c>
      <c r="L114" s="6">
        <v>66540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58</v>
      </c>
      <c r="E115" s="9" t="s">
        <v>18</v>
      </c>
      <c r="F115" s="9" t="s">
        <v>235</v>
      </c>
      <c r="G115" s="9" t="s">
        <v>241</v>
      </c>
      <c r="H115" s="6">
        <v>59005</v>
      </c>
      <c r="I115" s="6">
        <v>136</v>
      </c>
      <c r="J115" s="6">
        <v>113</v>
      </c>
      <c r="K115" s="6">
        <v>59</v>
      </c>
      <c r="L115" s="6">
        <v>58810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58</v>
      </c>
      <c r="E116" s="9" t="s">
        <v>18</v>
      </c>
      <c r="F116" s="9" t="s">
        <v>235</v>
      </c>
      <c r="G116" s="9" t="s">
        <v>242</v>
      </c>
      <c r="H116" s="6">
        <v>54152</v>
      </c>
      <c r="I116" s="6">
        <v>139</v>
      </c>
      <c r="J116" s="6">
        <v>125</v>
      </c>
      <c r="K116" s="6">
        <v>63</v>
      </c>
      <c r="L116" s="6">
        <v>53950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58</v>
      </c>
      <c r="E117" s="9" t="s">
        <v>18</v>
      </c>
      <c r="F117" s="9" t="s">
        <v>235</v>
      </c>
      <c r="G117" s="9" t="s">
        <v>243</v>
      </c>
      <c r="H117" s="6">
        <v>51051</v>
      </c>
      <c r="I117" s="6">
        <v>129</v>
      </c>
      <c r="J117" s="6">
        <v>110</v>
      </c>
      <c r="K117" s="6">
        <v>63</v>
      </c>
      <c r="L117" s="6">
        <v>50859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58</v>
      </c>
      <c r="E118" s="9" t="s">
        <v>18</v>
      </c>
      <c r="F118" s="9" t="s">
        <v>235</v>
      </c>
      <c r="G118" s="9" t="s">
        <v>244</v>
      </c>
      <c r="H118" s="6">
        <v>48150</v>
      </c>
      <c r="I118" s="6">
        <v>122</v>
      </c>
      <c r="J118" s="6">
        <v>116</v>
      </c>
      <c r="K118" s="6">
        <v>67</v>
      </c>
      <c r="L118" s="6">
        <v>4796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58</v>
      </c>
      <c r="E119" s="9" t="s">
        <v>18</v>
      </c>
      <c r="F119" s="9" t="s">
        <v>235</v>
      </c>
      <c r="G119" s="9" t="s">
        <v>245</v>
      </c>
      <c r="H119" s="6">
        <v>47195</v>
      </c>
      <c r="I119" s="6">
        <v>172</v>
      </c>
      <c r="J119" s="6">
        <v>149</v>
      </c>
      <c r="K119" s="6">
        <v>51</v>
      </c>
      <c r="L119" s="6">
        <v>46972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58</v>
      </c>
      <c r="E120" s="9" t="s">
        <v>18</v>
      </c>
      <c r="F120" s="9" t="s">
        <v>235</v>
      </c>
      <c r="G120" s="9" t="s">
        <v>246</v>
      </c>
      <c r="H120" s="6">
        <v>45117</v>
      </c>
      <c r="I120" s="6">
        <v>189</v>
      </c>
      <c r="J120" s="6">
        <v>177</v>
      </c>
      <c r="K120" s="6">
        <v>57</v>
      </c>
      <c r="L120" s="6">
        <v>44871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58</v>
      </c>
      <c r="E121" s="9" t="s">
        <v>18</v>
      </c>
      <c r="F121" s="9" t="s">
        <v>235</v>
      </c>
      <c r="G121" s="9" t="s">
        <v>247</v>
      </c>
      <c r="H121" s="6">
        <v>43691</v>
      </c>
      <c r="I121" s="6">
        <v>162</v>
      </c>
      <c r="J121" s="6">
        <v>138</v>
      </c>
      <c r="K121" s="6">
        <v>52</v>
      </c>
      <c r="L121" s="6">
        <v>43477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58</v>
      </c>
      <c r="E122" s="9" t="s">
        <v>18</v>
      </c>
      <c r="F122" s="9" t="s">
        <v>235</v>
      </c>
      <c r="G122" s="9" t="s">
        <v>248</v>
      </c>
      <c r="H122" s="6">
        <v>41633</v>
      </c>
      <c r="I122" s="6">
        <v>169</v>
      </c>
      <c r="J122" s="6">
        <v>146</v>
      </c>
      <c r="K122" s="6">
        <v>66</v>
      </c>
      <c r="L122" s="6">
        <v>41398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58</v>
      </c>
      <c r="E123" s="9" t="s">
        <v>18</v>
      </c>
      <c r="F123" s="9" t="s">
        <v>235</v>
      </c>
      <c r="G123" s="9" t="s">
        <v>249</v>
      </c>
      <c r="H123" s="6">
        <v>39576</v>
      </c>
      <c r="I123" s="6">
        <v>150</v>
      </c>
      <c r="J123" s="6">
        <v>128</v>
      </c>
      <c r="K123" s="6">
        <v>68</v>
      </c>
      <c r="L123" s="6">
        <v>39358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58</v>
      </c>
      <c r="E124" s="9" t="s">
        <v>18</v>
      </c>
      <c r="F124" s="9" t="s">
        <v>235</v>
      </c>
      <c r="G124" s="9" t="s">
        <v>250</v>
      </c>
      <c r="H124" s="6">
        <v>36680</v>
      </c>
      <c r="I124" s="6">
        <v>164</v>
      </c>
      <c r="J124" s="6">
        <v>141</v>
      </c>
      <c r="K124" s="6">
        <v>55</v>
      </c>
      <c r="L124" s="6">
        <v>36461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58</v>
      </c>
      <c r="E125" s="9" t="s">
        <v>18</v>
      </c>
      <c r="F125" s="9" t="s">
        <v>235</v>
      </c>
      <c r="G125" s="9" t="s">
        <v>251</v>
      </c>
      <c r="H125" s="6">
        <v>34290</v>
      </c>
      <c r="I125" s="6">
        <v>171</v>
      </c>
      <c r="J125" s="6">
        <v>146</v>
      </c>
      <c r="K125" s="6">
        <v>50</v>
      </c>
      <c r="L125" s="6">
        <v>34069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58</v>
      </c>
      <c r="E126" s="9" t="s">
        <v>18</v>
      </c>
      <c r="F126" s="9" t="s">
        <v>235</v>
      </c>
      <c r="G126" s="9" t="s">
        <v>252</v>
      </c>
      <c r="H126" s="6">
        <v>34015</v>
      </c>
      <c r="I126" s="6">
        <v>168</v>
      </c>
      <c r="J126" s="6">
        <v>152</v>
      </c>
      <c r="K126" s="6">
        <v>42</v>
      </c>
      <c r="L126" s="6">
        <v>33805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58</v>
      </c>
      <c r="E127" s="9" t="s">
        <v>18</v>
      </c>
      <c r="F127" s="9" t="s">
        <v>235</v>
      </c>
      <c r="G127" s="9" t="s">
        <v>253</v>
      </c>
      <c r="H127" s="6">
        <v>32693</v>
      </c>
      <c r="I127" s="6">
        <v>159</v>
      </c>
      <c r="J127" s="6">
        <v>140</v>
      </c>
      <c r="K127" s="6">
        <v>47</v>
      </c>
      <c r="L127" s="6">
        <v>32487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58</v>
      </c>
      <c r="E128" s="9" t="s">
        <v>18</v>
      </c>
      <c r="F128" s="9" t="s">
        <v>235</v>
      </c>
      <c r="G128" s="9" t="s">
        <v>254</v>
      </c>
      <c r="H128" s="6">
        <v>31551</v>
      </c>
      <c r="I128" s="6">
        <v>166</v>
      </c>
      <c r="J128" s="6">
        <v>153</v>
      </c>
      <c r="K128" s="6">
        <v>52</v>
      </c>
      <c r="L128" s="6">
        <v>31333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58</v>
      </c>
      <c r="E129" s="9" t="s">
        <v>18</v>
      </c>
      <c r="F129" s="9" t="s">
        <v>235</v>
      </c>
      <c r="G129" s="9" t="s">
        <v>255</v>
      </c>
      <c r="H129" s="6">
        <v>28449</v>
      </c>
      <c r="I129" s="6">
        <v>147</v>
      </c>
      <c r="J129" s="6">
        <v>131</v>
      </c>
      <c r="K129" s="6">
        <v>41</v>
      </c>
      <c r="L129" s="6">
        <v>28261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58</v>
      </c>
      <c r="E130" s="9" t="s">
        <v>18</v>
      </c>
      <c r="F130" s="9" t="s">
        <v>235</v>
      </c>
      <c r="G130" s="9" t="s">
        <v>256</v>
      </c>
      <c r="H130" s="6">
        <v>306203</v>
      </c>
      <c r="I130" s="6">
        <v>6750</v>
      </c>
      <c r="J130" s="6">
        <v>4841</v>
      </c>
      <c r="K130" s="6">
        <v>6628</v>
      </c>
      <c r="L130" s="6">
        <v>292825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58</v>
      </c>
      <c r="E131" s="9" t="s">
        <v>6</v>
      </c>
      <c r="F131" s="9" t="s">
        <v>6</v>
      </c>
      <c r="G131" s="9" t="s">
        <v>30</v>
      </c>
      <c r="H131" s="6">
        <v>324463</v>
      </c>
      <c r="I131" s="6">
        <v>175333</v>
      </c>
      <c r="J131" s="6">
        <v>148715</v>
      </c>
      <c r="K131" s="6">
        <v>132305</v>
      </c>
      <c r="L131" s="6">
        <v>16825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58</v>
      </c>
      <c r="E132" s="9" t="s">
        <v>6</v>
      </c>
      <c r="F132" s="9" t="s">
        <v>234</v>
      </c>
      <c r="G132" s="9" t="s">
        <v>30</v>
      </c>
      <c r="H132" s="6">
        <v>149328</v>
      </c>
      <c r="I132" s="6">
        <v>63568</v>
      </c>
      <c r="J132" s="6">
        <v>49935</v>
      </c>
      <c r="K132" s="6">
        <v>78657</v>
      </c>
      <c r="L132" s="6">
        <v>7103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58</v>
      </c>
      <c r="E133" s="9" t="s">
        <v>6</v>
      </c>
      <c r="F133" s="9" t="s">
        <v>235</v>
      </c>
      <c r="G133" s="9" t="s">
        <v>30</v>
      </c>
      <c r="H133" s="6">
        <v>175135</v>
      </c>
      <c r="I133" s="6">
        <v>111765</v>
      </c>
      <c r="J133" s="6">
        <v>98780</v>
      </c>
      <c r="K133" s="6">
        <v>53648</v>
      </c>
      <c r="L133" s="6">
        <v>9722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58</v>
      </c>
      <c r="E134" s="9" t="s">
        <v>6</v>
      </c>
      <c r="F134" s="9" t="s">
        <v>235</v>
      </c>
      <c r="G134" s="9" t="s">
        <v>236</v>
      </c>
      <c r="H134" s="6">
        <v>10208</v>
      </c>
      <c r="I134" s="6">
        <v>4962</v>
      </c>
      <c r="J134" s="6">
        <v>4685</v>
      </c>
      <c r="K134" s="6">
        <v>4413</v>
      </c>
      <c r="L134" s="6">
        <v>833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58</v>
      </c>
      <c r="E135" s="9" t="s">
        <v>6</v>
      </c>
      <c r="F135" s="9" t="s">
        <v>235</v>
      </c>
      <c r="G135" s="9" t="s">
        <v>237</v>
      </c>
      <c r="H135" s="6">
        <v>10089</v>
      </c>
      <c r="I135" s="6">
        <v>6562</v>
      </c>
      <c r="J135" s="6">
        <v>6133</v>
      </c>
      <c r="K135" s="6">
        <v>2628</v>
      </c>
      <c r="L135" s="6">
        <v>899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58</v>
      </c>
      <c r="E136" s="9" t="s">
        <v>6</v>
      </c>
      <c r="F136" s="9" t="s">
        <v>235</v>
      </c>
      <c r="G136" s="9" t="s">
        <v>238</v>
      </c>
      <c r="H136" s="6">
        <v>8702</v>
      </c>
      <c r="I136" s="6">
        <v>6145</v>
      </c>
      <c r="J136" s="6">
        <v>5764</v>
      </c>
      <c r="K136" s="6">
        <v>1849</v>
      </c>
      <c r="L136" s="6">
        <v>708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58</v>
      </c>
      <c r="E137" s="9" t="s">
        <v>6</v>
      </c>
      <c r="F137" s="9" t="s">
        <v>235</v>
      </c>
      <c r="G137" s="9" t="s">
        <v>239</v>
      </c>
      <c r="H137" s="6">
        <v>7100</v>
      </c>
      <c r="I137" s="6">
        <v>5185</v>
      </c>
      <c r="J137" s="6">
        <v>4805</v>
      </c>
      <c r="K137" s="6">
        <v>1369</v>
      </c>
      <c r="L137" s="6">
        <v>546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58</v>
      </c>
      <c r="E138" s="9" t="s">
        <v>6</v>
      </c>
      <c r="F138" s="9" t="s">
        <v>235</v>
      </c>
      <c r="G138" s="9" t="s">
        <v>240</v>
      </c>
      <c r="H138" s="6">
        <v>6354</v>
      </c>
      <c r="I138" s="6">
        <v>4826</v>
      </c>
      <c r="J138" s="6">
        <v>4505</v>
      </c>
      <c r="K138" s="6">
        <v>1072</v>
      </c>
      <c r="L138" s="6">
        <v>456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58</v>
      </c>
      <c r="E139" s="9" t="s">
        <v>6</v>
      </c>
      <c r="F139" s="9" t="s">
        <v>235</v>
      </c>
      <c r="G139" s="9" t="s">
        <v>241</v>
      </c>
      <c r="H139" s="6">
        <v>5788</v>
      </c>
      <c r="I139" s="6">
        <v>4357</v>
      </c>
      <c r="J139" s="6">
        <v>4016</v>
      </c>
      <c r="K139" s="6">
        <v>1018</v>
      </c>
      <c r="L139" s="6">
        <v>413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58</v>
      </c>
      <c r="E140" s="9" t="s">
        <v>6</v>
      </c>
      <c r="F140" s="9" t="s">
        <v>235</v>
      </c>
      <c r="G140" s="9" t="s">
        <v>242</v>
      </c>
      <c r="H140" s="6">
        <v>5421</v>
      </c>
      <c r="I140" s="6">
        <v>4099</v>
      </c>
      <c r="J140" s="6">
        <v>3777</v>
      </c>
      <c r="K140" s="6">
        <v>926</v>
      </c>
      <c r="L140" s="6">
        <v>396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58</v>
      </c>
      <c r="E141" s="9" t="s">
        <v>6</v>
      </c>
      <c r="F141" s="9" t="s">
        <v>235</v>
      </c>
      <c r="G141" s="9" t="s">
        <v>243</v>
      </c>
      <c r="H141" s="6">
        <v>5330</v>
      </c>
      <c r="I141" s="6">
        <v>4027</v>
      </c>
      <c r="J141" s="6">
        <v>3727</v>
      </c>
      <c r="K141" s="6">
        <v>934</v>
      </c>
      <c r="L141" s="6">
        <v>369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58</v>
      </c>
      <c r="E142" s="9" t="s">
        <v>6</v>
      </c>
      <c r="F142" s="9" t="s">
        <v>235</v>
      </c>
      <c r="G142" s="9" t="s">
        <v>244</v>
      </c>
      <c r="H142" s="6">
        <v>5028</v>
      </c>
      <c r="I142" s="6">
        <v>3881</v>
      </c>
      <c r="J142" s="6">
        <v>3606</v>
      </c>
      <c r="K142" s="6">
        <v>818</v>
      </c>
      <c r="L142" s="6">
        <v>329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58</v>
      </c>
      <c r="E143" s="9" t="s">
        <v>6</v>
      </c>
      <c r="F143" s="9" t="s">
        <v>235</v>
      </c>
      <c r="G143" s="9" t="s">
        <v>245</v>
      </c>
      <c r="H143" s="6">
        <v>4856</v>
      </c>
      <c r="I143" s="6">
        <v>3811</v>
      </c>
      <c r="J143" s="6">
        <v>3547</v>
      </c>
      <c r="K143" s="6">
        <v>729</v>
      </c>
      <c r="L143" s="6">
        <v>316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58</v>
      </c>
      <c r="E144" s="9" t="s">
        <v>6</v>
      </c>
      <c r="F144" s="9" t="s">
        <v>235</v>
      </c>
      <c r="G144" s="9" t="s">
        <v>246</v>
      </c>
      <c r="H144" s="6">
        <v>4779</v>
      </c>
      <c r="I144" s="6">
        <v>3787</v>
      </c>
      <c r="J144" s="6">
        <v>3501</v>
      </c>
      <c r="K144" s="6">
        <v>706</v>
      </c>
      <c r="L144" s="6">
        <v>286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58</v>
      </c>
      <c r="E145" s="9" t="s">
        <v>6</v>
      </c>
      <c r="F145" s="9" t="s">
        <v>235</v>
      </c>
      <c r="G145" s="9" t="s">
        <v>247</v>
      </c>
      <c r="H145" s="6">
        <v>4584</v>
      </c>
      <c r="I145" s="6">
        <v>3616</v>
      </c>
      <c r="J145" s="6">
        <v>3355</v>
      </c>
      <c r="K145" s="6">
        <v>669</v>
      </c>
      <c r="L145" s="6">
        <v>299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58</v>
      </c>
      <c r="E146" s="9" t="s">
        <v>6</v>
      </c>
      <c r="F146" s="9" t="s">
        <v>235</v>
      </c>
      <c r="G146" s="9" t="s">
        <v>248</v>
      </c>
      <c r="H146" s="6">
        <v>4652</v>
      </c>
      <c r="I146" s="6">
        <v>3712</v>
      </c>
      <c r="J146" s="6">
        <v>3425</v>
      </c>
      <c r="K146" s="6">
        <v>665</v>
      </c>
      <c r="L146" s="6">
        <v>275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58</v>
      </c>
      <c r="E147" s="9" t="s">
        <v>6</v>
      </c>
      <c r="F147" s="9" t="s">
        <v>235</v>
      </c>
      <c r="G147" s="9" t="s">
        <v>249</v>
      </c>
      <c r="H147" s="6">
        <v>4331</v>
      </c>
      <c r="I147" s="6">
        <v>3414</v>
      </c>
      <c r="J147" s="6">
        <v>3181</v>
      </c>
      <c r="K147" s="6">
        <v>615</v>
      </c>
      <c r="L147" s="6">
        <v>302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58</v>
      </c>
      <c r="E148" s="9" t="s">
        <v>6</v>
      </c>
      <c r="F148" s="9" t="s">
        <v>235</v>
      </c>
      <c r="G148" s="9" t="s">
        <v>250</v>
      </c>
      <c r="H148" s="6">
        <v>4146</v>
      </c>
      <c r="I148" s="6">
        <v>3349</v>
      </c>
      <c r="J148" s="6">
        <v>3125</v>
      </c>
      <c r="K148" s="6">
        <v>590</v>
      </c>
      <c r="L148" s="6">
        <v>207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58</v>
      </c>
      <c r="E149" s="9" t="s">
        <v>6</v>
      </c>
      <c r="F149" s="9" t="s">
        <v>235</v>
      </c>
      <c r="G149" s="9" t="s">
        <v>251</v>
      </c>
      <c r="H149" s="6">
        <v>3986</v>
      </c>
      <c r="I149" s="6">
        <v>3178</v>
      </c>
      <c r="J149" s="6">
        <v>2941</v>
      </c>
      <c r="K149" s="6">
        <v>589</v>
      </c>
      <c r="L149" s="6">
        <v>219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58</v>
      </c>
      <c r="E150" s="9" t="s">
        <v>6</v>
      </c>
      <c r="F150" s="9" t="s">
        <v>235</v>
      </c>
      <c r="G150" s="9" t="s">
        <v>252</v>
      </c>
      <c r="H150" s="6">
        <v>4075</v>
      </c>
      <c r="I150" s="6">
        <v>3218</v>
      </c>
      <c r="J150" s="6">
        <v>2983</v>
      </c>
      <c r="K150" s="6">
        <v>636</v>
      </c>
      <c r="L150" s="6">
        <v>221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58</v>
      </c>
      <c r="E151" s="9" t="s">
        <v>6</v>
      </c>
      <c r="F151" s="9" t="s">
        <v>235</v>
      </c>
      <c r="G151" s="9" t="s">
        <v>253</v>
      </c>
      <c r="H151" s="6">
        <v>3922</v>
      </c>
      <c r="I151" s="6">
        <v>3041</v>
      </c>
      <c r="J151" s="6">
        <v>2819</v>
      </c>
      <c r="K151" s="6">
        <v>674</v>
      </c>
      <c r="L151" s="6">
        <v>207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58</v>
      </c>
      <c r="E152" s="9" t="s">
        <v>6</v>
      </c>
      <c r="F152" s="9" t="s">
        <v>235</v>
      </c>
      <c r="G152" s="9" t="s">
        <v>254</v>
      </c>
      <c r="H152" s="6">
        <v>3329</v>
      </c>
      <c r="I152" s="6">
        <v>2618</v>
      </c>
      <c r="J152" s="6">
        <v>2429</v>
      </c>
      <c r="K152" s="6">
        <v>539</v>
      </c>
      <c r="L152" s="6">
        <v>172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58</v>
      </c>
      <c r="E153" s="9" t="s">
        <v>6</v>
      </c>
      <c r="F153" s="9" t="s">
        <v>235</v>
      </c>
      <c r="G153" s="9" t="s">
        <v>255</v>
      </c>
      <c r="H153" s="6">
        <v>2763</v>
      </c>
      <c r="I153" s="6">
        <v>2106</v>
      </c>
      <c r="J153" s="6">
        <v>1923</v>
      </c>
      <c r="K153" s="6">
        <v>520</v>
      </c>
      <c r="L153" s="6">
        <v>137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58</v>
      </c>
      <c r="E154" s="9" t="s">
        <v>6</v>
      </c>
      <c r="F154" s="9" t="s">
        <v>235</v>
      </c>
      <c r="G154" s="9" t="s">
        <v>256</v>
      </c>
      <c r="H154" s="6">
        <v>65692</v>
      </c>
      <c r="I154" s="6">
        <v>31871</v>
      </c>
      <c r="J154" s="6">
        <v>24533</v>
      </c>
      <c r="K154" s="6">
        <v>31689</v>
      </c>
      <c r="L154" s="6">
        <v>2132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58</v>
      </c>
      <c r="E155" s="9" t="s">
        <v>226</v>
      </c>
      <c r="F155" s="9" t="s">
        <v>6</v>
      </c>
      <c r="G155" s="9" t="s">
        <v>30</v>
      </c>
      <c r="H155" s="6">
        <v>219476</v>
      </c>
      <c r="I155" s="6">
        <v>159928</v>
      </c>
      <c r="J155" s="6">
        <v>135027</v>
      </c>
      <c r="K155" s="6">
        <v>59080</v>
      </c>
      <c r="L155" s="6">
        <v>468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58</v>
      </c>
      <c r="E156" s="9" t="s">
        <v>226</v>
      </c>
      <c r="F156" s="9" t="s">
        <v>234</v>
      </c>
      <c r="G156" s="9" t="s">
        <v>30</v>
      </c>
      <c r="H156" s="6">
        <v>79699</v>
      </c>
      <c r="I156" s="6">
        <v>53939</v>
      </c>
      <c r="J156" s="6">
        <v>41383</v>
      </c>
      <c r="K156" s="6">
        <v>25429</v>
      </c>
      <c r="L156" s="6">
        <v>331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58</v>
      </c>
      <c r="E157" s="9" t="s">
        <v>226</v>
      </c>
      <c r="F157" s="9" t="s">
        <v>235</v>
      </c>
      <c r="G157" s="9" t="s">
        <v>30</v>
      </c>
      <c r="H157" s="6">
        <v>139777</v>
      </c>
      <c r="I157" s="6">
        <v>105989</v>
      </c>
      <c r="J157" s="6">
        <v>93644</v>
      </c>
      <c r="K157" s="6">
        <v>33651</v>
      </c>
      <c r="L157" s="6">
        <v>137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58</v>
      </c>
      <c r="E158" s="9" t="s">
        <v>226</v>
      </c>
      <c r="F158" s="9" t="s">
        <v>235</v>
      </c>
      <c r="G158" s="9" t="s">
        <v>236</v>
      </c>
      <c r="H158" s="6">
        <v>9262</v>
      </c>
      <c r="I158" s="6">
        <v>4915</v>
      </c>
      <c r="J158" s="6">
        <v>4638</v>
      </c>
      <c r="K158" s="6">
        <v>4343</v>
      </c>
      <c r="L158" s="6">
        <v>4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58</v>
      </c>
      <c r="E159" s="9" t="s">
        <v>226</v>
      </c>
      <c r="F159" s="9" t="s">
        <v>235</v>
      </c>
      <c r="G159" s="9" t="s">
        <v>237</v>
      </c>
      <c r="H159" s="6">
        <v>9089</v>
      </c>
      <c r="I159" s="6">
        <v>6506</v>
      </c>
      <c r="J159" s="6">
        <v>6078</v>
      </c>
      <c r="K159" s="6">
        <v>2579</v>
      </c>
      <c r="L159" s="6">
        <v>4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58</v>
      </c>
      <c r="E160" s="9" t="s">
        <v>226</v>
      </c>
      <c r="F160" s="9" t="s">
        <v>235</v>
      </c>
      <c r="G160" s="9" t="s">
        <v>238</v>
      </c>
      <c r="H160" s="6">
        <v>7918</v>
      </c>
      <c r="I160" s="6">
        <v>6095</v>
      </c>
      <c r="J160" s="6">
        <v>5716</v>
      </c>
      <c r="K160" s="6">
        <v>1818</v>
      </c>
      <c r="L160" s="6">
        <v>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58</v>
      </c>
      <c r="E161" s="9" t="s">
        <v>226</v>
      </c>
      <c r="F161" s="9" t="s">
        <v>235</v>
      </c>
      <c r="G161" s="9" t="s">
        <v>239</v>
      </c>
      <c r="H161" s="6">
        <v>6482</v>
      </c>
      <c r="I161" s="6">
        <v>5130</v>
      </c>
      <c r="J161" s="6">
        <v>4752</v>
      </c>
      <c r="K161" s="6">
        <v>1350</v>
      </c>
      <c r="L161" s="6">
        <v>2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58</v>
      </c>
      <c r="E162" s="9" t="s">
        <v>226</v>
      </c>
      <c r="F162" s="9" t="s">
        <v>235</v>
      </c>
      <c r="G162" s="9" t="s">
        <v>240</v>
      </c>
      <c r="H162" s="6">
        <v>5832</v>
      </c>
      <c r="I162" s="6">
        <v>4776</v>
      </c>
      <c r="J162" s="6">
        <v>4459</v>
      </c>
      <c r="K162" s="6">
        <v>1051</v>
      </c>
      <c r="L162" s="6">
        <v>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58</v>
      </c>
      <c r="E163" s="9" t="s">
        <v>226</v>
      </c>
      <c r="F163" s="9" t="s">
        <v>235</v>
      </c>
      <c r="G163" s="9" t="s">
        <v>241</v>
      </c>
      <c r="H163" s="6">
        <v>5318</v>
      </c>
      <c r="I163" s="6">
        <v>4322</v>
      </c>
      <c r="J163" s="6">
        <v>3983</v>
      </c>
      <c r="K163" s="6">
        <v>994</v>
      </c>
      <c r="L163" s="6">
        <v>2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58</v>
      </c>
      <c r="E164" s="9" t="s">
        <v>226</v>
      </c>
      <c r="F164" s="9" t="s">
        <v>235</v>
      </c>
      <c r="G164" s="9" t="s">
        <v>242</v>
      </c>
      <c r="H164" s="6">
        <v>4956</v>
      </c>
      <c r="I164" s="6">
        <v>4052</v>
      </c>
      <c r="J164" s="6">
        <v>3734</v>
      </c>
      <c r="K164" s="6">
        <v>901</v>
      </c>
      <c r="L164" s="6">
        <v>3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58</v>
      </c>
      <c r="E165" s="9" t="s">
        <v>226</v>
      </c>
      <c r="F165" s="9" t="s">
        <v>235</v>
      </c>
      <c r="G165" s="9" t="s">
        <v>243</v>
      </c>
      <c r="H165" s="6">
        <v>4891</v>
      </c>
      <c r="I165" s="6">
        <v>3971</v>
      </c>
      <c r="J165" s="6">
        <v>3681</v>
      </c>
      <c r="K165" s="6">
        <v>916</v>
      </c>
      <c r="L165" s="6">
        <v>4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58</v>
      </c>
      <c r="E166" s="9" t="s">
        <v>226</v>
      </c>
      <c r="F166" s="9" t="s">
        <v>235</v>
      </c>
      <c r="G166" s="9" t="s">
        <v>244</v>
      </c>
      <c r="H166" s="6">
        <v>4629</v>
      </c>
      <c r="I166" s="6">
        <v>3829</v>
      </c>
      <c r="J166" s="6">
        <v>3555</v>
      </c>
      <c r="K166" s="6">
        <v>797</v>
      </c>
      <c r="L166" s="6">
        <v>3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58</v>
      </c>
      <c r="E167" s="9" t="s">
        <v>226</v>
      </c>
      <c r="F167" s="9" t="s">
        <v>235</v>
      </c>
      <c r="G167" s="9" t="s">
        <v>245</v>
      </c>
      <c r="H167" s="6">
        <v>4473</v>
      </c>
      <c r="I167" s="6">
        <v>3765</v>
      </c>
      <c r="J167" s="6">
        <v>3503</v>
      </c>
      <c r="K167" s="6">
        <v>704</v>
      </c>
      <c r="L167" s="6">
        <v>4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58</v>
      </c>
      <c r="E168" s="9" t="s">
        <v>226</v>
      </c>
      <c r="F168" s="9" t="s">
        <v>235</v>
      </c>
      <c r="G168" s="9" t="s">
        <v>246</v>
      </c>
      <c r="H168" s="6">
        <v>4417</v>
      </c>
      <c r="I168" s="6">
        <v>3735</v>
      </c>
      <c r="J168" s="6">
        <v>3452</v>
      </c>
      <c r="K168" s="6">
        <v>681</v>
      </c>
      <c r="L168" s="6">
        <v>1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58</v>
      </c>
      <c r="E169" s="9" t="s">
        <v>226</v>
      </c>
      <c r="F169" s="9" t="s">
        <v>235</v>
      </c>
      <c r="G169" s="9" t="s">
        <v>247</v>
      </c>
      <c r="H169" s="6">
        <v>4227</v>
      </c>
      <c r="I169" s="6">
        <v>3566</v>
      </c>
      <c r="J169" s="6">
        <v>3308</v>
      </c>
      <c r="K169" s="6">
        <v>658</v>
      </c>
      <c r="L169" s="6">
        <v>3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58</v>
      </c>
      <c r="E170" s="9" t="s">
        <v>226</v>
      </c>
      <c r="F170" s="9" t="s">
        <v>235</v>
      </c>
      <c r="G170" s="9" t="s">
        <v>248</v>
      </c>
      <c r="H170" s="6">
        <v>4288</v>
      </c>
      <c r="I170" s="6">
        <v>3637</v>
      </c>
      <c r="J170" s="6">
        <v>3354</v>
      </c>
      <c r="K170" s="6">
        <v>648</v>
      </c>
      <c r="L170" s="6">
        <v>3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58</v>
      </c>
      <c r="E171" s="9" t="s">
        <v>226</v>
      </c>
      <c r="F171" s="9" t="s">
        <v>235</v>
      </c>
      <c r="G171" s="9" t="s">
        <v>249</v>
      </c>
      <c r="H171" s="6">
        <v>3961</v>
      </c>
      <c r="I171" s="6">
        <v>3361</v>
      </c>
      <c r="J171" s="6">
        <v>3132</v>
      </c>
      <c r="K171" s="6">
        <v>596</v>
      </c>
      <c r="L171" s="6">
        <v>4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58</v>
      </c>
      <c r="E172" s="9" t="s">
        <v>226</v>
      </c>
      <c r="F172" s="9" t="s">
        <v>235</v>
      </c>
      <c r="G172" s="9" t="s">
        <v>250</v>
      </c>
      <c r="H172" s="6">
        <v>3858</v>
      </c>
      <c r="I172" s="6">
        <v>3280</v>
      </c>
      <c r="J172" s="6">
        <v>3057</v>
      </c>
      <c r="K172" s="6">
        <v>577</v>
      </c>
      <c r="L172" s="6">
        <v>1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58</v>
      </c>
      <c r="E173" s="9" t="s">
        <v>226</v>
      </c>
      <c r="F173" s="9" t="s">
        <v>235</v>
      </c>
      <c r="G173" s="9" t="s">
        <v>251</v>
      </c>
      <c r="H173" s="6">
        <v>3680</v>
      </c>
      <c r="I173" s="6">
        <v>3107</v>
      </c>
      <c r="J173" s="6">
        <v>2871</v>
      </c>
      <c r="K173" s="6">
        <v>572</v>
      </c>
      <c r="L173" s="6">
        <v>1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58</v>
      </c>
      <c r="E174" s="9" t="s">
        <v>226</v>
      </c>
      <c r="F174" s="9" t="s">
        <v>235</v>
      </c>
      <c r="G174" s="9" t="s">
        <v>252</v>
      </c>
      <c r="H174" s="6">
        <v>3761</v>
      </c>
      <c r="I174" s="6">
        <v>3143</v>
      </c>
      <c r="J174" s="6">
        <v>2912</v>
      </c>
      <c r="K174" s="6">
        <v>618</v>
      </c>
      <c r="L174" s="10" t="s">
        <v>55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58</v>
      </c>
      <c r="E175" s="9" t="s">
        <v>226</v>
      </c>
      <c r="F175" s="9" t="s">
        <v>235</v>
      </c>
      <c r="G175" s="9" t="s">
        <v>253</v>
      </c>
      <c r="H175" s="6">
        <v>3615</v>
      </c>
      <c r="I175" s="6">
        <v>2971</v>
      </c>
      <c r="J175" s="6">
        <v>2754</v>
      </c>
      <c r="K175" s="6">
        <v>642</v>
      </c>
      <c r="L175" s="6">
        <v>2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58</v>
      </c>
      <c r="E176" s="9" t="s">
        <v>226</v>
      </c>
      <c r="F176" s="9" t="s">
        <v>235</v>
      </c>
      <c r="G176" s="9" t="s">
        <v>254</v>
      </c>
      <c r="H176" s="6">
        <v>3043</v>
      </c>
      <c r="I176" s="6">
        <v>2533</v>
      </c>
      <c r="J176" s="6">
        <v>2344</v>
      </c>
      <c r="K176" s="6">
        <v>509</v>
      </c>
      <c r="L176" s="6">
        <v>1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58</v>
      </c>
      <c r="E177" s="9" t="s">
        <v>226</v>
      </c>
      <c r="F177" s="9" t="s">
        <v>235</v>
      </c>
      <c r="G177" s="9" t="s">
        <v>255</v>
      </c>
      <c r="H177" s="6">
        <v>2525</v>
      </c>
      <c r="I177" s="6">
        <v>2028</v>
      </c>
      <c r="J177" s="6">
        <v>1847</v>
      </c>
      <c r="K177" s="6">
        <v>493</v>
      </c>
      <c r="L177" s="6">
        <v>4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58</v>
      </c>
      <c r="E178" s="9" t="s">
        <v>226</v>
      </c>
      <c r="F178" s="9" t="s">
        <v>235</v>
      </c>
      <c r="G178" s="9" t="s">
        <v>256</v>
      </c>
      <c r="H178" s="6">
        <v>39552</v>
      </c>
      <c r="I178" s="6">
        <v>27267</v>
      </c>
      <c r="J178" s="6">
        <v>20514</v>
      </c>
      <c r="K178" s="6">
        <v>12204</v>
      </c>
      <c r="L178" s="6">
        <v>81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58</v>
      </c>
      <c r="E179" s="9" t="s">
        <v>227</v>
      </c>
      <c r="F179" s="9" t="s">
        <v>6</v>
      </c>
      <c r="G179" s="9" t="s">
        <v>30</v>
      </c>
      <c r="H179" s="6">
        <v>177556</v>
      </c>
      <c r="I179" s="6">
        <v>127918</v>
      </c>
      <c r="J179" s="6">
        <v>122857</v>
      </c>
      <c r="K179" s="6">
        <v>49383</v>
      </c>
      <c r="L179" s="6">
        <v>255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58</v>
      </c>
      <c r="E180" s="9" t="s">
        <v>227</v>
      </c>
      <c r="F180" s="9" t="s">
        <v>234</v>
      </c>
      <c r="G180" s="9" t="s">
        <v>30</v>
      </c>
      <c r="H180" s="6">
        <v>58570</v>
      </c>
      <c r="I180" s="6">
        <v>38450</v>
      </c>
      <c r="J180" s="6">
        <v>36581</v>
      </c>
      <c r="K180" s="6">
        <v>19947</v>
      </c>
      <c r="L180" s="6">
        <v>173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58</v>
      </c>
      <c r="E181" s="9" t="s">
        <v>227</v>
      </c>
      <c r="F181" s="9" t="s">
        <v>235</v>
      </c>
      <c r="G181" s="9" t="s">
        <v>30</v>
      </c>
      <c r="H181" s="6">
        <v>118986</v>
      </c>
      <c r="I181" s="6">
        <v>89468</v>
      </c>
      <c r="J181" s="6">
        <v>86276</v>
      </c>
      <c r="K181" s="6">
        <v>29436</v>
      </c>
      <c r="L181" s="6">
        <v>82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58</v>
      </c>
      <c r="E182" s="9" t="s">
        <v>227</v>
      </c>
      <c r="F182" s="9" t="s">
        <v>235</v>
      </c>
      <c r="G182" s="9" t="s">
        <v>236</v>
      </c>
      <c r="H182" s="6">
        <v>8510</v>
      </c>
      <c r="I182" s="6">
        <v>4487</v>
      </c>
      <c r="J182" s="6">
        <v>4366</v>
      </c>
      <c r="K182" s="6">
        <v>4019</v>
      </c>
      <c r="L182" s="6">
        <v>4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58</v>
      </c>
      <c r="E183" s="9" t="s">
        <v>227</v>
      </c>
      <c r="F183" s="9" t="s">
        <v>235</v>
      </c>
      <c r="G183" s="9" t="s">
        <v>237</v>
      </c>
      <c r="H183" s="6">
        <v>8267</v>
      </c>
      <c r="I183" s="6">
        <v>5859</v>
      </c>
      <c r="J183" s="6">
        <v>5688</v>
      </c>
      <c r="K183" s="6">
        <v>2408</v>
      </c>
      <c r="L183" s="10" t="s">
        <v>55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58</v>
      </c>
      <c r="E184" s="9" t="s">
        <v>227</v>
      </c>
      <c r="F184" s="9" t="s">
        <v>235</v>
      </c>
      <c r="G184" s="9" t="s">
        <v>238</v>
      </c>
      <c r="H184" s="6">
        <v>7221</v>
      </c>
      <c r="I184" s="6">
        <v>5499</v>
      </c>
      <c r="J184" s="6">
        <v>5351</v>
      </c>
      <c r="K184" s="6">
        <v>1717</v>
      </c>
      <c r="L184" s="6">
        <v>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58</v>
      </c>
      <c r="E185" s="9" t="s">
        <v>227</v>
      </c>
      <c r="F185" s="9" t="s">
        <v>235</v>
      </c>
      <c r="G185" s="9" t="s">
        <v>239</v>
      </c>
      <c r="H185" s="6">
        <v>5891</v>
      </c>
      <c r="I185" s="6">
        <v>4626</v>
      </c>
      <c r="J185" s="6">
        <v>4461</v>
      </c>
      <c r="K185" s="6">
        <v>1265</v>
      </c>
      <c r="L185" s="10" t="s">
        <v>55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58</v>
      </c>
      <c r="E186" s="9" t="s">
        <v>227</v>
      </c>
      <c r="F186" s="9" t="s">
        <v>235</v>
      </c>
      <c r="G186" s="9" t="s">
        <v>240</v>
      </c>
      <c r="H186" s="6">
        <v>5314</v>
      </c>
      <c r="I186" s="6">
        <v>4313</v>
      </c>
      <c r="J186" s="6">
        <v>4175</v>
      </c>
      <c r="K186" s="6">
        <v>997</v>
      </c>
      <c r="L186" s="6">
        <v>4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58</v>
      </c>
      <c r="E187" s="9" t="s">
        <v>227</v>
      </c>
      <c r="F187" s="9" t="s">
        <v>235</v>
      </c>
      <c r="G187" s="9" t="s">
        <v>241</v>
      </c>
      <c r="H187" s="6">
        <v>4798</v>
      </c>
      <c r="I187" s="6">
        <v>3858</v>
      </c>
      <c r="J187" s="6">
        <v>3718</v>
      </c>
      <c r="K187" s="6">
        <v>939</v>
      </c>
      <c r="L187" s="6">
        <v>1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58</v>
      </c>
      <c r="E188" s="9" t="s">
        <v>227</v>
      </c>
      <c r="F188" s="9" t="s">
        <v>235</v>
      </c>
      <c r="G188" s="9" t="s">
        <v>242</v>
      </c>
      <c r="H188" s="6">
        <v>4427</v>
      </c>
      <c r="I188" s="6">
        <v>3572</v>
      </c>
      <c r="J188" s="6">
        <v>3450</v>
      </c>
      <c r="K188" s="6">
        <v>853</v>
      </c>
      <c r="L188" s="6">
        <v>2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58</v>
      </c>
      <c r="E189" s="9" t="s">
        <v>227</v>
      </c>
      <c r="F189" s="9" t="s">
        <v>235</v>
      </c>
      <c r="G189" s="9" t="s">
        <v>243</v>
      </c>
      <c r="H189" s="6">
        <v>4420</v>
      </c>
      <c r="I189" s="6">
        <v>3564</v>
      </c>
      <c r="J189" s="6">
        <v>3445</v>
      </c>
      <c r="K189" s="6">
        <v>853</v>
      </c>
      <c r="L189" s="6">
        <v>3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58</v>
      </c>
      <c r="E190" s="9" t="s">
        <v>227</v>
      </c>
      <c r="F190" s="9" t="s">
        <v>235</v>
      </c>
      <c r="G190" s="9" t="s">
        <v>244</v>
      </c>
      <c r="H190" s="6">
        <v>4185</v>
      </c>
      <c r="I190" s="6">
        <v>3440</v>
      </c>
      <c r="J190" s="6">
        <v>3318</v>
      </c>
      <c r="K190" s="6">
        <v>744</v>
      </c>
      <c r="L190" s="6">
        <v>1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58</v>
      </c>
      <c r="E191" s="9" t="s">
        <v>227</v>
      </c>
      <c r="F191" s="9" t="s">
        <v>235</v>
      </c>
      <c r="G191" s="9" t="s">
        <v>245</v>
      </c>
      <c r="H191" s="6">
        <v>4073</v>
      </c>
      <c r="I191" s="6">
        <v>3423</v>
      </c>
      <c r="J191" s="6">
        <v>3302</v>
      </c>
      <c r="K191" s="6">
        <v>648</v>
      </c>
      <c r="L191" s="6">
        <v>2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58</v>
      </c>
      <c r="E192" s="9" t="s">
        <v>227</v>
      </c>
      <c r="F192" s="9" t="s">
        <v>235</v>
      </c>
      <c r="G192" s="9" t="s">
        <v>246</v>
      </c>
      <c r="H192" s="6">
        <v>3957</v>
      </c>
      <c r="I192" s="6">
        <v>3322</v>
      </c>
      <c r="J192" s="6">
        <v>3221</v>
      </c>
      <c r="K192" s="6">
        <v>634</v>
      </c>
      <c r="L192" s="6">
        <v>1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58</v>
      </c>
      <c r="E193" s="9" t="s">
        <v>227</v>
      </c>
      <c r="F193" s="9" t="s">
        <v>235</v>
      </c>
      <c r="G193" s="9" t="s">
        <v>247</v>
      </c>
      <c r="H193" s="6">
        <v>3810</v>
      </c>
      <c r="I193" s="6">
        <v>3204</v>
      </c>
      <c r="J193" s="6">
        <v>3089</v>
      </c>
      <c r="K193" s="6">
        <v>604</v>
      </c>
      <c r="L193" s="6">
        <v>2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58</v>
      </c>
      <c r="E194" s="9" t="s">
        <v>227</v>
      </c>
      <c r="F194" s="9" t="s">
        <v>235</v>
      </c>
      <c r="G194" s="9" t="s">
        <v>248</v>
      </c>
      <c r="H194" s="6">
        <v>3856</v>
      </c>
      <c r="I194" s="6">
        <v>3252</v>
      </c>
      <c r="J194" s="6">
        <v>3138</v>
      </c>
      <c r="K194" s="6">
        <v>602</v>
      </c>
      <c r="L194" s="6">
        <v>2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58</v>
      </c>
      <c r="E195" s="9" t="s">
        <v>227</v>
      </c>
      <c r="F195" s="9" t="s">
        <v>235</v>
      </c>
      <c r="G195" s="9" t="s">
        <v>249</v>
      </c>
      <c r="H195" s="6">
        <v>3593</v>
      </c>
      <c r="I195" s="6">
        <v>3030</v>
      </c>
      <c r="J195" s="6">
        <v>2926</v>
      </c>
      <c r="K195" s="6">
        <v>562</v>
      </c>
      <c r="L195" s="6">
        <v>1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58</v>
      </c>
      <c r="E196" s="9" t="s">
        <v>227</v>
      </c>
      <c r="F196" s="9" t="s">
        <v>235</v>
      </c>
      <c r="G196" s="9" t="s">
        <v>250</v>
      </c>
      <c r="H196" s="6">
        <v>3442</v>
      </c>
      <c r="I196" s="6">
        <v>2912</v>
      </c>
      <c r="J196" s="6">
        <v>2821</v>
      </c>
      <c r="K196" s="6">
        <v>529</v>
      </c>
      <c r="L196" s="6">
        <v>1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58</v>
      </c>
      <c r="E197" s="9" t="s">
        <v>227</v>
      </c>
      <c r="F197" s="9" t="s">
        <v>235</v>
      </c>
      <c r="G197" s="9" t="s">
        <v>251</v>
      </c>
      <c r="H197" s="6">
        <v>3306</v>
      </c>
      <c r="I197" s="6">
        <v>2766</v>
      </c>
      <c r="J197" s="6">
        <v>2668</v>
      </c>
      <c r="K197" s="6">
        <v>540</v>
      </c>
      <c r="L197" s="10" t="s">
        <v>55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58</v>
      </c>
      <c r="E198" s="9" t="s">
        <v>227</v>
      </c>
      <c r="F198" s="9" t="s">
        <v>235</v>
      </c>
      <c r="G198" s="9" t="s">
        <v>252</v>
      </c>
      <c r="H198" s="6">
        <v>3371</v>
      </c>
      <c r="I198" s="6">
        <v>2792</v>
      </c>
      <c r="J198" s="6">
        <v>2702</v>
      </c>
      <c r="K198" s="6">
        <v>579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58</v>
      </c>
      <c r="E199" s="9" t="s">
        <v>227</v>
      </c>
      <c r="F199" s="9" t="s">
        <v>235</v>
      </c>
      <c r="G199" s="9" t="s">
        <v>253</v>
      </c>
      <c r="H199" s="6">
        <v>3233</v>
      </c>
      <c r="I199" s="6">
        <v>2633</v>
      </c>
      <c r="J199" s="6">
        <v>2560</v>
      </c>
      <c r="K199" s="6">
        <v>599</v>
      </c>
      <c r="L199" s="6">
        <v>1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58</v>
      </c>
      <c r="E200" s="9" t="s">
        <v>227</v>
      </c>
      <c r="F200" s="9" t="s">
        <v>235</v>
      </c>
      <c r="G200" s="9" t="s">
        <v>254</v>
      </c>
      <c r="H200" s="6">
        <v>2695</v>
      </c>
      <c r="I200" s="6">
        <v>2234</v>
      </c>
      <c r="J200" s="6">
        <v>2167</v>
      </c>
      <c r="K200" s="6">
        <v>460</v>
      </c>
      <c r="L200" s="6">
        <v>1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58</v>
      </c>
      <c r="E201" s="9" t="s">
        <v>227</v>
      </c>
      <c r="F201" s="9" t="s">
        <v>235</v>
      </c>
      <c r="G201" s="9" t="s">
        <v>255</v>
      </c>
      <c r="H201" s="6">
        <v>2202</v>
      </c>
      <c r="I201" s="6">
        <v>1753</v>
      </c>
      <c r="J201" s="6">
        <v>1687</v>
      </c>
      <c r="K201" s="6">
        <v>446</v>
      </c>
      <c r="L201" s="6">
        <v>3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58</v>
      </c>
      <c r="E202" s="9" t="s">
        <v>227</v>
      </c>
      <c r="F202" s="9" t="s">
        <v>235</v>
      </c>
      <c r="G202" s="9" t="s">
        <v>256</v>
      </c>
      <c r="H202" s="6">
        <v>28415</v>
      </c>
      <c r="I202" s="6">
        <v>18929</v>
      </c>
      <c r="J202" s="6">
        <v>18023</v>
      </c>
      <c r="K202" s="6">
        <v>9438</v>
      </c>
      <c r="L202" s="6">
        <v>48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58</v>
      </c>
      <c r="E203" s="9" t="s">
        <v>228</v>
      </c>
      <c r="F203" s="9" t="s">
        <v>6</v>
      </c>
      <c r="G203" s="9" t="s">
        <v>30</v>
      </c>
      <c r="H203" s="6">
        <v>88277</v>
      </c>
      <c r="I203" s="6">
        <v>15103</v>
      </c>
      <c r="J203" s="6">
        <v>13464</v>
      </c>
      <c r="K203" s="6">
        <v>72984</v>
      </c>
      <c r="L203" s="6">
        <v>190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58</v>
      </c>
      <c r="E204" s="9" t="s">
        <v>228</v>
      </c>
      <c r="F204" s="9" t="s">
        <v>234</v>
      </c>
      <c r="G204" s="9" t="s">
        <v>30</v>
      </c>
      <c r="H204" s="6">
        <v>62650</v>
      </c>
      <c r="I204" s="6">
        <v>9430</v>
      </c>
      <c r="J204" s="6">
        <v>8403</v>
      </c>
      <c r="K204" s="6">
        <v>53063</v>
      </c>
      <c r="L204" s="6">
        <v>157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58</v>
      </c>
      <c r="E205" s="9" t="s">
        <v>228</v>
      </c>
      <c r="F205" s="9" t="s">
        <v>235</v>
      </c>
      <c r="G205" s="9" t="s">
        <v>30</v>
      </c>
      <c r="H205" s="6">
        <v>25627</v>
      </c>
      <c r="I205" s="6">
        <v>5673</v>
      </c>
      <c r="J205" s="6">
        <v>5061</v>
      </c>
      <c r="K205" s="6">
        <v>19921</v>
      </c>
      <c r="L205" s="6">
        <v>33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58</v>
      </c>
      <c r="E206" s="9" t="s">
        <v>228</v>
      </c>
      <c r="F206" s="9" t="s">
        <v>235</v>
      </c>
      <c r="G206" s="9" t="s">
        <v>236</v>
      </c>
      <c r="H206" s="6">
        <v>119</v>
      </c>
      <c r="I206" s="6">
        <v>47</v>
      </c>
      <c r="J206" s="6">
        <v>47</v>
      </c>
      <c r="K206" s="6">
        <v>70</v>
      </c>
      <c r="L206" s="6">
        <v>2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58</v>
      </c>
      <c r="E207" s="9" t="s">
        <v>228</v>
      </c>
      <c r="F207" s="9" t="s">
        <v>235</v>
      </c>
      <c r="G207" s="9" t="s">
        <v>237</v>
      </c>
      <c r="H207" s="6">
        <v>102</v>
      </c>
      <c r="I207" s="6">
        <v>53</v>
      </c>
      <c r="J207" s="6">
        <v>53</v>
      </c>
      <c r="K207" s="6">
        <v>49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58</v>
      </c>
      <c r="E208" s="9" t="s">
        <v>228</v>
      </c>
      <c r="F208" s="9" t="s">
        <v>235</v>
      </c>
      <c r="G208" s="9" t="s">
        <v>238</v>
      </c>
      <c r="H208" s="6">
        <v>78</v>
      </c>
      <c r="I208" s="6">
        <v>48</v>
      </c>
      <c r="J208" s="6">
        <v>46</v>
      </c>
      <c r="K208" s="6">
        <v>29</v>
      </c>
      <c r="L208" s="6">
        <v>1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58</v>
      </c>
      <c r="E209" s="9" t="s">
        <v>228</v>
      </c>
      <c r="F209" s="9" t="s">
        <v>235</v>
      </c>
      <c r="G209" s="9" t="s">
        <v>239</v>
      </c>
      <c r="H209" s="6">
        <v>74</v>
      </c>
      <c r="I209" s="6">
        <v>55</v>
      </c>
      <c r="J209" s="6">
        <v>53</v>
      </c>
      <c r="K209" s="6">
        <v>19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58</v>
      </c>
      <c r="E210" s="9" t="s">
        <v>228</v>
      </c>
      <c r="F210" s="9" t="s">
        <v>235</v>
      </c>
      <c r="G210" s="9" t="s">
        <v>240</v>
      </c>
      <c r="H210" s="6">
        <v>69</v>
      </c>
      <c r="I210" s="6">
        <v>48</v>
      </c>
      <c r="J210" s="6">
        <v>45</v>
      </c>
      <c r="K210" s="6">
        <v>21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58</v>
      </c>
      <c r="E211" s="9" t="s">
        <v>228</v>
      </c>
      <c r="F211" s="9" t="s">
        <v>235</v>
      </c>
      <c r="G211" s="9" t="s">
        <v>241</v>
      </c>
      <c r="H211" s="6">
        <v>58</v>
      </c>
      <c r="I211" s="6">
        <v>34</v>
      </c>
      <c r="J211" s="6">
        <v>33</v>
      </c>
      <c r="K211" s="6">
        <v>24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58</v>
      </c>
      <c r="E212" s="9" t="s">
        <v>228</v>
      </c>
      <c r="F212" s="9" t="s">
        <v>235</v>
      </c>
      <c r="G212" s="9" t="s">
        <v>242</v>
      </c>
      <c r="H212" s="6">
        <v>69</v>
      </c>
      <c r="I212" s="6">
        <v>44</v>
      </c>
      <c r="J212" s="6">
        <v>40</v>
      </c>
      <c r="K212" s="6">
        <v>25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58</v>
      </c>
      <c r="E213" s="9" t="s">
        <v>228</v>
      </c>
      <c r="F213" s="9" t="s">
        <v>235</v>
      </c>
      <c r="G213" s="9" t="s">
        <v>243</v>
      </c>
      <c r="H213" s="6">
        <v>73</v>
      </c>
      <c r="I213" s="6">
        <v>53</v>
      </c>
      <c r="J213" s="6">
        <v>43</v>
      </c>
      <c r="K213" s="6">
        <v>18</v>
      </c>
      <c r="L213" s="6">
        <v>2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58</v>
      </c>
      <c r="E214" s="9" t="s">
        <v>228</v>
      </c>
      <c r="F214" s="9" t="s">
        <v>235</v>
      </c>
      <c r="G214" s="9" t="s">
        <v>244</v>
      </c>
      <c r="H214" s="6">
        <v>73</v>
      </c>
      <c r="I214" s="6">
        <v>52</v>
      </c>
      <c r="J214" s="6">
        <v>51</v>
      </c>
      <c r="K214" s="6">
        <v>21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58</v>
      </c>
      <c r="E215" s="9" t="s">
        <v>228</v>
      </c>
      <c r="F215" s="9" t="s">
        <v>235</v>
      </c>
      <c r="G215" s="9" t="s">
        <v>245</v>
      </c>
      <c r="H215" s="6">
        <v>67</v>
      </c>
      <c r="I215" s="6">
        <v>43</v>
      </c>
      <c r="J215" s="6">
        <v>41</v>
      </c>
      <c r="K215" s="6">
        <v>24</v>
      </c>
      <c r="L215" s="10" t="s">
        <v>55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58</v>
      </c>
      <c r="E216" s="9" t="s">
        <v>228</v>
      </c>
      <c r="F216" s="9" t="s">
        <v>235</v>
      </c>
      <c r="G216" s="9" t="s">
        <v>246</v>
      </c>
      <c r="H216" s="6">
        <v>72</v>
      </c>
      <c r="I216" s="6">
        <v>48</v>
      </c>
      <c r="J216" s="6">
        <v>46</v>
      </c>
      <c r="K216" s="6">
        <v>24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58</v>
      </c>
      <c r="E217" s="9" t="s">
        <v>228</v>
      </c>
      <c r="F217" s="9" t="s">
        <v>235</v>
      </c>
      <c r="G217" s="9" t="s">
        <v>247</v>
      </c>
      <c r="H217" s="6">
        <v>61</v>
      </c>
      <c r="I217" s="6">
        <v>50</v>
      </c>
      <c r="J217" s="6">
        <v>47</v>
      </c>
      <c r="K217" s="6">
        <v>11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58</v>
      </c>
      <c r="E218" s="9" t="s">
        <v>228</v>
      </c>
      <c r="F218" s="9" t="s">
        <v>235</v>
      </c>
      <c r="G218" s="9" t="s">
        <v>248</v>
      </c>
      <c r="H218" s="6">
        <v>90</v>
      </c>
      <c r="I218" s="6">
        <v>73</v>
      </c>
      <c r="J218" s="6">
        <v>70</v>
      </c>
      <c r="K218" s="6">
        <v>17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58</v>
      </c>
      <c r="E219" s="9" t="s">
        <v>228</v>
      </c>
      <c r="F219" s="9" t="s">
        <v>235</v>
      </c>
      <c r="G219" s="9" t="s">
        <v>249</v>
      </c>
      <c r="H219" s="6">
        <v>69</v>
      </c>
      <c r="I219" s="6">
        <v>52</v>
      </c>
      <c r="J219" s="6">
        <v>48</v>
      </c>
      <c r="K219" s="6">
        <v>17</v>
      </c>
      <c r="L219" s="10" t="s">
        <v>55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58</v>
      </c>
      <c r="E220" s="9" t="s">
        <v>228</v>
      </c>
      <c r="F220" s="9" t="s">
        <v>235</v>
      </c>
      <c r="G220" s="9" t="s">
        <v>250</v>
      </c>
      <c r="H220" s="6">
        <v>78</v>
      </c>
      <c r="I220" s="6">
        <v>65</v>
      </c>
      <c r="J220" s="6">
        <v>64</v>
      </c>
      <c r="K220" s="6">
        <v>13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58</v>
      </c>
      <c r="E221" s="9" t="s">
        <v>228</v>
      </c>
      <c r="F221" s="9" t="s">
        <v>235</v>
      </c>
      <c r="G221" s="9" t="s">
        <v>251</v>
      </c>
      <c r="H221" s="6">
        <v>87</v>
      </c>
      <c r="I221" s="6">
        <v>71</v>
      </c>
      <c r="J221" s="6">
        <v>70</v>
      </c>
      <c r="K221" s="6">
        <v>16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58</v>
      </c>
      <c r="E222" s="9" t="s">
        <v>228</v>
      </c>
      <c r="F222" s="9" t="s">
        <v>235</v>
      </c>
      <c r="G222" s="9" t="s">
        <v>252</v>
      </c>
      <c r="H222" s="6">
        <v>91</v>
      </c>
      <c r="I222" s="6">
        <v>73</v>
      </c>
      <c r="J222" s="6">
        <v>69</v>
      </c>
      <c r="K222" s="6">
        <v>18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58</v>
      </c>
      <c r="E223" s="9" t="s">
        <v>228</v>
      </c>
      <c r="F223" s="9" t="s">
        <v>235</v>
      </c>
      <c r="G223" s="9" t="s">
        <v>253</v>
      </c>
      <c r="H223" s="6">
        <v>99</v>
      </c>
      <c r="I223" s="6">
        <v>68</v>
      </c>
      <c r="J223" s="6">
        <v>63</v>
      </c>
      <c r="K223" s="6">
        <v>31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58</v>
      </c>
      <c r="E224" s="9" t="s">
        <v>228</v>
      </c>
      <c r="F224" s="9" t="s">
        <v>235</v>
      </c>
      <c r="G224" s="9" t="s">
        <v>254</v>
      </c>
      <c r="H224" s="6">
        <v>114</v>
      </c>
      <c r="I224" s="6">
        <v>84</v>
      </c>
      <c r="J224" s="6">
        <v>84</v>
      </c>
      <c r="K224" s="6">
        <v>30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58</v>
      </c>
      <c r="E225" s="9" t="s">
        <v>228</v>
      </c>
      <c r="F225" s="9" t="s">
        <v>235</v>
      </c>
      <c r="G225" s="9" t="s">
        <v>255</v>
      </c>
      <c r="H225" s="6">
        <v>103</v>
      </c>
      <c r="I225" s="6">
        <v>76</v>
      </c>
      <c r="J225" s="6">
        <v>74</v>
      </c>
      <c r="K225" s="6">
        <v>27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58</v>
      </c>
      <c r="E226" s="9" t="s">
        <v>228</v>
      </c>
      <c r="F226" s="9" t="s">
        <v>235</v>
      </c>
      <c r="G226" s="9" t="s">
        <v>256</v>
      </c>
      <c r="H226" s="6">
        <v>23981</v>
      </c>
      <c r="I226" s="6">
        <v>4536</v>
      </c>
      <c r="J226" s="6">
        <v>3974</v>
      </c>
      <c r="K226" s="6">
        <v>19417</v>
      </c>
      <c r="L226" s="6">
        <v>28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58</v>
      </c>
      <c r="E227" s="9" t="s">
        <v>18</v>
      </c>
      <c r="F227" s="9" t="s">
        <v>6</v>
      </c>
      <c r="G227" s="9" t="s">
        <v>30</v>
      </c>
      <c r="H227" s="6">
        <v>16710</v>
      </c>
      <c r="I227" s="6">
        <v>302</v>
      </c>
      <c r="J227" s="6">
        <v>224</v>
      </c>
      <c r="K227" s="6">
        <v>241</v>
      </c>
      <c r="L227" s="6">
        <v>16167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58</v>
      </c>
      <c r="E228" s="9" t="s">
        <v>18</v>
      </c>
      <c r="F228" s="9" t="s">
        <v>234</v>
      </c>
      <c r="G228" s="9" t="s">
        <v>30</v>
      </c>
      <c r="H228" s="6">
        <v>6979</v>
      </c>
      <c r="I228" s="6">
        <v>199</v>
      </c>
      <c r="J228" s="6">
        <v>149</v>
      </c>
      <c r="K228" s="6">
        <v>165</v>
      </c>
      <c r="L228" s="6">
        <v>6615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58</v>
      </c>
      <c r="E229" s="9" t="s">
        <v>18</v>
      </c>
      <c r="F229" s="9" t="s">
        <v>235</v>
      </c>
      <c r="G229" s="9" t="s">
        <v>30</v>
      </c>
      <c r="H229" s="6">
        <v>9731</v>
      </c>
      <c r="I229" s="6">
        <v>103</v>
      </c>
      <c r="J229" s="6">
        <v>75</v>
      </c>
      <c r="K229" s="6">
        <v>76</v>
      </c>
      <c r="L229" s="6">
        <v>9552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58</v>
      </c>
      <c r="E230" s="9" t="s">
        <v>18</v>
      </c>
      <c r="F230" s="9" t="s">
        <v>235</v>
      </c>
      <c r="G230" s="9" t="s">
        <v>236</v>
      </c>
      <c r="H230" s="6">
        <v>827</v>
      </c>
      <c r="I230" s="10" t="s">
        <v>55</v>
      </c>
      <c r="J230" s="10" t="s">
        <v>55</v>
      </c>
      <c r="K230" s="10" t="s">
        <v>55</v>
      </c>
      <c r="L230" s="6">
        <v>827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58</v>
      </c>
      <c r="E231" s="9" t="s">
        <v>18</v>
      </c>
      <c r="F231" s="9" t="s">
        <v>235</v>
      </c>
      <c r="G231" s="9" t="s">
        <v>237</v>
      </c>
      <c r="H231" s="6">
        <v>898</v>
      </c>
      <c r="I231" s="6">
        <v>3</v>
      </c>
      <c r="J231" s="6">
        <v>2</v>
      </c>
      <c r="K231" s="10" t="s">
        <v>55</v>
      </c>
      <c r="L231" s="6">
        <v>89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58</v>
      </c>
      <c r="E232" s="9" t="s">
        <v>18</v>
      </c>
      <c r="F232" s="9" t="s">
        <v>235</v>
      </c>
      <c r="G232" s="9" t="s">
        <v>238</v>
      </c>
      <c r="H232" s="6">
        <v>706</v>
      </c>
      <c r="I232" s="6">
        <v>2</v>
      </c>
      <c r="J232" s="6">
        <v>2</v>
      </c>
      <c r="K232" s="6">
        <v>2</v>
      </c>
      <c r="L232" s="6">
        <v>70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58</v>
      </c>
      <c r="E233" s="9" t="s">
        <v>18</v>
      </c>
      <c r="F233" s="9" t="s">
        <v>235</v>
      </c>
      <c r="G233" s="9" t="s">
        <v>239</v>
      </c>
      <c r="H233" s="6">
        <v>544</v>
      </c>
      <c r="I233" s="10" t="s">
        <v>55</v>
      </c>
      <c r="J233" s="10" t="s">
        <v>55</v>
      </c>
      <c r="K233" s="10" t="s">
        <v>55</v>
      </c>
      <c r="L233" s="6">
        <v>544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58</v>
      </c>
      <c r="E234" s="9" t="s">
        <v>18</v>
      </c>
      <c r="F234" s="9" t="s">
        <v>235</v>
      </c>
      <c r="G234" s="9" t="s">
        <v>240</v>
      </c>
      <c r="H234" s="6">
        <v>453</v>
      </c>
      <c r="I234" s="6">
        <v>2</v>
      </c>
      <c r="J234" s="6">
        <v>1</v>
      </c>
      <c r="K234" s="10" t="s">
        <v>55</v>
      </c>
      <c r="L234" s="6">
        <v>451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58</v>
      </c>
      <c r="E235" s="9" t="s">
        <v>18</v>
      </c>
      <c r="F235" s="9" t="s">
        <v>235</v>
      </c>
      <c r="G235" s="9" t="s">
        <v>241</v>
      </c>
      <c r="H235" s="6">
        <v>412</v>
      </c>
      <c r="I235" s="6">
        <v>1</v>
      </c>
      <c r="J235" s="10" t="s">
        <v>55</v>
      </c>
      <c r="K235" s="10" t="s">
        <v>55</v>
      </c>
      <c r="L235" s="6">
        <v>411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58</v>
      </c>
      <c r="E236" s="9" t="s">
        <v>18</v>
      </c>
      <c r="F236" s="9" t="s">
        <v>235</v>
      </c>
      <c r="G236" s="9" t="s">
        <v>242</v>
      </c>
      <c r="H236" s="6">
        <v>396</v>
      </c>
      <c r="I236" s="6">
        <v>3</v>
      </c>
      <c r="J236" s="6">
        <v>3</v>
      </c>
      <c r="K236" s="10" t="s">
        <v>55</v>
      </c>
      <c r="L236" s="6">
        <v>393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58</v>
      </c>
      <c r="E237" s="9" t="s">
        <v>18</v>
      </c>
      <c r="F237" s="9" t="s">
        <v>235</v>
      </c>
      <c r="G237" s="9" t="s">
        <v>243</v>
      </c>
      <c r="H237" s="6">
        <v>366</v>
      </c>
      <c r="I237" s="6">
        <v>3</v>
      </c>
      <c r="J237" s="6">
        <v>3</v>
      </c>
      <c r="K237" s="10" t="s">
        <v>55</v>
      </c>
      <c r="L237" s="6">
        <v>363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58</v>
      </c>
      <c r="E238" s="9" t="s">
        <v>18</v>
      </c>
      <c r="F238" s="9" t="s">
        <v>235</v>
      </c>
      <c r="G238" s="9" t="s">
        <v>244</v>
      </c>
      <c r="H238" s="6">
        <v>326</v>
      </c>
      <c r="I238" s="10" t="s">
        <v>55</v>
      </c>
      <c r="J238" s="10" t="s">
        <v>55</v>
      </c>
      <c r="K238" s="10" t="s">
        <v>55</v>
      </c>
      <c r="L238" s="6">
        <v>326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58</v>
      </c>
      <c r="E239" s="9" t="s">
        <v>18</v>
      </c>
      <c r="F239" s="9" t="s">
        <v>235</v>
      </c>
      <c r="G239" s="9" t="s">
        <v>245</v>
      </c>
      <c r="H239" s="6">
        <v>316</v>
      </c>
      <c r="I239" s="6">
        <v>3</v>
      </c>
      <c r="J239" s="6">
        <v>3</v>
      </c>
      <c r="K239" s="6">
        <v>1</v>
      </c>
      <c r="L239" s="6">
        <v>312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58</v>
      </c>
      <c r="E240" s="9" t="s">
        <v>18</v>
      </c>
      <c r="F240" s="9" t="s">
        <v>235</v>
      </c>
      <c r="G240" s="9" t="s">
        <v>246</v>
      </c>
      <c r="H240" s="6">
        <v>290</v>
      </c>
      <c r="I240" s="6">
        <v>4</v>
      </c>
      <c r="J240" s="6">
        <v>3</v>
      </c>
      <c r="K240" s="6">
        <v>1</v>
      </c>
      <c r="L240" s="6">
        <v>28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58</v>
      </c>
      <c r="E241" s="9" t="s">
        <v>18</v>
      </c>
      <c r="F241" s="9" t="s">
        <v>235</v>
      </c>
      <c r="G241" s="9" t="s">
        <v>247</v>
      </c>
      <c r="H241" s="6">
        <v>296</v>
      </c>
      <c r="I241" s="10" t="s">
        <v>55</v>
      </c>
      <c r="J241" s="10" t="s">
        <v>55</v>
      </c>
      <c r="K241" s="10" t="s">
        <v>55</v>
      </c>
      <c r="L241" s="6">
        <v>296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58</v>
      </c>
      <c r="E242" s="9" t="s">
        <v>18</v>
      </c>
      <c r="F242" s="9" t="s">
        <v>235</v>
      </c>
      <c r="G242" s="9" t="s">
        <v>248</v>
      </c>
      <c r="H242" s="6">
        <v>274</v>
      </c>
      <c r="I242" s="6">
        <v>2</v>
      </c>
      <c r="J242" s="6">
        <v>1</v>
      </c>
      <c r="K242" s="10" t="s">
        <v>55</v>
      </c>
      <c r="L242" s="6">
        <v>272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58</v>
      </c>
      <c r="E243" s="9" t="s">
        <v>18</v>
      </c>
      <c r="F243" s="9" t="s">
        <v>235</v>
      </c>
      <c r="G243" s="9" t="s">
        <v>249</v>
      </c>
      <c r="H243" s="6">
        <v>301</v>
      </c>
      <c r="I243" s="6">
        <v>1</v>
      </c>
      <c r="J243" s="6">
        <v>1</v>
      </c>
      <c r="K243" s="6">
        <v>2</v>
      </c>
      <c r="L243" s="6">
        <v>298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58</v>
      </c>
      <c r="E244" s="9" t="s">
        <v>18</v>
      </c>
      <c r="F244" s="9" t="s">
        <v>235</v>
      </c>
      <c r="G244" s="9" t="s">
        <v>250</v>
      </c>
      <c r="H244" s="6">
        <v>210</v>
      </c>
      <c r="I244" s="6">
        <v>4</v>
      </c>
      <c r="J244" s="6">
        <v>4</v>
      </c>
      <c r="K244" s="10" t="s">
        <v>55</v>
      </c>
      <c r="L244" s="6">
        <v>206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58</v>
      </c>
      <c r="E245" s="9" t="s">
        <v>18</v>
      </c>
      <c r="F245" s="9" t="s">
        <v>235</v>
      </c>
      <c r="G245" s="9" t="s">
        <v>251</v>
      </c>
      <c r="H245" s="6">
        <v>219</v>
      </c>
      <c r="I245" s="10" t="s">
        <v>55</v>
      </c>
      <c r="J245" s="10" t="s">
        <v>55</v>
      </c>
      <c r="K245" s="6">
        <v>1</v>
      </c>
      <c r="L245" s="6">
        <v>218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58</v>
      </c>
      <c r="E246" s="9" t="s">
        <v>18</v>
      </c>
      <c r="F246" s="9" t="s">
        <v>235</v>
      </c>
      <c r="G246" s="9" t="s">
        <v>252</v>
      </c>
      <c r="H246" s="6">
        <v>223</v>
      </c>
      <c r="I246" s="6">
        <v>2</v>
      </c>
      <c r="J246" s="6">
        <v>2</v>
      </c>
      <c r="K246" s="10" t="s">
        <v>55</v>
      </c>
      <c r="L246" s="6">
        <v>221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58</v>
      </c>
      <c r="E247" s="9" t="s">
        <v>18</v>
      </c>
      <c r="F247" s="9" t="s">
        <v>235</v>
      </c>
      <c r="G247" s="9" t="s">
        <v>253</v>
      </c>
      <c r="H247" s="6">
        <v>208</v>
      </c>
      <c r="I247" s="6">
        <v>2</v>
      </c>
      <c r="J247" s="6">
        <v>2</v>
      </c>
      <c r="K247" s="6">
        <v>1</v>
      </c>
      <c r="L247" s="6">
        <v>205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58</v>
      </c>
      <c r="E248" s="9" t="s">
        <v>18</v>
      </c>
      <c r="F248" s="9" t="s">
        <v>235</v>
      </c>
      <c r="G248" s="9" t="s">
        <v>254</v>
      </c>
      <c r="H248" s="6">
        <v>172</v>
      </c>
      <c r="I248" s="6">
        <v>1</v>
      </c>
      <c r="J248" s="6">
        <v>1</v>
      </c>
      <c r="K248" s="10" t="s">
        <v>55</v>
      </c>
      <c r="L248" s="6">
        <v>171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58</v>
      </c>
      <c r="E249" s="9" t="s">
        <v>18</v>
      </c>
      <c r="F249" s="9" t="s">
        <v>235</v>
      </c>
      <c r="G249" s="9" t="s">
        <v>255</v>
      </c>
      <c r="H249" s="6">
        <v>135</v>
      </c>
      <c r="I249" s="6">
        <v>2</v>
      </c>
      <c r="J249" s="6">
        <v>2</v>
      </c>
      <c r="K249" s="10" t="s">
        <v>55</v>
      </c>
      <c r="L249" s="6">
        <v>133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58</v>
      </c>
      <c r="E250" s="9" t="s">
        <v>18</v>
      </c>
      <c r="F250" s="9" t="s">
        <v>235</v>
      </c>
      <c r="G250" s="9" t="s">
        <v>256</v>
      </c>
      <c r="H250" s="6">
        <v>2159</v>
      </c>
      <c r="I250" s="6">
        <v>68</v>
      </c>
      <c r="J250" s="6">
        <v>45</v>
      </c>
      <c r="K250" s="6">
        <v>68</v>
      </c>
      <c r="L250" s="6">
        <v>2023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58</v>
      </c>
      <c r="E251" s="9" t="s">
        <v>6</v>
      </c>
      <c r="F251" s="9" t="s">
        <v>6</v>
      </c>
      <c r="G251" s="9" t="s">
        <v>30</v>
      </c>
      <c r="H251" s="6">
        <v>21026</v>
      </c>
      <c r="I251" s="6">
        <v>10858</v>
      </c>
      <c r="J251" s="6">
        <v>9152</v>
      </c>
      <c r="K251" s="6">
        <v>9297</v>
      </c>
      <c r="L251" s="6">
        <v>871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58</v>
      </c>
      <c r="E252" s="9" t="s">
        <v>6</v>
      </c>
      <c r="F252" s="9" t="s">
        <v>234</v>
      </c>
      <c r="G252" s="9" t="s">
        <v>30</v>
      </c>
      <c r="H252" s="6">
        <v>10245</v>
      </c>
      <c r="I252" s="6">
        <v>4126</v>
      </c>
      <c r="J252" s="6">
        <v>3226</v>
      </c>
      <c r="K252" s="6">
        <v>5865</v>
      </c>
      <c r="L252" s="6">
        <v>254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58</v>
      </c>
      <c r="E253" s="9" t="s">
        <v>6</v>
      </c>
      <c r="F253" s="9" t="s">
        <v>235</v>
      </c>
      <c r="G253" s="9" t="s">
        <v>30</v>
      </c>
      <c r="H253" s="6">
        <v>10781</v>
      </c>
      <c r="I253" s="6">
        <v>6732</v>
      </c>
      <c r="J253" s="6">
        <v>5926</v>
      </c>
      <c r="K253" s="6">
        <v>3432</v>
      </c>
      <c r="L253" s="6">
        <v>617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58</v>
      </c>
      <c r="E254" s="9" t="s">
        <v>6</v>
      </c>
      <c r="F254" s="9" t="s">
        <v>235</v>
      </c>
      <c r="G254" s="9" t="s">
        <v>236</v>
      </c>
      <c r="H254" s="6">
        <v>575</v>
      </c>
      <c r="I254" s="6">
        <v>268</v>
      </c>
      <c r="J254" s="6">
        <v>258</v>
      </c>
      <c r="K254" s="6">
        <v>252</v>
      </c>
      <c r="L254" s="6">
        <v>55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58</v>
      </c>
      <c r="E255" s="9" t="s">
        <v>6</v>
      </c>
      <c r="F255" s="9" t="s">
        <v>235</v>
      </c>
      <c r="G255" s="9" t="s">
        <v>237</v>
      </c>
      <c r="H255" s="6">
        <v>532</v>
      </c>
      <c r="I255" s="6">
        <v>360</v>
      </c>
      <c r="J255" s="6">
        <v>344</v>
      </c>
      <c r="K255" s="6">
        <v>110</v>
      </c>
      <c r="L255" s="6">
        <v>62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58</v>
      </c>
      <c r="E256" s="9" t="s">
        <v>6</v>
      </c>
      <c r="F256" s="9" t="s">
        <v>235</v>
      </c>
      <c r="G256" s="9" t="s">
        <v>238</v>
      </c>
      <c r="H256" s="6">
        <v>455</v>
      </c>
      <c r="I256" s="6">
        <v>331</v>
      </c>
      <c r="J256" s="6">
        <v>308</v>
      </c>
      <c r="K256" s="6">
        <v>81</v>
      </c>
      <c r="L256" s="6">
        <v>43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58</v>
      </c>
      <c r="E257" s="9" t="s">
        <v>6</v>
      </c>
      <c r="F257" s="9" t="s">
        <v>235</v>
      </c>
      <c r="G257" s="9" t="s">
        <v>239</v>
      </c>
      <c r="H257" s="6">
        <v>393</v>
      </c>
      <c r="I257" s="6">
        <v>313</v>
      </c>
      <c r="J257" s="6">
        <v>294</v>
      </c>
      <c r="K257" s="6">
        <v>43</v>
      </c>
      <c r="L257" s="6">
        <v>37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58</v>
      </c>
      <c r="E258" s="9" t="s">
        <v>6</v>
      </c>
      <c r="F258" s="9" t="s">
        <v>235</v>
      </c>
      <c r="G258" s="9" t="s">
        <v>240</v>
      </c>
      <c r="H258" s="6">
        <v>387</v>
      </c>
      <c r="I258" s="6">
        <v>314</v>
      </c>
      <c r="J258" s="6">
        <v>293</v>
      </c>
      <c r="K258" s="6">
        <v>40</v>
      </c>
      <c r="L258" s="6">
        <v>33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58</v>
      </c>
      <c r="E259" s="9" t="s">
        <v>6</v>
      </c>
      <c r="F259" s="9" t="s">
        <v>235</v>
      </c>
      <c r="G259" s="9" t="s">
        <v>241</v>
      </c>
      <c r="H259" s="6">
        <v>330</v>
      </c>
      <c r="I259" s="6">
        <v>252</v>
      </c>
      <c r="J259" s="6">
        <v>233</v>
      </c>
      <c r="K259" s="6">
        <v>49</v>
      </c>
      <c r="L259" s="6">
        <v>29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58</v>
      </c>
      <c r="E260" s="9" t="s">
        <v>6</v>
      </c>
      <c r="F260" s="9" t="s">
        <v>235</v>
      </c>
      <c r="G260" s="9" t="s">
        <v>242</v>
      </c>
      <c r="H260" s="6">
        <v>332</v>
      </c>
      <c r="I260" s="6">
        <v>267</v>
      </c>
      <c r="J260" s="6">
        <v>256</v>
      </c>
      <c r="K260" s="6">
        <v>38</v>
      </c>
      <c r="L260" s="6">
        <v>27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58</v>
      </c>
      <c r="E261" s="9" t="s">
        <v>6</v>
      </c>
      <c r="F261" s="9" t="s">
        <v>235</v>
      </c>
      <c r="G261" s="9" t="s">
        <v>243</v>
      </c>
      <c r="H261" s="6">
        <v>293</v>
      </c>
      <c r="I261" s="6">
        <v>229</v>
      </c>
      <c r="J261" s="6">
        <v>212</v>
      </c>
      <c r="K261" s="6">
        <v>38</v>
      </c>
      <c r="L261" s="6">
        <v>26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58</v>
      </c>
      <c r="E262" s="9" t="s">
        <v>6</v>
      </c>
      <c r="F262" s="9" t="s">
        <v>235</v>
      </c>
      <c r="G262" s="9" t="s">
        <v>244</v>
      </c>
      <c r="H262" s="6">
        <v>295</v>
      </c>
      <c r="I262" s="6">
        <v>223</v>
      </c>
      <c r="J262" s="6">
        <v>206</v>
      </c>
      <c r="K262" s="6">
        <v>49</v>
      </c>
      <c r="L262" s="6">
        <v>23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58</v>
      </c>
      <c r="E263" s="9" t="s">
        <v>6</v>
      </c>
      <c r="F263" s="9" t="s">
        <v>235</v>
      </c>
      <c r="G263" s="9" t="s">
        <v>245</v>
      </c>
      <c r="H263" s="6">
        <v>276</v>
      </c>
      <c r="I263" s="6">
        <v>216</v>
      </c>
      <c r="J263" s="6">
        <v>207</v>
      </c>
      <c r="K263" s="6">
        <v>37</v>
      </c>
      <c r="L263" s="6">
        <v>23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58</v>
      </c>
      <c r="E264" s="9" t="s">
        <v>6</v>
      </c>
      <c r="F264" s="9" t="s">
        <v>235</v>
      </c>
      <c r="G264" s="9" t="s">
        <v>246</v>
      </c>
      <c r="H264" s="6">
        <v>233</v>
      </c>
      <c r="I264" s="6">
        <v>186</v>
      </c>
      <c r="J264" s="6">
        <v>173</v>
      </c>
      <c r="K264" s="6">
        <v>36</v>
      </c>
      <c r="L264" s="6">
        <v>11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58</v>
      </c>
      <c r="E265" s="9" t="s">
        <v>6</v>
      </c>
      <c r="F265" s="9" t="s">
        <v>235</v>
      </c>
      <c r="G265" s="9" t="s">
        <v>247</v>
      </c>
      <c r="H265" s="6">
        <v>240</v>
      </c>
      <c r="I265" s="6">
        <v>197</v>
      </c>
      <c r="J265" s="6">
        <v>186</v>
      </c>
      <c r="K265" s="6">
        <v>24</v>
      </c>
      <c r="L265" s="6">
        <v>19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58</v>
      </c>
      <c r="E266" s="9" t="s">
        <v>6</v>
      </c>
      <c r="F266" s="9" t="s">
        <v>235</v>
      </c>
      <c r="G266" s="9" t="s">
        <v>248</v>
      </c>
      <c r="H266" s="6">
        <v>274</v>
      </c>
      <c r="I266" s="6">
        <v>214</v>
      </c>
      <c r="J266" s="6">
        <v>200</v>
      </c>
      <c r="K266" s="6">
        <v>44</v>
      </c>
      <c r="L266" s="6">
        <v>16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58</v>
      </c>
      <c r="E267" s="9" t="s">
        <v>6</v>
      </c>
      <c r="F267" s="9" t="s">
        <v>235</v>
      </c>
      <c r="G267" s="9" t="s">
        <v>249</v>
      </c>
      <c r="H267" s="6">
        <v>252</v>
      </c>
      <c r="I267" s="6">
        <v>201</v>
      </c>
      <c r="J267" s="6">
        <v>194</v>
      </c>
      <c r="K267" s="6">
        <v>34</v>
      </c>
      <c r="L267" s="6">
        <v>17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58</v>
      </c>
      <c r="E268" s="9" t="s">
        <v>6</v>
      </c>
      <c r="F268" s="9" t="s">
        <v>235</v>
      </c>
      <c r="G268" s="9" t="s">
        <v>250</v>
      </c>
      <c r="H268" s="6">
        <v>247</v>
      </c>
      <c r="I268" s="6">
        <v>196</v>
      </c>
      <c r="J268" s="6">
        <v>187</v>
      </c>
      <c r="K268" s="6">
        <v>32</v>
      </c>
      <c r="L268" s="6">
        <v>19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58</v>
      </c>
      <c r="E269" s="9" t="s">
        <v>6</v>
      </c>
      <c r="F269" s="9" t="s">
        <v>235</v>
      </c>
      <c r="G269" s="9" t="s">
        <v>251</v>
      </c>
      <c r="H269" s="6">
        <v>230</v>
      </c>
      <c r="I269" s="6">
        <v>185</v>
      </c>
      <c r="J269" s="6">
        <v>174</v>
      </c>
      <c r="K269" s="6">
        <v>31</v>
      </c>
      <c r="L269" s="6">
        <v>14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58</v>
      </c>
      <c r="E270" s="9" t="s">
        <v>6</v>
      </c>
      <c r="F270" s="9" t="s">
        <v>235</v>
      </c>
      <c r="G270" s="9" t="s">
        <v>252</v>
      </c>
      <c r="H270" s="6">
        <v>217</v>
      </c>
      <c r="I270" s="6">
        <v>167</v>
      </c>
      <c r="J270" s="6">
        <v>160</v>
      </c>
      <c r="K270" s="6">
        <v>34</v>
      </c>
      <c r="L270" s="6">
        <v>16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58</v>
      </c>
      <c r="E271" s="9" t="s">
        <v>6</v>
      </c>
      <c r="F271" s="9" t="s">
        <v>235</v>
      </c>
      <c r="G271" s="9" t="s">
        <v>253</v>
      </c>
      <c r="H271" s="6">
        <v>230</v>
      </c>
      <c r="I271" s="6">
        <v>187</v>
      </c>
      <c r="J271" s="6">
        <v>179</v>
      </c>
      <c r="K271" s="6">
        <v>35</v>
      </c>
      <c r="L271" s="6">
        <v>8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58</v>
      </c>
      <c r="E272" s="9" t="s">
        <v>6</v>
      </c>
      <c r="F272" s="9" t="s">
        <v>235</v>
      </c>
      <c r="G272" s="9" t="s">
        <v>254</v>
      </c>
      <c r="H272" s="6">
        <v>180</v>
      </c>
      <c r="I272" s="6">
        <v>139</v>
      </c>
      <c r="J272" s="6">
        <v>135</v>
      </c>
      <c r="K272" s="6">
        <v>27</v>
      </c>
      <c r="L272" s="6">
        <v>14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58</v>
      </c>
      <c r="E273" s="9" t="s">
        <v>6</v>
      </c>
      <c r="F273" s="9" t="s">
        <v>235</v>
      </c>
      <c r="G273" s="9" t="s">
        <v>255</v>
      </c>
      <c r="H273" s="6">
        <v>189</v>
      </c>
      <c r="I273" s="6">
        <v>154</v>
      </c>
      <c r="J273" s="6">
        <v>138</v>
      </c>
      <c r="K273" s="6">
        <v>26</v>
      </c>
      <c r="L273" s="6">
        <v>9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58</v>
      </c>
      <c r="E274" s="9" t="s">
        <v>6</v>
      </c>
      <c r="F274" s="9" t="s">
        <v>235</v>
      </c>
      <c r="G274" s="9" t="s">
        <v>256</v>
      </c>
      <c r="H274" s="6">
        <v>4621</v>
      </c>
      <c r="I274" s="6">
        <v>2133</v>
      </c>
      <c r="J274" s="6">
        <v>1589</v>
      </c>
      <c r="K274" s="6">
        <v>2372</v>
      </c>
      <c r="L274" s="6">
        <v>116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58</v>
      </c>
      <c r="E275" s="9" t="s">
        <v>226</v>
      </c>
      <c r="F275" s="9" t="s">
        <v>6</v>
      </c>
      <c r="G275" s="9" t="s">
        <v>30</v>
      </c>
      <c r="H275" s="6">
        <v>13089</v>
      </c>
      <c r="I275" s="6">
        <v>9697</v>
      </c>
      <c r="J275" s="6">
        <v>8111</v>
      </c>
      <c r="K275" s="6">
        <v>3386</v>
      </c>
      <c r="L275" s="6">
        <v>6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58</v>
      </c>
      <c r="E276" s="9" t="s">
        <v>226</v>
      </c>
      <c r="F276" s="9" t="s">
        <v>234</v>
      </c>
      <c r="G276" s="9" t="s">
        <v>30</v>
      </c>
      <c r="H276" s="6">
        <v>5004</v>
      </c>
      <c r="I276" s="6">
        <v>3407</v>
      </c>
      <c r="J276" s="6">
        <v>2572</v>
      </c>
      <c r="K276" s="6">
        <v>1592</v>
      </c>
      <c r="L276" s="6">
        <v>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58</v>
      </c>
      <c r="E277" s="9" t="s">
        <v>226</v>
      </c>
      <c r="F277" s="9" t="s">
        <v>235</v>
      </c>
      <c r="G277" s="9" t="s">
        <v>30</v>
      </c>
      <c r="H277" s="6">
        <v>8085</v>
      </c>
      <c r="I277" s="6">
        <v>6290</v>
      </c>
      <c r="J277" s="6">
        <v>5539</v>
      </c>
      <c r="K277" s="6">
        <v>1794</v>
      </c>
      <c r="L277" s="6">
        <v>1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58</v>
      </c>
      <c r="E278" s="9" t="s">
        <v>226</v>
      </c>
      <c r="F278" s="9" t="s">
        <v>235</v>
      </c>
      <c r="G278" s="9" t="s">
        <v>236</v>
      </c>
      <c r="H278" s="6">
        <v>512</v>
      </c>
      <c r="I278" s="6">
        <v>267</v>
      </c>
      <c r="J278" s="6">
        <v>257</v>
      </c>
      <c r="K278" s="6">
        <v>245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58</v>
      </c>
      <c r="E279" s="9" t="s">
        <v>226</v>
      </c>
      <c r="F279" s="9" t="s">
        <v>235</v>
      </c>
      <c r="G279" s="9" t="s">
        <v>237</v>
      </c>
      <c r="H279" s="6">
        <v>466</v>
      </c>
      <c r="I279" s="6">
        <v>357</v>
      </c>
      <c r="J279" s="6">
        <v>341</v>
      </c>
      <c r="K279" s="6">
        <v>109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58</v>
      </c>
      <c r="E280" s="9" t="s">
        <v>226</v>
      </c>
      <c r="F280" s="9" t="s">
        <v>235</v>
      </c>
      <c r="G280" s="9" t="s">
        <v>238</v>
      </c>
      <c r="H280" s="6">
        <v>408</v>
      </c>
      <c r="I280" s="6">
        <v>328</v>
      </c>
      <c r="J280" s="6">
        <v>305</v>
      </c>
      <c r="K280" s="6">
        <v>80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58</v>
      </c>
      <c r="E281" s="9" t="s">
        <v>226</v>
      </c>
      <c r="F281" s="9" t="s">
        <v>235</v>
      </c>
      <c r="G281" s="9" t="s">
        <v>239</v>
      </c>
      <c r="H281" s="6">
        <v>353</v>
      </c>
      <c r="I281" s="6">
        <v>310</v>
      </c>
      <c r="J281" s="6">
        <v>292</v>
      </c>
      <c r="K281" s="6">
        <v>43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58</v>
      </c>
      <c r="E282" s="9" t="s">
        <v>226</v>
      </c>
      <c r="F282" s="9" t="s">
        <v>235</v>
      </c>
      <c r="G282" s="9" t="s">
        <v>240</v>
      </c>
      <c r="H282" s="6">
        <v>352</v>
      </c>
      <c r="I282" s="6">
        <v>312</v>
      </c>
      <c r="J282" s="6">
        <v>291</v>
      </c>
      <c r="K282" s="6">
        <v>40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58</v>
      </c>
      <c r="E283" s="9" t="s">
        <v>226</v>
      </c>
      <c r="F283" s="9" t="s">
        <v>235</v>
      </c>
      <c r="G283" s="9" t="s">
        <v>241</v>
      </c>
      <c r="H283" s="6">
        <v>294</v>
      </c>
      <c r="I283" s="6">
        <v>245</v>
      </c>
      <c r="J283" s="6">
        <v>226</v>
      </c>
      <c r="K283" s="6">
        <v>49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58</v>
      </c>
      <c r="E284" s="9" t="s">
        <v>226</v>
      </c>
      <c r="F284" s="9" t="s">
        <v>235</v>
      </c>
      <c r="G284" s="9" t="s">
        <v>242</v>
      </c>
      <c r="H284" s="6">
        <v>297</v>
      </c>
      <c r="I284" s="6">
        <v>261</v>
      </c>
      <c r="J284" s="6">
        <v>250</v>
      </c>
      <c r="K284" s="6">
        <v>36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58</v>
      </c>
      <c r="E285" s="9" t="s">
        <v>226</v>
      </c>
      <c r="F285" s="9" t="s">
        <v>235</v>
      </c>
      <c r="G285" s="9" t="s">
        <v>243</v>
      </c>
      <c r="H285" s="6">
        <v>258</v>
      </c>
      <c r="I285" s="6">
        <v>222</v>
      </c>
      <c r="J285" s="6">
        <v>207</v>
      </c>
      <c r="K285" s="6">
        <v>36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58</v>
      </c>
      <c r="E286" s="9" t="s">
        <v>226</v>
      </c>
      <c r="F286" s="9" t="s">
        <v>235</v>
      </c>
      <c r="G286" s="9" t="s">
        <v>244</v>
      </c>
      <c r="H286" s="6">
        <v>264</v>
      </c>
      <c r="I286" s="6">
        <v>218</v>
      </c>
      <c r="J286" s="6">
        <v>201</v>
      </c>
      <c r="K286" s="6">
        <v>46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58</v>
      </c>
      <c r="E287" s="9" t="s">
        <v>226</v>
      </c>
      <c r="F287" s="9" t="s">
        <v>235</v>
      </c>
      <c r="G287" s="9" t="s">
        <v>245</v>
      </c>
      <c r="H287" s="6">
        <v>251</v>
      </c>
      <c r="I287" s="6">
        <v>214</v>
      </c>
      <c r="J287" s="6">
        <v>205</v>
      </c>
      <c r="K287" s="6">
        <v>37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58</v>
      </c>
      <c r="E288" s="9" t="s">
        <v>226</v>
      </c>
      <c r="F288" s="9" t="s">
        <v>235</v>
      </c>
      <c r="G288" s="9" t="s">
        <v>246</v>
      </c>
      <c r="H288" s="6">
        <v>219</v>
      </c>
      <c r="I288" s="6">
        <v>183</v>
      </c>
      <c r="J288" s="6">
        <v>170</v>
      </c>
      <c r="K288" s="6">
        <v>36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58</v>
      </c>
      <c r="E289" s="9" t="s">
        <v>226</v>
      </c>
      <c r="F289" s="9" t="s">
        <v>235</v>
      </c>
      <c r="G289" s="9" t="s">
        <v>247</v>
      </c>
      <c r="H289" s="6">
        <v>216</v>
      </c>
      <c r="I289" s="6">
        <v>193</v>
      </c>
      <c r="J289" s="6">
        <v>182</v>
      </c>
      <c r="K289" s="6">
        <v>23</v>
      </c>
      <c r="L289" s="10" t="s">
        <v>5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58</v>
      </c>
      <c r="E290" s="9" t="s">
        <v>226</v>
      </c>
      <c r="F290" s="9" t="s">
        <v>235</v>
      </c>
      <c r="G290" s="9" t="s">
        <v>248</v>
      </c>
      <c r="H290" s="6">
        <v>252</v>
      </c>
      <c r="I290" s="6">
        <v>209</v>
      </c>
      <c r="J290" s="6">
        <v>195</v>
      </c>
      <c r="K290" s="6">
        <v>43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58</v>
      </c>
      <c r="E291" s="9" t="s">
        <v>226</v>
      </c>
      <c r="F291" s="9" t="s">
        <v>235</v>
      </c>
      <c r="G291" s="9" t="s">
        <v>249</v>
      </c>
      <c r="H291" s="6">
        <v>231</v>
      </c>
      <c r="I291" s="6">
        <v>198</v>
      </c>
      <c r="J291" s="6">
        <v>191</v>
      </c>
      <c r="K291" s="6">
        <v>32</v>
      </c>
      <c r="L291" s="6">
        <v>1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58</v>
      </c>
      <c r="E292" s="9" t="s">
        <v>226</v>
      </c>
      <c r="F292" s="9" t="s">
        <v>235</v>
      </c>
      <c r="G292" s="9" t="s">
        <v>250</v>
      </c>
      <c r="H292" s="6">
        <v>220</v>
      </c>
      <c r="I292" s="6">
        <v>189</v>
      </c>
      <c r="J292" s="6">
        <v>180</v>
      </c>
      <c r="K292" s="6">
        <v>31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58</v>
      </c>
      <c r="E293" s="9" t="s">
        <v>226</v>
      </c>
      <c r="F293" s="9" t="s">
        <v>235</v>
      </c>
      <c r="G293" s="9" t="s">
        <v>251</v>
      </c>
      <c r="H293" s="6">
        <v>213</v>
      </c>
      <c r="I293" s="6">
        <v>182</v>
      </c>
      <c r="J293" s="6">
        <v>171</v>
      </c>
      <c r="K293" s="6">
        <v>31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58</v>
      </c>
      <c r="E294" s="9" t="s">
        <v>226</v>
      </c>
      <c r="F294" s="9" t="s">
        <v>235</v>
      </c>
      <c r="G294" s="9" t="s">
        <v>252</v>
      </c>
      <c r="H294" s="6">
        <v>193</v>
      </c>
      <c r="I294" s="6">
        <v>161</v>
      </c>
      <c r="J294" s="6">
        <v>154</v>
      </c>
      <c r="K294" s="6">
        <v>32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58</v>
      </c>
      <c r="E295" s="9" t="s">
        <v>226</v>
      </c>
      <c r="F295" s="9" t="s">
        <v>235</v>
      </c>
      <c r="G295" s="9" t="s">
        <v>253</v>
      </c>
      <c r="H295" s="6">
        <v>214</v>
      </c>
      <c r="I295" s="6">
        <v>180</v>
      </c>
      <c r="J295" s="6">
        <v>172</v>
      </c>
      <c r="K295" s="6">
        <v>34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58</v>
      </c>
      <c r="E296" s="9" t="s">
        <v>226</v>
      </c>
      <c r="F296" s="9" t="s">
        <v>235</v>
      </c>
      <c r="G296" s="9" t="s">
        <v>254</v>
      </c>
      <c r="H296" s="6">
        <v>158</v>
      </c>
      <c r="I296" s="6">
        <v>131</v>
      </c>
      <c r="J296" s="6">
        <v>127</v>
      </c>
      <c r="K296" s="6">
        <v>27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58</v>
      </c>
      <c r="E297" s="9" t="s">
        <v>226</v>
      </c>
      <c r="F297" s="9" t="s">
        <v>235</v>
      </c>
      <c r="G297" s="9" t="s">
        <v>255</v>
      </c>
      <c r="H297" s="6">
        <v>173</v>
      </c>
      <c r="I297" s="6">
        <v>149</v>
      </c>
      <c r="J297" s="6">
        <v>133</v>
      </c>
      <c r="K297" s="6">
        <v>24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58</v>
      </c>
      <c r="E298" s="9" t="s">
        <v>226</v>
      </c>
      <c r="F298" s="9" t="s">
        <v>235</v>
      </c>
      <c r="G298" s="9" t="s">
        <v>256</v>
      </c>
      <c r="H298" s="6">
        <v>2541</v>
      </c>
      <c r="I298" s="6">
        <v>1781</v>
      </c>
      <c r="J298" s="6">
        <v>1289</v>
      </c>
      <c r="K298" s="6">
        <v>760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58</v>
      </c>
      <c r="E299" s="9" t="s">
        <v>227</v>
      </c>
      <c r="F299" s="9" t="s">
        <v>6</v>
      </c>
      <c r="G299" s="9" t="s">
        <v>30</v>
      </c>
      <c r="H299" s="6">
        <v>10476</v>
      </c>
      <c r="I299" s="6">
        <v>7689</v>
      </c>
      <c r="J299" s="6">
        <v>7457</v>
      </c>
      <c r="K299" s="6">
        <v>2785</v>
      </c>
      <c r="L299" s="6">
        <v>2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58</v>
      </c>
      <c r="E300" s="9" t="s">
        <v>227</v>
      </c>
      <c r="F300" s="9" t="s">
        <v>234</v>
      </c>
      <c r="G300" s="9" t="s">
        <v>30</v>
      </c>
      <c r="H300" s="6">
        <v>3645</v>
      </c>
      <c r="I300" s="6">
        <v>2408</v>
      </c>
      <c r="J300" s="6">
        <v>2310</v>
      </c>
      <c r="K300" s="6">
        <v>1235</v>
      </c>
      <c r="L300" s="6">
        <v>2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58</v>
      </c>
      <c r="E301" s="9" t="s">
        <v>227</v>
      </c>
      <c r="F301" s="9" t="s">
        <v>235</v>
      </c>
      <c r="G301" s="9" t="s">
        <v>30</v>
      </c>
      <c r="H301" s="6">
        <v>6831</v>
      </c>
      <c r="I301" s="6">
        <v>5281</v>
      </c>
      <c r="J301" s="6">
        <v>5147</v>
      </c>
      <c r="K301" s="6">
        <v>1550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58</v>
      </c>
      <c r="E302" s="9" t="s">
        <v>227</v>
      </c>
      <c r="F302" s="9" t="s">
        <v>235</v>
      </c>
      <c r="G302" s="9" t="s">
        <v>236</v>
      </c>
      <c r="H302" s="6">
        <v>480</v>
      </c>
      <c r="I302" s="6">
        <v>253</v>
      </c>
      <c r="J302" s="6">
        <v>248</v>
      </c>
      <c r="K302" s="6">
        <v>227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58</v>
      </c>
      <c r="E303" s="9" t="s">
        <v>227</v>
      </c>
      <c r="F303" s="9" t="s">
        <v>235</v>
      </c>
      <c r="G303" s="9" t="s">
        <v>237</v>
      </c>
      <c r="H303" s="6">
        <v>426</v>
      </c>
      <c r="I303" s="6">
        <v>323</v>
      </c>
      <c r="J303" s="6">
        <v>315</v>
      </c>
      <c r="K303" s="6">
        <v>103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58</v>
      </c>
      <c r="E304" s="9" t="s">
        <v>227</v>
      </c>
      <c r="F304" s="9" t="s">
        <v>235</v>
      </c>
      <c r="G304" s="9" t="s">
        <v>238</v>
      </c>
      <c r="H304" s="6">
        <v>366</v>
      </c>
      <c r="I304" s="6">
        <v>288</v>
      </c>
      <c r="J304" s="6">
        <v>283</v>
      </c>
      <c r="K304" s="6">
        <v>78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58</v>
      </c>
      <c r="E305" s="9" t="s">
        <v>227</v>
      </c>
      <c r="F305" s="9" t="s">
        <v>235</v>
      </c>
      <c r="G305" s="9" t="s">
        <v>239</v>
      </c>
      <c r="H305" s="6">
        <v>321</v>
      </c>
      <c r="I305" s="6">
        <v>280</v>
      </c>
      <c r="J305" s="6">
        <v>276</v>
      </c>
      <c r="K305" s="6">
        <v>41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58</v>
      </c>
      <c r="E306" s="9" t="s">
        <v>227</v>
      </c>
      <c r="F306" s="9" t="s">
        <v>235</v>
      </c>
      <c r="G306" s="9" t="s">
        <v>240</v>
      </c>
      <c r="H306" s="6">
        <v>322</v>
      </c>
      <c r="I306" s="6">
        <v>284</v>
      </c>
      <c r="J306" s="6">
        <v>273</v>
      </c>
      <c r="K306" s="6">
        <v>38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58</v>
      </c>
      <c r="E307" s="9" t="s">
        <v>227</v>
      </c>
      <c r="F307" s="9" t="s">
        <v>235</v>
      </c>
      <c r="G307" s="9" t="s">
        <v>241</v>
      </c>
      <c r="H307" s="6">
        <v>266</v>
      </c>
      <c r="I307" s="6">
        <v>223</v>
      </c>
      <c r="J307" s="6">
        <v>214</v>
      </c>
      <c r="K307" s="6">
        <v>43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58</v>
      </c>
      <c r="E308" s="9" t="s">
        <v>227</v>
      </c>
      <c r="F308" s="9" t="s">
        <v>235</v>
      </c>
      <c r="G308" s="9" t="s">
        <v>242</v>
      </c>
      <c r="H308" s="6">
        <v>268</v>
      </c>
      <c r="I308" s="6">
        <v>234</v>
      </c>
      <c r="J308" s="6">
        <v>232</v>
      </c>
      <c r="K308" s="6">
        <v>34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58</v>
      </c>
      <c r="E309" s="9" t="s">
        <v>227</v>
      </c>
      <c r="F309" s="9" t="s">
        <v>235</v>
      </c>
      <c r="G309" s="9" t="s">
        <v>243</v>
      </c>
      <c r="H309" s="6">
        <v>229</v>
      </c>
      <c r="I309" s="6">
        <v>195</v>
      </c>
      <c r="J309" s="6">
        <v>191</v>
      </c>
      <c r="K309" s="6">
        <v>34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58</v>
      </c>
      <c r="E310" s="9" t="s">
        <v>227</v>
      </c>
      <c r="F310" s="9" t="s">
        <v>235</v>
      </c>
      <c r="G310" s="9" t="s">
        <v>244</v>
      </c>
      <c r="H310" s="6">
        <v>232</v>
      </c>
      <c r="I310" s="6">
        <v>191</v>
      </c>
      <c r="J310" s="6">
        <v>186</v>
      </c>
      <c r="K310" s="6">
        <v>41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58</v>
      </c>
      <c r="E311" s="9" t="s">
        <v>227</v>
      </c>
      <c r="F311" s="9" t="s">
        <v>235</v>
      </c>
      <c r="G311" s="9" t="s">
        <v>245</v>
      </c>
      <c r="H311" s="6">
        <v>228</v>
      </c>
      <c r="I311" s="6">
        <v>195</v>
      </c>
      <c r="J311" s="6">
        <v>189</v>
      </c>
      <c r="K311" s="6">
        <v>33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58</v>
      </c>
      <c r="E312" s="9" t="s">
        <v>227</v>
      </c>
      <c r="F312" s="9" t="s">
        <v>235</v>
      </c>
      <c r="G312" s="9" t="s">
        <v>246</v>
      </c>
      <c r="H312" s="6">
        <v>201</v>
      </c>
      <c r="I312" s="6">
        <v>171</v>
      </c>
      <c r="J312" s="6">
        <v>165</v>
      </c>
      <c r="K312" s="6">
        <v>30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58</v>
      </c>
      <c r="E313" s="9" t="s">
        <v>227</v>
      </c>
      <c r="F313" s="9" t="s">
        <v>235</v>
      </c>
      <c r="G313" s="9" t="s">
        <v>247</v>
      </c>
      <c r="H313" s="6">
        <v>199</v>
      </c>
      <c r="I313" s="6">
        <v>178</v>
      </c>
      <c r="J313" s="6">
        <v>173</v>
      </c>
      <c r="K313" s="6">
        <v>21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58</v>
      </c>
      <c r="E314" s="9" t="s">
        <v>227</v>
      </c>
      <c r="F314" s="9" t="s">
        <v>235</v>
      </c>
      <c r="G314" s="9" t="s">
        <v>248</v>
      </c>
      <c r="H314" s="6">
        <v>229</v>
      </c>
      <c r="I314" s="6">
        <v>188</v>
      </c>
      <c r="J314" s="6">
        <v>185</v>
      </c>
      <c r="K314" s="6">
        <v>41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58</v>
      </c>
      <c r="E315" s="9" t="s">
        <v>227</v>
      </c>
      <c r="F315" s="9" t="s">
        <v>235</v>
      </c>
      <c r="G315" s="9" t="s">
        <v>249</v>
      </c>
      <c r="H315" s="6">
        <v>215</v>
      </c>
      <c r="I315" s="6">
        <v>184</v>
      </c>
      <c r="J315" s="6">
        <v>182</v>
      </c>
      <c r="K315" s="6">
        <v>31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58</v>
      </c>
      <c r="E316" s="9" t="s">
        <v>227</v>
      </c>
      <c r="F316" s="9" t="s">
        <v>235</v>
      </c>
      <c r="G316" s="9" t="s">
        <v>250</v>
      </c>
      <c r="H316" s="6">
        <v>198</v>
      </c>
      <c r="I316" s="6">
        <v>167</v>
      </c>
      <c r="J316" s="6">
        <v>163</v>
      </c>
      <c r="K316" s="6">
        <v>31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58</v>
      </c>
      <c r="E317" s="9" t="s">
        <v>227</v>
      </c>
      <c r="F317" s="9" t="s">
        <v>235</v>
      </c>
      <c r="G317" s="9" t="s">
        <v>251</v>
      </c>
      <c r="H317" s="6">
        <v>197</v>
      </c>
      <c r="I317" s="6">
        <v>166</v>
      </c>
      <c r="J317" s="6">
        <v>162</v>
      </c>
      <c r="K317" s="6">
        <v>31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58</v>
      </c>
      <c r="E318" s="9" t="s">
        <v>227</v>
      </c>
      <c r="F318" s="9" t="s">
        <v>235</v>
      </c>
      <c r="G318" s="9" t="s">
        <v>252</v>
      </c>
      <c r="H318" s="6">
        <v>183</v>
      </c>
      <c r="I318" s="6">
        <v>152</v>
      </c>
      <c r="J318" s="6">
        <v>150</v>
      </c>
      <c r="K318" s="6">
        <v>31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58</v>
      </c>
      <c r="E319" s="9" t="s">
        <v>227</v>
      </c>
      <c r="F319" s="9" t="s">
        <v>235</v>
      </c>
      <c r="G319" s="9" t="s">
        <v>253</v>
      </c>
      <c r="H319" s="6">
        <v>195</v>
      </c>
      <c r="I319" s="6">
        <v>163</v>
      </c>
      <c r="J319" s="6">
        <v>163</v>
      </c>
      <c r="K319" s="6">
        <v>32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58</v>
      </c>
      <c r="E320" s="9" t="s">
        <v>227</v>
      </c>
      <c r="F320" s="9" t="s">
        <v>235</v>
      </c>
      <c r="G320" s="9" t="s">
        <v>254</v>
      </c>
      <c r="H320" s="6">
        <v>147</v>
      </c>
      <c r="I320" s="6">
        <v>121</v>
      </c>
      <c r="J320" s="6">
        <v>118</v>
      </c>
      <c r="K320" s="6">
        <v>26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58</v>
      </c>
      <c r="E321" s="9" t="s">
        <v>227</v>
      </c>
      <c r="F321" s="9" t="s">
        <v>235</v>
      </c>
      <c r="G321" s="9" t="s">
        <v>255</v>
      </c>
      <c r="H321" s="6">
        <v>149</v>
      </c>
      <c r="I321" s="6">
        <v>130</v>
      </c>
      <c r="J321" s="6">
        <v>123</v>
      </c>
      <c r="K321" s="6">
        <v>19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58</v>
      </c>
      <c r="E322" s="9" t="s">
        <v>227</v>
      </c>
      <c r="F322" s="9" t="s">
        <v>235</v>
      </c>
      <c r="G322" s="9" t="s">
        <v>256</v>
      </c>
      <c r="H322" s="6">
        <v>1780</v>
      </c>
      <c r="I322" s="6">
        <v>1195</v>
      </c>
      <c r="J322" s="6">
        <v>1156</v>
      </c>
      <c r="K322" s="6">
        <v>585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58</v>
      </c>
      <c r="E323" s="9" t="s">
        <v>228</v>
      </c>
      <c r="F323" s="9" t="s">
        <v>6</v>
      </c>
      <c r="G323" s="9" t="s">
        <v>30</v>
      </c>
      <c r="H323" s="6">
        <v>7069</v>
      </c>
      <c r="I323" s="6">
        <v>1157</v>
      </c>
      <c r="J323" s="6">
        <v>1037</v>
      </c>
      <c r="K323" s="6">
        <v>5911</v>
      </c>
      <c r="L323" s="6">
        <v>1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58</v>
      </c>
      <c r="E324" s="9" t="s">
        <v>228</v>
      </c>
      <c r="F324" s="9" t="s">
        <v>234</v>
      </c>
      <c r="G324" s="9" t="s">
        <v>30</v>
      </c>
      <c r="H324" s="6">
        <v>4993</v>
      </c>
      <c r="I324" s="6">
        <v>719</v>
      </c>
      <c r="J324" s="6">
        <v>654</v>
      </c>
      <c r="K324" s="6">
        <v>4273</v>
      </c>
      <c r="L324" s="6">
        <v>1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58</v>
      </c>
      <c r="E325" s="9" t="s">
        <v>228</v>
      </c>
      <c r="F325" s="9" t="s">
        <v>235</v>
      </c>
      <c r="G325" s="9" t="s">
        <v>30</v>
      </c>
      <c r="H325" s="6">
        <v>2076</v>
      </c>
      <c r="I325" s="6">
        <v>438</v>
      </c>
      <c r="J325" s="6">
        <v>383</v>
      </c>
      <c r="K325" s="6">
        <v>1638</v>
      </c>
      <c r="L325" s="10" t="s">
        <v>5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58</v>
      </c>
      <c r="E326" s="9" t="s">
        <v>228</v>
      </c>
      <c r="F326" s="9" t="s">
        <v>235</v>
      </c>
      <c r="G326" s="9" t="s">
        <v>236</v>
      </c>
      <c r="H326" s="6">
        <v>8</v>
      </c>
      <c r="I326" s="6">
        <v>1</v>
      </c>
      <c r="J326" s="6">
        <v>1</v>
      </c>
      <c r="K326" s="6">
        <v>7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58</v>
      </c>
      <c r="E327" s="9" t="s">
        <v>228</v>
      </c>
      <c r="F327" s="9" t="s">
        <v>235</v>
      </c>
      <c r="G327" s="9" t="s">
        <v>237</v>
      </c>
      <c r="H327" s="6">
        <v>4</v>
      </c>
      <c r="I327" s="6">
        <v>3</v>
      </c>
      <c r="J327" s="6">
        <v>3</v>
      </c>
      <c r="K327" s="6">
        <v>1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58</v>
      </c>
      <c r="E328" s="9" t="s">
        <v>228</v>
      </c>
      <c r="F328" s="9" t="s">
        <v>235</v>
      </c>
      <c r="G328" s="9" t="s">
        <v>238</v>
      </c>
      <c r="H328" s="6">
        <v>4</v>
      </c>
      <c r="I328" s="6">
        <v>3</v>
      </c>
      <c r="J328" s="6">
        <v>3</v>
      </c>
      <c r="K328" s="6">
        <v>1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58</v>
      </c>
      <c r="E329" s="9" t="s">
        <v>228</v>
      </c>
      <c r="F329" s="9" t="s">
        <v>235</v>
      </c>
      <c r="G329" s="9" t="s">
        <v>239</v>
      </c>
      <c r="H329" s="6">
        <v>3</v>
      </c>
      <c r="I329" s="6">
        <v>3</v>
      </c>
      <c r="J329" s="6">
        <v>2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58</v>
      </c>
      <c r="E330" s="9" t="s">
        <v>228</v>
      </c>
      <c r="F330" s="9" t="s">
        <v>235</v>
      </c>
      <c r="G330" s="9" t="s">
        <v>240</v>
      </c>
      <c r="H330" s="6">
        <v>2</v>
      </c>
      <c r="I330" s="6">
        <v>2</v>
      </c>
      <c r="J330" s="6">
        <v>2</v>
      </c>
      <c r="K330" s="10" t="s">
        <v>55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58</v>
      </c>
      <c r="E331" s="9" t="s">
        <v>228</v>
      </c>
      <c r="F331" s="9" t="s">
        <v>235</v>
      </c>
      <c r="G331" s="9" t="s">
        <v>241</v>
      </c>
      <c r="H331" s="6">
        <v>7</v>
      </c>
      <c r="I331" s="6">
        <v>7</v>
      </c>
      <c r="J331" s="6">
        <v>7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58</v>
      </c>
      <c r="E332" s="9" t="s">
        <v>228</v>
      </c>
      <c r="F332" s="9" t="s">
        <v>235</v>
      </c>
      <c r="G332" s="9" t="s">
        <v>242</v>
      </c>
      <c r="H332" s="6">
        <v>6</v>
      </c>
      <c r="I332" s="6">
        <v>4</v>
      </c>
      <c r="J332" s="6">
        <v>4</v>
      </c>
      <c r="K332" s="6">
        <v>2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58</v>
      </c>
      <c r="E333" s="9" t="s">
        <v>228</v>
      </c>
      <c r="F333" s="9" t="s">
        <v>235</v>
      </c>
      <c r="G333" s="9" t="s">
        <v>243</v>
      </c>
      <c r="H333" s="6">
        <v>9</v>
      </c>
      <c r="I333" s="6">
        <v>7</v>
      </c>
      <c r="J333" s="6">
        <v>5</v>
      </c>
      <c r="K333" s="6">
        <v>2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58</v>
      </c>
      <c r="E334" s="9" t="s">
        <v>228</v>
      </c>
      <c r="F334" s="9" t="s">
        <v>235</v>
      </c>
      <c r="G334" s="9" t="s">
        <v>244</v>
      </c>
      <c r="H334" s="6">
        <v>8</v>
      </c>
      <c r="I334" s="6">
        <v>5</v>
      </c>
      <c r="J334" s="6">
        <v>5</v>
      </c>
      <c r="K334" s="6">
        <v>3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58</v>
      </c>
      <c r="E335" s="9" t="s">
        <v>228</v>
      </c>
      <c r="F335" s="9" t="s">
        <v>235</v>
      </c>
      <c r="G335" s="9" t="s">
        <v>245</v>
      </c>
      <c r="H335" s="6">
        <v>2</v>
      </c>
      <c r="I335" s="6">
        <v>2</v>
      </c>
      <c r="J335" s="6">
        <v>2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58</v>
      </c>
      <c r="E336" s="9" t="s">
        <v>228</v>
      </c>
      <c r="F336" s="9" t="s">
        <v>235</v>
      </c>
      <c r="G336" s="9" t="s">
        <v>246</v>
      </c>
      <c r="H336" s="6">
        <v>3</v>
      </c>
      <c r="I336" s="6">
        <v>3</v>
      </c>
      <c r="J336" s="6">
        <v>3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58</v>
      </c>
      <c r="E337" s="9" t="s">
        <v>228</v>
      </c>
      <c r="F337" s="9" t="s">
        <v>235</v>
      </c>
      <c r="G337" s="9" t="s">
        <v>247</v>
      </c>
      <c r="H337" s="6">
        <v>5</v>
      </c>
      <c r="I337" s="6">
        <v>4</v>
      </c>
      <c r="J337" s="6">
        <v>4</v>
      </c>
      <c r="K337" s="6">
        <v>1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58</v>
      </c>
      <c r="E338" s="9" t="s">
        <v>228</v>
      </c>
      <c r="F338" s="9" t="s">
        <v>235</v>
      </c>
      <c r="G338" s="9" t="s">
        <v>248</v>
      </c>
      <c r="H338" s="6">
        <v>6</v>
      </c>
      <c r="I338" s="6">
        <v>5</v>
      </c>
      <c r="J338" s="6">
        <v>5</v>
      </c>
      <c r="K338" s="6">
        <v>1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58</v>
      </c>
      <c r="E339" s="9" t="s">
        <v>228</v>
      </c>
      <c r="F339" s="9" t="s">
        <v>235</v>
      </c>
      <c r="G339" s="9" t="s">
        <v>249</v>
      </c>
      <c r="H339" s="6">
        <v>5</v>
      </c>
      <c r="I339" s="6">
        <v>3</v>
      </c>
      <c r="J339" s="6">
        <v>3</v>
      </c>
      <c r="K339" s="6">
        <v>2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58</v>
      </c>
      <c r="E340" s="9" t="s">
        <v>228</v>
      </c>
      <c r="F340" s="9" t="s">
        <v>235</v>
      </c>
      <c r="G340" s="9" t="s">
        <v>250</v>
      </c>
      <c r="H340" s="6">
        <v>8</v>
      </c>
      <c r="I340" s="6">
        <v>7</v>
      </c>
      <c r="J340" s="6">
        <v>7</v>
      </c>
      <c r="K340" s="6">
        <v>1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58</v>
      </c>
      <c r="E341" s="9" t="s">
        <v>228</v>
      </c>
      <c r="F341" s="9" t="s">
        <v>235</v>
      </c>
      <c r="G341" s="9" t="s">
        <v>251</v>
      </c>
      <c r="H341" s="6">
        <v>3</v>
      </c>
      <c r="I341" s="6">
        <v>3</v>
      </c>
      <c r="J341" s="6">
        <v>3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58</v>
      </c>
      <c r="E342" s="9" t="s">
        <v>228</v>
      </c>
      <c r="F342" s="9" t="s">
        <v>235</v>
      </c>
      <c r="G342" s="9" t="s">
        <v>252</v>
      </c>
      <c r="H342" s="6">
        <v>8</v>
      </c>
      <c r="I342" s="6">
        <v>6</v>
      </c>
      <c r="J342" s="6">
        <v>6</v>
      </c>
      <c r="K342" s="6">
        <v>2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58</v>
      </c>
      <c r="E343" s="9" t="s">
        <v>228</v>
      </c>
      <c r="F343" s="9" t="s">
        <v>235</v>
      </c>
      <c r="G343" s="9" t="s">
        <v>253</v>
      </c>
      <c r="H343" s="6">
        <v>8</v>
      </c>
      <c r="I343" s="6">
        <v>7</v>
      </c>
      <c r="J343" s="6">
        <v>7</v>
      </c>
      <c r="K343" s="6">
        <v>1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58</v>
      </c>
      <c r="E344" s="9" t="s">
        <v>228</v>
      </c>
      <c r="F344" s="9" t="s">
        <v>235</v>
      </c>
      <c r="G344" s="9" t="s">
        <v>254</v>
      </c>
      <c r="H344" s="6">
        <v>7</v>
      </c>
      <c r="I344" s="6">
        <v>7</v>
      </c>
      <c r="J344" s="6">
        <v>7</v>
      </c>
      <c r="K344" s="10" t="s">
        <v>55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58</v>
      </c>
      <c r="E345" s="9" t="s">
        <v>228</v>
      </c>
      <c r="F345" s="9" t="s">
        <v>235</v>
      </c>
      <c r="G345" s="9" t="s">
        <v>255</v>
      </c>
      <c r="H345" s="6">
        <v>7</v>
      </c>
      <c r="I345" s="6">
        <v>5</v>
      </c>
      <c r="J345" s="6">
        <v>5</v>
      </c>
      <c r="K345" s="6">
        <v>2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58</v>
      </c>
      <c r="E346" s="9" t="s">
        <v>228</v>
      </c>
      <c r="F346" s="9" t="s">
        <v>235</v>
      </c>
      <c r="G346" s="9" t="s">
        <v>256</v>
      </c>
      <c r="H346" s="6">
        <v>1963</v>
      </c>
      <c r="I346" s="6">
        <v>351</v>
      </c>
      <c r="J346" s="6">
        <v>299</v>
      </c>
      <c r="K346" s="6">
        <v>1612</v>
      </c>
      <c r="L346" s="10" t="s">
        <v>5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58</v>
      </c>
      <c r="E347" s="9" t="s">
        <v>18</v>
      </c>
      <c r="F347" s="9" t="s">
        <v>6</v>
      </c>
      <c r="G347" s="9" t="s">
        <v>30</v>
      </c>
      <c r="H347" s="6">
        <v>868</v>
      </c>
      <c r="I347" s="6">
        <v>4</v>
      </c>
      <c r="J347" s="6">
        <v>4</v>
      </c>
      <c r="K347" s="10" t="s">
        <v>55</v>
      </c>
      <c r="L347" s="6">
        <v>864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58</v>
      </c>
      <c r="E348" s="9" t="s">
        <v>18</v>
      </c>
      <c r="F348" s="9" t="s">
        <v>234</v>
      </c>
      <c r="G348" s="9" t="s">
        <v>30</v>
      </c>
      <c r="H348" s="6">
        <v>248</v>
      </c>
      <c r="I348" s="10" t="s">
        <v>55</v>
      </c>
      <c r="J348" s="10" t="s">
        <v>55</v>
      </c>
      <c r="K348" s="10" t="s">
        <v>55</v>
      </c>
      <c r="L348" s="6">
        <v>248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58</v>
      </c>
      <c r="E349" s="9" t="s">
        <v>18</v>
      </c>
      <c r="F349" s="9" t="s">
        <v>235</v>
      </c>
      <c r="G349" s="9" t="s">
        <v>30</v>
      </c>
      <c r="H349" s="6">
        <v>620</v>
      </c>
      <c r="I349" s="6">
        <v>4</v>
      </c>
      <c r="J349" s="6">
        <v>4</v>
      </c>
      <c r="K349" s="10" t="s">
        <v>55</v>
      </c>
      <c r="L349" s="6">
        <v>616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58</v>
      </c>
      <c r="E350" s="9" t="s">
        <v>18</v>
      </c>
      <c r="F350" s="9" t="s">
        <v>235</v>
      </c>
      <c r="G350" s="9" t="s">
        <v>236</v>
      </c>
      <c r="H350" s="6">
        <v>55</v>
      </c>
      <c r="I350" s="10" t="s">
        <v>55</v>
      </c>
      <c r="J350" s="10" t="s">
        <v>55</v>
      </c>
      <c r="K350" s="10" t="s">
        <v>55</v>
      </c>
      <c r="L350" s="6">
        <v>55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58</v>
      </c>
      <c r="E351" s="9" t="s">
        <v>18</v>
      </c>
      <c r="F351" s="9" t="s">
        <v>235</v>
      </c>
      <c r="G351" s="9" t="s">
        <v>237</v>
      </c>
      <c r="H351" s="6">
        <v>62</v>
      </c>
      <c r="I351" s="10" t="s">
        <v>55</v>
      </c>
      <c r="J351" s="10" t="s">
        <v>55</v>
      </c>
      <c r="K351" s="10" t="s">
        <v>55</v>
      </c>
      <c r="L351" s="6">
        <v>62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58</v>
      </c>
      <c r="E352" s="9" t="s">
        <v>18</v>
      </c>
      <c r="F352" s="9" t="s">
        <v>235</v>
      </c>
      <c r="G352" s="9" t="s">
        <v>238</v>
      </c>
      <c r="H352" s="6">
        <v>43</v>
      </c>
      <c r="I352" s="10" t="s">
        <v>55</v>
      </c>
      <c r="J352" s="10" t="s">
        <v>55</v>
      </c>
      <c r="K352" s="10" t="s">
        <v>55</v>
      </c>
      <c r="L352" s="6">
        <v>43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58</v>
      </c>
      <c r="E353" s="9" t="s">
        <v>18</v>
      </c>
      <c r="F353" s="9" t="s">
        <v>235</v>
      </c>
      <c r="G353" s="9" t="s">
        <v>239</v>
      </c>
      <c r="H353" s="6">
        <v>37</v>
      </c>
      <c r="I353" s="10" t="s">
        <v>55</v>
      </c>
      <c r="J353" s="10" t="s">
        <v>55</v>
      </c>
      <c r="K353" s="10" t="s">
        <v>55</v>
      </c>
      <c r="L353" s="6">
        <v>37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58</v>
      </c>
      <c r="E354" s="9" t="s">
        <v>18</v>
      </c>
      <c r="F354" s="9" t="s">
        <v>235</v>
      </c>
      <c r="G354" s="9" t="s">
        <v>240</v>
      </c>
      <c r="H354" s="6">
        <v>33</v>
      </c>
      <c r="I354" s="10" t="s">
        <v>55</v>
      </c>
      <c r="J354" s="10" t="s">
        <v>55</v>
      </c>
      <c r="K354" s="10" t="s">
        <v>55</v>
      </c>
      <c r="L354" s="6">
        <v>33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58</v>
      </c>
      <c r="E355" s="9" t="s">
        <v>18</v>
      </c>
      <c r="F355" s="9" t="s">
        <v>235</v>
      </c>
      <c r="G355" s="9" t="s">
        <v>241</v>
      </c>
      <c r="H355" s="6">
        <v>29</v>
      </c>
      <c r="I355" s="10" t="s">
        <v>55</v>
      </c>
      <c r="J355" s="10" t="s">
        <v>55</v>
      </c>
      <c r="K355" s="10" t="s">
        <v>55</v>
      </c>
      <c r="L355" s="6">
        <v>29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58</v>
      </c>
      <c r="E356" s="9" t="s">
        <v>18</v>
      </c>
      <c r="F356" s="9" t="s">
        <v>235</v>
      </c>
      <c r="G356" s="9" t="s">
        <v>242</v>
      </c>
      <c r="H356" s="6">
        <v>29</v>
      </c>
      <c r="I356" s="6">
        <v>2</v>
      </c>
      <c r="J356" s="6">
        <v>2</v>
      </c>
      <c r="K356" s="10" t="s">
        <v>55</v>
      </c>
      <c r="L356" s="6">
        <v>27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58</v>
      </c>
      <c r="E357" s="9" t="s">
        <v>18</v>
      </c>
      <c r="F357" s="9" t="s">
        <v>235</v>
      </c>
      <c r="G357" s="9" t="s">
        <v>243</v>
      </c>
      <c r="H357" s="6">
        <v>26</v>
      </c>
      <c r="I357" s="10" t="s">
        <v>55</v>
      </c>
      <c r="J357" s="10" t="s">
        <v>55</v>
      </c>
      <c r="K357" s="10" t="s">
        <v>55</v>
      </c>
      <c r="L357" s="6">
        <v>26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58</v>
      </c>
      <c r="E358" s="9" t="s">
        <v>18</v>
      </c>
      <c r="F358" s="9" t="s">
        <v>235</v>
      </c>
      <c r="G358" s="9" t="s">
        <v>244</v>
      </c>
      <c r="H358" s="6">
        <v>23</v>
      </c>
      <c r="I358" s="10" t="s">
        <v>55</v>
      </c>
      <c r="J358" s="10" t="s">
        <v>55</v>
      </c>
      <c r="K358" s="10" t="s">
        <v>55</v>
      </c>
      <c r="L358" s="6">
        <v>23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58</v>
      </c>
      <c r="E359" s="9" t="s">
        <v>18</v>
      </c>
      <c r="F359" s="9" t="s">
        <v>235</v>
      </c>
      <c r="G359" s="9" t="s">
        <v>245</v>
      </c>
      <c r="H359" s="6">
        <v>23</v>
      </c>
      <c r="I359" s="10" t="s">
        <v>55</v>
      </c>
      <c r="J359" s="10" t="s">
        <v>55</v>
      </c>
      <c r="K359" s="10" t="s">
        <v>55</v>
      </c>
      <c r="L359" s="6">
        <v>23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58</v>
      </c>
      <c r="E360" s="9" t="s">
        <v>18</v>
      </c>
      <c r="F360" s="9" t="s">
        <v>235</v>
      </c>
      <c r="G360" s="9" t="s">
        <v>246</v>
      </c>
      <c r="H360" s="6">
        <v>11</v>
      </c>
      <c r="I360" s="10" t="s">
        <v>55</v>
      </c>
      <c r="J360" s="10" t="s">
        <v>55</v>
      </c>
      <c r="K360" s="10" t="s">
        <v>55</v>
      </c>
      <c r="L360" s="6">
        <v>11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58</v>
      </c>
      <c r="E361" s="9" t="s">
        <v>18</v>
      </c>
      <c r="F361" s="9" t="s">
        <v>235</v>
      </c>
      <c r="G361" s="9" t="s">
        <v>247</v>
      </c>
      <c r="H361" s="6">
        <v>19</v>
      </c>
      <c r="I361" s="10" t="s">
        <v>55</v>
      </c>
      <c r="J361" s="10" t="s">
        <v>55</v>
      </c>
      <c r="K361" s="10" t="s">
        <v>55</v>
      </c>
      <c r="L361" s="6">
        <v>19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58</v>
      </c>
      <c r="E362" s="9" t="s">
        <v>18</v>
      </c>
      <c r="F362" s="9" t="s">
        <v>235</v>
      </c>
      <c r="G362" s="9" t="s">
        <v>248</v>
      </c>
      <c r="H362" s="6">
        <v>16</v>
      </c>
      <c r="I362" s="10" t="s">
        <v>55</v>
      </c>
      <c r="J362" s="10" t="s">
        <v>55</v>
      </c>
      <c r="K362" s="10" t="s">
        <v>55</v>
      </c>
      <c r="L362" s="6">
        <v>16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58</v>
      </c>
      <c r="E363" s="9" t="s">
        <v>18</v>
      </c>
      <c r="F363" s="9" t="s">
        <v>235</v>
      </c>
      <c r="G363" s="9" t="s">
        <v>249</v>
      </c>
      <c r="H363" s="6">
        <v>16</v>
      </c>
      <c r="I363" s="10" t="s">
        <v>55</v>
      </c>
      <c r="J363" s="10" t="s">
        <v>55</v>
      </c>
      <c r="K363" s="10" t="s">
        <v>55</v>
      </c>
      <c r="L363" s="6">
        <v>16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58</v>
      </c>
      <c r="E364" s="9" t="s">
        <v>18</v>
      </c>
      <c r="F364" s="9" t="s">
        <v>235</v>
      </c>
      <c r="G364" s="9" t="s">
        <v>250</v>
      </c>
      <c r="H364" s="6">
        <v>19</v>
      </c>
      <c r="I364" s="10" t="s">
        <v>55</v>
      </c>
      <c r="J364" s="10" t="s">
        <v>55</v>
      </c>
      <c r="K364" s="10" t="s">
        <v>55</v>
      </c>
      <c r="L364" s="6">
        <v>19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58</v>
      </c>
      <c r="E365" s="9" t="s">
        <v>18</v>
      </c>
      <c r="F365" s="9" t="s">
        <v>235</v>
      </c>
      <c r="G365" s="9" t="s">
        <v>251</v>
      </c>
      <c r="H365" s="6">
        <v>14</v>
      </c>
      <c r="I365" s="10" t="s">
        <v>55</v>
      </c>
      <c r="J365" s="10" t="s">
        <v>55</v>
      </c>
      <c r="K365" s="10" t="s">
        <v>55</v>
      </c>
      <c r="L365" s="6">
        <v>14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58</v>
      </c>
      <c r="E366" s="9" t="s">
        <v>18</v>
      </c>
      <c r="F366" s="9" t="s">
        <v>235</v>
      </c>
      <c r="G366" s="9" t="s">
        <v>252</v>
      </c>
      <c r="H366" s="6">
        <v>16</v>
      </c>
      <c r="I366" s="10" t="s">
        <v>55</v>
      </c>
      <c r="J366" s="10" t="s">
        <v>55</v>
      </c>
      <c r="K366" s="10" t="s">
        <v>55</v>
      </c>
      <c r="L366" s="6">
        <v>16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58</v>
      </c>
      <c r="E367" s="9" t="s">
        <v>18</v>
      </c>
      <c r="F367" s="9" t="s">
        <v>235</v>
      </c>
      <c r="G367" s="9" t="s">
        <v>253</v>
      </c>
      <c r="H367" s="6">
        <v>8</v>
      </c>
      <c r="I367" s="10" t="s">
        <v>55</v>
      </c>
      <c r="J367" s="10" t="s">
        <v>55</v>
      </c>
      <c r="K367" s="10" t="s">
        <v>55</v>
      </c>
      <c r="L367" s="6">
        <v>8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58</v>
      </c>
      <c r="E368" s="9" t="s">
        <v>18</v>
      </c>
      <c r="F368" s="9" t="s">
        <v>235</v>
      </c>
      <c r="G368" s="9" t="s">
        <v>254</v>
      </c>
      <c r="H368" s="6">
        <v>15</v>
      </c>
      <c r="I368" s="6">
        <v>1</v>
      </c>
      <c r="J368" s="6">
        <v>1</v>
      </c>
      <c r="K368" s="10" t="s">
        <v>55</v>
      </c>
      <c r="L368" s="6">
        <v>14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58</v>
      </c>
      <c r="E369" s="9" t="s">
        <v>18</v>
      </c>
      <c r="F369" s="9" t="s">
        <v>235</v>
      </c>
      <c r="G369" s="9" t="s">
        <v>255</v>
      </c>
      <c r="H369" s="6">
        <v>9</v>
      </c>
      <c r="I369" s="10" t="s">
        <v>55</v>
      </c>
      <c r="J369" s="10" t="s">
        <v>55</v>
      </c>
      <c r="K369" s="10" t="s">
        <v>55</v>
      </c>
      <c r="L369" s="6">
        <v>9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58</v>
      </c>
      <c r="E370" s="9" t="s">
        <v>18</v>
      </c>
      <c r="F370" s="9" t="s">
        <v>235</v>
      </c>
      <c r="G370" s="9" t="s">
        <v>256</v>
      </c>
      <c r="H370" s="6">
        <v>117</v>
      </c>
      <c r="I370" s="6">
        <v>1</v>
      </c>
      <c r="J370" s="6">
        <v>1</v>
      </c>
      <c r="K370" s="10" t="s">
        <v>55</v>
      </c>
      <c r="L370" s="6">
        <v>116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227144B-5C7E-4F2C-9F56-BD0EFA318A1E}">
  <sheetPr>
    <pageSetUpPr fitToPage="1"/>
  </sheetPr>
  <dimension ref="A1:S217"/>
  <sheetViews>
    <sheetView zoomScaleNormal="100" workbookViewId="0">
      <pane xSplit="5" ySplit="10" topLeftCell="F11" activePane="bottomRight" state="frozen"/>
      <selection pane="topRight" activeCell="V1" sqref="V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3" width="18.75" style="11" customWidth="1"/>
    <col min="4" max="4" width="8.125" style="11" customWidth="1"/>
    <col min="5" max="5" width="20" style="11" customWidth="1"/>
    <col min="6" max="16384" width="12.625" style="11"/>
  </cols>
  <sheetData>
    <row r="1" spans="1:19" s="1" customFormat="1">
      <c r="A1" s="1" t="s">
        <v>0</v>
      </c>
    </row>
    <row r="2" spans="1:19" s="1" customFormat="1">
      <c r="A2" s="1" t="s">
        <v>60</v>
      </c>
    </row>
    <row r="3" spans="1:19" s="1" customFormat="1"/>
    <row r="4" spans="1:19" s="1" customFormat="1" outlineLevel="1">
      <c r="A4" s="1" t="s">
        <v>2</v>
      </c>
    </row>
    <row r="5" spans="1:19" s="1" customFormat="1"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4</v>
      </c>
    </row>
    <row r="6" spans="1:19" s="1" customFormat="1">
      <c r="F6" s="3" t="s">
        <v>5</v>
      </c>
      <c r="G6" s="3" t="s">
        <v>5</v>
      </c>
      <c r="H6" s="3" t="s">
        <v>5</v>
      </c>
      <c r="I6" s="3" t="s">
        <v>5</v>
      </c>
      <c r="J6" s="3" t="s">
        <v>5</v>
      </c>
      <c r="K6" s="3" t="s">
        <v>5</v>
      </c>
      <c r="L6" s="3" t="s">
        <v>5</v>
      </c>
      <c r="M6" s="3" t="s">
        <v>5</v>
      </c>
      <c r="N6" s="3" t="s">
        <v>5</v>
      </c>
      <c r="O6" s="3" t="s">
        <v>5</v>
      </c>
      <c r="P6" s="3" t="s">
        <v>5</v>
      </c>
      <c r="Q6" s="3" t="s">
        <v>5</v>
      </c>
      <c r="R6" s="3" t="s">
        <v>5</v>
      </c>
      <c r="S6" s="3"/>
    </row>
    <row r="7" spans="1:19" s="1" customFormat="1">
      <c r="F7" s="3">
        <v>1</v>
      </c>
      <c r="G7" s="3">
        <v>1</v>
      </c>
      <c r="H7" s="3">
        <v>2</v>
      </c>
      <c r="I7" s="3">
        <v>3</v>
      </c>
      <c r="J7" s="3">
        <v>3</v>
      </c>
      <c r="K7" s="3">
        <v>3</v>
      </c>
      <c r="L7" s="3">
        <v>3</v>
      </c>
      <c r="M7" s="3">
        <v>2</v>
      </c>
      <c r="N7" s="3">
        <v>1</v>
      </c>
      <c r="O7" s="3">
        <v>2</v>
      </c>
      <c r="P7" s="3">
        <v>2</v>
      </c>
      <c r="Q7" s="3">
        <v>2</v>
      </c>
      <c r="R7" s="3">
        <v>1</v>
      </c>
      <c r="S7" s="3"/>
    </row>
    <row r="8" spans="1:19" s="1" customFormat="1" ht="36">
      <c r="F8" s="3" t="s">
        <v>6</v>
      </c>
      <c r="G8" s="3" t="s">
        <v>7</v>
      </c>
      <c r="H8" s="3" t="s">
        <v>8</v>
      </c>
      <c r="I8" s="3" t="s">
        <v>9</v>
      </c>
      <c r="J8" s="3" t="s">
        <v>10</v>
      </c>
      <c r="K8" s="3" t="s">
        <v>11</v>
      </c>
      <c r="L8" s="3" t="s">
        <v>12</v>
      </c>
      <c r="M8" s="3" t="s">
        <v>13</v>
      </c>
      <c r="N8" s="3" t="s">
        <v>14</v>
      </c>
      <c r="O8" s="3" t="s">
        <v>15</v>
      </c>
      <c r="P8" s="3" t="s">
        <v>16</v>
      </c>
      <c r="Q8" s="3" t="s">
        <v>17</v>
      </c>
      <c r="R8" s="3" t="s">
        <v>18</v>
      </c>
      <c r="S8" s="3"/>
    </row>
    <row r="9" spans="1:19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20</v>
      </c>
    </row>
    <row r="10" spans="1:19" s="1" customFormat="1">
      <c r="A10" s="2" t="s">
        <v>21</v>
      </c>
      <c r="B10" s="2" t="s">
        <v>22</v>
      </c>
      <c r="C10" s="2" t="s">
        <v>61</v>
      </c>
      <c r="D10" s="2" t="s">
        <v>24</v>
      </c>
      <c r="E10" s="2" t="s">
        <v>25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30</v>
      </c>
      <c r="F11" s="6">
        <v>75069522</v>
      </c>
      <c r="G11" s="6">
        <v>41010130</v>
      </c>
      <c r="H11" s="6">
        <v>39389800</v>
      </c>
      <c r="I11" s="6">
        <v>32597237</v>
      </c>
      <c r="J11" s="6">
        <v>4813105</v>
      </c>
      <c r="K11" s="6">
        <v>922967</v>
      </c>
      <c r="L11" s="6">
        <v>1056491</v>
      </c>
      <c r="M11" s="6">
        <v>1620330</v>
      </c>
      <c r="N11" s="6">
        <v>23927740</v>
      </c>
      <c r="O11" s="6">
        <v>9056212</v>
      </c>
      <c r="P11" s="6">
        <v>3746677</v>
      </c>
      <c r="Q11" s="6">
        <v>11124851</v>
      </c>
      <c r="R11" s="6">
        <v>10131652</v>
      </c>
      <c r="S11" s="7">
        <v>63.15287</v>
      </c>
    </row>
    <row r="12" spans="1:1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31</v>
      </c>
      <c r="F12" s="6">
        <v>3973139</v>
      </c>
      <c r="G12" s="6">
        <v>606481</v>
      </c>
      <c r="H12" s="6">
        <v>566611</v>
      </c>
      <c r="I12" s="6">
        <v>197831</v>
      </c>
      <c r="J12" s="6">
        <v>14634</v>
      </c>
      <c r="K12" s="6">
        <v>340346</v>
      </c>
      <c r="L12" s="6">
        <v>13800</v>
      </c>
      <c r="M12" s="6">
        <v>39870</v>
      </c>
      <c r="N12" s="6">
        <v>2869012</v>
      </c>
      <c r="O12" s="6">
        <v>21438</v>
      </c>
      <c r="P12" s="6">
        <v>2790457</v>
      </c>
      <c r="Q12" s="6">
        <v>57117</v>
      </c>
      <c r="R12" s="6">
        <v>497646</v>
      </c>
      <c r="S12" s="7">
        <v>17.450209999999998</v>
      </c>
    </row>
    <row r="13" spans="1:1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32</v>
      </c>
      <c r="F13" s="6">
        <v>4542266</v>
      </c>
      <c r="G13" s="6">
        <v>2711397</v>
      </c>
      <c r="H13" s="6">
        <v>2553829</v>
      </c>
      <c r="I13" s="6">
        <v>1907565</v>
      </c>
      <c r="J13" s="6">
        <v>60867</v>
      </c>
      <c r="K13" s="6">
        <v>526895</v>
      </c>
      <c r="L13" s="6">
        <v>58502</v>
      </c>
      <c r="M13" s="6">
        <v>157568</v>
      </c>
      <c r="N13" s="6">
        <v>1011956</v>
      </c>
      <c r="O13" s="6">
        <v>83216</v>
      </c>
      <c r="P13" s="6">
        <v>851817</v>
      </c>
      <c r="Q13" s="6">
        <v>76923</v>
      </c>
      <c r="R13" s="6">
        <v>818913</v>
      </c>
      <c r="S13" s="7">
        <v>72.821380000000005</v>
      </c>
    </row>
    <row r="14" spans="1:1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33</v>
      </c>
      <c r="F14" s="6">
        <v>4637686</v>
      </c>
      <c r="G14" s="6">
        <v>3345688</v>
      </c>
      <c r="H14" s="6">
        <v>3178548</v>
      </c>
      <c r="I14" s="6">
        <v>2952093</v>
      </c>
      <c r="J14" s="6">
        <v>105927</v>
      </c>
      <c r="K14" s="6">
        <v>29026</v>
      </c>
      <c r="L14" s="6">
        <v>91502</v>
      </c>
      <c r="M14" s="6">
        <v>167140</v>
      </c>
      <c r="N14" s="6">
        <v>331707</v>
      </c>
      <c r="O14" s="6">
        <v>209573</v>
      </c>
      <c r="P14" s="6">
        <v>63835</v>
      </c>
      <c r="Q14" s="6">
        <v>58299</v>
      </c>
      <c r="R14" s="6">
        <v>960291</v>
      </c>
      <c r="S14" s="7">
        <v>90.979839999999996</v>
      </c>
    </row>
    <row r="15" spans="1:1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34</v>
      </c>
      <c r="F15" s="6">
        <v>4861469</v>
      </c>
      <c r="G15" s="6">
        <v>3442804</v>
      </c>
      <c r="H15" s="6">
        <v>3295811</v>
      </c>
      <c r="I15" s="6">
        <v>2950506</v>
      </c>
      <c r="J15" s="6">
        <v>199578</v>
      </c>
      <c r="K15" s="6">
        <v>10471</v>
      </c>
      <c r="L15" s="6">
        <v>135256</v>
      </c>
      <c r="M15" s="6">
        <v>146993</v>
      </c>
      <c r="N15" s="6">
        <v>487183</v>
      </c>
      <c r="O15" s="6">
        <v>407930</v>
      </c>
      <c r="P15" s="6">
        <v>16311</v>
      </c>
      <c r="Q15" s="6">
        <v>62942</v>
      </c>
      <c r="R15" s="6">
        <v>931482</v>
      </c>
      <c r="S15" s="7">
        <v>87.603440000000006</v>
      </c>
    </row>
    <row r="16" spans="1:19">
      <c r="A16" s="9" t="s">
        <v>27</v>
      </c>
      <c r="B16" s="9" t="s">
        <v>28</v>
      </c>
      <c r="C16" s="9" t="s">
        <v>29</v>
      </c>
      <c r="D16" s="9" t="s">
        <v>6</v>
      </c>
      <c r="E16" s="9" t="s">
        <v>35</v>
      </c>
      <c r="F16" s="6">
        <v>5365617</v>
      </c>
      <c r="G16" s="6">
        <v>3808547</v>
      </c>
      <c r="H16" s="6">
        <v>3665258</v>
      </c>
      <c r="I16" s="6">
        <v>3218788</v>
      </c>
      <c r="J16" s="6">
        <v>333825</v>
      </c>
      <c r="K16" s="6">
        <v>4990</v>
      </c>
      <c r="L16" s="6">
        <v>107655</v>
      </c>
      <c r="M16" s="6">
        <v>143289</v>
      </c>
      <c r="N16" s="6">
        <v>586265</v>
      </c>
      <c r="O16" s="6">
        <v>506862</v>
      </c>
      <c r="P16" s="6">
        <v>7405</v>
      </c>
      <c r="Q16" s="6">
        <v>71998</v>
      </c>
      <c r="R16" s="6">
        <v>970805</v>
      </c>
      <c r="S16" s="7">
        <v>86.660070000000005</v>
      </c>
    </row>
    <row r="17" spans="1:19">
      <c r="A17" s="9" t="s">
        <v>27</v>
      </c>
      <c r="B17" s="9" t="s">
        <v>28</v>
      </c>
      <c r="C17" s="9" t="s">
        <v>29</v>
      </c>
      <c r="D17" s="9" t="s">
        <v>6</v>
      </c>
      <c r="E17" s="9" t="s">
        <v>36</v>
      </c>
      <c r="F17" s="6">
        <v>6024226</v>
      </c>
      <c r="G17" s="6">
        <v>4429890</v>
      </c>
      <c r="H17" s="6">
        <v>4277214</v>
      </c>
      <c r="I17" s="6">
        <v>3703508</v>
      </c>
      <c r="J17" s="6">
        <v>502813</v>
      </c>
      <c r="K17" s="6">
        <v>3247</v>
      </c>
      <c r="L17" s="6">
        <v>67646</v>
      </c>
      <c r="M17" s="6">
        <v>152676</v>
      </c>
      <c r="N17" s="6">
        <v>609062</v>
      </c>
      <c r="O17" s="6">
        <v>518006</v>
      </c>
      <c r="P17" s="6">
        <v>4791</v>
      </c>
      <c r="Q17" s="6">
        <v>86265</v>
      </c>
      <c r="R17" s="6">
        <v>985274</v>
      </c>
      <c r="S17" s="7">
        <v>87.91292</v>
      </c>
    </row>
    <row r="18" spans="1:19">
      <c r="A18" s="9" t="s">
        <v>27</v>
      </c>
      <c r="B18" s="9" t="s">
        <v>28</v>
      </c>
      <c r="C18" s="9" t="s">
        <v>29</v>
      </c>
      <c r="D18" s="9" t="s">
        <v>6</v>
      </c>
      <c r="E18" s="9" t="s">
        <v>37</v>
      </c>
      <c r="F18" s="6">
        <v>7056057</v>
      </c>
      <c r="G18" s="6">
        <v>5326982</v>
      </c>
      <c r="H18" s="6">
        <v>5142271</v>
      </c>
      <c r="I18" s="6">
        <v>4393699</v>
      </c>
      <c r="J18" s="6">
        <v>680074</v>
      </c>
      <c r="K18" s="6">
        <v>2589</v>
      </c>
      <c r="L18" s="6">
        <v>65909</v>
      </c>
      <c r="M18" s="6">
        <v>184711</v>
      </c>
      <c r="N18" s="6">
        <v>693321</v>
      </c>
      <c r="O18" s="6">
        <v>570750</v>
      </c>
      <c r="P18" s="6">
        <v>3517</v>
      </c>
      <c r="Q18" s="6">
        <v>119054</v>
      </c>
      <c r="R18" s="6">
        <v>1035754</v>
      </c>
      <c r="S18" s="7">
        <v>88.483620000000002</v>
      </c>
    </row>
    <row r="19" spans="1:19">
      <c r="A19" s="9" t="s">
        <v>27</v>
      </c>
      <c r="B19" s="9" t="s">
        <v>28</v>
      </c>
      <c r="C19" s="9" t="s">
        <v>29</v>
      </c>
      <c r="D19" s="9" t="s">
        <v>6</v>
      </c>
      <c r="E19" s="9" t="s">
        <v>38</v>
      </c>
      <c r="F19" s="6">
        <v>6229185</v>
      </c>
      <c r="G19" s="6">
        <v>4714513</v>
      </c>
      <c r="H19" s="6">
        <v>4546138</v>
      </c>
      <c r="I19" s="6">
        <v>3854996</v>
      </c>
      <c r="J19" s="6">
        <v>622380</v>
      </c>
      <c r="K19" s="6">
        <v>1641</v>
      </c>
      <c r="L19" s="6">
        <v>67121</v>
      </c>
      <c r="M19" s="6">
        <v>168375</v>
      </c>
      <c r="N19" s="6">
        <v>688661</v>
      </c>
      <c r="O19" s="6">
        <v>560086</v>
      </c>
      <c r="P19" s="6">
        <v>2176</v>
      </c>
      <c r="Q19" s="6">
        <v>126399</v>
      </c>
      <c r="R19" s="6">
        <v>826011</v>
      </c>
      <c r="S19" s="7">
        <v>87.254509999999996</v>
      </c>
    </row>
    <row r="20" spans="1:19">
      <c r="A20" s="9" t="s">
        <v>27</v>
      </c>
      <c r="B20" s="9" t="s">
        <v>28</v>
      </c>
      <c r="C20" s="9" t="s">
        <v>29</v>
      </c>
      <c r="D20" s="9" t="s">
        <v>6</v>
      </c>
      <c r="E20" s="9" t="s">
        <v>39</v>
      </c>
      <c r="F20" s="6">
        <v>5422520</v>
      </c>
      <c r="G20" s="6">
        <v>4079836</v>
      </c>
      <c r="H20" s="6">
        <v>3935307</v>
      </c>
      <c r="I20" s="6">
        <v>3321905</v>
      </c>
      <c r="J20" s="6">
        <v>544594</v>
      </c>
      <c r="K20" s="6">
        <v>1059</v>
      </c>
      <c r="L20" s="6">
        <v>67749</v>
      </c>
      <c r="M20" s="6">
        <v>144529</v>
      </c>
      <c r="N20" s="6">
        <v>778075</v>
      </c>
      <c r="O20" s="6">
        <v>626601</v>
      </c>
      <c r="P20" s="6">
        <v>1482</v>
      </c>
      <c r="Q20" s="6">
        <v>149992</v>
      </c>
      <c r="R20" s="6">
        <v>564609</v>
      </c>
      <c r="S20" s="7">
        <v>83.983339999999998</v>
      </c>
    </row>
    <row r="21" spans="1:19">
      <c r="A21" s="9" t="s">
        <v>27</v>
      </c>
      <c r="B21" s="9" t="s">
        <v>28</v>
      </c>
      <c r="C21" s="9" t="s">
        <v>29</v>
      </c>
      <c r="D21" s="9" t="s">
        <v>6</v>
      </c>
      <c r="E21" s="9" t="s">
        <v>40</v>
      </c>
      <c r="F21" s="6">
        <v>4724151</v>
      </c>
      <c r="G21" s="6">
        <v>3188087</v>
      </c>
      <c r="H21" s="6">
        <v>3053362</v>
      </c>
      <c r="I21" s="6">
        <v>2502580</v>
      </c>
      <c r="J21" s="6">
        <v>483704</v>
      </c>
      <c r="K21" s="6">
        <v>768</v>
      </c>
      <c r="L21" s="6">
        <v>66310</v>
      </c>
      <c r="M21" s="6">
        <v>134725</v>
      </c>
      <c r="N21" s="6">
        <v>1163645</v>
      </c>
      <c r="O21" s="6">
        <v>805746</v>
      </c>
      <c r="P21" s="6">
        <v>1181</v>
      </c>
      <c r="Q21" s="6">
        <v>356718</v>
      </c>
      <c r="R21" s="6">
        <v>372419</v>
      </c>
      <c r="S21" s="7">
        <v>73.260189999999994</v>
      </c>
    </row>
    <row r="22" spans="1:19">
      <c r="A22" s="9" t="s">
        <v>27</v>
      </c>
      <c r="B22" s="9" t="s">
        <v>28</v>
      </c>
      <c r="C22" s="9" t="s">
        <v>29</v>
      </c>
      <c r="D22" s="9" t="s">
        <v>6</v>
      </c>
      <c r="E22" s="9" t="s">
        <v>41</v>
      </c>
      <c r="F22" s="6">
        <v>5046796</v>
      </c>
      <c r="G22" s="6">
        <v>2368178</v>
      </c>
      <c r="H22" s="6">
        <v>2267124</v>
      </c>
      <c r="I22" s="6">
        <v>1689436</v>
      </c>
      <c r="J22" s="6">
        <v>491903</v>
      </c>
      <c r="K22" s="6">
        <v>681</v>
      </c>
      <c r="L22" s="6">
        <v>85104</v>
      </c>
      <c r="M22" s="6">
        <v>101054</v>
      </c>
      <c r="N22" s="6">
        <v>2318903</v>
      </c>
      <c r="O22" s="6">
        <v>1129673</v>
      </c>
      <c r="P22" s="6">
        <v>781</v>
      </c>
      <c r="Q22" s="6">
        <v>1188449</v>
      </c>
      <c r="R22" s="6">
        <v>359715</v>
      </c>
      <c r="S22" s="7">
        <v>50.525649999999999</v>
      </c>
    </row>
    <row r="23" spans="1:19">
      <c r="A23" s="9" t="s">
        <v>27</v>
      </c>
      <c r="B23" s="9" t="s">
        <v>28</v>
      </c>
      <c r="C23" s="9" t="s">
        <v>29</v>
      </c>
      <c r="D23" s="9" t="s">
        <v>6</v>
      </c>
      <c r="E23" s="9" t="s">
        <v>42</v>
      </c>
      <c r="F23" s="6">
        <v>5786980</v>
      </c>
      <c r="G23" s="6">
        <v>1779004</v>
      </c>
      <c r="H23" s="6">
        <v>1726519</v>
      </c>
      <c r="I23" s="6">
        <v>1192746</v>
      </c>
      <c r="J23" s="6">
        <v>432646</v>
      </c>
      <c r="K23" s="6">
        <v>504</v>
      </c>
      <c r="L23" s="6">
        <v>100623</v>
      </c>
      <c r="M23" s="6">
        <v>52485</v>
      </c>
      <c r="N23" s="6">
        <v>3519726</v>
      </c>
      <c r="O23" s="6">
        <v>1350943</v>
      </c>
      <c r="P23" s="6">
        <v>861</v>
      </c>
      <c r="Q23" s="6">
        <v>2167922</v>
      </c>
      <c r="R23" s="6">
        <v>488250</v>
      </c>
      <c r="S23" s="7">
        <v>33.574159999999999</v>
      </c>
    </row>
    <row r="24" spans="1:19">
      <c r="A24" s="9" t="s">
        <v>27</v>
      </c>
      <c r="B24" s="9" t="s">
        <v>28</v>
      </c>
      <c r="C24" s="9" t="s">
        <v>29</v>
      </c>
      <c r="D24" s="9" t="s">
        <v>6</v>
      </c>
      <c r="E24" s="9" t="s">
        <v>43</v>
      </c>
      <c r="F24" s="6">
        <v>4549961</v>
      </c>
      <c r="G24" s="6">
        <v>768875</v>
      </c>
      <c r="H24" s="6">
        <v>750039</v>
      </c>
      <c r="I24" s="6">
        <v>473766</v>
      </c>
      <c r="J24" s="6">
        <v>209305</v>
      </c>
      <c r="K24" s="6">
        <v>333</v>
      </c>
      <c r="L24" s="6">
        <v>66635</v>
      </c>
      <c r="M24" s="6">
        <v>18836</v>
      </c>
      <c r="N24" s="6">
        <v>3275770</v>
      </c>
      <c r="O24" s="6">
        <v>1043194</v>
      </c>
      <c r="P24" s="6">
        <v>874</v>
      </c>
      <c r="Q24" s="6">
        <v>2231702</v>
      </c>
      <c r="R24" s="6">
        <v>505316</v>
      </c>
      <c r="S24" s="7">
        <v>19.009699999999999</v>
      </c>
    </row>
    <row r="25" spans="1:19">
      <c r="A25" s="9" t="s">
        <v>27</v>
      </c>
      <c r="B25" s="9" t="s">
        <v>28</v>
      </c>
      <c r="C25" s="9" t="s">
        <v>29</v>
      </c>
      <c r="D25" s="9" t="s">
        <v>6</v>
      </c>
      <c r="E25" s="9" t="s">
        <v>44</v>
      </c>
      <c r="F25" s="6">
        <v>3370406</v>
      </c>
      <c r="G25" s="6">
        <v>301617</v>
      </c>
      <c r="H25" s="6">
        <v>295749</v>
      </c>
      <c r="I25" s="6">
        <v>168585</v>
      </c>
      <c r="J25" s="6">
        <v>87602</v>
      </c>
      <c r="K25" s="6">
        <v>249</v>
      </c>
      <c r="L25" s="6">
        <v>39313</v>
      </c>
      <c r="M25" s="6">
        <v>5868</v>
      </c>
      <c r="N25" s="6">
        <v>2632843</v>
      </c>
      <c r="O25" s="6">
        <v>706574</v>
      </c>
      <c r="P25" s="6">
        <v>660</v>
      </c>
      <c r="Q25" s="6">
        <v>1925609</v>
      </c>
      <c r="R25" s="6">
        <v>435946</v>
      </c>
      <c r="S25" s="7">
        <v>10.278449999999999</v>
      </c>
    </row>
    <row r="26" spans="1:19">
      <c r="A26" s="9" t="s">
        <v>27</v>
      </c>
      <c r="B26" s="9" t="s">
        <v>28</v>
      </c>
      <c r="C26" s="9" t="s">
        <v>29</v>
      </c>
      <c r="D26" s="9" t="s">
        <v>6</v>
      </c>
      <c r="E26" s="9" t="s">
        <v>45</v>
      </c>
      <c r="F26" s="6">
        <v>2202466</v>
      </c>
      <c r="G26" s="6">
        <v>107247</v>
      </c>
      <c r="H26" s="6">
        <v>105562</v>
      </c>
      <c r="I26" s="6">
        <v>54623</v>
      </c>
      <c r="J26" s="6">
        <v>33281</v>
      </c>
      <c r="K26" s="6">
        <v>118</v>
      </c>
      <c r="L26" s="6">
        <v>17540</v>
      </c>
      <c r="M26" s="6">
        <v>1685</v>
      </c>
      <c r="N26" s="6">
        <v>1828016</v>
      </c>
      <c r="O26" s="6">
        <v>384162</v>
      </c>
      <c r="P26" s="6">
        <v>337</v>
      </c>
      <c r="Q26" s="6">
        <v>1443517</v>
      </c>
      <c r="R26" s="6">
        <v>267203</v>
      </c>
      <c r="S26" s="7">
        <v>5.5417300000000003</v>
      </c>
    </row>
    <row r="27" spans="1:19">
      <c r="A27" s="9" t="s">
        <v>27</v>
      </c>
      <c r="B27" s="9" t="s">
        <v>28</v>
      </c>
      <c r="C27" s="9" t="s">
        <v>29</v>
      </c>
      <c r="D27" s="9" t="s">
        <v>6</v>
      </c>
      <c r="E27" s="9" t="s">
        <v>46</v>
      </c>
      <c r="F27" s="6">
        <v>983383</v>
      </c>
      <c r="G27" s="6">
        <v>27226</v>
      </c>
      <c r="H27" s="6">
        <v>26771</v>
      </c>
      <c r="I27" s="6">
        <v>12805</v>
      </c>
      <c r="J27" s="6">
        <v>8882</v>
      </c>
      <c r="K27" s="6">
        <v>46</v>
      </c>
      <c r="L27" s="6">
        <v>5038</v>
      </c>
      <c r="M27" s="6">
        <v>455</v>
      </c>
      <c r="N27" s="6">
        <v>863026</v>
      </c>
      <c r="O27" s="6">
        <v>114037</v>
      </c>
      <c r="P27" s="6">
        <v>155</v>
      </c>
      <c r="Q27" s="6">
        <v>748834</v>
      </c>
      <c r="R27" s="6">
        <v>93131</v>
      </c>
      <c r="S27" s="7">
        <v>3.0582400000000001</v>
      </c>
    </row>
    <row r="28" spans="1:19">
      <c r="A28" s="9" t="s">
        <v>27</v>
      </c>
      <c r="B28" s="9" t="s">
        <v>28</v>
      </c>
      <c r="C28" s="9" t="s">
        <v>29</v>
      </c>
      <c r="D28" s="9" t="s">
        <v>6</v>
      </c>
      <c r="E28" s="9" t="s">
        <v>47</v>
      </c>
      <c r="F28" s="6">
        <v>293214</v>
      </c>
      <c r="G28" s="6">
        <v>3758</v>
      </c>
      <c r="H28" s="6">
        <v>3687</v>
      </c>
      <c r="I28" s="6">
        <v>1805</v>
      </c>
      <c r="J28" s="6">
        <v>1090</v>
      </c>
      <c r="K28" s="6">
        <v>4</v>
      </c>
      <c r="L28" s="6">
        <v>788</v>
      </c>
      <c r="M28" s="6">
        <v>71</v>
      </c>
      <c r="N28" s="6">
        <v>270569</v>
      </c>
      <c r="O28" s="6">
        <v>17421</v>
      </c>
      <c r="P28" s="6">
        <v>37</v>
      </c>
      <c r="Q28" s="6">
        <v>253111</v>
      </c>
      <c r="R28" s="6">
        <v>18887</v>
      </c>
      <c r="S28" s="7">
        <v>1.3698999999999999</v>
      </c>
    </row>
    <row r="29" spans="1:19">
      <c r="A29" s="9" t="s">
        <v>27</v>
      </c>
      <c r="B29" s="9" t="s">
        <v>28</v>
      </c>
      <c r="C29" s="9" t="s">
        <v>29</v>
      </c>
      <c r="D29" s="9" t="s">
        <v>6</v>
      </c>
      <c r="E29" s="9" t="s">
        <v>48</v>
      </c>
      <c r="F29" s="6">
        <v>52836316</v>
      </c>
      <c r="G29" s="6">
        <v>35654225</v>
      </c>
      <c r="H29" s="6">
        <v>34214349</v>
      </c>
      <c r="I29" s="6">
        <v>29003471</v>
      </c>
      <c r="J29" s="6">
        <v>3548396</v>
      </c>
      <c r="K29" s="6">
        <v>921032</v>
      </c>
      <c r="L29" s="6">
        <v>741450</v>
      </c>
      <c r="M29" s="6">
        <v>1439876</v>
      </c>
      <c r="N29" s="6">
        <v>9218887</v>
      </c>
      <c r="O29" s="6">
        <v>4310208</v>
      </c>
      <c r="P29" s="6">
        <v>3742972</v>
      </c>
      <c r="Q29" s="6">
        <v>1165707</v>
      </c>
      <c r="R29" s="6">
        <v>7963204</v>
      </c>
      <c r="S29" s="7">
        <v>79.455650000000006</v>
      </c>
    </row>
    <row r="30" spans="1:19">
      <c r="A30" s="9" t="s">
        <v>27</v>
      </c>
      <c r="B30" s="9" t="s">
        <v>28</v>
      </c>
      <c r="C30" s="9" t="s">
        <v>29</v>
      </c>
      <c r="D30" s="9" t="s">
        <v>6</v>
      </c>
      <c r="E30" s="9" t="s">
        <v>49</v>
      </c>
      <c r="F30" s="6">
        <v>22233206</v>
      </c>
      <c r="G30" s="6">
        <v>5355905</v>
      </c>
      <c r="H30" s="6">
        <v>5175451</v>
      </c>
      <c r="I30" s="6">
        <v>3593766</v>
      </c>
      <c r="J30" s="6">
        <v>1264709</v>
      </c>
      <c r="K30" s="6">
        <v>1935</v>
      </c>
      <c r="L30" s="6">
        <v>315041</v>
      </c>
      <c r="M30" s="6">
        <v>180454</v>
      </c>
      <c r="N30" s="6">
        <v>14708853</v>
      </c>
      <c r="O30" s="6">
        <v>4746004</v>
      </c>
      <c r="P30" s="6">
        <v>3705</v>
      </c>
      <c r="Q30" s="6">
        <v>9959144</v>
      </c>
      <c r="R30" s="6">
        <v>2168448</v>
      </c>
      <c r="S30" s="7">
        <v>26.693100000000001</v>
      </c>
    </row>
    <row r="31" spans="1:19">
      <c r="A31" s="9" t="s">
        <v>27</v>
      </c>
      <c r="B31" s="9" t="s">
        <v>28</v>
      </c>
      <c r="C31" s="9" t="s">
        <v>29</v>
      </c>
      <c r="D31" s="9" t="s">
        <v>6</v>
      </c>
      <c r="E31" s="9" t="s">
        <v>50</v>
      </c>
      <c r="F31" s="6">
        <v>11399430</v>
      </c>
      <c r="G31" s="6">
        <v>1208723</v>
      </c>
      <c r="H31" s="6">
        <v>1181808</v>
      </c>
      <c r="I31" s="6">
        <v>711584</v>
      </c>
      <c r="J31" s="6">
        <v>340160</v>
      </c>
      <c r="K31" s="6">
        <v>750</v>
      </c>
      <c r="L31" s="6">
        <v>129314</v>
      </c>
      <c r="M31" s="6">
        <v>26915</v>
      </c>
      <c r="N31" s="6">
        <v>8870224</v>
      </c>
      <c r="O31" s="6">
        <v>2265388</v>
      </c>
      <c r="P31" s="6">
        <v>2063</v>
      </c>
      <c r="Q31" s="6">
        <v>6602773</v>
      </c>
      <c r="R31" s="6">
        <v>1320483</v>
      </c>
      <c r="S31" s="7">
        <v>11.99255</v>
      </c>
    </row>
    <row r="32" spans="1:19">
      <c r="A32" s="9" t="s">
        <v>27</v>
      </c>
      <c r="B32" s="9" t="s">
        <v>28</v>
      </c>
      <c r="C32" s="9" t="s">
        <v>29</v>
      </c>
      <c r="D32" s="9" t="s">
        <v>6</v>
      </c>
      <c r="E32" s="9" t="s">
        <v>51</v>
      </c>
      <c r="F32" s="6">
        <v>3479063</v>
      </c>
      <c r="G32" s="6">
        <v>138231</v>
      </c>
      <c r="H32" s="6">
        <v>136020</v>
      </c>
      <c r="I32" s="6">
        <v>69233</v>
      </c>
      <c r="J32" s="6">
        <v>43253</v>
      </c>
      <c r="K32" s="6">
        <v>168</v>
      </c>
      <c r="L32" s="6">
        <v>23366</v>
      </c>
      <c r="M32" s="6">
        <v>2211</v>
      </c>
      <c r="N32" s="6">
        <v>2961611</v>
      </c>
      <c r="O32" s="6">
        <v>515620</v>
      </c>
      <c r="P32" s="6">
        <v>529</v>
      </c>
      <c r="Q32" s="6">
        <v>2445462</v>
      </c>
      <c r="R32" s="6">
        <v>379221</v>
      </c>
      <c r="S32" s="7">
        <v>4.4592900000000002</v>
      </c>
    </row>
    <row r="33" spans="1:19">
      <c r="A33" s="9" t="s">
        <v>27</v>
      </c>
      <c r="B33" s="9" t="s">
        <v>28</v>
      </c>
      <c r="C33" s="9" t="s">
        <v>29</v>
      </c>
      <c r="D33" s="9" t="s">
        <v>6</v>
      </c>
      <c r="E33" s="9" t="s">
        <v>52</v>
      </c>
      <c r="F33" s="6">
        <v>53909973</v>
      </c>
      <c r="G33" s="6">
        <v>37415922</v>
      </c>
      <c r="H33" s="6">
        <v>35914862</v>
      </c>
      <c r="I33" s="6">
        <v>30495076</v>
      </c>
      <c r="J33" s="6">
        <v>4025665</v>
      </c>
      <c r="K33" s="6">
        <v>581367</v>
      </c>
      <c r="L33" s="6">
        <v>812754</v>
      </c>
      <c r="M33" s="6">
        <v>1501060</v>
      </c>
      <c r="N33" s="6">
        <v>8668778</v>
      </c>
      <c r="O33" s="6">
        <v>5418443</v>
      </c>
      <c r="P33" s="6">
        <v>953296</v>
      </c>
      <c r="Q33" s="6">
        <v>2297039</v>
      </c>
      <c r="R33" s="6">
        <v>7825273</v>
      </c>
      <c r="S33" s="7">
        <v>81.18947</v>
      </c>
    </row>
    <row r="34" spans="1:19">
      <c r="A34" s="9" t="s">
        <v>27</v>
      </c>
      <c r="B34" s="9" t="s">
        <v>28</v>
      </c>
      <c r="C34" s="9" t="s">
        <v>29</v>
      </c>
      <c r="D34" s="9" t="s">
        <v>53</v>
      </c>
      <c r="E34" s="9" t="s">
        <v>30</v>
      </c>
      <c r="F34" s="6">
        <v>36140346</v>
      </c>
      <c r="G34" s="6">
        <v>22437821</v>
      </c>
      <c r="H34" s="6">
        <v>21461824</v>
      </c>
      <c r="I34" s="6">
        <v>20103344</v>
      </c>
      <c r="J34" s="6">
        <v>417084</v>
      </c>
      <c r="K34" s="6">
        <v>452989</v>
      </c>
      <c r="L34" s="6">
        <v>488407</v>
      </c>
      <c r="M34" s="6">
        <v>975997</v>
      </c>
      <c r="N34" s="6">
        <v>8423275</v>
      </c>
      <c r="O34" s="6">
        <v>908967</v>
      </c>
      <c r="P34" s="6">
        <v>1942381</v>
      </c>
      <c r="Q34" s="6">
        <v>5571927</v>
      </c>
      <c r="R34" s="6">
        <v>5279250</v>
      </c>
      <c r="S34" s="7">
        <v>72.705849999999998</v>
      </c>
    </row>
    <row r="35" spans="1:19">
      <c r="A35" s="9" t="s">
        <v>27</v>
      </c>
      <c r="B35" s="9" t="s">
        <v>28</v>
      </c>
      <c r="C35" s="9" t="s">
        <v>29</v>
      </c>
      <c r="D35" s="9" t="s">
        <v>53</v>
      </c>
      <c r="E35" s="9" t="s">
        <v>31</v>
      </c>
      <c r="F35" s="6">
        <v>2025156</v>
      </c>
      <c r="G35" s="6">
        <v>302653</v>
      </c>
      <c r="H35" s="6">
        <v>279351</v>
      </c>
      <c r="I35" s="6">
        <v>119262</v>
      </c>
      <c r="J35" s="6">
        <v>5404</v>
      </c>
      <c r="K35" s="6">
        <v>147975</v>
      </c>
      <c r="L35" s="6">
        <v>6710</v>
      </c>
      <c r="M35" s="6">
        <v>23302</v>
      </c>
      <c r="N35" s="6">
        <v>1468506</v>
      </c>
      <c r="O35" s="6">
        <v>7351</v>
      </c>
      <c r="P35" s="6">
        <v>1426893</v>
      </c>
      <c r="Q35" s="6">
        <v>34262</v>
      </c>
      <c r="R35" s="6">
        <v>253997</v>
      </c>
      <c r="S35" s="7">
        <v>17.08785</v>
      </c>
    </row>
    <row r="36" spans="1:19">
      <c r="A36" s="9" t="s">
        <v>27</v>
      </c>
      <c r="B36" s="9" t="s">
        <v>28</v>
      </c>
      <c r="C36" s="9" t="s">
        <v>29</v>
      </c>
      <c r="D36" s="9" t="s">
        <v>53</v>
      </c>
      <c r="E36" s="9" t="s">
        <v>32</v>
      </c>
      <c r="F36" s="6">
        <v>2291005</v>
      </c>
      <c r="G36" s="6">
        <v>1340966</v>
      </c>
      <c r="H36" s="6">
        <v>1254122</v>
      </c>
      <c r="I36" s="6">
        <v>936816</v>
      </c>
      <c r="J36" s="6">
        <v>16685</v>
      </c>
      <c r="K36" s="6">
        <v>275513</v>
      </c>
      <c r="L36" s="6">
        <v>25108</v>
      </c>
      <c r="M36" s="6">
        <v>86844</v>
      </c>
      <c r="N36" s="6">
        <v>520111</v>
      </c>
      <c r="O36" s="6">
        <v>13840</v>
      </c>
      <c r="P36" s="6">
        <v>459308</v>
      </c>
      <c r="Q36" s="6">
        <v>46963</v>
      </c>
      <c r="R36" s="6">
        <v>429928</v>
      </c>
      <c r="S36" s="7">
        <v>72.053229999999999</v>
      </c>
    </row>
    <row r="37" spans="1:19">
      <c r="A37" s="9" t="s">
        <v>27</v>
      </c>
      <c r="B37" s="9" t="s">
        <v>28</v>
      </c>
      <c r="C37" s="9" t="s">
        <v>29</v>
      </c>
      <c r="D37" s="9" t="s">
        <v>53</v>
      </c>
      <c r="E37" s="9" t="s">
        <v>33</v>
      </c>
      <c r="F37" s="6">
        <v>2337208</v>
      </c>
      <c r="G37" s="6">
        <v>1729985</v>
      </c>
      <c r="H37" s="6">
        <v>1638973</v>
      </c>
      <c r="I37" s="6">
        <v>1590741</v>
      </c>
      <c r="J37" s="6">
        <v>11650</v>
      </c>
      <c r="K37" s="6">
        <v>16995</v>
      </c>
      <c r="L37" s="6">
        <v>19587</v>
      </c>
      <c r="M37" s="6">
        <v>91012</v>
      </c>
      <c r="N37" s="6">
        <v>85718</v>
      </c>
      <c r="O37" s="6">
        <v>11375</v>
      </c>
      <c r="P37" s="6">
        <v>38690</v>
      </c>
      <c r="Q37" s="6">
        <v>35653</v>
      </c>
      <c r="R37" s="6">
        <v>521505</v>
      </c>
      <c r="S37" s="7">
        <v>95.279070000000004</v>
      </c>
    </row>
    <row r="38" spans="1:19">
      <c r="A38" s="9" t="s">
        <v>27</v>
      </c>
      <c r="B38" s="9" t="s">
        <v>28</v>
      </c>
      <c r="C38" s="9" t="s">
        <v>29</v>
      </c>
      <c r="D38" s="9" t="s">
        <v>53</v>
      </c>
      <c r="E38" s="9" t="s">
        <v>34</v>
      </c>
      <c r="F38" s="6">
        <v>2454389</v>
      </c>
      <c r="G38" s="6">
        <v>1890309</v>
      </c>
      <c r="H38" s="6">
        <v>1806924</v>
      </c>
      <c r="I38" s="6">
        <v>1767159</v>
      </c>
      <c r="J38" s="6">
        <v>12086</v>
      </c>
      <c r="K38" s="6">
        <v>5777</v>
      </c>
      <c r="L38" s="6">
        <v>21902</v>
      </c>
      <c r="M38" s="6">
        <v>83385</v>
      </c>
      <c r="N38" s="6">
        <v>60114</v>
      </c>
      <c r="O38" s="6">
        <v>14161</v>
      </c>
      <c r="P38" s="6">
        <v>8299</v>
      </c>
      <c r="Q38" s="6">
        <v>37654</v>
      </c>
      <c r="R38" s="6">
        <v>503966</v>
      </c>
      <c r="S38" s="7">
        <v>96.917900000000003</v>
      </c>
    </row>
    <row r="39" spans="1:19">
      <c r="A39" s="9" t="s">
        <v>27</v>
      </c>
      <c r="B39" s="9" t="s">
        <v>28</v>
      </c>
      <c r="C39" s="9" t="s">
        <v>29</v>
      </c>
      <c r="D39" s="9" t="s">
        <v>53</v>
      </c>
      <c r="E39" s="9" t="s">
        <v>35</v>
      </c>
      <c r="F39" s="6">
        <v>2697285</v>
      </c>
      <c r="G39" s="6">
        <v>2109016</v>
      </c>
      <c r="H39" s="6">
        <v>2024786</v>
      </c>
      <c r="I39" s="6">
        <v>1987206</v>
      </c>
      <c r="J39" s="6">
        <v>12448</v>
      </c>
      <c r="K39" s="6">
        <v>2438</v>
      </c>
      <c r="L39" s="6">
        <v>22694</v>
      </c>
      <c r="M39" s="6">
        <v>84230</v>
      </c>
      <c r="N39" s="6">
        <v>63605</v>
      </c>
      <c r="O39" s="6">
        <v>16828</v>
      </c>
      <c r="P39" s="6">
        <v>3039</v>
      </c>
      <c r="Q39" s="6">
        <v>43738</v>
      </c>
      <c r="R39" s="6">
        <v>524664</v>
      </c>
      <c r="S39" s="7">
        <v>97.072429999999997</v>
      </c>
    </row>
    <row r="40" spans="1:19">
      <c r="A40" s="9" t="s">
        <v>27</v>
      </c>
      <c r="B40" s="9" t="s">
        <v>28</v>
      </c>
      <c r="C40" s="9" t="s">
        <v>29</v>
      </c>
      <c r="D40" s="9" t="s">
        <v>53</v>
      </c>
      <c r="E40" s="9" t="s">
        <v>36</v>
      </c>
      <c r="F40" s="6">
        <v>3020633</v>
      </c>
      <c r="G40" s="6">
        <v>2412170</v>
      </c>
      <c r="H40" s="6">
        <v>2323296</v>
      </c>
      <c r="I40" s="6">
        <v>2282712</v>
      </c>
      <c r="J40" s="6">
        <v>13996</v>
      </c>
      <c r="K40" s="6">
        <v>1178</v>
      </c>
      <c r="L40" s="6">
        <v>25410</v>
      </c>
      <c r="M40" s="6">
        <v>88874</v>
      </c>
      <c r="N40" s="6">
        <v>75441</v>
      </c>
      <c r="O40" s="6">
        <v>20285</v>
      </c>
      <c r="P40" s="6">
        <v>1592</v>
      </c>
      <c r="Q40" s="6">
        <v>53564</v>
      </c>
      <c r="R40" s="6">
        <v>533022</v>
      </c>
      <c r="S40" s="7">
        <v>96.967330000000004</v>
      </c>
    </row>
    <row r="41" spans="1:19">
      <c r="A41" s="9" t="s">
        <v>27</v>
      </c>
      <c r="B41" s="9" t="s">
        <v>28</v>
      </c>
      <c r="C41" s="9" t="s">
        <v>29</v>
      </c>
      <c r="D41" s="9" t="s">
        <v>53</v>
      </c>
      <c r="E41" s="9" t="s">
        <v>37</v>
      </c>
      <c r="F41" s="6">
        <v>3531177</v>
      </c>
      <c r="G41" s="6">
        <v>2864251</v>
      </c>
      <c r="H41" s="6">
        <v>2759388</v>
      </c>
      <c r="I41" s="6">
        <v>2708619</v>
      </c>
      <c r="J41" s="6">
        <v>16419</v>
      </c>
      <c r="K41" s="6">
        <v>838</v>
      </c>
      <c r="L41" s="6">
        <v>33512</v>
      </c>
      <c r="M41" s="6">
        <v>104863</v>
      </c>
      <c r="N41" s="6">
        <v>102492</v>
      </c>
      <c r="O41" s="6">
        <v>28329</v>
      </c>
      <c r="P41" s="6">
        <v>1213</v>
      </c>
      <c r="Q41" s="6">
        <v>72950</v>
      </c>
      <c r="R41" s="6">
        <v>564434</v>
      </c>
      <c r="S41" s="7">
        <v>96.545299999999997</v>
      </c>
    </row>
    <row r="42" spans="1:19">
      <c r="A42" s="9" t="s">
        <v>27</v>
      </c>
      <c r="B42" s="9" t="s">
        <v>28</v>
      </c>
      <c r="C42" s="9" t="s">
        <v>29</v>
      </c>
      <c r="D42" s="9" t="s">
        <v>53</v>
      </c>
      <c r="E42" s="9" t="s">
        <v>38</v>
      </c>
      <c r="F42" s="6">
        <v>3116160</v>
      </c>
      <c r="G42" s="6">
        <v>2542233</v>
      </c>
      <c r="H42" s="6">
        <v>2444972</v>
      </c>
      <c r="I42" s="6">
        <v>2391802</v>
      </c>
      <c r="J42" s="6">
        <v>16938</v>
      </c>
      <c r="K42" s="6">
        <v>540</v>
      </c>
      <c r="L42" s="6">
        <v>35692</v>
      </c>
      <c r="M42" s="6">
        <v>97261</v>
      </c>
      <c r="N42" s="6">
        <v>110060</v>
      </c>
      <c r="O42" s="6">
        <v>31941</v>
      </c>
      <c r="P42" s="6">
        <v>745</v>
      </c>
      <c r="Q42" s="6">
        <v>77374</v>
      </c>
      <c r="R42" s="6">
        <v>463867</v>
      </c>
      <c r="S42" s="7">
        <v>95.850380000000001</v>
      </c>
    </row>
    <row r="43" spans="1:19">
      <c r="A43" s="9" t="s">
        <v>27</v>
      </c>
      <c r="B43" s="9" t="s">
        <v>28</v>
      </c>
      <c r="C43" s="9" t="s">
        <v>29</v>
      </c>
      <c r="D43" s="9" t="s">
        <v>53</v>
      </c>
      <c r="E43" s="9" t="s">
        <v>39</v>
      </c>
      <c r="F43" s="6">
        <v>2704275</v>
      </c>
      <c r="G43" s="6">
        <v>2248771</v>
      </c>
      <c r="H43" s="6">
        <v>2161091</v>
      </c>
      <c r="I43" s="6">
        <v>2103561</v>
      </c>
      <c r="J43" s="6">
        <v>18734</v>
      </c>
      <c r="K43" s="6">
        <v>416</v>
      </c>
      <c r="L43" s="6">
        <v>38380</v>
      </c>
      <c r="M43" s="6">
        <v>87680</v>
      </c>
      <c r="N43" s="6">
        <v>130081</v>
      </c>
      <c r="O43" s="6">
        <v>38327</v>
      </c>
      <c r="P43" s="6">
        <v>617</v>
      </c>
      <c r="Q43" s="6">
        <v>91137</v>
      </c>
      <c r="R43" s="6">
        <v>325423</v>
      </c>
      <c r="S43" s="7">
        <v>94.531769999999995</v>
      </c>
    </row>
    <row r="44" spans="1:19">
      <c r="A44" s="9" t="s">
        <v>27</v>
      </c>
      <c r="B44" s="9" t="s">
        <v>28</v>
      </c>
      <c r="C44" s="9" t="s">
        <v>29</v>
      </c>
      <c r="D44" s="9" t="s">
        <v>53</v>
      </c>
      <c r="E44" s="9" t="s">
        <v>40</v>
      </c>
      <c r="F44" s="6">
        <v>2323739</v>
      </c>
      <c r="G44" s="6">
        <v>1830751</v>
      </c>
      <c r="H44" s="6">
        <v>1740234</v>
      </c>
      <c r="I44" s="6">
        <v>1666945</v>
      </c>
      <c r="J44" s="6">
        <v>32670</v>
      </c>
      <c r="K44" s="6">
        <v>346</v>
      </c>
      <c r="L44" s="6">
        <v>40273</v>
      </c>
      <c r="M44" s="6">
        <v>90517</v>
      </c>
      <c r="N44" s="6">
        <v>278781</v>
      </c>
      <c r="O44" s="6">
        <v>67969</v>
      </c>
      <c r="P44" s="6">
        <v>640</v>
      </c>
      <c r="Q44" s="6">
        <v>210172</v>
      </c>
      <c r="R44" s="6">
        <v>214207</v>
      </c>
      <c r="S44" s="7">
        <v>86.784700000000001</v>
      </c>
    </row>
    <row r="45" spans="1:19">
      <c r="A45" s="9" t="s">
        <v>27</v>
      </c>
      <c r="B45" s="9" t="s">
        <v>28</v>
      </c>
      <c r="C45" s="9" t="s">
        <v>29</v>
      </c>
      <c r="D45" s="9" t="s">
        <v>53</v>
      </c>
      <c r="E45" s="9" t="s">
        <v>41</v>
      </c>
      <c r="F45" s="6">
        <v>2418826</v>
      </c>
      <c r="G45" s="6">
        <v>1397094</v>
      </c>
      <c r="H45" s="6">
        <v>1320037</v>
      </c>
      <c r="I45" s="6">
        <v>1183125</v>
      </c>
      <c r="J45" s="6">
        <v>78284</v>
      </c>
      <c r="K45" s="6">
        <v>370</v>
      </c>
      <c r="L45" s="6">
        <v>58258</v>
      </c>
      <c r="M45" s="6">
        <v>77057</v>
      </c>
      <c r="N45" s="6">
        <v>828769</v>
      </c>
      <c r="O45" s="6">
        <v>135319</v>
      </c>
      <c r="P45" s="6">
        <v>402</v>
      </c>
      <c r="Q45" s="6">
        <v>693048</v>
      </c>
      <c r="R45" s="6">
        <v>192963</v>
      </c>
      <c r="S45" s="7">
        <v>62.766399999999997</v>
      </c>
    </row>
    <row r="46" spans="1:19">
      <c r="A46" s="9" t="s">
        <v>27</v>
      </c>
      <c r="B46" s="9" t="s">
        <v>28</v>
      </c>
      <c r="C46" s="9" t="s">
        <v>29</v>
      </c>
      <c r="D46" s="9" t="s">
        <v>53</v>
      </c>
      <c r="E46" s="9" t="s">
        <v>42</v>
      </c>
      <c r="F46" s="6">
        <v>2681509</v>
      </c>
      <c r="G46" s="6">
        <v>1057194</v>
      </c>
      <c r="H46" s="6">
        <v>1016611</v>
      </c>
      <c r="I46" s="6">
        <v>852467</v>
      </c>
      <c r="J46" s="6">
        <v>92190</v>
      </c>
      <c r="K46" s="6">
        <v>243</v>
      </c>
      <c r="L46" s="6">
        <v>71711</v>
      </c>
      <c r="M46" s="6">
        <v>40583</v>
      </c>
      <c r="N46" s="6">
        <v>1394489</v>
      </c>
      <c r="O46" s="6">
        <v>177356</v>
      </c>
      <c r="P46" s="6">
        <v>306</v>
      </c>
      <c r="Q46" s="6">
        <v>1216827</v>
      </c>
      <c r="R46" s="6">
        <v>229826</v>
      </c>
      <c r="S46" s="7">
        <v>43.12115</v>
      </c>
    </row>
    <row r="47" spans="1:19">
      <c r="A47" s="9" t="s">
        <v>27</v>
      </c>
      <c r="B47" s="9" t="s">
        <v>28</v>
      </c>
      <c r="C47" s="9" t="s">
        <v>29</v>
      </c>
      <c r="D47" s="9" t="s">
        <v>53</v>
      </c>
      <c r="E47" s="9" t="s">
        <v>43</v>
      </c>
      <c r="F47" s="6">
        <v>2010222</v>
      </c>
      <c r="G47" s="6">
        <v>457028</v>
      </c>
      <c r="H47" s="6">
        <v>442366</v>
      </c>
      <c r="I47" s="6">
        <v>341822</v>
      </c>
      <c r="J47" s="6">
        <v>53678</v>
      </c>
      <c r="K47" s="6">
        <v>173</v>
      </c>
      <c r="L47" s="6">
        <v>46693</v>
      </c>
      <c r="M47" s="6">
        <v>14662</v>
      </c>
      <c r="N47" s="6">
        <v>1341678</v>
      </c>
      <c r="O47" s="6">
        <v>158973</v>
      </c>
      <c r="P47" s="6">
        <v>291</v>
      </c>
      <c r="Q47" s="6">
        <v>1182414</v>
      </c>
      <c r="R47" s="6">
        <v>211516</v>
      </c>
      <c r="S47" s="7">
        <v>25.408709999999999</v>
      </c>
    </row>
    <row r="48" spans="1:19">
      <c r="A48" s="9" t="s">
        <v>27</v>
      </c>
      <c r="B48" s="9" t="s">
        <v>28</v>
      </c>
      <c r="C48" s="9" t="s">
        <v>29</v>
      </c>
      <c r="D48" s="9" t="s">
        <v>53</v>
      </c>
      <c r="E48" s="9" t="s">
        <v>44</v>
      </c>
      <c r="F48" s="6">
        <v>1397965</v>
      </c>
      <c r="G48" s="6">
        <v>178519</v>
      </c>
      <c r="H48" s="6">
        <v>174185</v>
      </c>
      <c r="I48" s="6">
        <v>122589</v>
      </c>
      <c r="J48" s="6">
        <v>24354</v>
      </c>
      <c r="K48" s="6">
        <v>114</v>
      </c>
      <c r="L48" s="6">
        <v>27128</v>
      </c>
      <c r="M48" s="6">
        <v>4334</v>
      </c>
      <c r="N48" s="6">
        <v>1044045</v>
      </c>
      <c r="O48" s="6">
        <v>112795</v>
      </c>
      <c r="P48" s="6">
        <v>235</v>
      </c>
      <c r="Q48" s="6">
        <v>931015</v>
      </c>
      <c r="R48" s="6">
        <v>175401</v>
      </c>
      <c r="S48" s="7">
        <v>14.60202</v>
      </c>
    </row>
    <row r="49" spans="1:19">
      <c r="A49" s="9" t="s">
        <v>27</v>
      </c>
      <c r="B49" s="9" t="s">
        <v>28</v>
      </c>
      <c r="C49" s="9" t="s">
        <v>29</v>
      </c>
      <c r="D49" s="9" t="s">
        <v>53</v>
      </c>
      <c r="E49" s="9" t="s">
        <v>45</v>
      </c>
      <c r="F49" s="6">
        <v>794910</v>
      </c>
      <c r="G49" s="6">
        <v>61057</v>
      </c>
      <c r="H49" s="6">
        <v>59958</v>
      </c>
      <c r="I49" s="6">
        <v>38938</v>
      </c>
      <c r="J49" s="6">
        <v>9064</v>
      </c>
      <c r="K49" s="6">
        <v>53</v>
      </c>
      <c r="L49" s="6">
        <v>11903</v>
      </c>
      <c r="M49" s="6">
        <v>1099</v>
      </c>
      <c r="N49" s="6">
        <v>633592</v>
      </c>
      <c r="O49" s="6">
        <v>56663</v>
      </c>
      <c r="P49" s="6">
        <v>83</v>
      </c>
      <c r="Q49" s="6">
        <v>576846</v>
      </c>
      <c r="R49" s="6">
        <v>100261</v>
      </c>
      <c r="S49" s="7">
        <v>8.7896199999999993</v>
      </c>
    </row>
    <row r="50" spans="1:19">
      <c r="A50" s="9" t="s">
        <v>27</v>
      </c>
      <c r="B50" s="9" t="s">
        <v>28</v>
      </c>
      <c r="C50" s="9" t="s">
        <v>29</v>
      </c>
      <c r="D50" s="9" t="s">
        <v>53</v>
      </c>
      <c r="E50" s="9" t="s">
        <v>46</v>
      </c>
      <c r="F50" s="6">
        <v>280661</v>
      </c>
      <c r="G50" s="6">
        <v>14139</v>
      </c>
      <c r="H50" s="6">
        <v>13880</v>
      </c>
      <c r="I50" s="6">
        <v>8558</v>
      </c>
      <c r="J50" s="6">
        <v>2229</v>
      </c>
      <c r="K50" s="6">
        <v>18</v>
      </c>
      <c r="L50" s="6">
        <v>3075</v>
      </c>
      <c r="M50" s="6">
        <v>259</v>
      </c>
      <c r="N50" s="6">
        <v>236716</v>
      </c>
      <c r="O50" s="6">
        <v>15459</v>
      </c>
      <c r="P50" s="6">
        <v>26</v>
      </c>
      <c r="Q50" s="6">
        <v>221231</v>
      </c>
      <c r="R50" s="6">
        <v>29806</v>
      </c>
      <c r="S50" s="7">
        <v>5.6363200000000004</v>
      </c>
    </row>
    <row r="51" spans="1:19">
      <c r="A51" s="9" t="s">
        <v>27</v>
      </c>
      <c r="B51" s="9" t="s">
        <v>28</v>
      </c>
      <c r="C51" s="9" t="s">
        <v>29</v>
      </c>
      <c r="D51" s="9" t="s">
        <v>53</v>
      </c>
      <c r="E51" s="9" t="s">
        <v>47</v>
      </c>
      <c r="F51" s="6">
        <v>55226</v>
      </c>
      <c r="G51" s="6">
        <v>1685</v>
      </c>
      <c r="H51" s="6">
        <v>1650</v>
      </c>
      <c r="I51" s="6">
        <v>1022</v>
      </c>
      <c r="J51" s="6">
        <v>255</v>
      </c>
      <c r="K51" s="6">
        <v>2</v>
      </c>
      <c r="L51" s="6">
        <v>371</v>
      </c>
      <c r="M51" s="6">
        <v>35</v>
      </c>
      <c r="N51" s="6">
        <v>49077</v>
      </c>
      <c r="O51" s="6">
        <v>1996</v>
      </c>
      <c r="P51" s="6">
        <v>2</v>
      </c>
      <c r="Q51" s="6">
        <v>47079</v>
      </c>
      <c r="R51" s="6">
        <v>4464</v>
      </c>
      <c r="S51" s="7">
        <v>3.31941</v>
      </c>
    </row>
    <row r="52" spans="1:19">
      <c r="A52" s="9" t="s">
        <v>27</v>
      </c>
      <c r="B52" s="9" t="s">
        <v>28</v>
      </c>
      <c r="C52" s="9" t="s">
        <v>29</v>
      </c>
      <c r="D52" s="9" t="s">
        <v>53</v>
      </c>
      <c r="E52" s="9" t="s">
        <v>48</v>
      </c>
      <c r="F52" s="6">
        <v>26501027</v>
      </c>
      <c r="G52" s="6">
        <v>19271105</v>
      </c>
      <c r="H52" s="6">
        <v>18433137</v>
      </c>
      <c r="I52" s="6">
        <v>17554823</v>
      </c>
      <c r="J52" s="6">
        <v>157030</v>
      </c>
      <c r="K52" s="6">
        <v>452016</v>
      </c>
      <c r="L52" s="6">
        <v>269268</v>
      </c>
      <c r="M52" s="6">
        <v>837968</v>
      </c>
      <c r="N52" s="6">
        <v>2894909</v>
      </c>
      <c r="O52" s="6">
        <v>250406</v>
      </c>
      <c r="P52" s="6">
        <v>1941036</v>
      </c>
      <c r="Q52" s="6">
        <v>703467</v>
      </c>
      <c r="R52" s="6">
        <v>4335013</v>
      </c>
      <c r="S52" s="7">
        <v>86.939880000000002</v>
      </c>
    </row>
    <row r="53" spans="1:19">
      <c r="A53" s="9" t="s">
        <v>27</v>
      </c>
      <c r="B53" s="9" t="s">
        <v>28</v>
      </c>
      <c r="C53" s="9" t="s">
        <v>29</v>
      </c>
      <c r="D53" s="9" t="s">
        <v>53</v>
      </c>
      <c r="E53" s="9" t="s">
        <v>49</v>
      </c>
      <c r="F53" s="6">
        <v>9639319</v>
      </c>
      <c r="G53" s="6">
        <v>3166716</v>
      </c>
      <c r="H53" s="6">
        <v>3028687</v>
      </c>
      <c r="I53" s="6">
        <v>2548521</v>
      </c>
      <c r="J53" s="6">
        <v>260054</v>
      </c>
      <c r="K53" s="6">
        <v>973</v>
      </c>
      <c r="L53" s="6">
        <v>219139</v>
      </c>
      <c r="M53" s="6">
        <v>138029</v>
      </c>
      <c r="N53" s="6">
        <v>5528366</v>
      </c>
      <c r="O53" s="6">
        <v>658561</v>
      </c>
      <c r="P53" s="6">
        <v>1345</v>
      </c>
      <c r="Q53" s="6">
        <v>4868460</v>
      </c>
      <c r="R53" s="6">
        <v>944237</v>
      </c>
      <c r="S53" s="7">
        <v>36.419620000000002</v>
      </c>
    </row>
    <row r="54" spans="1:19">
      <c r="A54" s="9" t="s">
        <v>27</v>
      </c>
      <c r="B54" s="9" t="s">
        <v>28</v>
      </c>
      <c r="C54" s="9" t="s">
        <v>29</v>
      </c>
      <c r="D54" s="9" t="s">
        <v>53</v>
      </c>
      <c r="E54" s="9" t="s">
        <v>50</v>
      </c>
      <c r="F54" s="6">
        <v>4538984</v>
      </c>
      <c r="G54" s="6">
        <v>712428</v>
      </c>
      <c r="H54" s="6">
        <v>692039</v>
      </c>
      <c r="I54" s="6">
        <v>512929</v>
      </c>
      <c r="J54" s="6">
        <v>89580</v>
      </c>
      <c r="K54" s="6">
        <v>360</v>
      </c>
      <c r="L54" s="6">
        <v>89170</v>
      </c>
      <c r="M54" s="6">
        <v>20389</v>
      </c>
      <c r="N54" s="6">
        <v>3305108</v>
      </c>
      <c r="O54" s="6">
        <v>345886</v>
      </c>
      <c r="P54" s="6">
        <v>637</v>
      </c>
      <c r="Q54" s="6">
        <v>2958585</v>
      </c>
      <c r="R54" s="6">
        <v>521448</v>
      </c>
      <c r="S54" s="7">
        <v>17.732959999999999</v>
      </c>
    </row>
    <row r="55" spans="1:19">
      <c r="A55" s="9" t="s">
        <v>27</v>
      </c>
      <c r="B55" s="9" t="s">
        <v>28</v>
      </c>
      <c r="C55" s="9" t="s">
        <v>29</v>
      </c>
      <c r="D55" s="9" t="s">
        <v>53</v>
      </c>
      <c r="E55" s="9" t="s">
        <v>51</v>
      </c>
      <c r="F55" s="6">
        <v>1130797</v>
      </c>
      <c r="G55" s="6">
        <v>76881</v>
      </c>
      <c r="H55" s="6">
        <v>75488</v>
      </c>
      <c r="I55" s="6">
        <v>48518</v>
      </c>
      <c r="J55" s="6">
        <v>11548</v>
      </c>
      <c r="K55" s="6">
        <v>73</v>
      </c>
      <c r="L55" s="6">
        <v>15349</v>
      </c>
      <c r="M55" s="6">
        <v>1393</v>
      </c>
      <c r="N55" s="6">
        <v>919385</v>
      </c>
      <c r="O55" s="6">
        <v>74118</v>
      </c>
      <c r="P55" s="6">
        <v>111</v>
      </c>
      <c r="Q55" s="6">
        <v>845156</v>
      </c>
      <c r="R55" s="6">
        <v>134531</v>
      </c>
      <c r="S55" s="7">
        <v>7.7169100000000004</v>
      </c>
    </row>
    <row r="56" spans="1:19">
      <c r="A56" s="9" t="s">
        <v>27</v>
      </c>
      <c r="B56" s="9" t="s">
        <v>28</v>
      </c>
      <c r="C56" s="9" t="s">
        <v>29</v>
      </c>
      <c r="D56" s="9" t="s">
        <v>53</v>
      </c>
      <c r="E56" s="9" t="s">
        <v>52</v>
      </c>
      <c r="F56" s="6">
        <v>26894697</v>
      </c>
      <c r="G56" s="6">
        <v>20365546</v>
      </c>
      <c r="H56" s="6">
        <v>19473823</v>
      </c>
      <c r="I56" s="6">
        <v>18618686</v>
      </c>
      <c r="J56" s="6">
        <v>229910</v>
      </c>
      <c r="K56" s="6">
        <v>304411</v>
      </c>
      <c r="L56" s="6">
        <v>320816</v>
      </c>
      <c r="M56" s="6">
        <v>891723</v>
      </c>
      <c r="N56" s="6">
        <v>2255172</v>
      </c>
      <c r="O56" s="6">
        <v>378374</v>
      </c>
      <c r="P56" s="6">
        <v>514545</v>
      </c>
      <c r="Q56" s="6">
        <v>1362253</v>
      </c>
      <c r="R56" s="6">
        <v>4273979</v>
      </c>
      <c r="S56" s="7">
        <v>90.030500000000004</v>
      </c>
    </row>
    <row r="57" spans="1:19">
      <c r="A57" s="9" t="s">
        <v>27</v>
      </c>
      <c r="B57" s="9" t="s">
        <v>28</v>
      </c>
      <c r="C57" s="9" t="s">
        <v>29</v>
      </c>
      <c r="D57" s="9" t="s">
        <v>54</v>
      </c>
      <c r="E57" s="9" t="s">
        <v>30</v>
      </c>
      <c r="F57" s="6">
        <v>38929176</v>
      </c>
      <c r="G57" s="6">
        <v>18572309</v>
      </c>
      <c r="H57" s="6">
        <v>17927976</v>
      </c>
      <c r="I57" s="6">
        <v>12493893</v>
      </c>
      <c r="J57" s="6">
        <v>4396021</v>
      </c>
      <c r="K57" s="6">
        <v>469978</v>
      </c>
      <c r="L57" s="6">
        <v>568084</v>
      </c>
      <c r="M57" s="6">
        <v>644333</v>
      </c>
      <c r="N57" s="6">
        <v>15504465</v>
      </c>
      <c r="O57" s="6">
        <v>8147245</v>
      </c>
      <c r="P57" s="6">
        <v>1804296</v>
      </c>
      <c r="Q57" s="6">
        <v>5552924</v>
      </c>
      <c r="R57" s="6">
        <v>4852402</v>
      </c>
      <c r="S57" s="7">
        <v>54.501370000000001</v>
      </c>
    </row>
    <row r="58" spans="1:19">
      <c r="A58" s="9" t="s">
        <v>27</v>
      </c>
      <c r="B58" s="9" t="s">
        <v>28</v>
      </c>
      <c r="C58" s="9" t="s">
        <v>29</v>
      </c>
      <c r="D58" s="9" t="s">
        <v>54</v>
      </c>
      <c r="E58" s="9" t="s">
        <v>31</v>
      </c>
      <c r="F58" s="6">
        <v>1947983</v>
      </c>
      <c r="G58" s="6">
        <v>303828</v>
      </c>
      <c r="H58" s="6">
        <v>287260</v>
      </c>
      <c r="I58" s="6">
        <v>78569</v>
      </c>
      <c r="J58" s="6">
        <v>9230</v>
      </c>
      <c r="K58" s="6">
        <v>192371</v>
      </c>
      <c r="L58" s="6">
        <v>7090</v>
      </c>
      <c r="M58" s="6">
        <v>16568</v>
      </c>
      <c r="N58" s="6">
        <v>1400506</v>
      </c>
      <c r="O58" s="6">
        <v>14087</v>
      </c>
      <c r="P58" s="6">
        <v>1363564</v>
      </c>
      <c r="Q58" s="6">
        <v>22855</v>
      </c>
      <c r="R58" s="6">
        <v>243649</v>
      </c>
      <c r="S58" s="7">
        <v>17.826789999999999</v>
      </c>
    </row>
    <row r="59" spans="1:19">
      <c r="A59" s="9" t="s">
        <v>27</v>
      </c>
      <c r="B59" s="9" t="s">
        <v>28</v>
      </c>
      <c r="C59" s="9" t="s">
        <v>29</v>
      </c>
      <c r="D59" s="9" t="s">
        <v>54</v>
      </c>
      <c r="E59" s="9" t="s">
        <v>32</v>
      </c>
      <c r="F59" s="6">
        <v>2251261</v>
      </c>
      <c r="G59" s="6">
        <v>1370431</v>
      </c>
      <c r="H59" s="6">
        <v>1299707</v>
      </c>
      <c r="I59" s="6">
        <v>970749</v>
      </c>
      <c r="J59" s="6">
        <v>44182</v>
      </c>
      <c r="K59" s="6">
        <v>251382</v>
      </c>
      <c r="L59" s="6">
        <v>33394</v>
      </c>
      <c r="M59" s="6">
        <v>70724</v>
      </c>
      <c r="N59" s="6">
        <v>491845</v>
      </c>
      <c r="O59" s="6">
        <v>69376</v>
      </c>
      <c r="P59" s="6">
        <v>392509</v>
      </c>
      <c r="Q59" s="6">
        <v>29960</v>
      </c>
      <c r="R59" s="6">
        <v>388985</v>
      </c>
      <c r="S59" s="7">
        <v>73.589039999999997</v>
      </c>
    </row>
    <row r="60" spans="1:19">
      <c r="A60" s="9" t="s">
        <v>27</v>
      </c>
      <c r="B60" s="9" t="s">
        <v>28</v>
      </c>
      <c r="C60" s="9" t="s">
        <v>29</v>
      </c>
      <c r="D60" s="9" t="s">
        <v>54</v>
      </c>
      <c r="E60" s="9" t="s">
        <v>33</v>
      </c>
      <c r="F60" s="6">
        <v>2300478</v>
      </c>
      <c r="G60" s="6">
        <v>1615703</v>
      </c>
      <c r="H60" s="6">
        <v>1539575</v>
      </c>
      <c r="I60" s="6">
        <v>1361352</v>
      </c>
      <c r="J60" s="6">
        <v>94277</v>
      </c>
      <c r="K60" s="6">
        <v>12031</v>
      </c>
      <c r="L60" s="6">
        <v>71915</v>
      </c>
      <c r="M60" s="6">
        <v>76128</v>
      </c>
      <c r="N60" s="6">
        <v>245989</v>
      </c>
      <c r="O60" s="6">
        <v>198198</v>
      </c>
      <c r="P60" s="6">
        <v>25145</v>
      </c>
      <c r="Q60" s="6">
        <v>22646</v>
      </c>
      <c r="R60" s="6">
        <v>438786</v>
      </c>
      <c r="S60" s="7">
        <v>86.786799999999999</v>
      </c>
    </row>
    <row r="61" spans="1:19">
      <c r="A61" s="9" t="s">
        <v>27</v>
      </c>
      <c r="B61" s="9" t="s">
        <v>28</v>
      </c>
      <c r="C61" s="9" t="s">
        <v>29</v>
      </c>
      <c r="D61" s="9" t="s">
        <v>54</v>
      </c>
      <c r="E61" s="9" t="s">
        <v>34</v>
      </c>
      <c r="F61" s="6">
        <v>2407080</v>
      </c>
      <c r="G61" s="6">
        <v>1552495</v>
      </c>
      <c r="H61" s="6">
        <v>1488887</v>
      </c>
      <c r="I61" s="6">
        <v>1183347</v>
      </c>
      <c r="J61" s="6">
        <v>187492</v>
      </c>
      <c r="K61" s="6">
        <v>4694</v>
      </c>
      <c r="L61" s="6">
        <v>113354</v>
      </c>
      <c r="M61" s="6">
        <v>63608</v>
      </c>
      <c r="N61" s="6">
        <v>427069</v>
      </c>
      <c r="O61" s="6">
        <v>393769</v>
      </c>
      <c r="P61" s="6">
        <v>8012</v>
      </c>
      <c r="Q61" s="6">
        <v>25288</v>
      </c>
      <c r="R61" s="6">
        <v>427516</v>
      </c>
      <c r="S61" s="7">
        <v>78.426109999999994</v>
      </c>
    </row>
    <row r="62" spans="1:19">
      <c r="A62" s="9" t="s">
        <v>27</v>
      </c>
      <c r="B62" s="9" t="s">
        <v>28</v>
      </c>
      <c r="C62" s="9" t="s">
        <v>29</v>
      </c>
      <c r="D62" s="9" t="s">
        <v>54</v>
      </c>
      <c r="E62" s="9" t="s">
        <v>35</v>
      </c>
      <c r="F62" s="6">
        <v>2668332</v>
      </c>
      <c r="G62" s="6">
        <v>1699531</v>
      </c>
      <c r="H62" s="6">
        <v>1640472</v>
      </c>
      <c r="I62" s="6">
        <v>1231582</v>
      </c>
      <c r="J62" s="6">
        <v>321377</v>
      </c>
      <c r="K62" s="6">
        <v>2552</v>
      </c>
      <c r="L62" s="6">
        <v>84961</v>
      </c>
      <c r="M62" s="6">
        <v>59059</v>
      </c>
      <c r="N62" s="6">
        <v>522660</v>
      </c>
      <c r="O62" s="6">
        <v>490034</v>
      </c>
      <c r="P62" s="6">
        <v>4366</v>
      </c>
      <c r="Q62" s="6">
        <v>28260</v>
      </c>
      <c r="R62" s="6">
        <v>446141</v>
      </c>
      <c r="S62" s="7">
        <v>76.479969999999994</v>
      </c>
    </row>
    <row r="63" spans="1:19">
      <c r="A63" s="9" t="s">
        <v>27</v>
      </c>
      <c r="B63" s="9" t="s">
        <v>28</v>
      </c>
      <c r="C63" s="9" t="s">
        <v>29</v>
      </c>
      <c r="D63" s="9" t="s">
        <v>54</v>
      </c>
      <c r="E63" s="9" t="s">
        <v>36</v>
      </c>
      <c r="F63" s="6">
        <v>3003593</v>
      </c>
      <c r="G63" s="6">
        <v>2017720</v>
      </c>
      <c r="H63" s="6">
        <v>1953918</v>
      </c>
      <c r="I63" s="6">
        <v>1420796</v>
      </c>
      <c r="J63" s="6">
        <v>488817</v>
      </c>
      <c r="K63" s="6">
        <v>2069</v>
      </c>
      <c r="L63" s="6">
        <v>42236</v>
      </c>
      <c r="M63" s="6">
        <v>63802</v>
      </c>
      <c r="N63" s="6">
        <v>533621</v>
      </c>
      <c r="O63" s="6">
        <v>497721</v>
      </c>
      <c r="P63" s="6">
        <v>3199</v>
      </c>
      <c r="Q63" s="6">
        <v>32701</v>
      </c>
      <c r="R63" s="6">
        <v>452252</v>
      </c>
      <c r="S63" s="7">
        <v>79.084689999999995</v>
      </c>
    </row>
    <row r="64" spans="1:19">
      <c r="A64" s="9" t="s">
        <v>27</v>
      </c>
      <c r="B64" s="9" t="s">
        <v>28</v>
      </c>
      <c r="C64" s="9" t="s">
        <v>29</v>
      </c>
      <c r="D64" s="9" t="s">
        <v>54</v>
      </c>
      <c r="E64" s="9" t="s">
        <v>37</v>
      </c>
      <c r="F64" s="6">
        <v>3524880</v>
      </c>
      <c r="G64" s="6">
        <v>2462731</v>
      </c>
      <c r="H64" s="6">
        <v>2382883</v>
      </c>
      <c r="I64" s="6">
        <v>1685080</v>
      </c>
      <c r="J64" s="6">
        <v>663655</v>
      </c>
      <c r="K64" s="6">
        <v>1751</v>
      </c>
      <c r="L64" s="6">
        <v>32397</v>
      </c>
      <c r="M64" s="6">
        <v>79848</v>
      </c>
      <c r="N64" s="6">
        <v>590829</v>
      </c>
      <c r="O64" s="6">
        <v>542421</v>
      </c>
      <c r="P64" s="6">
        <v>2304</v>
      </c>
      <c r="Q64" s="6">
        <v>46104</v>
      </c>
      <c r="R64" s="6">
        <v>471320</v>
      </c>
      <c r="S64" s="7">
        <v>80.651139999999998</v>
      </c>
    </row>
    <row r="65" spans="1:19">
      <c r="A65" s="9" t="s">
        <v>27</v>
      </c>
      <c r="B65" s="9" t="s">
        <v>28</v>
      </c>
      <c r="C65" s="9" t="s">
        <v>29</v>
      </c>
      <c r="D65" s="9" t="s">
        <v>54</v>
      </c>
      <c r="E65" s="9" t="s">
        <v>38</v>
      </c>
      <c r="F65" s="6">
        <v>3113025</v>
      </c>
      <c r="G65" s="6">
        <v>2172280</v>
      </c>
      <c r="H65" s="6">
        <v>2101166</v>
      </c>
      <c r="I65" s="6">
        <v>1463194</v>
      </c>
      <c r="J65" s="6">
        <v>605442</v>
      </c>
      <c r="K65" s="6">
        <v>1101</v>
      </c>
      <c r="L65" s="6">
        <v>31429</v>
      </c>
      <c r="M65" s="6">
        <v>71114</v>
      </c>
      <c r="N65" s="6">
        <v>578601</v>
      </c>
      <c r="O65" s="6">
        <v>528145</v>
      </c>
      <c r="P65" s="6">
        <v>1431</v>
      </c>
      <c r="Q65" s="6">
        <v>49025</v>
      </c>
      <c r="R65" s="6">
        <v>362144</v>
      </c>
      <c r="S65" s="7">
        <v>78.966700000000003</v>
      </c>
    </row>
    <row r="66" spans="1:19">
      <c r="A66" s="9" t="s">
        <v>27</v>
      </c>
      <c r="B66" s="9" t="s">
        <v>28</v>
      </c>
      <c r="C66" s="9" t="s">
        <v>29</v>
      </c>
      <c r="D66" s="9" t="s">
        <v>54</v>
      </c>
      <c r="E66" s="9" t="s">
        <v>39</v>
      </c>
      <c r="F66" s="6">
        <v>2718245</v>
      </c>
      <c r="G66" s="6">
        <v>1831065</v>
      </c>
      <c r="H66" s="6">
        <v>1774216</v>
      </c>
      <c r="I66" s="6">
        <v>1218344</v>
      </c>
      <c r="J66" s="6">
        <v>525860</v>
      </c>
      <c r="K66" s="6">
        <v>643</v>
      </c>
      <c r="L66" s="6">
        <v>29369</v>
      </c>
      <c r="M66" s="6">
        <v>56849</v>
      </c>
      <c r="N66" s="6">
        <v>647994</v>
      </c>
      <c r="O66" s="6">
        <v>588274</v>
      </c>
      <c r="P66" s="6">
        <v>865</v>
      </c>
      <c r="Q66" s="6">
        <v>58855</v>
      </c>
      <c r="R66" s="6">
        <v>239186</v>
      </c>
      <c r="S66" s="7">
        <v>73.861289999999997</v>
      </c>
    </row>
    <row r="67" spans="1:19">
      <c r="A67" s="9" t="s">
        <v>27</v>
      </c>
      <c r="B67" s="9" t="s">
        <v>28</v>
      </c>
      <c r="C67" s="9" t="s">
        <v>29</v>
      </c>
      <c r="D67" s="9" t="s">
        <v>54</v>
      </c>
      <c r="E67" s="9" t="s">
        <v>40</v>
      </c>
      <c r="F67" s="6">
        <v>2400412</v>
      </c>
      <c r="G67" s="6">
        <v>1357336</v>
      </c>
      <c r="H67" s="6">
        <v>1313128</v>
      </c>
      <c r="I67" s="6">
        <v>835635</v>
      </c>
      <c r="J67" s="6">
        <v>451034</v>
      </c>
      <c r="K67" s="6">
        <v>422</v>
      </c>
      <c r="L67" s="6">
        <v>26037</v>
      </c>
      <c r="M67" s="6">
        <v>44208</v>
      </c>
      <c r="N67" s="6">
        <v>884864</v>
      </c>
      <c r="O67" s="6">
        <v>737777</v>
      </c>
      <c r="P67" s="6">
        <v>541</v>
      </c>
      <c r="Q67" s="6">
        <v>146546</v>
      </c>
      <c r="R67" s="6">
        <v>158212</v>
      </c>
      <c r="S67" s="7">
        <v>60.535899999999998</v>
      </c>
    </row>
    <row r="68" spans="1:19">
      <c r="A68" s="9" t="s">
        <v>27</v>
      </c>
      <c r="B68" s="9" t="s">
        <v>28</v>
      </c>
      <c r="C68" s="9" t="s">
        <v>29</v>
      </c>
      <c r="D68" s="9" t="s">
        <v>54</v>
      </c>
      <c r="E68" s="9" t="s">
        <v>41</v>
      </c>
      <c r="F68" s="6">
        <v>2627970</v>
      </c>
      <c r="G68" s="6">
        <v>971084</v>
      </c>
      <c r="H68" s="6">
        <v>947087</v>
      </c>
      <c r="I68" s="6">
        <v>506311</v>
      </c>
      <c r="J68" s="6">
        <v>413619</v>
      </c>
      <c r="K68" s="6">
        <v>311</v>
      </c>
      <c r="L68" s="6">
        <v>26846</v>
      </c>
      <c r="M68" s="6">
        <v>23997</v>
      </c>
      <c r="N68" s="6">
        <v>1490134</v>
      </c>
      <c r="O68" s="6">
        <v>994354</v>
      </c>
      <c r="P68" s="6">
        <v>379</v>
      </c>
      <c r="Q68" s="6">
        <v>495401</v>
      </c>
      <c r="R68" s="6">
        <v>166752</v>
      </c>
      <c r="S68" s="7">
        <v>39.455419999999997</v>
      </c>
    </row>
    <row r="69" spans="1:19">
      <c r="A69" s="9" t="s">
        <v>27</v>
      </c>
      <c r="B69" s="9" t="s">
        <v>28</v>
      </c>
      <c r="C69" s="9" t="s">
        <v>29</v>
      </c>
      <c r="D69" s="9" t="s">
        <v>54</v>
      </c>
      <c r="E69" s="9" t="s">
        <v>42</v>
      </c>
      <c r="F69" s="6">
        <v>3105471</v>
      </c>
      <c r="G69" s="6">
        <v>721810</v>
      </c>
      <c r="H69" s="6">
        <v>709908</v>
      </c>
      <c r="I69" s="6">
        <v>340279</v>
      </c>
      <c r="J69" s="6">
        <v>340456</v>
      </c>
      <c r="K69" s="6">
        <v>261</v>
      </c>
      <c r="L69" s="6">
        <v>28912</v>
      </c>
      <c r="M69" s="6">
        <v>11902</v>
      </c>
      <c r="N69" s="6">
        <v>2125237</v>
      </c>
      <c r="O69" s="6">
        <v>1173587</v>
      </c>
      <c r="P69" s="6">
        <v>555</v>
      </c>
      <c r="Q69" s="6">
        <v>951095</v>
      </c>
      <c r="R69" s="6">
        <v>258424</v>
      </c>
      <c r="S69" s="7">
        <v>25.35294</v>
      </c>
    </row>
    <row r="70" spans="1:19">
      <c r="A70" s="9" t="s">
        <v>27</v>
      </c>
      <c r="B70" s="9" t="s">
        <v>28</v>
      </c>
      <c r="C70" s="9" t="s">
        <v>29</v>
      </c>
      <c r="D70" s="9" t="s">
        <v>54</v>
      </c>
      <c r="E70" s="9" t="s">
        <v>43</v>
      </c>
      <c r="F70" s="6">
        <v>2539739</v>
      </c>
      <c r="G70" s="6">
        <v>311847</v>
      </c>
      <c r="H70" s="6">
        <v>307673</v>
      </c>
      <c r="I70" s="6">
        <v>131944</v>
      </c>
      <c r="J70" s="6">
        <v>155627</v>
      </c>
      <c r="K70" s="6">
        <v>160</v>
      </c>
      <c r="L70" s="6">
        <v>19942</v>
      </c>
      <c r="M70" s="6">
        <v>4174</v>
      </c>
      <c r="N70" s="6">
        <v>1934092</v>
      </c>
      <c r="O70" s="6">
        <v>884221</v>
      </c>
      <c r="P70" s="6">
        <v>583</v>
      </c>
      <c r="Q70" s="6">
        <v>1049288</v>
      </c>
      <c r="R70" s="6">
        <v>293800</v>
      </c>
      <c r="S70" s="7">
        <v>13.884930000000001</v>
      </c>
    </row>
    <row r="71" spans="1:19">
      <c r="A71" s="9" t="s">
        <v>27</v>
      </c>
      <c r="B71" s="9" t="s">
        <v>28</v>
      </c>
      <c r="C71" s="9" t="s">
        <v>29</v>
      </c>
      <c r="D71" s="9" t="s">
        <v>54</v>
      </c>
      <c r="E71" s="9" t="s">
        <v>44</v>
      </c>
      <c r="F71" s="6">
        <v>1972441</v>
      </c>
      <c r="G71" s="6">
        <v>123098</v>
      </c>
      <c r="H71" s="6">
        <v>121564</v>
      </c>
      <c r="I71" s="6">
        <v>45996</v>
      </c>
      <c r="J71" s="6">
        <v>63248</v>
      </c>
      <c r="K71" s="6">
        <v>135</v>
      </c>
      <c r="L71" s="6">
        <v>12185</v>
      </c>
      <c r="M71" s="6">
        <v>1534</v>
      </c>
      <c r="N71" s="6">
        <v>1588798</v>
      </c>
      <c r="O71" s="6">
        <v>593779</v>
      </c>
      <c r="P71" s="6">
        <v>425</v>
      </c>
      <c r="Q71" s="6">
        <v>994594</v>
      </c>
      <c r="R71" s="6">
        <v>260545</v>
      </c>
      <c r="S71" s="7">
        <v>7.1907399999999999</v>
      </c>
    </row>
    <row r="72" spans="1:19">
      <c r="A72" s="9" t="s">
        <v>27</v>
      </c>
      <c r="B72" s="9" t="s">
        <v>28</v>
      </c>
      <c r="C72" s="9" t="s">
        <v>29</v>
      </c>
      <c r="D72" s="9" t="s">
        <v>54</v>
      </c>
      <c r="E72" s="9" t="s">
        <v>45</v>
      </c>
      <c r="F72" s="6">
        <v>1407556</v>
      </c>
      <c r="G72" s="6">
        <v>46190</v>
      </c>
      <c r="H72" s="6">
        <v>45604</v>
      </c>
      <c r="I72" s="6">
        <v>15685</v>
      </c>
      <c r="J72" s="6">
        <v>24217</v>
      </c>
      <c r="K72" s="6">
        <v>65</v>
      </c>
      <c r="L72" s="6">
        <v>5637</v>
      </c>
      <c r="M72" s="6">
        <v>586</v>
      </c>
      <c r="N72" s="6">
        <v>1194424</v>
      </c>
      <c r="O72" s="6">
        <v>327499</v>
      </c>
      <c r="P72" s="6">
        <v>254</v>
      </c>
      <c r="Q72" s="6">
        <v>866671</v>
      </c>
      <c r="R72" s="6">
        <v>166942</v>
      </c>
      <c r="S72" s="7">
        <v>3.72316</v>
      </c>
    </row>
    <row r="73" spans="1:19">
      <c r="A73" s="9" t="s">
        <v>27</v>
      </c>
      <c r="B73" s="9" t="s">
        <v>28</v>
      </c>
      <c r="C73" s="9" t="s">
        <v>29</v>
      </c>
      <c r="D73" s="9" t="s">
        <v>54</v>
      </c>
      <c r="E73" s="9" t="s">
        <v>46</v>
      </c>
      <c r="F73" s="6">
        <v>702722</v>
      </c>
      <c r="G73" s="6">
        <v>13087</v>
      </c>
      <c r="H73" s="6">
        <v>12891</v>
      </c>
      <c r="I73" s="6">
        <v>4247</v>
      </c>
      <c r="J73" s="6">
        <v>6653</v>
      </c>
      <c r="K73" s="6">
        <v>28</v>
      </c>
      <c r="L73" s="6">
        <v>1963</v>
      </c>
      <c r="M73" s="6">
        <v>196</v>
      </c>
      <c r="N73" s="6">
        <v>626310</v>
      </c>
      <c r="O73" s="6">
        <v>98578</v>
      </c>
      <c r="P73" s="6">
        <v>129</v>
      </c>
      <c r="Q73" s="6">
        <v>527603</v>
      </c>
      <c r="R73" s="6">
        <v>63325</v>
      </c>
      <c r="S73" s="7">
        <v>2.04677</v>
      </c>
    </row>
    <row r="74" spans="1:19">
      <c r="A74" s="9" t="s">
        <v>27</v>
      </c>
      <c r="B74" s="9" t="s">
        <v>28</v>
      </c>
      <c r="C74" s="9" t="s">
        <v>29</v>
      </c>
      <c r="D74" s="9" t="s">
        <v>54</v>
      </c>
      <c r="E74" s="9" t="s">
        <v>47</v>
      </c>
      <c r="F74" s="6">
        <v>237988</v>
      </c>
      <c r="G74" s="6">
        <v>2073</v>
      </c>
      <c r="H74" s="6">
        <v>2037</v>
      </c>
      <c r="I74" s="6">
        <v>783</v>
      </c>
      <c r="J74" s="6">
        <v>835</v>
      </c>
      <c r="K74" s="6">
        <v>2</v>
      </c>
      <c r="L74" s="6">
        <v>417</v>
      </c>
      <c r="M74" s="6">
        <v>36</v>
      </c>
      <c r="N74" s="6">
        <v>221492</v>
      </c>
      <c r="O74" s="6">
        <v>15425</v>
      </c>
      <c r="P74" s="6">
        <v>35</v>
      </c>
      <c r="Q74" s="6">
        <v>206032</v>
      </c>
      <c r="R74" s="6">
        <v>14423</v>
      </c>
      <c r="S74" s="7">
        <v>0.92725000000000002</v>
      </c>
    </row>
    <row r="75" spans="1:19">
      <c r="A75" s="9" t="s">
        <v>27</v>
      </c>
      <c r="B75" s="9" t="s">
        <v>28</v>
      </c>
      <c r="C75" s="9" t="s">
        <v>29</v>
      </c>
      <c r="D75" s="9" t="s">
        <v>54</v>
      </c>
      <c r="E75" s="9" t="s">
        <v>48</v>
      </c>
      <c r="F75" s="6">
        <v>26335289</v>
      </c>
      <c r="G75" s="6">
        <v>16383120</v>
      </c>
      <c r="H75" s="6">
        <v>15781212</v>
      </c>
      <c r="I75" s="6">
        <v>11448648</v>
      </c>
      <c r="J75" s="6">
        <v>3391366</v>
      </c>
      <c r="K75" s="6">
        <v>469016</v>
      </c>
      <c r="L75" s="6">
        <v>472182</v>
      </c>
      <c r="M75" s="6">
        <v>601908</v>
      </c>
      <c r="N75" s="6">
        <v>6323978</v>
      </c>
      <c r="O75" s="6">
        <v>4059802</v>
      </c>
      <c r="P75" s="6">
        <v>1801936</v>
      </c>
      <c r="Q75" s="6">
        <v>462240</v>
      </c>
      <c r="R75" s="6">
        <v>3628191</v>
      </c>
      <c r="S75" s="7">
        <v>72.149770000000004</v>
      </c>
    </row>
    <row r="76" spans="1:19">
      <c r="A76" s="9" t="s">
        <v>27</v>
      </c>
      <c r="B76" s="9" t="s">
        <v>28</v>
      </c>
      <c r="C76" s="9" t="s">
        <v>29</v>
      </c>
      <c r="D76" s="9" t="s">
        <v>54</v>
      </c>
      <c r="E76" s="9" t="s">
        <v>49</v>
      </c>
      <c r="F76" s="6">
        <v>12593887</v>
      </c>
      <c r="G76" s="6">
        <v>2189189</v>
      </c>
      <c r="H76" s="6">
        <v>2146764</v>
      </c>
      <c r="I76" s="6">
        <v>1045245</v>
      </c>
      <c r="J76" s="6">
        <v>1004655</v>
      </c>
      <c r="K76" s="6">
        <v>962</v>
      </c>
      <c r="L76" s="6">
        <v>95902</v>
      </c>
      <c r="M76" s="6">
        <v>42425</v>
      </c>
      <c r="N76" s="6">
        <v>9180487</v>
      </c>
      <c r="O76" s="6">
        <v>4087443</v>
      </c>
      <c r="P76" s="6">
        <v>2360</v>
      </c>
      <c r="Q76" s="6">
        <v>5090684</v>
      </c>
      <c r="R76" s="6">
        <v>1224211</v>
      </c>
      <c r="S76" s="7">
        <v>19.254629999999999</v>
      </c>
    </row>
    <row r="77" spans="1:19">
      <c r="A77" s="9" t="s">
        <v>27</v>
      </c>
      <c r="B77" s="9" t="s">
        <v>28</v>
      </c>
      <c r="C77" s="9" t="s">
        <v>29</v>
      </c>
      <c r="D77" s="9" t="s">
        <v>54</v>
      </c>
      <c r="E77" s="9" t="s">
        <v>50</v>
      </c>
      <c r="F77" s="6">
        <v>6860446</v>
      </c>
      <c r="G77" s="6">
        <v>496295</v>
      </c>
      <c r="H77" s="6">
        <v>489769</v>
      </c>
      <c r="I77" s="6">
        <v>198655</v>
      </c>
      <c r="J77" s="6">
        <v>250580</v>
      </c>
      <c r="K77" s="6">
        <v>390</v>
      </c>
      <c r="L77" s="6">
        <v>40144</v>
      </c>
      <c r="M77" s="6">
        <v>6526</v>
      </c>
      <c r="N77" s="6">
        <v>5565116</v>
      </c>
      <c r="O77" s="6">
        <v>1919502</v>
      </c>
      <c r="P77" s="6">
        <v>1426</v>
      </c>
      <c r="Q77" s="6">
        <v>3644188</v>
      </c>
      <c r="R77" s="6">
        <v>799035</v>
      </c>
      <c r="S77" s="7">
        <v>8.1877800000000001</v>
      </c>
    </row>
    <row r="78" spans="1:19">
      <c r="A78" s="9" t="s">
        <v>27</v>
      </c>
      <c r="B78" s="9" t="s">
        <v>28</v>
      </c>
      <c r="C78" s="9" t="s">
        <v>29</v>
      </c>
      <c r="D78" s="9" t="s">
        <v>54</v>
      </c>
      <c r="E78" s="9" t="s">
        <v>51</v>
      </c>
      <c r="F78" s="6">
        <v>2348266</v>
      </c>
      <c r="G78" s="6">
        <v>61350</v>
      </c>
      <c r="H78" s="6">
        <v>60532</v>
      </c>
      <c r="I78" s="6">
        <v>20715</v>
      </c>
      <c r="J78" s="6">
        <v>31705</v>
      </c>
      <c r="K78" s="6">
        <v>95</v>
      </c>
      <c r="L78" s="6">
        <v>8017</v>
      </c>
      <c r="M78" s="6">
        <v>818</v>
      </c>
      <c r="N78" s="6">
        <v>2042226</v>
      </c>
      <c r="O78" s="6">
        <v>441502</v>
      </c>
      <c r="P78" s="6">
        <v>418</v>
      </c>
      <c r="Q78" s="6">
        <v>1600306</v>
      </c>
      <c r="R78" s="6">
        <v>244690</v>
      </c>
      <c r="S78" s="7">
        <v>2.9164599999999998</v>
      </c>
    </row>
    <row r="79" spans="1:19">
      <c r="A79" s="9" t="s">
        <v>27</v>
      </c>
      <c r="B79" s="9" t="s">
        <v>28</v>
      </c>
      <c r="C79" s="9" t="s">
        <v>29</v>
      </c>
      <c r="D79" s="9" t="s">
        <v>54</v>
      </c>
      <c r="E79" s="9" t="s">
        <v>52</v>
      </c>
      <c r="F79" s="6">
        <v>27015276</v>
      </c>
      <c r="G79" s="6">
        <v>17050376</v>
      </c>
      <c r="H79" s="6">
        <v>16441039</v>
      </c>
      <c r="I79" s="6">
        <v>11876390</v>
      </c>
      <c r="J79" s="6">
        <v>3795755</v>
      </c>
      <c r="K79" s="6">
        <v>276956</v>
      </c>
      <c r="L79" s="6">
        <v>491938</v>
      </c>
      <c r="M79" s="6">
        <v>609337</v>
      </c>
      <c r="N79" s="6">
        <v>6413606</v>
      </c>
      <c r="O79" s="6">
        <v>5040069</v>
      </c>
      <c r="P79" s="6">
        <v>438751</v>
      </c>
      <c r="Q79" s="6">
        <v>934786</v>
      </c>
      <c r="R79" s="6">
        <v>3551294</v>
      </c>
      <c r="S79" s="7">
        <v>72.666169999999994</v>
      </c>
    </row>
    <row r="80" spans="1:19">
      <c r="A80" s="9" t="s">
        <v>27</v>
      </c>
      <c r="B80" s="9" t="s">
        <v>57</v>
      </c>
      <c r="C80" s="9" t="s">
        <v>58</v>
      </c>
      <c r="D80" s="9" t="s">
        <v>6</v>
      </c>
      <c r="E80" s="9" t="s">
        <v>30</v>
      </c>
      <c r="F80" s="6">
        <v>725556</v>
      </c>
      <c r="G80" s="6">
        <v>416007</v>
      </c>
      <c r="H80" s="6">
        <v>399015</v>
      </c>
      <c r="I80" s="6">
        <v>339086</v>
      </c>
      <c r="J80" s="6">
        <v>40043</v>
      </c>
      <c r="K80" s="6">
        <v>8973</v>
      </c>
      <c r="L80" s="6">
        <v>10913</v>
      </c>
      <c r="M80" s="6">
        <v>16992</v>
      </c>
      <c r="N80" s="6">
        <v>246898</v>
      </c>
      <c r="O80" s="6">
        <v>83449</v>
      </c>
      <c r="P80" s="6">
        <v>44224</v>
      </c>
      <c r="Q80" s="6">
        <v>119225</v>
      </c>
      <c r="R80" s="6">
        <v>62651</v>
      </c>
      <c r="S80" s="7">
        <v>62.75515</v>
      </c>
    </row>
    <row r="81" spans="1:19">
      <c r="A81" s="9" t="s">
        <v>27</v>
      </c>
      <c r="B81" s="9" t="s">
        <v>57</v>
      </c>
      <c r="C81" s="9" t="s">
        <v>58</v>
      </c>
      <c r="D81" s="9" t="s">
        <v>6</v>
      </c>
      <c r="E81" s="9" t="s">
        <v>31</v>
      </c>
      <c r="F81" s="6">
        <v>45165</v>
      </c>
      <c r="G81" s="6">
        <v>6468</v>
      </c>
      <c r="H81" s="6">
        <v>5969</v>
      </c>
      <c r="I81" s="6">
        <v>2468</v>
      </c>
      <c r="J81" s="6">
        <v>132</v>
      </c>
      <c r="K81" s="6">
        <v>3205</v>
      </c>
      <c r="L81" s="6">
        <v>164</v>
      </c>
      <c r="M81" s="6">
        <v>499</v>
      </c>
      <c r="N81" s="6">
        <v>35284</v>
      </c>
      <c r="O81" s="6">
        <v>235</v>
      </c>
      <c r="P81" s="6">
        <v>34475</v>
      </c>
      <c r="Q81" s="6">
        <v>574</v>
      </c>
      <c r="R81" s="6">
        <v>3413</v>
      </c>
      <c r="S81" s="7">
        <v>15.49147</v>
      </c>
    </row>
    <row r="82" spans="1:19">
      <c r="A82" s="9" t="s">
        <v>27</v>
      </c>
      <c r="B82" s="9" t="s">
        <v>57</v>
      </c>
      <c r="C82" s="9" t="s">
        <v>58</v>
      </c>
      <c r="D82" s="9" t="s">
        <v>6</v>
      </c>
      <c r="E82" s="9" t="s">
        <v>32</v>
      </c>
      <c r="F82" s="6">
        <v>42753</v>
      </c>
      <c r="G82" s="6">
        <v>27471</v>
      </c>
      <c r="H82" s="6">
        <v>25784</v>
      </c>
      <c r="I82" s="6">
        <v>19408</v>
      </c>
      <c r="J82" s="6">
        <v>535</v>
      </c>
      <c r="K82" s="6">
        <v>5185</v>
      </c>
      <c r="L82" s="6">
        <v>656</v>
      </c>
      <c r="M82" s="6">
        <v>1687</v>
      </c>
      <c r="N82" s="6">
        <v>10316</v>
      </c>
      <c r="O82" s="6">
        <v>892</v>
      </c>
      <c r="P82" s="6">
        <v>8717</v>
      </c>
      <c r="Q82" s="6">
        <v>707</v>
      </c>
      <c r="R82" s="6">
        <v>4966</v>
      </c>
      <c r="S82" s="7">
        <v>72.699610000000007</v>
      </c>
    </row>
    <row r="83" spans="1:19">
      <c r="A83" s="9" t="s">
        <v>27</v>
      </c>
      <c r="B83" s="9" t="s">
        <v>57</v>
      </c>
      <c r="C83" s="9" t="s">
        <v>58</v>
      </c>
      <c r="D83" s="9" t="s">
        <v>6</v>
      </c>
      <c r="E83" s="9" t="s">
        <v>33</v>
      </c>
      <c r="F83" s="6">
        <v>41542</v>
      </c>
      <c r="G83" s="6">
        <v>32722</v>
      </c>
      <c r="H83" s="6">
        <v>31024</v>
      </c>
      <c r="I83" s="6">
        <v>28607</v>
      </c>
      <c r="J83" s="6">
        <v>1058</v>
      </c>
      <c r="K83" s="6">
        <v>277</v>
      </c>
      <c r="L83" s="6">
        <v>1082</v>
      </c>
      <c r="M83" s="6">
        <v>1698</v>
      </c>
      <c r="N83" s="6">
        <v>3183</v>
      </c>
      <c r="O83" s="6">
        <v>2062</v>
      </c>
      <c r="P83" s="6">
        <v>583</v>
      </c>
      <c r="Q83" s="6">
        <v>538</v>
      </c>
      <c r="R83" s="6">
        <v>5637</v>
      </c>
      <c r="S83" s="7">
        <v>91.13494</v>
      </c>
    </row>
    <row r="84" spans="1:19">
      <c r="A84" s="9" t="s">
        <v>27</v>
      </c>
      <c r="B84" s="9" t="s">
        <v>57</v>
      </c>
      <c r="C84" s="9" t="s">
        <v>58</v>
      </c>
      <c r="D84" s="9" t="s">
        <v>6</v>
      </c>
      <c r="E84" s="9" t="s">
        <v>34</v>
      </c>
      <c r="F84" s="6">
        <v>45540</v>
      </c>
      <c r="G84" s="6">
        <v>35522</v>
      </c>
      <c r="H84" s="6">
        <v>33968</v>
      </c>
      <c r="I84" s="6">
        <v>30461</v>
      </c>
      <c r="J84" s="6">
        <v>1974</v>
      </c>
      <c r="K84" s="6">
        <v>115</v>
      </c>
      <c r="L84" s="6">
        <v>1418</v>
      </c>
      <c r="M84" s="6">
        <v>1554</v>
      </c>
      <c r="N84" s="6">
        <v>4441</v>
      </c>
      <c r="O84" s="6">
        <v>3637</v>
      </c>
      <c r="P84" s="6">
        <v>176</v>
      </c>
      <c r="Q84" s="6">
        <v>628</v>
      </c>
      <c r="R84" s="6">
        <v>5577</v>
      </c>
      <c r="S84" s="7">
        <v>88.887219999999999</v>
      </c>
    </row>
    <row r="85" spans="1:19">
      <c r="A85" s="9" t="s">
        <v>27</v>
      </c>
      <c r="B85" s="9" t="s">
        <v>57</v>
      </c>
      <c r="C85" s="9" t="s">
        <v>58</v>
      </c>
      <c r="D85" s="9" t="s">
        <v>6</v>
      </c>
      <c r="E85" s="9" t="s">
        <v>35</v>
      </c>
      <c r="F85" s="6">
        <v>51957</v>
      </c>
      <c r="G85" s="6">
        <v>40902</v>
      </c>
      <c r="H85" s="6">
        <v>39357</v>
      </c>
      <c r="I85" s="6">
        <v>35095</v>
      </c>
      <c r="J85" s="6">
        <v>3078</v>
      </c>
      <c r="K85" s="6">
        <v>70</v>
      </c>
      <c r="L85" s="6">
        <v>1114</v>
      </c>
      <c r="M85" s="6">
        <v>1545</v>
      </c>
      <c r="N85" s="6">
        <v>5224</v>
      </c>
      <c r="O85" s="6">
        <v>4359</v>
      </c>
      <c r="P85" s="6">
        <v>95</v>
      </c>
      <c r="Q85" s="6">
        <v>770</v>
      </c>
      <c r="R85" s="6">
        <v>5831</v>
      </c>
      <c r="S85" s="7">
        <v>88.674499999999995</v>
      </c>
    </row>
    <row r="86" spans="1:19">
      <c r="A86" s="9" t="s">
        <v>27</v>
      </c>
      <c r="B86" s="9" t="s">
        <v>57</v>
      </c>
      <c r="C86" s="9" t="s">
        <v>58</v>
      </c>
      <c r="D86" s="9" t="s">
        <v>6</v>
      </c>
      <c r="E86" s="9" t="s">
        <v>36</v>
      </c>
      <c r="F86" s="6">
        <v>57889</v>
      </c>
      <c r="G86" s="6">
        <v>46891</v>
      </c>
      <c r="H86" s="6">
        <v>45313</v>
      </c>
      <c r="I86" s="6">
        <v>40373</v>
      </c>
      <c r="J86" s="6">
        <v>4230</v>
      </c>
      <c r="K86" s="6">
        <v>42</v>
      </c>
      <c r="L86" s="6">
        <v>668</v>
      </c>
      <c r="M86" s="6">
        <v>1578</v>
      </c>
      <c r="N86" s="6">
        <v>5227</v>
      </c>
      <c r="O86" s="6">
        <v>4294</v>
      </c>
      <c r="P86" s="6">
        <v>53</v>
      </c>
      <c r="Q86" s="6">
        <v>880</v>
      </c>
      <c r="R86" s="6">
        <v>5771</v>
      </c>
      <c r="S86" s="7">
        <v>89.970839999999995</v>
      </c>
    </row>
    <row r="87" spans="1:19">
      <c r="A87" s="9" t="s">
        <v>27</v>
      </c>
      <c r="B87" s="9" t="s">
        <v>57</v>
      </c>
      <c r="C87" s="9" t="s">
        <v>58</v>
      </c>
      <c r="D87" s="9" t="s">
        <v>6</v>
      </c>
      <c r="E87" s="9" t="s">
        <v>37</v>
      </c>
      <c r="F87" s="6">
        <v>62793</v>
      </c>
      <c r="G87" s="6">
        <v>51638</v>
      </c>
      <c r="H87" s="6">
        <v>49841</v>
      </c>
      <c r="I87" s="6">
        <v>44201</v>
      </c>
      <c r="J87" s="6">
        <v>4946</v>
      </c>
      <c r="K87" s="6">
        <v>31</v>
      </c>
      <c r="L87" s="6">
        <v>663</v>
      </c>
      <c r="M87" s="6">
        <v>1797</v>
      </c>
      <c r="N87" s="6">
        <v>5792</v>
      </c>
      <c r="O87" s="6">
        <v>4523</v>
      </c>
      <c r="P87" s="6">
        <v>46</v>
      </c>
      <c r="Q87" s="6">
        <v>1223</v>
      </c>
      <c r="R87" s="6">
        <v>5363</v>
      </c>
      <c r="S87" s="7">
        <v>89.914680000000004</v>
      </c>
    </row>
    <row r="88" spans="1:19">
      <c r="A88" s="9" t="s">
        <v>27</v>
      </c>
      <c r="B88" s="9" t="s">
        <v>57</v>
      </c>
      <c r="C88" s="9" t="s">
        <v>58</v>
      </c>
      <c r="D88" s="9" t="s">
        <v>6</v>
      </c>
      <c r="E88" s="9" t="s">
        <v>38</v>
      </c>
      <c r="F88" s="6">
        <v>54628</v>
      </c>
      <c r="G88" s="6">
        <v>44573</v>
      </c>
      <c r="H88" s="6">
        <v>42899</v>
      </c>
      <c r="I88" s="6">
        <v>37880</v>
      </c>
      <c r="J88" s="6">
        <v>4428</v>
      </c>
      <c r="K88" s="6">
        <v>15</v>
      </c>
      <c r="L88" s="6">
        <v>576</v>
      </c>
      <c r="M88" s="6">
        <v>1674</v>
      </c>
      <c r="N88" s="6">
        <v>6020</v>
      </c>
      <c r="O88" s="6">
        <v>4664</v>
      </c>
      <c r="P88" s="6">
        <v>17</v>
      </c>
      <c r="Q88" s="6">
        <v>1339</v>
      </c>
      <c r="R88" s="6">
        <v>4035</v>
      </c>
      <c r="S88" s="7">
        <v>88.101119999999995</v>
      </c>
    </row>
    <row r="89" spans="1:19">
      <c r="A89" s="9" t="s">
        <v>27</v>
      </c>
      <c r="B89" s="9" t="s">
        <v>57</v>
      </c>
      <c r="C89" s="9" t="s">
        <v>58</v>
      </c>
      <c r="D89" s="9" t="s">
        <v>6</v>
      </c>
      <c r="E89" s="9" t="s">
        <v>39</v>
      </c>
      <c r="F89" s="6">
        <v>52198</v>
      </c>
      <c r="G89" s="6">
        <v>41523</v>
      </c>
      <c r="H89" s="6">
        <v>40008</v>
      </c>
      <c r="I89" s="6">
        <v>34898</v>
      </c>
      <c r="J89" s="6">
        <v>4417</v>
      </c>
      <c r="K89" s="6">
        <v>8</v>
      </c>
      <c r="L89" s="6">
        <v>685</v>
      </c>
      <c r="M89" s="6">
        <v>1515</v>
      </c>
      <c r="N89" s="6">
        <v>7659</v>
      </c>
      <c r="O89" s="6">
        <v>5933</v>
      </c>
      <c r="P89" s="6">
        <v>14</v>
      </c>
      <c r="Q89" s="6">
        <v>1712</v>
      </c>
      <c r="R89" s="6">
        <v>3016</v>
      </c>
      <c r="S89" s="7">
        <v>84.427229999999994</v>
      </c>
    </row>
    <row r="90" spans="1:19">
      <c r="A90" s="9" t="s">
        <v>27</v>
      </c>
      <c r="B90" s="9" t="s">
        <v>57</v>
      </c>
      <c r="C90" s="9" t="s">
        <v>58</v>
      </c>
      <c r="D90" s="9" t="s">
        <v>6</v>
      </c>
      <c r="E90" s="9" t="s">
        <v>40</v>
      </c>
      <c r="F90" s="6">
        <v>51360</v>
      </c>
      <c r="G90" s="6">
        <v>35805</v>
      </c>
      <c r="H90" s="6">
        <v>34144</v>
      </c>
      <c r="I90" s="6">
        <v>28856</v>
      </c>
      <c r="J90" s="6">
        <v>4499</v>
      </c>
      <c r="K90" s="6">
        <v>7</v>
      </c>
      <c r="L90" s="6">
        <v>782</v>
      </c>
      <c r="M90" s="6">
        <v>1661</v>
      </c>
      <c r="N90" s="6">
        <v>13132</v>
      </c>
      <c r="O90" s="6">
        <v>8664</v>
      </c>
      <c r="P90" s="6">
        <v>8</v>
      </c>
      <c r="Q90" s="6">
        <v>4460</v>
      </c>
      <c r="R90" s="6">
        <v>2423</v>
      </c>
      <c r="S90" s="7">
        <v>73.165499999999994</v>
      </c>
    </row>
    <row r="91" spans="1:19">
      <c r="A91" s="9" t="s">
        <v>27</v>
      </c>
      <c r="B91" s="9" t="s">
        <v>57</v>
      </c>
      <c r="C91" s="9" t="s">
        <v>58</v>
      </c>
      <c r="D91" s="9" t="s">
        <v>6</v>
      </c>
      <c r="E91" s="9" t="s">
        <v>41</v>
      </c>
      <c r="F91" s="6">
        <v>54026</v>
      </c>
      <c r="G91" s="6">
        <v>25637</v>
      </c>
      <c r="H91" s="6">
        <v>24528</v>
      </c>
      <c r="I91" s="6">
        <v>19086</v>
      </c>
      <c r="J91" s="6">
        <v>4447</v>
      </c>
      <c r="K91" s="6">
        <v>11</v>
      </c>
      <c r="L91" s="6">
        <v>984</v>
      </c>
      <c r="M91" s="6">
        <v>1109</v>
      </c>
      <c r="N91" s="6">
        <v>25749</v>
      </c>
      <c r="O91" s="6">
        <v>11815</v>
      </c>
      <c r="P91" s="6">
        <v>8</v>
      </c>
      <c r="Q91" s="6">
        <v>13926</v>
      </c>
      <c r="R91" s="6">
        <v>2640</v>
      </c>
      <c r="S91" s="7">
        <v>49.891019999999997</v>
      </c>
    </row>
    <row r="92" spans="1:19">
      <c r="A92" s="9" t="s">
        <v>27</v>
      </c>
      <c r="B92" s="9" t="s">
        <v>57</v>
      </c>
      <c r="C92" s="9" t="s">
        <v>58</v>
      </c>
      <c r="D92" s="9" t="s">
        <v>6</v>
      </c>
      <c r="E92" s="9" t="s">
        <v>42</v>
      </c>
      <c r="F92" s="6">
        <v>54947</v>
      </c>
      <c r="G92" s="6">
        <v>16701</v>
      </c>
      <c r="H92" s="6">
        <v>16227</v>
      </c>
      <c r="I92" s="6">
        <v>11588</v>
      </c>
      <c r="J92" s="6">
        <v>3622</v>
      </c>
      <c r="K92" s="6">
        <v>4</v>
      </c>
      <c r="L92" s="6">
        <v>1013</v>
      </c>
      <c r="M92" s="6">
        <v>474</v>
      </c>
      <c r="N92" s="6">
        <v>34433</v>
      </c>
      <c r="O92" s="6">
        <v>12399</v>
      </c>
      <c r="P92" s="6">
        <v>8</v>
      </c>
      <c r="Q92" s="6">
        <v>22026</v>
      </c>
      <c r="R92" s="6">
        <v>3813</v>
      </c>
      <c r="S92" s="7">
        <v>32.661239999999999</v>
      </c>
    </row>
    <row r="93" spans="1:19">
      <c r="A93" s="9" t="s">
        <v>27</v>
      </c>
      <c r="B93" s="9" t="s">
        <v>57</v>
      </c>
      <c r="C93" s="9" t="s">
        <v>58</v>
      </c>
      <c r="D93" s="9" t="s">
        <v>6</v>
      </c>
      <c r="E93" s="9" t="s">
        <v>43</v>
      </c>
      <c r="F93" s="6">
        <v>39627</v>
      </c>
      <c r="G93" s="6">
        <v>6230</v>
      </c>
      <c r="H93" s="6">
        <v>6106</v>
      </c>
      <c r="I93" s="6">
        <v>4005</v>
      </c>
      <c r="J93" s="6">
        <v>1591</v>
      </c>
      <c r="K93" s="10" t="s">
        <v>55</v>
      </c>
      <c r="L93" s="6">
        <v>510</v>
      </c>
      <c r="M93" s="6">
        <v>124</v>
      </c>
      <c r="N93" s="6">
        <v>29665</v>
      </c>
      <c r="O93" s="6">
        <v>8646</v>
      </c>
      <c r="P93" s="6">
        <v>8</v>
      </c>
      <c r="Q93" s="6">
        <v>21011</v>
      </c>
      <c r="R93" s="6">
        <v>3732</v>
      </c>
      <c r="S93" s="7">
        <v>17.356179999999998</v>
      </c>
    </row>
    <row r="94" spans="1:19">
      <c r="A94" s="9" t="s">
        <v>27</v>
      </c>
      <c r="B94" s="9" t="s">
        <v>57</v>
      </c>
      <c r="C94" s="9" t="s">
        <v>58</v>
      </c>
      <c r="D94" s="9" t="s">
        <v>6</v>
      </c>
      <c r="E94" s="9" t="s">
        <v>44</v>
      </c>
      <c r="F94" s="6">
        <v>31984</v>
      </c>
      <c r="G94" s="6">
        <v>2610</v>
      </c>
      <c r="H94" s="6">
        <v>2558</v>
      </c>
      <c r="I94" s="6">
        <v>1493</v>
      </c>
      <c r="J94" s="6">
        <v>693</v>
      </c>
      <c r="K94" s="6">
        <v>1</v>
      </c>
      <c r="L94" s="6">
        <v>371</v>
      </c>
      <c r="M94" s="6">
        <v>52</v>
      </c>
      <c r="N94" s="6">
        <v>26011</v>
      </c>
      <c r="O94" s="6">
        <v>6287</v>
      </c>
      <c r="P94" s="6">
        <v>5</v>
      </c>
      <c r="Q94" s="6">
        <v>19719</v>
      </c>
      <c r="R94" s="6">
        <v>3363</v>
      </c>
      <c r="S94" s="7">
        <v>9.1191800000000001</v>
      </c>
    </row>
    <row r="95" spans="1:19">
      <c r="A95" s="9" t="s">
        <v>27</v>
      </c>
      <c r="B95" s="9" t="s">
        <v>57</v>
      </c>
      <c r="C95" s="9" t="s">
        <v>58</v>
      </c>
      <c r="D95" s="9" t="s">
        <v>6</v>
      </c>
      <c r="E95" s="9" t="s">
        <v>45</v>
      </c>
      <c r="F95" s="6">
        <v>23454</v>
      </c>
      <c r="G95" s="6">
        <v>1018</v>
      </c>
      <c r="H95" s="6">
        <v>995</v>
      </c>
      <c r="I95" s="6">
        <v>512</v>
      </c>
      <c r="J95" s="6">
        <v>310</v>
      </c>
      <c r="K95" s="6">
        <v>2</v>
      </c>
      <c r="L95" s="6">
        <v>171</v>
      </c>
      <c r="M95" s="6">
        <v>23</v>
      </c>
      <c r="N95" s="6">
        <v>20315</v>
      </c>
      <c r="O95" s="6">
        <v>3727</v>
      </c>
      <c r="P95" s="6">
        <v>11</v>
      </c>
      <c r="Q95" s="6">
        <v>16577</v>
      </c>
      <c r="R95" s="6">
        <v>2121</v>
      </c>
      <c r="S95" s="7">
        <v>4.7719500000000004</v>
      </c>
    </row>
    <row r="96" spans="1:19">
      <c r="A96" s="9" t="s">
        <v>27</v>
      </c>
      <c r="B96" s="9" t="s">
        <v>57</v>
      </c>
      <c r="C96" s="9" t="s">
        <v>58</v>
      </c>
      <c r="D96" s="9" t="s">
        <v>6</v>
      </c>
      <c r="E96" s="9" t="s">
        <v>46</v>
      </c>
      <c r="F96" s="6">
        <v>11778</v>
      </c>
      <c r="G96" s="6">
        <v>255</v>
      </c>
      <c r="H96" s="6">
        <v>253</v>
      </c>
      <c r="I96" s="6">
        <v>135</v>
      </c>
      <c r="J96" s="6">
        <v>74</v>
      </c>
      <c r="K96" s="10" t="s">
        <v>55</v>
      </c>
      <c r="L96" s="6">
        <v>44</v>
      </c>
      <c r="M96" s="6">
        <v>2</v>
      </c>
      <c r="N96" s="6">
        <v>10723</v>
      </c>
      <c r="O96" s="6">
        <v>1129</v>
      </c>
      <c r="P96" s="10" t="s">
        <v>55</v>
      </c>
      <c r="Q96" s="6">
        <v>9594</v>
      </c>
      <c r="R96" s="6">
        <v>800</v>
      </c>
      <c r="S96" s="7">
        <v>2.3228300000000002</v>
      </c>
    </row>
    <row r="97" spans="1:19">
      <c r="A97" s="9" t="s">
        <v>27</v>
      </c>
      <c r="B97" s="9" t="s">
        <v>57</v>
      </c>
      <c r="C97" s="9" t="s">
        <v>58</v>
      </c>
      <c r="D97" s="9" t="s">
        <v>6</v>
      </c>
      <c r="E97" s="9" t="s">
        <v>47</v>
      </c>
      <c r="F97" s="6">
        <v>3915</v>
      </c>
      <c r="G97" s="6">
        <v>41</v>
      </c>
      <c r="H97" s="6">
        <v>41</v>
      </c>
      <c r="I97" s="6">
        <v>20</v>
      </c>
      <c r="J97" s="6">
        <v>9</v>
      </c>
      <c r="K97" s="10" t="s">
        <v>55</v>
      </c>
      <c r="L97" s="6">
        <v>12</v>
      </c>
      <c r="M97" s="10" t="s">
        <v>55</v>
      </c>
      <c r="N97" s="6">
        <v>3724</v>
      </c>
      <c r="O97" s="6">
        <v>183</v>
      </c>
      <c r="P97" s="10" t="s">
        <v>55</v>
      </c>
      <c r="Q97" s="6">
        <v>3541</v>
      </c>
      <c r="R97" s="6">
        <v>150</v>
      </c>
      <c r="S97" s="7">
        <v>1.0889800000000001</v>
      </c>
    </row>
    <row r="98" spans="1:19">
      <c r="A98" s="9" t="s">
        <v>27</v>
      </c>
      <c r="B98" s="9" t="s">
        <v>57</v>
      </c>
      <c r="C98" s="9" t="s">
        <v>58</v>
      </c>
      <c r="D98" s="9" t="s">
        <v>6</v>
      </c>
      <c r="E98" s="9" t="s">
        <v>48</v>
      </c>
      <c r="F98" s="6">
        <v>505825</v>
      </c>
      <c r="G98" s="6">
        <v>363515</v>
      </c>
      <c r="H98" s="6">
        <v>348307</v>
      </c>
      <c r="I98" s="6">
        <v>302247</v>
      </c>
      <c r="J98" s="6">
        <v>29297</v>
      </c>
      <c r="K98" s="6">
        <v>8955</v>
      </c>
      <c r="L98" s="6">
        <v>7808</v>
      </c>
      <c r="M98" s="6">
        <v>15208</v>
      </c>
      <c r="N98" s="6">
        <v>96278</v>
      </c>
      <c r="O98" s="6">
        <v>39263</v>
      </c>
      <c r="P98" s="6">
        <v>44184</v>
      </c>
      <c r="Q98" s="6">
        <v>12831</v>
      </c>
      <c r="R98" s="6">
        <v>46032</v>
      </c>
      <c r="S98" s="7">
        <v>79.060580000000002</v>
      </c>
    </row>
    <row r="99" spans="1:19">
      <c r="A99" s="9" t="s">
        <v>27</v>
      </c>
      <c r="B99" s="9" t="s">
        <v>57</v>
      </c>
      <c r="C99" s="9" t="s">
        <v>58</v>
      </c>
      <c r="D99" s="9" t="s">
        <v>6</v>
      </c>
      <c r="E99" s="9" t="s">
        <v>49</v>
      </c>
      <c r="F99" s="6">
        <v>219731</v>
      </c>
      <c r="G99" s="6">
        <v>52492</v>
      </c>
      <c r="H99" s="6">
        <v>50708</v>
      </c>
      <c r="I99" s="6">
        <v>36839</v>
      </c>
      <c r="J99" s="6">
        <v>10746</v>
      </c>
      <c r="K99" s="6">
        <v>18</v>
      </c>
      <c r="L99" s="6">
        <v>3105</v>
      </c>
      <c r="M99" s="6">
        <v>1784</v>
      </c>
      <c r="N99" s="6">
        <v>150620</v>
      </c>
      <c r="O99" s="6">
        <v>44186</v>
      </c>
      <c r="P99" s="6">
        <v>40</v>
      </c>
      <c r="Q99" s="6">
        <v>106394</v>
      </c>
      <c r="R99" s="6">
        <v>16619</v>
      </c>
      <c r="S99" s="7">
        <v>25.843869999999999</v>
      </c>
    </row>
    <row r="100" spans="1:19">
      <c r="A100" s="9" t="s">
        <v>27</v>
      </c>
      <c r="B100" s="9" t="s">
        <v>57</v>
      </c>
      <c r="C100" s="9" t="s">
        <v>58</v>
      </c>
      <c r="D100" s="9" t="s">
        <v>6</v>
      </c>
      <c r="E100" s="9" t="s">
        <v>50</v>
      </c>
      <c r="F100" s="6">
        <v>110758</v>
      </c>
      <c r="G100" s="6">
        <v>10154</v>
      </c>
      <c r="H100" s="6">
        <v>9953</v>
      </c>
      <c r="I100" s="6">
        <v>6165</v>
      </c>
      <c r="J100" s="6">
        <v>2677</v>
      </c>
      <c r="K100" s="6">
        <v>3</v>
      </c>
      <c r="L100" s="6">
        <v>1108</v>
      </c>
      <c r="M100" s="6">
        <v>201</v>
      </c>
      <c r="N100" s="6">
        <v>90438</v>
      </c>
      <c r="O100" s="6">
        <v>19972</v>
      </c>
      <c r="P100" s="6">
        <v>24</v>
      </c>
      <c r="Q100" s="6">
        <v>70442</v>
      </c>
      <c r="R100" s="6">
        <v>10166</v>
      </c>
      <c r="S100" s="7">
        <v>10.094239999999999</v>
      </c>
    </row>
    <row r="101" spans="1:19">
      <c r="A101" s="9" t="s">
        <v>27</v>
      </c>
      <c r="B101" s="9" t="s">
        <v>57</v>
      </c>
      <c r="C101" s="9" t="s">
        <v>58</v>
      </c>
      <c r="D101" s="9" t="s">
        <v>6</v>
      </c>
      <c r="E101" s="9" t="s">
        <v>51</v>
      </c>
      <c r="F101" s="6">
        <v>39147</v>
      </c>
      <c r="G101" s="6">
        <v>1314</v>
      </c>
      <c r="H101" s="6">
        <v>1289</v>
      </c>
      <c r="I101" s="6">
        <v>667</v>
      </c>
      <c r="J101" s="6">
        <v>393</v>
      </c>
      <c r="K101" s="6">
        <v>2</v>
      </c>
      <c r="L101" s="6">
        <v>227</v>
      </c>
      <c r="M101" s="6">
        <v>25</v>
      </c>
      <c r="N101" s="6">
        <v>34762</v>
      </c>
      <c r="O101" s="6">
        <v>5039</v>
      </c>
      <c r="P101" s="6">
        <v>11</v>
      </c>
      <c r="Q101" s="6">
        <v>29712</v>
      </c>
      <c r="R101" s="6">
        <v>3071</v>
      </c>
      <c r="S101" s="7">
        <v>3.6423100000000002</v>
      </c>
    </row>
    <row r="102" spans="1:19">
      <c r="A102" s="9" t="s">
        <v>27</v>
      </c>
      <c r="B102" s="9" t="s">
        <v>57</v>
      </c>
      <c r="C102" s="9" t="s">
        <v>58</v>
      </c>
      <c r="D102" s="9" t="s">
        <v>6</v>
      </c>
      <c r="E102" s="9" t="s">
        <v>52</v>
      </c>
      <c r="F102" s="6">
        <v>514686</v>
      </c>
      <c r="G102" s="6">
        <v>382684</v>
      </c>
      <c r="H102" s="6">
        <v>366866</v>
      </c>
      <c r="I102" s="6">
        <v>318865</v>
      </c>
      <c r="J102" s="6">
        <v>33612</v>
      </c>
      <c r="K102" s="6">
        <v>5761</v>
      </c>
      <c r="L102" s="6">
        <v>8628</v>
      </c>
      <c r="M102" s="6">
        <v>15818</v>
      </c>
      <c r="N102" s="6">
        <v>86743</v>
      </c>
      <c r="O102" s="6">
        <v>50843</v>
      </c>
      <c r="P102" s="6">
        <v>9717</v>
      </c>
      <c r="Q102" s="6">
        <v>26183</v>
      </c>
      <c r="R102" s="6">
        <v>45259</v>
      </c>
      <c r="S102" s="7">
        <v>81.521510000000006</v>
      </c>
    </row>
    <row r="103" spans="1:19">
      <c r="A103" s="9" t="s">
        <v>27</v>
      </c>
      <c r="B103" s="9" t="s">
        <v>57</v>
      </c>
      <c r="C103" s="9" t="s">
        <v>58</v>
      </c>
      <c r="D103" s="9" t="s">
        <v>53</v>
      </c>
      <c r="E103" s="9" t="s">
        <v>30</v>
      </c>
      <c r="F103" s="6">
        <v>336885</v>
      </c>
      <c r="G103" s="6">
        <v>217106</v>
      </c>
      <c r="H103" s="6">
        <v>207097</v>
      </c>
      <c r="I103" s="6">
        <v>194430</v>
      </c>
      <c r="J103" s="6">
        <v>3584</v>
      </c>
      <c r="K103" s="6">
        <v>4480</v>
      </c>
      <c r="L103" s="6">
        <v>4603</v>
      </c>
      <c r="M103" s="6">
        <v>10009</v>
      </c>
      <c r="N103" s="6">
        <v>88080</v>
      </c>
      <c r="O103" s="6">
        <v>8548</v>
      </c>
      <c r="P103" s="6">
        <v>22973</v>
      </c>
      <c r="Q103" s="6">
        <v>56559</v>
      </c>
      <c r="R103" s="6">
        <v>31699</v>
      </c>
      <c r="S103" s="7">
        <v>71.138909999999996</v>
      </c>
    </row>
    <row r="104" spans="1:19">
      <c r="A104" s="9" t="s">
        <v>27</v>
      </c>
      <c r="B104" s="9" t="s">
        <v>57</v>
      </c>
      <c r="C104" s="9" t="s">
        <v>58</v>
      </c>
      <c r="D104" s="9" t="s">
        <v>53</v>
      </c>
      <c r="E104" s="9" t="s">
        <v>31</v>
      </c>
      <c r="F104" s="6">
        <v>23179</v>
      </c>
      <c r="G104" s="6">
        <v>3186</v>
      </c>
      <c r="H104" s="6">
        <v>2867</v>
      </c>
      <c r="I104" s="6">
        <v>1374</v>
      </c>
      <c r="J104" s="6">
        <v>50</v>
      </c>
      <c r="K104" s="6">
        <v>1370</v>
      </c>
      <c r="L104" s="6">
        <v>73</v>
      </c>
      <c r="M104" s="6">
        <v>319</v>
      </c>
      <c r="N104" s="6">
        <v>18277</v>
      </c>
      <c r="O104" s="6">
        <v>78</v>
      </c>
      <c r="P104" s="6">
        <v>17851</v>
      </c>
      <c r="Q104" s="6">
        <v>348</v>
      </c>
      <c r="R104" s="6">
        <v>1716</v>
      </c>
      <c r="S104" s="7">
        <v>14.844150000000001</v>
      </c>
    </row>
    <row r="105" spans="1:19">
      <c r="A105" s="9" t="s">
        <v>27</v>
      </c>
      <c r="B105" s="9" t="s">
        <v>57</v>
      </c>
      <c r="C105" s="9" t="s">
        <v>58</v>
      </c>
      <c r="D105" s="9" t="s">
        <v>53</v>
      </c>
      <c r="E105" s="9" t="s">
        <v>32</v>
      </c>
      <c r="F105" s="6">
        <v>21387</v>
      </c>
      <c r="G105" s="6">
        <v>13598</v>
      </c>
      <c r="H105" s="6">
        <v>12596</v>
      </c>
      <c r="I105" s="6">
        <v>9418</v>
      </c>
      <c r="J105" s="6">
        <v>143</v>
      </c>
      <c r="K105" s="6">
        <v>2794</v>
      </c>
      <c r="L105" s="6">
        <v>241</v>
      </c>
      <c r="M105" s="6">
        <v>1002</v>
      </c>
      <c r="N105" s="6">
        <v>5085</v>
      </c>
      <c r="O105" s="6">
        <v>131</v>
      </c>
      <c r="P105" s="6">
        <v>4552</v>
      </c>
      <c r="Q105" s="6">
        <v>402</v>
      </c>
      <c r="R105" s="6">
        <v>2704</v>
      </c>
      <c r="S105" s="7">
        <v>72.782740000000004</v>
      </c>
    </row>
    <row r="106" spans="1:19">
      <c r="A106" s="9" t="s">
        <v>27</v>
      </c>
      <c r="B106" s="9" t="s">
        <v>57</v>
      </c>
      <c r="C106" s="9" t="s">
        <v>58</v>
      </c>
      <c r="D106" s="9" t="s">
        <v>53</v>
      </c>
      <c r="E106" s="9" t="s">
        <v>33</v>
      </c>
      <c r="F106" s="6">
        <v>20161</v>
      </c>
      <c r="G106" s="6">
        <v>16302</v>
      </c>
      <c r="H106" s="6">
        <v>15391</v>
      </c>
      <c r="I106" s="6">
        <v>14934</v>
      </c>
      <c r="J106" s="6">
        <v>104</v>
      </c>
      <c r="K106" s="6">
        <v>179</v>
      </c>
      <c r="L106" s="6">
        <v>174</v>
      </c>
      <c r="M106" s="6">
        <v>911</v>
      </c>
      <c r="N106" s="6">
        <v>779</v>
      </c>
      <c r="O106" s="6">
        <v>106</v>
      </c>
      <c r="P106" s="6">
        <v>368</v>
      </c>
      <c r="Q106" s="6">
        <v>305</v>
      </c>
      <c r="R106" s="6">
        <v>3080</v>
      </c>
      <c r="S106" s="7">
        <v>95.43938</v>
      </c>
    </row>
    <row r="107" spans="1:19">
      <c r="A107" s="9" t="s">
        <v>27</v>
      </c>
      <c r="B107" s="9" t="s">
        <v>57</v>
      </c>
      <c r="C107" s="9" t="s">
        <v>58</v>
      </c>
      <c r="D107" s="9" t="s">
        <v>53</v>
      </c>
      <c r="E107" s="9" t="s">
        <v>34</v>
      </c>
      <c r="F107" s="6">
        <v>22221</v>
      </c>
      <c r="G107" s="6">
        <v>18632</v>
      </c>
      <c r="H107" s="6">
        <v>17750</v>
      </c>
      <c r="I107" s="6">
        <v>17384</v>
      </c>
      <c r="J107" s="6">
        <v>97</v>
      </c>
      <c r="K107" s="6">
        <v>65</v>
      </c>
      <c r="L107" s="6">
        <v>204</v>
      </c>
      <c r="M107" s="6">
        <v>882</v>
      </c>
      <c r="N107" s="6">
        <v>584</v>
      </c>
      <c r="O107" s="6">
        <v>137</v>
      </c>
      <c r="P107" s="6">
        <v>88</v>
      </c>
      <c r="Q107" s="6">
        <v>359</v>
      </c>
      <c r="R107" s="6">
        <v>3005</v>
      </c>
      <c r="S107" s="7">
        <v>96.96087</v>
      </c>
    </row>
    <row r="108" spans="1:19">
      <c r="A108" s="9" t="s">
        <v>27</v>
      </c>
      <c r="B108" s="9" t="s">
        <v>57</v>
      </c>
      <c r="C108" s="9" t="s">
        <v>58</v>
      </c>
      <c r="D108" s="9" t="s">
        <v>53</v>
      </c>
      <c r="E108" s="9" t="s">
        <v>35</v>
      </c>
      <c r="F108" s="6">
        <v>25202</v>
      </c>
      <c r="G108" s="6">
        <v>21369</v>
      </c>
      <c r="H108" s="6">
        <v>20455</v>
      </c>
      <c r="I108" s="6">
        <v>20089</v>
      </c>
      <c r="J108" s="6">
        <v>111</v>
      </c>
      <c r="K108" s="6">
        <v>35</v>
      </c>
      <c r="L108" s="6">
        <v>220</v>
      </c>
      <c r="M108" s="6">
        <v>914</v>
      </c>
      <c r="N108" s="6">
        <v>679</v>
      </c>
      <c r="O108" s="6">
        <v>165</v>
      </c>
      <c r="P108" s="6">
        <v>50</v>
      </c>
      <c r="Q108" s="6">
        <v>464</v>
      </c>
      <c r="R108" s="6">
        <v>3154</v>
      </c>
      <c r="S108" s="7">
        <v>96.920360000000002</v>
      </c>
    </row>
    <row r="109" spans="1:19">
      <c r="A109" s="9" t="s">
        <v>27</v>
      </c>
      <c r="B109" s="9" t="s">
        <v>57</v>
      </c>
      <c r="C109" s="9" t="s">
        <v>58</v>
      </c>
      <c r="D109" s="9" t="s">
        <v>53</v>
      </c>
      <c r="E109" s="9" t="s">
        <v>36</v>
      </c>
      <c r="F109" s="6">
        <v>27981</v>
      </c>
      <c r="G109" s="6">
        <v>24223</v>
      </c>
      <c r="H109" s="6">
        <v>23309</v>
      </c>
      <c r="I109" s="6">
        <v>22957</v>
      </c>
      <c r="J109" s="6">
        <v>137</v>
      </c>
      <c r="K109" s="6">
        <v>10</v>
      </c>
      <c r="L109" s="6">
        <v>205</v>
      </c>
      <c r="M109" s="6">
        <v>914</v>
      </c>
      <c r="N109" s="6">
        <v>732</v>
      </c>
      <c r="O109" s="6">
        <v>187</v>
      </c>
      <c r="P109" s="6">
        <v>22</v>
      </c>
      <c r="Q109" s="6">
        <v>523</v>
      </c>
      <c r="R109" s="6">
        <v>3026</v>
      </c>
      <c r="S109" s="7">
        <v>97.066720000000004</v>
      </c>
    </row>
    <row r="110" spans="1:19">
      <c r="A110" s="9" t="s">
        <v>27</v>
      </c>
      <c r="B110" s="9" t="s">
        <v>57</v>
      </c>
      <c r="C110" s="9" t="s">
        <v>58</v>
      </c>
      <c r="D110" s="9" t="s">
        <v>53</v>
      </c>
      <c r="E110" s="9" t="s">
        <v>37</v>
      </c>
      <c r="F110" s="6">
        <v>30223</v>
      </c>
      <c r="G110" s="6">
        <v>26302</v>
      </c>
      <c r="H110" s="6">
        <v>25351</v>
      </c>
      <c r="I110" s="6">
        <v>24875</v>
      </c>
      <c r="J110" s="6">
        <v>143</v>
      </c>
      <c r="K110" s="6">
        <v>7</v>
      </c>
      <c r="L110" s="6">
        <v>326</v>
      </c>
      <c r="M110" s="6">
        <v>951</v>
      </c>
      <c r="N110" s="6">
        <v>1016</v>
      </c>
      <c r="O110" s="6">
        <v>251</v>
      </c>
      <c r="P110" s="6">
        <v>18</v>
      </c>
      <c r="Q110" s="6">
        <v>747</v>
      </c>
      <c r="R110" s="6">
        <v>2905</v>
      </c>
      <c r="S110" s="7">
        <v>96.280839999999998</v>
      </c>
    </row>
    <row r="111" spans="1:19">
      <c r="A111" s="9" t="s">
        <v>27</v>
      </c>
      <c r="B111" s="9" t="s">
        <v>57</v>
      </c>
      <c r="C111" s="9" t="s">
        <v>58</v>
      </c>
      <c r="D111" s="9" t="s">
        <v>53</v>
      </c>
      <c r="E111" s="9" t="s">
        <v>38</v>
      </c>
      <c r="F111" s="6">
        <v>25690</v>
      </c>
      <c r="G111" s="6">
        <v>22351</v>
      </c>
      <c r="H111" s="6">
        <v>21453</v>
      </c>
      <c r="I111" s="6">
        <v>21025</v>
      </c>
      <c r="J111" s="6">
        <v>146</v>
      </c>
      <c r="K111" s="6">
        <v>6</v>
      </c>
      <c r="L111" s="6">
        <v>276</v>
      </c>
      <c r="M111" s="6">
        <v>898</v>
      </c>
      <c r="N111" s="6">
        <v>1052</v>
      </c>
      <c r="O111" s="6">
        <v>248</v>
      </c>
      <c r="P111" s="6">
        <v>6</v>
      </c>
      <c r="Q111" s="6">
        <v>798</v>
      </c>
      <c r="R111" s="6">
        <v>2287</v>
      </c>
      <c r="S111" s="7">
        <v>95.504850000000005</v>
      </c>
    </row>
    <row r="112" spans="1:19">
      <c r="A112" s="9" t="s">
        <v>27</v>
      </c>
      <c r="B112" s="9" t="s">
        <v>57</v>
      </c>
      <c r="C112" s="9" t="s">
        <v>58</v>
      </c>
      <c r="D112" s="9" t="s">
        <v>53</v>
      </c>
      <c r="E112" s="9" t="s">
        <v>39</v>
      </c>
      <c r="F112" s="6">
        <v>24609</v>
      </c>
      <c r="G112" s="6">
        <v>21559</v>
      </c>
      <c r="H112" s="6">
        <v>20698</v>
      </c>
      <c r="I112" s="6">
        <v>20150</v>
      </c>
      <c r="J112" s="6">
        <v>173</v>
      </c>
      <c r="K112" s="6">
        <v>4</v>
      </c>
      <c r="L112" s="6">
        <v>371</v>
      </c>
      <c r="M112" s="6">
        <v>861</v>
      </c>
      <c r="N112" s="6">
        <v>1390</v>
      </c>
      <c r="O112" s="6">
        <v>367</v>
      </c>
      <c r="P112" s="6">
        <v>8</v>
      </c>
      <c r="Q112" s="6">
        <v>1015</v>
      </c>
      <c r="R112" s="6">
        <v>1660</v>
      </c>
      <c r="S112" s="7">
        <v>93.943089999999998</v>
      </c>
    </row>
    <row r="113" spans="1:19">
      <c r="A113" s="9" t="s">
        <v>27</v>
      </c>
      <c r="B113" s="9" t="s">
        <v>57</v>
      </c>
      <c r="C113" s="9" t="s">
        <v>58</v>
      </c>
      <c r="D113" s="9" t="s">
        <v>53</v>
      </c>
      <c r="E113" s="9" t="s">
        <v>40</v>
      </c>
      <c r="F113" s="6">
        <v>24433</v>
      </c>
      <c r="G113" s="6">
        <v>19687</v>
      </c>
      <c r="H113" s="6">
        <v>18639</v>
      </c>
      <c r="I113" s="6">
        <v>17867</v>
      </c>
      <c r="J113" s="6">
        <v>308</v>
      </c>
      <c r="K113" s="6">
        <v>3</v>
      </c>
      <c r="L113" s="6">
        <v>461</v>
      </c>
      <c r="M113" s="6">
        <v>1048</v>
      </c>
      <c r="N113" s="6">
        <v>3367</v>
      </c>
      <c r="O113" s="6">
        <v>785</v>
      </c>
      <c r="P113" s="6">
        <v>1</v>
      </c>
      <c r="Q113" s="6">
        <v>2581</v>
      </c>
      <c r="R113" s="6">
        <v>1379</v>
      </c>
      <c r="S113" s="7">
        <v>85.395160000000004</v>
      </c>
    </row>
    <row r="114" spans="1:19">
      <c r="A114" s="9" t="s">
        <v>27</v>
      </c>
      <c r="B114" s="9" t="s">
        <v>57</v>
      </c>
      <c r="C114" s="9" t="s">
        <v>58</v>
      </c>
      <c r="D114" s="9" t="s">
        <v>53</v>
      </c>
      <c r="E114" s="9" t="s">
        <v>41</v>
      </c>
      <c r="F114" s="6">
        <v>25362</v>
      </c>
      <c r="G114" s="6">
        <v>14571</v>
      </c>
      <c r="H114" s="6">
        <v>13769</v>
      </c>
      <c r="I114" s="6">
        <v>12356</v>
      </c>
      <c r="J114" s="6">
        <v>754</v>
      </c>
      <c r="K114" s="6">
        <v>3</v>
      </c>
      <c r="L114" s="6">
        <v>656</v>
      </c>
      <c r="M114" s="6">
        <v>802</v>
      </c>
      <c r="N114" s="6">
        <v>9496</v>
      </c>
      <c r="O114" s="6">
        <v>1532</v>
      </c>
      <c r="P114" s="6">
        <v>1</v>
      </c>
      <c r="Q114" s="6">
        <v>7963</v>
      </c>
      <c r="R114" s="6">
        <v>1295</v>
      </c>
      <c r="S114" s="7">
        <v>60.543480000000002</v>
      </c>
    </row>
    <row r="115" spans="1:19">
      <c r="A115" s="9" t="s">
        <v>27</v>
      </c>
      <c r="B115" s="9" t="s">
        <v>57</v>
      </c>
      <c r="C115" s="9" t="s">
        <v>58</v>
      </c>
      <c r="D115" s="9" t="s">
        <v>53</v>
      </c>
      <c r="E115" s="9" t="s">
        <v>42</v>
      </c>
      <c r="F115" s="6">
        <v>24913</v>
      </c>
      <c r="G115" s="6">
        <v>9551</v>
      </c>
      <c r="H115" s="6">
        <v>9192</v>
      </c>
      <c r="I115" s="6">
        <v>7764</v>
      </c>
      <c r="J115" s="6">
        <v>732</v>
      </c>
      <c r="K115" s="6">
        <v>3</v>
      </c>
      <c r="L115" s="6">
        <v>693</v>
      </c>
      <c r="M115" s="6">
        <v>359</v>
      </c>
      <c r="N115" s="6">
        <v>13738</v>
      </c>
      <c r="O115" s="6">
        <v>1622</v>
      </c>
      <c r="P115" s="6">
        <v>1</v>
      </c>
      <c r="Q115" s="6">
        <v>12115</v>
      </c>
      <c r="R115" s="6">
        <v>1624</v>
      </c>
      <c r="S115" s="7">
        <v>41.010779999999997</v>
      </c>
    </row>
    <row r="116" spans="1:19">
      <c r="A116" s="9" t="s">
        <v>27</v>
      </c>
      <c r="B116" s="9" t="s">
        <v>57</v>
      </c>
      <c r="C116" s="9" t="s">
        <v>58</v>
      </c>
      <c r="D116" s="9" t="s">
        <v>53</v>
      </c>
      <c r="E116" s="9" t="s">
        <v>43</v>
      </c>
      <c r="F116" s="6">
        <v>16756</v>
      </c>
      <c r="G116" s="6">
        <v>3569</v>
      </c>
      <c r="H116" s="6">
        <v>3477</v>
      </c>
      <c r="I116" s="6">
        <v>2743</v>
      </c>
      <c r="J116" s="6">
        <v>402</v>
      </c>
      <c r="K116" s="10" t="s">
        <v>55</v>
      </c>
      <c r="L116" s="6">
        <v>332</v>
      </c>
      <c r="M116" s="6">
        <v>92</v>
      </c>
      <c r="N116" s="6">
        <v>11740</v>
      </c>
      <c r="O116" s="6">
        <v>1293</v>
      </c>
      <c r="P116" s="6">
        <v>3</v>
      </c>
      <c r="Q116" s="6">
        <v>10444</v>
      </c>
      <c r="R116" s="6">
        <v>1447</v>
      </c>
      <c r="S116" s="7">
        <v>23.313079999999999</v>
      </c>
    </row>
    <row r="117" spans="1:19">
      <c r="A117" s="9" t="s">
        <v>27</v>
      </c>
      <c r="B117" s="9" t="s">
        <v>57</v>
      </c>
      <c r="C117" s="9" t="s">
        <v>58</v>
      </c>
      <c r="D117" s="9" t="s">
        <v>53</v>
      </c>
      <c r="E117" s="9" t="s">
        <v>44</v>
      </c>
      <c r="F117" s="6">
        <v>12562</v>
      </c>
      <c r="G117" s="6">
        <v>1486</v>
      </c>
      <c r="H117" s="6">
        <v>1450</v>
      </c>
      <c r="I117" s="6">
        <v>1038</v>
      </c>
      <c r="J117" s="6">
        <v>179</v>
      </c>
      <c r="K117" s="10" t="s">
        <v>55</v>
      </c>
      <c r="L117" s="6">
        <v>233</v>
      </c>
      <c r="M117" s="6">
        <v>36</v>
      </c>
      <c r="N117" s="6">
        <v>9759</v>
      </c>
      <c r="O117" s="6">
        <v>943</v>
      </c>
      <c r="P117" s="10" t="s">
        <v>55</v>
      </c>
      <c r="Q117" s="6">
        <v>8816</v>
      </c>
      <c r="R117" s="6">
        <v>1317</v>
      </c>
      <c r="S117" s="7">
        <v>13.21476</v>
      </c>
    </row>
    <row r="118" spans="1:19">
      <c r="A118" s="9" t="s">
        <v>27</v>
      </c>
      <c r="B118" s="9" t="s">
        <v>57</v>
      </c>
      <c r="C118" s="9" t="s">
        <v>58</v>
      </c>
      <c r="D118" s="9" t="s">
        <v>53</v>
      </c>
      <c r="E118" s="9" t="s">
        <v>45</v>
      </c>
      <c r="F118" s="6">
        <v>8206</v>
      </c>
      <c r="G118" s="6">
        <v>564</v>
      </c>
      <c r="H118" s="6">
        <v>546</v>
      </c>
      <c r="I118" s="6">
        <v>355</v>
      </c>
      <c r="J118" s="6">
        <v>81</v>
      </c>
      <c r="K118" s="6">
        <v>1</v>
      </c>
      <c r="L118" s="6">
        <v>109</v>
      </c>
      <c r="M118" s="6">
        <v>18</v>
      </c>
      <c r="N118" s="6">
        <v>6846</v>
      </c>
      <c r="O118" s="6">
        <v>519</v>
      </c>
      <c r="P118" s="6">
        <v>4</v>
      </c>
      <c r="Q118" s="6">
        <v>6323</v>
      </c>
      <c r="R118" s="6">
        <v>796</v>
      </c>
      <c r="S118" s="7">
        <v>7.6113400000000002</v>
      </c>
    </row>
    <row r="119" spans="1:19">
      <c r="A119" s="9" t="s">
        <v>27</v>
      </c>
      <c r="B119" s="9" t="s">
        <v>57</v>
      </c>
      <c r="C119" s="9" t="s">
        <v>58</v>
      </c>
      <c r="D119" s="9" t="s">
        <v>53</v>
      </c>
      <c r="E119" s="9" t="s">
        <v>46</v>
      </c>
      <c r="F119" s="6">
        <v>3288</v>
      </c>
      <c r="G119" s="6">
        <v>137</v>
      </c>
      <c r="H119" s="6">
        <v>135</v>
      </c>
      <c r="I119" s="6">
        <v>89</v>
      </c>
      <c r="J119" s="6">
        <v>21</v>
      </c>
      <c r="K119" s="10" t="s">
        <v>55</v>
      </c>
      <c r="L119" s="6">
        <v>25</v>
      </c>
      <c r="M119" s="6">
        <v>2</v>
      </c>
      <c r="N119" s="6">
        <v>2880</v>
      </c>
      <c r="O119" s="6">
        <v>163</v>
      </c>
      <c r="P119" s="10" t="s">
        <v>55</v>
      </c>
      <c r="Q119" s="6">
        <v>2717</v>
      </c>
      <c r="R119" s="6">
        <v>271</v>
      </c>
      <c r="S119" s="7">
        <v>4.5409300000000004</v>
      </c>
    </row>
    <row r="120" spans="1:19">
      <c r="A120" s="9" t="s">
        <v>27</v>
      </c>
      <c r="B120" s="9" t="s">
        <v>57</v>
      </c>
      <c r="C120" s="9" t="s">
        <v>58</v>
      </c>
      <c r="D120" s="9" t="s">
        <v>53</v>
      </c>
      <c r="E120" s="9" t="s">
        <v>47</v>
      </c>
      <c r="F120" s="6">
        <v>712</v>
      </c>
      <c r="G120" s="6">
        <v>19</v>
      </c>
      <c r="H120" s="6">
        <v>19</v>
      </c>
      <c r="I120" s="6">
        <v>12</v>
      </c>
      <c r="J120" s="6">
        <v>3</v>
      </c>
      <c r="K120" s="10" t="s">
        <v>55</v>
      </c>
      <c r="L120" s="6">
        <v>4</v>
      </c>
      <c r="M120" s="10" t="s">
        <v>55</v>
      </c>
      <c r="N120" s="6">
        <v>660</v>
      </c>
      <c r="O120" s="6">
        <v>21</v>
      </c>
      <c r="P120" s="10" t="s">
        <v>55</v>
      </c>
      <c r="Q120" s="6">
        <v>639</v>
      </c>
      <c r="R120" s="6">
        <v>33</v>
      </c>
      <c r="S120" s="7">
        <v>2.7982300000000002</v>
      </c>
    </row>
    <row r="121" spans="1:19">
      <c r="A121" s="9" t="s">
        <v>27</v>
      </c>
      <c r="B121" s="9" t="s">
        <v>57</v>
      </c>
      <c r="C121" s="9" t="s">
        <v>58</v>
      </c>
      <c r="D121" s="9" t="s">
        <v>53</v>
      </c>
      <c r="E121" s="9" t="s">
        <v>48</v>
      </c>
      <c r="F121" s="6">
        <v>245086</v>
      </c>
      <c r="G121" s="6">
        <v>187209</v>
      </c>
      <c r="H121" s="6">
        <v>178509</v>
      </c>
      <c r="I121" s="6">
        <v>170073</v>
      </c>
      <c r="J121" s="6">
        <v>1412</v>
      </c>
      <c r="K121" s="6">
        <v>4473</v>
      </c>
      <c r="L121" s="6">
        <v>2551</v>
      </c>
      <c r="M121" s="6">
        <v>8700</v>
      </c>
      <c r="N121" s="6">
        <v>32961</v>
      </c>
      <c r="O121" s="6">
        <v>2455</v>
      </c>
      <c r="P121" s="6">
        <v>22964</v>
      </c>
      <c r="Q121" s="6">
        <v>7542</v>
      </c>
      <c r="R121" s="6">
        <v>24916</v>
      </c>
      <c r="S121" s="7">
        <v>85.029300000000006</v>
      </c>
    </row>
    <row r="122" spans="1:19">
      <c r="A122" s="9" t="s">
        <v>27</v>
      </c>
      <c r="B122" s="9" t="s">
        <v>57</v>
      </c>
      <c r="C122" s="9" t="s">
        <v>58</v>
      </c>
      <c r="D122" s="9" t="s">
        <v>53</v>
      </c>
      <c r="E122" s="9" t="s">
        <v>49</v>
      </c>
      <c r="F122" s="6">
        <v>91799</v>
      </c>
      <c r="G122" s="6">
        <v>29897</v>
      </c>
      <c r="H122" s="6">
        <v>28588</v>
      </c>
      <c r="I122" s="6">
        <v>24357</v>
      </c>
      <c r="J122" s="6">
        <v>2172</v>
      </c>
      <c r="K122" s="6">
        <v>7</v>
      </c>
      <c r="L122" s="6">
        <v>2052</v>
      </c>
      <c r="M122" s="6">
        <v>1309</v>
      </c>
      <c r="N122" s="6">
        <v>55119</v>
      </c>
      <c r="O122" s="6">
        <v>6093</v>
      </c>
      <c r="P122" s="6">
        <v>9</v>
      </c>
      <c r="Q122" s="6">
        <v>49017</v>
      </c>
      <c r="R122" s="6">
        <v>6783</v>
      </c>
      <c r="S122" s="7">
        <v>35.166319999999999</v>
      </c>
    </row>
    <row r="123" spans="1:19">
      <c r="A123" s="9" t="s">
        <v>27</v>
      </c>
      <c r="B123" s="9" t="s">
        <v>57</v>
      </c>
      <c r="C123" s="9" t="s">
        <v>58</v>
      </c>
      <c r="D123" s="9" t="s">
        <v>53</v>
      </c>
      <c r="E123" s="9" t="s">
        <v>50</v>
      </c>
      <c r="F123" s="6">
        <v>41524</v>
      </c>
      <c r="G123" s="6">
        <v>5775</v>
      </c>
      <c r="H123" s="6">
        <v>5627</v>
      </c>
      <c r="I123" s="6">
        <v>4237</v>
      </c>
      <c r="J123" s="6">
        <v>686</v>
      </c>
      <c r="K123" s="6">
        <v>1</v>
      </c>
      <c r="L123" s="6">
        <v>703</v>
      </c>
      <c r="M123" s="6">
        <v>148</v>
      </c>
      <c r="N123" s="6">
        <v>31885</v>
      </c>
      <c r="O123" s="6">
        <v>2939</v>
      </c>
      <c r="P123" s="6">
        <v>7</v>
      </c>
      <c r="Q123" s="6">
        <v>28939</v>
      </c>
      <c r="R123" s="6">
        <v>3864</v>
      </c>
      <c r="S123" s="7">
        <v>15.334569999999999</v>
      </c>
    </row>
    <row r="124" spans="1:19">
      <c r="A124" s="9" t="s">
        <v>27</v>
      </c>
      <c r="B124" s="9" t="s">
        <v>57</v>
      </c>
      <c r="C124" s="9" t="s">
        <v>58</v>
      </c>
      <c r="D124" s="9" t="s">
        <v>53</v>
      </c>
      <c r="E124" s="9" t="s">
        <v>51</v>
      </c>
      <c r="F124" s="6">
        <v>12206</v>
      </c>
      <c r="G124" s="6">
        <v>720</v>
      </c>
      <c r="H124" s="6">
        <v>700</v>
      </c>
      <c r="I124" s="6">
        <v>456</v>
      </c>
      <c r="J124" s="6">
        <v>105</v>
      </c>
      <c r="K124" s="6">
        <v>1</v>
      </c>
      <c r="L124" s="6">
        <v>138</v>
      </c>
      <c r="M124" s="6">
        <v>20</v>
      </c>
      <c r="N124" s="6">
        <v>10386</v>
      </c>
      <c r="O124" s="6">
        <v>703</v>
      </c>
      <c r="P124" s="6">
        <v>4</v>
      </c>
      <c r="Q124" s="6">
        <v>9679</v>
      </c>
      <c r="R124" s="6">
        <v>1100</v>
      </c>
      <c r="S124" s="7">
        <v>6.4829800000000004</v>
      </c>
    </row>
    <row r="125" spans="1:19">
      <c r="A125" s="9" t="s">
        <v>27</v>
      </c>
      <c r="B125" s="9" t="s">
        <v>57</v>
      </c>
      <c r="C125" s="9" t="s">
        <v>58</v>
      </c>
      <c r="D125" s="9" t="s">
        <v>53</v>
      </c>
      <c r="E125" s="9" t="s">
        <v>52</v>
      </c>
      <c r="F125" s="6">
        <v>247269</v>
      </c>
      <c r="G125" s="6">
        <v>198594</v>
      </c>
      <c r="H125" s="6">
        <v>189411</v>
      </c>
      <c r="I125" s="6">
        <v>181055</v>
      </c>
      <c r="J125" s="6">
        <v>2116</v>
      </c>
      <c r="K125" s="6">
        <v>3106</v>
      </c>
      <c r="L125" s="6">
        <v>3134</v>
      </c>
      <c r="M125" s="6">
        <v>9183</v>
      </c>
      <c r="N125" s="6">
        <v>24180</v>
      </c>
      <c r="O125" s="6">
        <v>3909</v>
      </c>
      <c r="P125" s="6">
        <v>5114</v>
      </c>
      <c r="Q125" s="6">
        <v>15157</v>
      </c>
      <c r="R125" s="6">
        <v>24495</v>
      </c>
      <c r="S125" s="7">
        <v>89.145949999999999</v>
      </c>
    </row>
    <row r="126" spans="1:19">
      <c r="A126" s="9" t="s">
        <v>27</v>
      </c>
      <c r="B126" s="9" t="s">
        <v>57</v>
      </c>
      <c r="C126" s="9" t="s">
        <v>58</v>
      </c>
      <c r="D126" s="9" t="s">
        <v>54</v>
      </c>
      <c r="E126" s="9" t="s">
        <v>30</v>
      </c>
      <c r="F126" s="6">
        <v>388671</v>
      </c>
      <c r="G126" s="6">
        <v>198901</v>
      </c>
      <c r="H126" s="6">
        <v>191918</v>
      </c>
      <c r="I126" s="6">
        <v>144656</v>
      </c>
      <c r="J126" s="6">
        <v>36459</v>
      </c>
      <c r="K126" s="6">
        <v>4493</v>
      </c>
      <c r="L126" s="6">
        <v>6310</v>
      </c>
      <c r="M126" s="6">
        <v>6983</v>
      </c>
      <c r="N126" s="6">
        <v>158818</v>
      </c>
      <c r="O126" s="6">
        <v>74901</v>
      </c>
      <c r="P126" s="6">
        <v>21251</v>
      </c>
      <c r="Q126" s="6">
        <v>62666</v>
      </c>
      <c r="R126" s="6">
        <v>30952</v>
      </c>
      <c r="S126" s="7">
        <v>55.602580000000003</v>
      </c>
    </row>
    <row r="127" spans="1:19">
      <c r="A127" s="9" t="s">
        <v>27</v>
      </c>
      <c r="B127" s="9" t="s">
        <v>57</v>
      </c>
      <c r="C127" s="9" t="s">
        <v>58</v>
      </c>
      <c r="D127" s="9" t="s">
        <v>54</v>
      </c>
      <c r="E127" s="9" t="s">
        <v>31</v>
      </c>
      <c r="F127" s="6">
        <v>21986</v>
      </c>
      <c r="G127" s="6">
        <v>3282</v>
      </c>
      <c r="H127" s="6">
        <v>3102</v>
      </c>
      <c r="I127" s="6">
        <v>1094</v>
      </c>
      <c r="J127" s="6">
        <v>82</v>
      </c>
      <c r="K127" s="6">
        <v>1835</v>
      </c>
      <c r="L127" s="6">
        <v>91</v>
      </c>
      <c r="M127" s="6">
        <v>180</v>
      </c>
      <c r="N127" s="6">
        <v>17007</v>
      </c>
      <c r="O127" s="6">
        <v>157</v>
      </c>
      <c r="P127" s="6">
        <v>16624</v>
      </c>
      <c r="Q127" s="6">
        <v>226</v>
      </c>
      <c r="R127" s="6">
        <v>1697</v>
      </c>
      <c r="S127" s="7">
        <v>16.17625</v>
      </c>
    </row>
    <row r="128" spans="1:19">
      <c r="A128" s="9" t="s">
        <v>27</v>
      </c>
      <c r="B128" s="9" t="s">
        <v>57</v>
      </c>
      <c r="C128" s="9" t="s">
        <v>58</v>
      </c>
      <c r="D128" s="9" t="s">
        <v>54</v>
      </c>
      <c r="E128" s="9" t="s">
        <v>32</v>
      </c>
      <c r="F128" s="6">
        <v>21366</v>
      </c>
      <c r="G128" s="6">
        <v>13873</v>
      </c>
      <c r="H128" s="6">
        <v>13188</v>
      </c>
      <c r="I128" s="6">
        <v>9990</v>
      </c>
      <c r="J128" s="6">
        <v>392</v>
      </c>
      <c r="K128" s="6">
        <v>2391</v>
      </c>
      <c r="L128" s="6">
        <v>415</v>
      </c>
      <c r="M128" s="6">
        <v>685</v>
      </c>
      <c r="N128" s="6">
        <v>5231</v>
      </c>
      <c r="O128" s="6">
        <v>761</v>
      </c>
      <c r="P128" s="6">
        <v>4165</v>
      </c>
      <c r="Q128" s="6">
        <v>305</v>
      </c>
      <c r="R128" s="6">
        <v>2262</v>
      </c>
      <c r="S128" s="7">
        <v>72.618300000000005</v>
      </c>
    </row>
    <row r="129" spans="1:19">
      <c r="A129" s="9" t="s">
        <v>27</v>
      </c>
      <c r="B129" s="9" t="s">
        <v>57</v>
      </c>
      <c r="C129" s="9" t="s">
        <v>58</v>
      </c>
      <c r="D129" s="9" t="s">
        <v>54</v>
      </c>
      <c r="E129" s="9" t="s">
        <v>33</v>
      </c>
      <c r="F129" s="6">
        <v>21381</v>
      </c>
      <c r="G129" s="6">
        <v>16420</v>
      </c>
      <c r="H129" s="6">
        <v>15633</v>
      </c>
      <c r="I129" s="6">
        <v>13673</v>
      </c>
      <c r="J129" s="6">
        <v>954</v>
      </c>
      <c r="K129" s="6">
        <v>98</v>
      </c>
      <c r="L129" s="6">
        <v>908</v>
      </c>
      <c r="M129" s="6">
        <v>787</v>
      </c>
      <c r="N129" s="6">
        <v>2404</v>
      </c>
      <c r="O129" s="6">
        <v>1956</v>
      </c>
      <c r="P129" s="6">
        <v>215</v>
      </c>
      <c r="Q129" s="6">
        <v>233</v>
      </c>
      <c r="R129" s="6">
        <v>2557</v>
      </c>
      <c r="S129" s="7">
        <v>87.229069999999993</v>
      </c>
    </row>
    <row r="130" spans="1:19">
      <c r="A130" s="9" t="s">
        <v>27</v>
      </c>
      <c r="B130" s="9" t="s">
        <v>57</v>
      </c>
      <c r="C130" s="9" t="s">
        <v>58</v>
      </c>
      <c r="D130" s="9" t="s">
        <v>54</v>
      </c>
      <c r="E130" s="9" t="s">
        <v>34</v>
      </c>
      <c r="F130" s="6">
        <v>23319</v>
      </c>
      <c r="G130" s="6">
        <v>16890</v>
      </c>
      <c r="H130" s="6">
        <v>16218</v>
      </c>
      <c r="I130" s="6">
        <v>13077</v>
      </c>
      <c r="J130" s="6">
        <v>1877</v>
      </c>
      <c r="K130" s="6">
        <v>50</v>
      </c>
      <c r="L130" s="6">
        <v>1214</v>
      </c>
      <c r="M130" s="6">
        <v>672</v>
      </c>
      <c r="N130" s="6">
        <v>3857</v>
      </c>
      <c r="O130" s="6">
        <v>3500</v>
      </c>
      <c r="P130" s="6">
        <v>88</v>
      </c>
      <c r="Q130" s="6">
        <v>269</v>
      </c>
      <c r="R130" s="6">
        <v>2572</v>
      </c>
      <c r="S130" s="7">
        <v>81.409360000000007</v>
      </c>
    </row>
    <row r="131" spans="1:19">
      <c r="A131" s="9" t="s">
        <v>27</v>
      </c>
      <c r="B131" s="9" t="s">
        <v>57</v>
      </c>
      <c r="C131" s="9" t="s">
        <v>58</v>
      </c>
      <c r="D131" s="9" t="s">
        <v>54</v>
      </c>
      <c r="E131" s="9" t="s">
        <v>35</v>
      </c>
      <c r="F131" s="6">
        <v>26755</v>
      </c>
      <c r="G131" s="6">
        <v>19533</v>
      </c>
      <c r="H131" s="6">
        <v>18902</v>
      </c>
      <c r="I131" s="6">
        <v>15006</v>
      </c>
      <c r="J131" s="6">
        <v>2967</v>
      </c>
      <c r="K131" s="6">
        <v>35</v>
      </c>
      <c r="L131" s="6">
        <v>894</v>
      </c>
      <c r="M131" s="6">
        <v>631</v>
      </c>
      <c r="N131" s="6">
        <v>4545</v>
      </c>
      <c r="O131" s="6">
        <v>4194</v>
      </c>
      <c r="P131" s="6">
        <v>45</v>
      </c>
      <c r="Q131" s="6">
        <v>306</v>
      </c>
      <c r="R131" s="6">
        <v>2677</v>
      </c>
      <c r="S131" s="7">
        <v>81.123850000000004</v>
      </c>
    </row>
    <row r="132" spans="1:19">
      <c r="A132" s="9" t="s">
        <v>27</v>
      </c>
      <c r="B132" s="9" t="s">
        <v>57</v>
      </c>
      <c r="C132" s="9" t="s">
        <v>58</v>
      </c>
      <c r="D132" s="9" t="s">
        <v>54</v>
      </c>
      <c r="E132" s="9" t="s">
        <v>36</v>
      </c>
      <c r="F132" s="6">
        <v>29908</v>
      </c>
      <c r="G132" s="6">
        <v>22668</v>
      </c>
      <c r="H132" s="6">
        <v>22004</v>
      </c>
      <c r="I132" s="6">
        <v>17416</v>
      </c>
      <c r="J132" s="6">
        <v>4093</v>
      </c>
      <c r="K132" s="6">
        <v>32</v>
      </c>
      <c r="L132" s="6">
        <v>463</v>
      </c>
      <c r="M132" s="6">
        <v>664</v>
      </c>
      <c r="N132" s="6">
        <v>4495</v>
      </c>
      <c r="O132" s="6">
        <v>4107</v>
      </c>
      <c r="P132" s="6">
        <v>31</v>
      </c>
      <c r="Q132" s="6">
        <v>357</v>
      </c>
      <c r="R132" s="6">
        <v>2745</v>
      </c>
      <c r="S132" s="7">
        <v>83.451750000000004</v>
      </c>
    </row>
    <row r="133" spans="1:19">
      <c r="A133" s="9" t="s">
        <v>27</v>
      </c>
      <c r="B133" s="9" t="s">
        <v>57</v>
      </c>
      <c r="C133" s="9" t="s">
        <v>58</v>
      </c>
      <c r="D133" s="9" t="s">
        <v>54</v>
      </c>
      <c r="E133" s="9" t="s">
        <v>37</v>
      </c>
      <c r="F133" s="6">
        <v>32570</v>
      </c>
      <c r="G133" s="6">
        <v>25336</v>
      </c>
      <c r="H133" s="6">
        <v>24490</v>
      </c>
      <c r="I133" s="6">
        <v>19326</v>
      </c>
      <c r="J133" s="6">
        <v>4803</v>
      </c>
      <c r="K133" s="6">
        <v>24</v>
      </c>
      <c r="L133" s="6">
        <v>337</v>
      </c>
      <c r="M133" s="6">
        <v>846</v>
      </c>
      <c r="N133" s="6">
        <v>4776</v>
      </c>
      <c r="O133" s="6">
        <v>4272</v>
      </c>
      <c r="P133" s="6">
        <v>28</v>
      </c>
      <c r="Q133" s="6">
        <v>476</v>
      </c>
      <c r="R133" s="6">
        <v>2458</v>
      </c>
      <c r="S133" s="7">
        <v>84.139210000000006</v>
      </c>
    </row>
    <row r="134" spans="1:19">
      <c r="A134" s="9" t="s">
        <v>27</v>
      </c>
      <c r="B134" s="9" t="s">
        <v>57</v>
      </c>
      <c r="C134" s="9" t="s">
        <v>58</v>
      </c>
      <c r="D134" s="9" t="s">
        <v>54</v>
      </c>
      <c r="E134" s="9" t="s">
        <v>38</v>
      </c>
      <c r="F134" s="6">
        <v>28938</v>
      </c>
      <c r="G134" s="6">
        <v>22222</v>
      </c>
      <c r="H134" s="6">
        <v>21446</v>
      </c>
      <c r="I134" s="6">
        <v>16855</v>
      </c>
      <c r="J134" s="6">
        <v>4282</v>
      </c>
      <c r="K134" s="6">
        <v>9</v>
      </c>
      <c r="L134" s="6">
        <v>300</v>
      </c>
      <c r="M134" s="6">
        <v>776</v>
      </c>
      <c r="N134" s="6">
        <v>4968</v>
      </c>
      <c r="O134" s="6">
        <v>4416</v>
      </c>
      <c r="P134" s="6">
        <v>11</v>
      </c>
      <c r="Q134" s="6">
        <v>541</v>
      </c>
      <c r="R134" s="6">
        <v>1748</v>
      </c>
      <c r="S134" s="7">
        <v>81.728579999999994</v>
      </c>
    </row>
    <row r="135" spans="1:19">
      <c r="A135" s="9" t="s">
        <v>27</v>
      </c>
      <c r="B135" s="9" t="s">
        <v>57</v>
      </c>
      <c r="C135" s="9" t="s">
        <v>58</v>
      </c>
      <c r="D135" s="9" t="s">
        <v>54</v>
      </c>
      <c r="E135" s="9" t="s">
        <v>39</v>
      </c>
      <c r="F135" s="6">
        <v>27589</v>
      </c>
      <c r="G135" s="6">
        <v>19964</v>
      </c>
      <c r="H135" s="6">
        <v>19310</v>
      </c>
      <c r="I135" s="6">
        <v>14748</v>
      </c>
      <c r="J135" s="6">
        <v>4244</v>
      </c>
      <c r="K135" s="6">
        <v>4</v>
      </c>
      <c r="L135" s="6">
        <v>314</v>
      </c>
      <c r="M135" s="6">
        <v>654</v>
      </c>
      <c r="N135" s="6">
        <v>6269</v>
      </c>
      <c r="O135" s="6">
        <v>5566</v>
      </c>
      <c r="P135" s="6">
        <v>6</v>
      </c>
      <c r="Q135" s="6">
        <v>697</v>
      </c>
      <c r="R135" s="6">
        <v>1356</v>
      </c>
      <c r="S135" s="7">
        <v>76.102620000000002</v>
      </c>
    </row>
    <row r="136" spans="1:19">
      <c r="A136" s="9" t="s">
        <v>27</v>
      </c>
      <c r="B136" s="9" t="s">
        <v>57</v>
      </c>
      <c r="C136" s="9" t="s">
        <v>58</v>
      </c>
      <c r="D136" s="9" t="s">
        <v>54</v>
      </c>
      <c r="E136" s="9" t="s">
        <v>40</v>
      </c>
      <c r="F136" s="6">
        <v>26927</v>
      </c>
      <c r="G136" s="6">
        <v>16118</v>
      </c>
      <c r="H136" s="6">
        <v>15505</v>
      </c>
      <c r="I136" s="6">
        <v>10989</v>
      </c>
      <c r="J136" s="6">
        <v>4191</v>
      </c>
      <c r="K136" s="6">
        <v>4</v>
      </c>
      <c r="L136" s="6">
        <v>321</v>
      </c>
      <c r="M136" s="6">
        <v>613</v>
      </c>
      <c r="N136" s="6">
        <v>9765</v>
      </c>
      <c r="O136" s="6">
        <v>7879</v>
      </c>
      <c r="P136" s="6">
        <v>7</v>
      </c>
      <c r="Q136" s="6">
        <v>1879</v>
      </c>
      <c r="R136" s="6">
        <v>1044</v>
      </c>
      <c r="S136" s="7">
        <v>62.272530000000003</v>
      </c>
    </row>
    <row r="137" spans="1:19">
      <c r="A137" s="9" t="s">
        <v>27</v>
      </c>
      <c r="B137" s="9" t="s">
        <v>57</v>
      </c>
      <c r="C137" s="9" t="s">
        <v>58</v>
      </c>
      <c r="D137" s="9" t="s">
        <v>54</v>
      </c>
      <c r="E137" s="9" t="s">
        <v>41</v>
      </c>
      <c r="F137" s="6">
        <v>28664</v>
      </c>
      <c r="G137" s="6">
        <v>11066</v>
      </c>
      <c r="H137" s="6">
        <v>10759</v>
      </c>
      <c r="I137" s="6">
        <v>6730</v>
      </c>
      <c r="J137" s="6">
        <v>3693</v>
      </c>
      <c r="K137" s="6">
        <v>8</v>
      </c>
      <c r="L137" s="6">
        <v>328</v>
      </c>
      <c r="M137" s="6">
        <v>307</v>
      </c>
      <c r="N137" s="6">
        <v>16253</v>
      </c>
      <c r="O137" s="6">
        <v>10283</v>
      </c>
      <c r="P137" s="6">
        <v>7</v>
      </c>
      <c r="Q137" s="6">
        <v>5963</v>
      </c>
      <c r="R137" s="6">
        <v>1345</v>
      </c>
      <c r="S137" s="7">
        <v>40.506610000000002</v>
      </c>
    </row>
    <row r="138" spans="1:19">
      <c r="A138" s="9" t="s">
        <v>27</v>
      </c>
      <c r="B138" s="9" t="s">
        <v>57</v>
      </c>
      <c r="C138" s="9" t="s">
        <v>58</v>
      </c>
      <c r="D138" s="9" t="s">
        <v>54</v>
      </c>
      <c r="E138" s="9" t="s">
        <v>42</v>
      </c>
      <c r="F138" s="6">
        <v>30034</v>
      </c>
      <c r="G138" s="6">
        <v>7150</v>
      </c>
      <c r="H138" s="6">
        <v>7035</v>
      </c>
      <c r="I138" s="6">
        <v>3824</v>
      </c>
      <c r="J138" s="6">
        <v>2890</v>
      </c>
      <c r="K138" s="6">
        <v>1</v>
      </c>
      <c r="L138" s="6">
        <v>320</v>
      </c>
      <c r="M138" s="6">
        <v>115</v>
      </c>
      <c r="N138" s="6">
        <v>20695</v>
      </c>
      <c r="O138" s="6">
        <v>10777</v>
      </c>
      <c r="P138" s="6">
        <v>7</v>
      </c>
      <c r="Q138" s="6">
        <v>9911</v>
      </c>
      <c r="R138" s="6">
        <v>2189</v>
      </c>
      <c r="S138" s="7">
        <v>25.677859999999999</v>
      </c>
    </row>
    <row r="139" spans="1:19">
      <c r="A139" s="9" t="s">
        <v>27</v>
      </c>
      <c r="B139" s="9" t="s">
        <v>57</v>
      </c>
      <c r="C139" s="9" t="s">
        <v>58</v>
      </c>
      <c r="D139" s="9" t="s">
        <v>54</v>
      </c>
      <c r="E139" s="9" t="s">
        <v>43</v>
      </c>
      <c r="F139" s="6">
        <v>22871</v>
      </c>
      <c r="G139" s="6">
        <v>2661</v>
      </c>
      <c r="H139" s="6">
        <v>2629</v>
      </c>
      <c r="I139" s="6">
        <v>1262</v>
      </c>
      <c r="J139" s="6">
        <v>1189</v>
      </c>
      <c r="K139" s="10" t="s">
        <v>55</v>
      </c>
      <c r="L139" s="6">
        <v>178</v>
      </c>
      <c r="M139" s="6">
        <v>32</v>
      </c>
      <c r="N139" s="6">
        <v>17925</v>
      </c>
      <c r="O139" s="6">
        <v>7353</v>
      </c>
      <c r="P139" s="6">
        <v>5</v>
      </c>
      <c r="Q139" s="6">
        <v>10567</v>
      </c>
      <c r="R139" s="6">
        <v>2285</v>
      </c>
      <c r="S139" s="7">
        <v>12.926259999999999</v>
      </c>
    </row>
    <row r="140" spans="1:19">
      <c r="A140" s="9" t="s">
        <v>27</v>
      </c>
      <c r="B140" s="9" t="s">
        <v>57</v>
      </c>
      <c r="C140" s="9" t="s">
        <v>58</v>
      </c>
      <c r="D140" s="9" t="s">
        <v>54</v>
      </c>
      <c r="E140" s="9" t="s">
        <v>44</v>
      </c>
      <c r="F140" s="6">
        <v>19422</v>
      </c>
      <c r="G140" s="6">
        <v>1124</v>
      </c>
      <c r="H140" s="6">
        <v>1108</v>
      </c>
      <c r="I140" s="6">
        <v>455</v>
      </c>
      <c r="J140" s="6">
        <v>514</v>
      </c>
      <c r="K140" s="6">
        <v>1</v>
      </c>
      <c r="L140" s="6">
        <v>138</v>
      </c>
      <c r="M140" s="6">
        <v>16</v>
      </c>
      <c r="N140" s="6">
        <v>16252</v>
      </c>
      <c r="O140" s="6">
        <v>5344</v>
      </c>
      <c r="P140" s="6">
        <v>5</v>
      </c>
      <c r="Q140" s="6">
        <v>10903</v>
      </c>
      <c r="R140" s="6">
        <v>2046</v>
      </c>
      <c r="S140" s="7">
        <v>6.4686899999999996</v>
      </c>
    </row>
    <row r="141" spans="1:19">
      <c r="A141" s="9" t="s">
        <v>27</v>
      </c>
      <c r="B141" s="9" t="s">
        <v>57</v>
      </c>
      <c r="C141" s="9" t="s">
        <v>58</v>
      </c>
      <c r="D141" s="9" t="s">
        <v>54</v>
      </c>
      <c r="E141" s="9" t="s">
        <v>45</v>
      </c>
      <c r="F141" s="6">
        <v>15248</v>
      </c>
      <c r="G141" s="6">
        <v>454</v>
      </c>
      <c r="H141" s="6">
        <v>449</v>
      </c>
      <c r="I141" s="6">
        <v>157</v>
      </c>
      <c r="J141" s="6">
        <v>229</v>
      </c>
      <c r="K141" s="6">
        <v>1</v>
      </c>
      <c r="L141" s="6">
        <v>62</v>
      </c>
      <c r="M141" s="6">
        <v>5</v>
      </c>
      <c r="N141" s="6">
        <v>13469</v>
      </c>
      <c r="O141" s="6">
        <v>3208</v>
      </c>
      <c r="P141" s="6">
        <v>7</v>
      </c>
      <c r="Q141" s="6">
        <v>10254</v>
      </c>
      <c r="R141" s="6">
        <v>1325</v>
      </c>
      <c r="S141" s="7">
        <v>3.2607900000000001</v>
      </c>
    </row>
    <row r="142" spans="1:19">
      <c r="A142" s="9" t="s">
        <v>27</v>
      </c>
      <c r="B142" s="9" t="s">
        <v>57</v>
      </c>
      <c r="C142" s="9" t="s">
        <v>58</v>
      </c>
      <c r="D142" s="9" t="s">
        <v>54</v>
      </c>
      <c r="E142" s="9" t="s">
        <v>46</v>
      </c>
      <c r="F142" s="6">
        <v>8490</v>
      </c>
      <c r="G142" s="6">
        <v>118</v>
      </c>
      <c r="H142" s="6">
        <v>118</v>
      </c>
      <c r="I142" s="6">
        <v>46</v>
      </c>
      <c r="J142" s="6">
        <v>53</v>
      </c>
      <c r="K142" s="10" t="s">
        <v>55</v>
      </c>
      <c r="L142" s="6">
        <v>19</v>
      </c>
      <c r="M142" s="10" t="s">
        <v>55</v>
      </c>
      <c r="N142" s="6">
        <v>7843</v>
      </c>
      <c r="O142" s="6">
        <v>966</v>
      </c>
      <c r="P142" s="10" t="s">
        <v>55</v>
      </c>
      <c r="Q142" s="6">
        <v>6877</v>
      </c>
      <c r="R142" s="6">
        <v>529</v>
      </c>
      <c r="S142" s="7">
        <v>1.4822299999999999</v>
      </c>
    </row>
    <row r="143" spans="1:19">
      <c r="A143" s="9" t="s">
        <v>27</v>
      </c>
      <c r="B143" s="9" t="s">
        <v>57</v>
      </c>
      <c r="C143" s="9" t="s">
        <v>58</v>
      </c>
      <c r="D143" s="9" t="s">
        <v>54</v>
      </c>
      <c r="E143" s="9" t="s">
        <v>47</v>
      </c>
      <c r="F143" s="6">
        <v>3203</v>
      </c>
      <c r="G143" s="6">
        <v>22</v>
      </c>
      <c r="H143" s="6">
        <v>22</v>
      </c>
      <c r="I143" s="6">
        <v>8</v>
      </c>
      <c r="J143" s="6">
        <v>6</v>
      </c>
      <c r="K143" s="10" t="s">
        <v>55</v>
      </c>
      <c r="L143" s="6">
        <v>8</v>
      </c>
      <c r="M143" s="10" t="s">
        <v>55</v>
      </c>
      <c r="N143" s="6">
        <v>3064</v>
      </c>
      <c r="O143" s="6">
        <v>162</v>
      </c>
      <c r="P143" s="10" t="s">
        <v>55</v>
      </c>
      <c r="Q143" s="6">
        <v>2902</v>
      </c>
      <c r="R143" s="6">
        <v>117</v>
      </c>
      <c r="S143" s="7">
        <v>0.71289999999999998</v>
      </c>
    </row>
    <row r="144" spans="1:19">
      <c r="A144" s="9" t="s">
        <v>27</v>
      </c>
      <c r="B144" s="9" t="s">
        <v>57</v>
      </c>
      <c r="C144" s="9" t="s">
        <v>58</v>
      </c>
      <c r="D144" s="9" t="s">
        <v>54</v>
      </c>
      <c r="E144" s="9" t="s">
        <v>48</v>
      </c>
      <c r="F144" s="6">
        <v>260739</v>
      </c>
      <c r="G144" s="6">
        <v>176306</v>
      </c>
      <c r="H144" s="6">
        <v>169798</v>
      </c>
      <c r="I144" s="6">
        <v>132174</v>
      </c>
      <c r="J144" s="6">
        <v>27885</v>
      </c>
      <c r="K144" s="6">
        <v>4482</v>
      </c>
      <c r="L144" s="6">
        <v>5257</v>
      </c>
      <c r="M144" s="6">
        <v>6508</v>
      </c>
      <c r="N144" s="6">
        <v>63317</v>
      </c>
      <c r="O144" s="6">
        <v>36808</v>
      </c>
      <c r="P144" s="6">
        <v>21220</v>
      </c>
      <c r="Q144" s="6">
        <v>5289</v>
      </c>
      <c r="R144" s="6">
        <v>21116</v>
      </c>
      <c r="S144" s="7">
        <v>73.576409999999996</v>
      </c>
    </row>
    <row r="145" spans="1:19">
      <c r="A145" s="9" t="s">
        <v>27</v>
      </c>
      <c r="B145" s="9" t="s">
        <v>57</v>
      </c>
      <c r="C145" s="9" t="s">
        <v>58</v>
      </c>
      <c r="D145" s="9" t="s">
        <v>54</v>
      </c>
      <c r="E145" s="9" t="s">
        <v>49</v>
      </c>
      <c r="F145" s="6">
        <v>127932</v>
      </c>
      <c r="G145" s="6">
        <v>22595</v>
      </c>
      <c r="H145" s="6">
        <v>22120</v>
      </c>
      <c r="I145" s="6">
        <v>12482</v>
      </c>
      <c r="J145" s="6">
        <v>8574</v>
      </c>
      <c r="K145" s="6">
        <v>11</v>
      </c>
      <c r="L145" s="6">
        <v>1053</v>
      </c>
      <c r="M145" s="6">
        <v>475</v>
      </c>
      <c r="N145" s="6">
        <v>95501</v>
      </c>
      <c r="O145" s="6">
        <v>38093</v>
      </c>
      <c r="P145" s="6">
        <v>31</v>
      </c>
      <c r="Q145" s="6">
        <v>57377</v>
      </c>
      <c r="R145" s="6">
        <v>9836</v>
      </c>
      <c r="S145" s="7">
        <v>19.132739999999998</v>
      </c>
    </row>
    <row r="146" spans="1:19">
      <c r="A146" s="9" t="s">
        <v>27</v>
      </c>
      <c r="B146" s="9" t="s">
        <v>57</v>
      </c>
      <c r="C146" s="9" t="s">
        <v>58</v>
      </c>
      <c r="D146" s="9" t="s">
        <v>54</v>
      </c>
      <c r="E146" s="9" t="s">
        <v>50</v>
      </c>
      <c r="F146" s="6">
        <v>69234</v>
      </c>
      <c r="G146" s="6">
        <v>4379</v>
      </c>
      <c r="H146" s="6">
        <v>4326</v>
      </c>
      <c r="I146" s="6">
        <v>1928</v>
      </c>
      <c r="J146" s="6">
        <v>1991</v>
      </c>
      <c r="K146" s="6">
        <v>2</v>
      </c>
      <c r="L146" s="6">
        <v>405</v>
      </c>
      <c r="M146" s="6">
        <v>53</v>
      </c>
      <c r="N146" s="6">
        <v>58553</v>
      </c>
      <c r="O146" s="6">
        <v>17033</v>
      </c>
      <c r="P146" s="6">
        <v>17</v>
      </c>
      <c r="Q146" s="6">
        <v>41503</v>
      </c>
      <c r="R146" s="6">
        <v>6302</v>
      </c>
      <c r="S146" s="7">
        <v>6.9583000000000004</v>
      </c>
    </row>
    <row r="147" spans="1:19">
      <c r="A147" s="9" t="s">
        <v>27</v>
      </c>
      <c r="B147" s="9" t="s">
        <v>57</v>
      </c>
      <c r="C147" s="9" t="s">
        <v>58</v>
      </c>
      <c r="D147" s="9" t="s">
        <v>54</v>
      </c>
      <c r="E147" s="9" t="s">
        <v>51</v>
      </c>
      <c r="F147" s="6">
        <v>26941</v>
      </c>
      <c r="G147" s="6">
        <v>594</v>
      </c>
      <c r="H147" s="6">
        <v>589</v>
      </c>
      <c r="I147" s="6">
        <v>211</v>
      </c>
      <c r="J147" s="6">
        <v>288</v>
      </c>
      <c r="K147" s="6">
        <v>1</v>
      </c>
      <c r="L147" s="6">
        <v>89</v>
      </c>
      <c r="M147" s="6">
        <v>5</v>
      </c>
      <c r="N147" s="6">
        <v>24376</v>
      </c>
      <c r="O147" s="6">
        <v>4336</v>
      </c>
      <c r="P147" s="6">
        <v>7</v>
      </c>
      <c r="Q147" s="6">
        <v>20033</v>
      </c>
      <c r="R147" s="6">
        <v>1971</v>
      </c>
      <c r="S147" s="7">
        <v>2.3788499999999999</v>
      </c>
    </row>
    <row r="148" spans="1:19">
      <c r="A148" s="9" t="s">
        <v>27</v>
      </c>
      <c r="B148" s="9" t="s">
        <v>57</v>
      </c>
      <c r="C148" s="9" t="s">
        <v>58</v>
      </c>
      <c r="D148" s="9" t="s">
        <v>54</v>
      </c>
      <c r="E148" s="9" t="s">
        <v>52</v>
      </c>
      <c r="F148" s="6">
        <v>267417</v>
      </c>
      <c r="G148" s="6">
        <v>184090</v>
      </c>
      <c r="H148" s="6">
        <v>177455</v>
      </c>
      <c r="I148" s="6">
        <v>137810</v>
      </c>
      <c r="J148" s="6">
        <v>31496</v>
      </c>
      <c r="K148" s="6">
        <v>2655</v>
      </c>
      <c r="L148" s="6">
        <v>5494</v>
      </c>
      <c r="M148" s="6">
        <v>6635</v>
      </c>
      <c r="N148" s="6">
        <v>62563</v>
      </c>
      <c r="O148" s="6">
        <v>46934</v>
      </c>
      <c r="P148" s="6">
        <v>4603</v>
      </c>
      <c r="Q148" s="6">
        <v>11026</v>
      </c>
      <c r="R148" s="6">
        <v>20764</v>
      </c>
      <c r="S148" s="7">
        <v>74.635220000000004</v>
      </c>
    </row>
    <row r="149" spans="1:19">
      <c r="A149" s="9" t="s">
        <v>56</v>
      </c>
      <c r="B149" s="9" t="s">
        <v>57</v>
      </c>
      <c r="C149" s="9" t="s">
        <v>59</v>
      </c>
      <c r="D149" s="9" t="s">
        <v>6</v>
      </c>
      <c r="E149" s="9" t="s">
        <v>30</v>
      </c>
      <c r="F149" s="6">
        <v>46705</v>
      </c>
      <c r="G149" s="6">
        <v>25686</v>
      </c>
      <c r="H149" s="6">
        <v>24493</v>
      </c>
      <c r="I149" s="6">
        <v>21379</v>
      </c>
      <c r="J149" s="6">
        <v>2311</v>
      </c>
      <c r="K149" s="6">
        <v>210</v>
      </c>
      <c r="L149" s="6">
        <v>593</v>
      </c>
      <c r="M149" s="6">
        <v>1193</v>
      </c>
      <c r="N149" s="6">
        <v>18284</v>
      </c>
      <c r="O149" s="6">
        <v>5463</v>
      </c>
      <c r="P149" s="6">
        <v>2675</v>
      </c>
      <c r="Q149" s="6">
        <v>10146</v>
      </c>
      <c r="R149" s="6">
        <v>2735</v>
      </c>
      <c r="S149" s="7">
        <v>58.417099999999998</v>
      </c>
    </row>
    <row r="150" spans="1:19">
      <c r="A150" s="9" t="s">
        <v>56</v>
      </c>
      <c r="B150" s="9" t="s">
        <v>57</v>
      </c>
      <c r="C150" s="9" t="s">
        <v>59</v>
      </c>
      <c r="D150" s="9" t="s">
        <v>6</v>
      </c>
      <c r="E150" s="9" t="s">
        <v>31</v>
      </c>
      <c r="F150" s="6">
        <v>2921</v>
      </c>
      <c r="G150" s="6">
        <v>308</v>
      </c>
      <c r="H150" s="6">
        <v>278</v>
      </c>
      <c r="I150" s="6">
        <v>165</v>
      </c>
      <c r="J150" s="6">
        <v>7</v>
      </c>
      <c r="K150" s="6">
        <v>101</v>
      </c>
      <c r="L150" s="6">
        <v>5</v>
      </c>
      <c r="M150" s="6">
        <v>30</v>
      </c>
      <c r="N150" s="6">
        <v>2400</v>
      </c>
      <c r="O150" s="6">
        <v>15</v>
      </c>
      <c r="P150" s="6">
        <v>2356</v>
      </c>
      <c r="Q150" s="6">
        <v>29</v>
      </c>
      <c r="R150" s="6">
        <v>213</v>
      </c>
      <c r="S150" s="7">
        <v>11.373710000000001</v>
      </c>
    </row>
    <row r="151" spans="1:19">
      <c r="A151" s="9" t="s">
        <v>56</v>
      </c>
      <c r="B151" s="9" t="s">
        <v>57</v>
      </c>
      <c r="C151" s="9" t="s">
        <v>59</v>
      </c>
      <c r="D151" s="9" t="s">
        <v>6</v>
      </c>
      <c r="E151" s="9" t="s">
        <v>32</v>
      </c>
      <c r="F151" s="6">
        <v>1920</v>
      </c>
      <c r="G151" s="6">
        <v>1332</v>
      </c>
      <c r="H151" s="6">
        <v>1233</v>
      </c>
      <c r="I151" s="6">
        <v>1096</v>
      </c>
      <c r="J151" s="6">
        <v>28</v>
      </c>
      <c r="K151" s="6">
        <v>80</v>
      </c>
      <c r="L151" s="6">
        <v>29</v>
      </c>
      <c r="M151" s="6">
        <v>99</v>
      </c>
      <c r="N151" s="6">
        <v>376</v>
      </c>
      <c r="O151" s="6">
        <v>49</v>
      </c>
      <c r="P151" s="6">
        <v>286</v>
      </c>
      <c r="Q151" s="6">
        <v>41</v>
      </c>
      <c r="R151" s="6">
        <v>212</v>
      </c>
      <c r="S151" s="7">
        <v>77.985950000000003</v>
      </c>
    </row>
    <row r="152" spans="1:19">
      <c r="A152" s="9" t="s">
        <v>56</v>
      </c>
      <c r="B152" s="9" t="s">
        <v>57</v>
      </c>
      <c r="C152" s="9" t="s">
        <v>59</v>
      </c>
      <c r="D152" s="9" t="s">
        <v>6</v>
      </c>
      <c r="E152" s="9" t="s">
        <v>33</v>
      </c>
      <c r="F152" s="6">
        <v>2134</v>
      </c>
      <c r="G152" s="6">
        <v>1718</v>
      </c>
      <c r="H152" s="6">
        <v>1619</v>
      </c>
      <c r="I152" s="6">
        <v>1497</v>
      </c>
      <c r="J152" s="6">
        <v>57</v>
      </c>
      <c r="K152" s="6">
        <v>6</v>
      </c>
      <c r="L152" s="6">
        <v>59</v>
      </c>
      <c r="M152" s="6">
        <v>99</v>
      </c>
      <c r="N152" s="6">
        <v>162</v>
      </c>
      <c r="O152" s="6">
        <v>111</v>
      </c>
      <c r="P152" s="6">
        <v>13</v>
      </c>
      <c r="Q152" s="6">
        <v>38</v>
      </c>
      <c r="R152" s="6">
        <v>254</v>
      </c>
      <c r="S152" s="7">
        <v>91.382980000000003</v>
      </c>
    </row>
    <row r="153" spans="1:19">
      <c r="A153" s="9" t="s">
        <v>56</v>
      </c>
      <c r="B153" s="9" t="s">
        <v>57</v>
      </c>
      <c r="C153" s="9" t="s">
        <v>59</v>
      </c>
      <c r="D153" s="9" t="s">
        <v>6</v>
      </c>
      <c r="E153" s="9" t="s">
        <v>34</v>
      </c>
      <c r="F153" s="6">
        <v>2521</v>
      </c>
      <c r="G153" s="6">
        <v>2021</v>
      </c>
      <c r="H153" s="6">
        <v>1915</v>
      </c>
      <c r="I153" s="6">
        <v>1730</v>
      </c>
      <c r="J153" s="6">
        <v>108</v>
      </c>
      <c r="K153" s="6">
        <v>9</v>
      </c>
      <c r="L153" s="6">
        <v>68</v>
      </c>
      <c r="M153" s="6">
        <v>106</v>
      </c>
      <c r="N153" s="6">
        <v>222</v>
      </c>
      <c r="O153" s="6">
        <v>178</v>
      </c>
      <c r="P153" s="6">
        <v>5</v>
      </c>
      <c r="Q153" s="6">
        <v>39</v>
      </c>
      <c r="R153" s="6">
        <v>278</v>
      </c>
      <c r="S153" s="7">
        <v>90.102540000000005</v>
      </c>
    </row>
    <row r="154" spans="1:19">
      <c r="A154" s="9" t="s">
        <v>56</v>
      </c>
      <c r="B154" s="9" t="s">
        <v>57</v>
      </c>
      <c r="C154" s="9" t="s">
        <v>59</v>
      </c>
      <c r="D154" s="9" t="s">
        <v>6</v>
      </c>
      <c r="E154" s="9" t="s">
        <v>35</v>
      </c>
      <c r="F154" s="6">
        <v>3022</v>
      </c>
      <c r="G154" s="6">
        <v>2500</v>
      </c>
      <c r="H154" s="6">
        <v>2386</v>
      </c>
      <c r="I154" s="6">
        <v>2147</v>
      </c>
      <c r="J154" s="6">
        <v>171</v>
      </c>
      <c r="K154" s="6">
        <v>6</v>
      </c>
      <c r="L154" s="6">
        <v>62</v>
      </c>
      <c r="M154" s="6">
        <v>114</v>
      </c>
      <c r="N154" s="6">
        <v>242</v>
      </c>
      <c r="O154" s="6">
        <v>193</v>
      </c>
      <c r="P154" s="6">
        <v>4</v>
      </c>
      <c r="Q154" s="6">
        <v>45</v>
      </c>
      <c r="R154" s="6">
        <v>280</v>
      </c>
      <c r="S154" s="7">
        <v>91.174329999999998</v>
      </c>
    </row>
    <row r="155" spans="1:19">
      <c r="A155" s="9" t="s">
        <v>56</v>
      </c>
      <c r="B155" s="9" t="s">
        <v>57</v>
      </c>
      <c r="C155" s="9" t="s">
        <v>59</v>
      </c>
      <c r="D155" s="9" t="s">
        <v>6</v>
      </c>
      <c r="E155" s="9" t="s">
        <v>36</v>
      </c>
      <c r="F155" s="6">
        <v>3355</v>
      </c>
      <c r="G155" s="6">
        <v>2784</v>
      </c>
      <c r="H155" s="6">
        <v>2681</v>
      </c>
      <c r="I155" s="6">
        <v>2440</v>
      </c>
      <c r="J155" s="6">
        <v>205</v>
      </c>
      <c r="K155" s="6">
        <v>4</v>
      </c>
      <c r="L155" s="6">
        <v>32</v>
      </c>
      <c r="M155" s="6">
        <v>103</v>
      </c>
      <c r="N155" s="6">
        <v>243</v>
      </c>
      <c r="O155" s="6">
        <v>188</v>
      </c>
      <c r="P155" s="6">
        <v>2</v>
      </c>
      <c r="Q155" s="6">
        <v>53</v>
      </c>
      <c r="R155" s="6">
        <v>328</v>
      </c>
      <c r="S155" s="7">
        <v>91.972250000000003</v>
      </c>
    </row>
    <row r="156" spans="1:19">
      <c r="A156" s="9" t="s">
        <v>56</v>
      </c>
      <c r="B156" s="9" t="s">
        <v>57</v>
      </c>
      <c r="C156" s="9" t="s">
        <v>59</v>
      </c>
      <c r="D156" s="9" t="s">
        <v>6</v>
      </c>
      <c r="E156" s="9" t="s">
        <v>37</v>
      </c>
      <c r="F156" s="6">
        <v>3677</v>
      </c>
      <c r="G156" s="6">
        <v>3097</v>
      </c>
      <c r="H156" s="6">
        <v>2965</v>
      </c>
      <c r="I156" s="6">
        <v>2722</v>
      </c>
      <c r="J156" s="6">
        <v>217</v>
      </c>
      <c r="K156" s="6">
        <v>2</v>
      </c>
      <c r="L156" s="6">
        <v>24</v>
      </c>
      <c r="M156" s="6">
        <v>132</v>
      </c>
      <c r="N156" s="6">
        <v>322</v>
      </c>
      <c r="O156" s="6">
        <v>238</v>
      </c>
      <c r="P156" s="6">
        <v>3</v>
      </c>
      <c r="Q156" s="6">
        <v>81</v>
      </c>
      <c r="R156" s="6">
        <v>258</v>
      </c>
      <c r="S156" s="7">
        <v>90.582040000000006</v>
      </c>
    </row>
    <row r="157" spans="1:19">
      <c r="A157" s="9" t="s">
        <v>56</v>
      </c>
      <c r="B157" s="9" t="s">
        <v>57</v>
      </c>
      <c r="C157" s="9" t="s">
        <v>59</v>
      </c>
      <c r="D157" s="9" t="s">
        <v>6</v>
      </c>
      <c r="E157" s="9" t="s">
        <v>38</v>
      </c>
      <c r="F157" s="6">
        <v>3426</v>
      </c>
      <c r="G157" s="6">
        <v>2824</v>
      </c>
      <c r="H157" s="6">
        <v>2705</v>
      </c>
      <c r="I157" s="6">
        <v>2417</v>
      </c>
      <c r="J157" s="6">
        <v>252</v>
      </c>
      <c r="K157" s="6">
        <v>1</v>
      </c>
      <c r="L157" s="6">
        <v>35</v>
      </c>
      <c r="M157" s="6">
        <v>119</v>
      </c>
      <c r="N157" s="6">
        <v>391</v>
      </c>
      <c r="O157" s="6">
        <v>284</v>
      </c>
      <c r="P157" s="6">
        <v>1</v>
      </c>
      <c r="Q157" s="6">
        <v>106</v>
      </c>
      <c r="R157" s="6">
        <v>211</v>
      </c>
      <c r="S157" s="7">
        <v>87.838260000000005</v>
      </c>
    </row>
    <row r="158" spans="1:19">
      <c r="A158" s="9" t="s">
        <v>56</v>
      </c>
      <c r="B158" s="9" t="s">
        <v>57</v>
      </c>
      <c r="C158" s="9" t="s">
        <v>59</v>
      </c>
      <c r="D158" s="9" t="s">
        <v>6</v>
      </c>
      <c r="E158" s="9" t="s">
        <v>39</v>
      </c>
      <c r="F158" s="6">
        <v>3425</v>
      </c>
      <c r="G158" s="6">
        <v>2767</v>
      </c>
      <c r="H158" s="6">
        <v>2658</v>
      </c>
      <c r="I158" s="6">
        <v>2364</v>
      </c>
      <c r="J158" s="6">
        <v>236</v>
      </c>
      <c r="K158" s="10" t="s">
        <v>55</v>
      </c>
      <c r="L158" s="6">
        <v>58</v>
      </c>
      <c r="M158" s="6">
        <v>109</v>
      </c>
      <c r="N158" s="6">
        <v>498</v>
      </c>
      <c r="O158" s="6">
        <v>354</v>
      </c>
      <c r="P158" s="6">
        <v>1</v>
      </c>
      <c r="Q158" s="6">
        <v>143</v>
      </c>
      <c r="R158" s="6">
        <v>160</v>
      </c>
      <c r="S158" s="7">
        <v>84.747320000000002</v>
      </c>
    </row>
    <row r="159" spans="1:19">
      <c r="A159" s="9" t="s">
        <v>56</v>
      </c>
      <c r="B159" s="9" t="s">
        <v>57</v>
      </c>
      <c r="C159" s="9" t="s">
        <v>59</v>
      </c>
      <c r="D159" s="9" t="s">
        <v>6</v>
      </c>
      <c r="E159" s="9" t="s">
        <v>40</v>
      </c>
      <c r="F159" s="6">
        <v>3619</v>
      </c>
      <c r="G159" s="6">
        <v>2497</v>
      </c>
      <c r="H159" s="6">
        <v>2358</v>
      </c>
      <c r="I159" s="6">
        <v>2027</v>
      </c>
      <c r="J159" s="6">
        <v>277</v>
      </c>
      <c r="K159" s="10" t="s">
        <v>55</v>
      </c>
      <c r="L159" s="6">
        <v>54</v>
      </c>
      <c r="M159" s="6">
        <v>139</v>
      </c>
      <c r="N159" s="6">
        <v>987</v>
      </c>
      <c r="O159" s="6">
        <v>572</v>
      </c>
      <c r="P159" s="10" t="s">
        <v>55</v>
      </c>
      <c r="Q159" s="6">
        <v>415</v>
      </c>
      <c r="R159" s="6">
        <v>135</v>
      </c>
      <c r="S159" s="7">
        <v>71.670490000000001</v>
      </c>
    </row>
    <row r="160" spans="1:19">
      <c r="A160" s="9" t="s">
        <v>56</v>
      </c>
      <c r="B160" s="9" t="s">
        <v>57</v>
      </c>
      <c r="C160" s="9" t="s">
        <v>59</v>
      </c>
      <c r="D160" s="9" t="s">
        <v>6</v>
      </c>
      <c r="E160" s="9" t="s">
        <v>41</v>
      </c>
      <c r="F160" s="6">
        <v>3949</v>
      </c>
      <c r="G160" s="6">
        <v>1814</v>
      </c>
      <c r="H160" s="6">
        <v>1732</v>
      </c>
      <c r="I160" s="6">
        <v>1363</v>
      </c>
      <c r="J160" s="6">
        <v>301</v>
      </c>
      <c r="K160" s="6">
        <v>1</v>
      </c>
      <c r="L160" s="6">
        <v>67</v>
      </c>
      <c r="M160" s="6">
        <v>82</v>
      </c>
      <c r="N160" s="6">
        <v>2030</v>
      </c>
      <c r="O160" s="6">
        <v>872</v>
      </c>
      <c r="P160" s="10" t="s">
        <v>55</v>
      </c>
      <c r="Q160" s="6">
        <v>1158</v>
      </c>
      <c r="R160" s="6">
        <v>105</v>
      </c>
      <c r="S160" s="7">
        <v>47.190429999999999</v>
      </c>
    </row>
    <row r="161" spans="1:19">
      <c r="A161" s="9" t="s">
        <v>56</v>
      </c>
      <c r="B161" s="9" t="s">
        <v>57</v>
      </c>
      <c r="C161" s="9" t="s">
        <v>59</v>
      </c>
      <c r="D161" s="9" t="s">
        <v>6</v>
      </c>
      <c r="E161" s="9" t="s">
        <v>42</v>
      </c>
      <c r="F161" s="6">
        <v>4114</v>
      </c>
      <c r="G161" s="6">
        <v>1263</v>
      </c>
      <c r="H161" s="6">
        <v>1218</v>
      </c>
      <c r="I161" s="6">
        <v>902</v>
      </c>
      <c r="J161" s="6">
        <v>255</v>
      </c>
      <c r="K161" s="10" t="s">
        <v>55</v>
      </c>
      <c r="L161" s="6">
        <v>61</v>
      </c>
      <c r="M161" s="6">
        <v>45</v>
      </c>
      <c r="N161" s="6">
        <v>2761</v>
      </c>
      <c r="O161" s="6">
        <v>939</v>
      </c>
      <c r="P161" s="6">
        <v>1</v>
      </c>
      <c r="Q161" s="6">
        <v>1821</v>
      </c>
      <c r="R161" s="6">
        <v>90</v>
      </c>
      <c r="S161" s="7">
        <v>31.386679999999998</v>
      </c>
    </row>
    <row r="162" spans="1:19">
      <c r="A162" s="9" t="s">
        <v>56</v>
      </c>
      <c r="B162" s="9" t="s">
        <v>57</v>
      </c>
      <c r="C162" s="9" t="s">
        <v>59</v>
      </c>
      <c r="D162" s="9" t="s">
        <v>6</v>
      </c>
      <c r="E162" s="9" t="s">
        <v>43</v>
      </c>
      <c r="F162" s="6">
        <v>3108</v>
      </c>
      <c r="G162" s="6">
        <v>470</v>
      </c>
      <c r="H162" s="6">
        <v>456</v>
      </c>
      <c r="I162" s="6">
        <v>311</v>
      </c>
      <c r="J162" s="6">
        <v>125</v>
      </c>
      <c r="K162" s="10" t="s">
        <v>55</v>
      </c>
      <c r="L162" s="6">
        <v>20</v>
      </c>
      <c r="M162" s="6">
        <v>14</v>
      </c>
      <c r="N162" s="6">
        <v>2564</v>
      </c>
      <c r="O162" s="6">
        <v>657</v>
      </c>
      <c r="P162" s="10" t="s">
        <v>55</v>
      </c>
      <c r="Q162" s="6">
        <v>1907</v>
      </c>
      <c r="R162" s="6">
        <v>74</v>
      </c>
      <c r="S162" s="7">
        <v>15.491099999999999</v>
      </c>
    </row>
    <row r="163" spans="1:19">
      <c r="A163" s="9" t="s">
        <v>56</v>
      </c>
      <c r="B163" s="9" t="s">
        <v>57</v>
      </c>
      <c r="C163" s="9" t="s">
        <v>59</v>
      </c>
      <c r="D163" s="9" t="s">
        <v>6</v>
      </c>
      <c r="E163" s="9" t="s">
        <v>44</v>
      </c>
      <c r="F163" s="6">
        <v>2480</v>
      </c>
      <c r="G163" s="6">
        <v>209</v>
      </c>
      <c r="H163" s="6">
        <v>208</v>
      </c>
      <c r="I163" s="6">
        <v>142</v>
      </c>
      <c r="J163" s="6">
        <v>52</v>
      </c>
      <c r="K163" s="10" t="s">
        <v>55</v>
      </c>
      <c r="L163" s="6">
        <v>14</v>
      </c>
      <c r="M163" s="6">
        <v>1</v>
      </c>
      <c r="N163" s="6">
        <v>2208</v>
      </c>
      <c r="O163" s="6">
        <v>475</v>
      </c>
      <c r="P163" s="10" t="s">
        <v>55</v>
      </c>
      <c r="Q163" s="6">
        <v>1733</v>
      </c>
      <c r="R163" s="6">
        <v>63</v>
      </c>
      <c r="S163" s="7">
        <v>8.6470800000000008</v>
      </c>
    </row>
    <row r="164" spans="1:19">
      <c r="A164" s="9" t="s">
        <v>56</v>
      </c>
      <c r="B164" s="9" t="s">
        <v>57</v>
      </c>
      <c r="C164" s="9" t="s">
        <v>59</v>
      </c>
      <c r="D164" s="9" t="s">
        <v>6</v>
      </c>
      <c r="E164" s="9" t="s">
        <v>45</v>
      </c>
      <c r="F164" s="6">
        <v>1890</v>
      </c>
      <c r="G164" s="6">
        <v>69</v>
      </c>
      <c r="H164" s="6">
        <v>68</v>
      </c>
      <c r="I164" s="6">
        <v>47</v>
      </c>
      <c r="J164" s="6">
        <v>17</v>
      </c>
      <c r="K164" s="10" t="s">
        <v>55</v>
      </c>
      <c r="L164" s="6">
        <v>4</v>
      </c>
      <c r="M164" s="6">
        <v>1</v>
      </c>
      <c r="N164" s="6">
        <v>1764</v>
      </c>
      <c r="O164" s="6">
        <v>263</v>
      </c>
      <c r="P164" s="6">
        <v>3</v>
      </c>
      <c r="Q164" s="6">
        <v>1498</v>
      </c>
      <c r="R164" s="6">
        <v>57</v>
      </c>
      <c r="S164" s="7">
        <v>3.7643200000000001</v>
      </c>
    </row>
    <row r="165" spans="1:19">
      <c r="A165" s="9" t="s">
        <v>56</v>
      </c>
      <c r="B165" s="9" t="s">
        <v>57</v>
      </c>
      <c r="C165" s="9" t="s">
        <v>59</v>
      </c>
      <c r="D165" s="9" t="s">
        <v>6</v>
      </c>
      <c r="E165" s="9" t="s">
        <v>46</v>
      </c>
      <c r="F165" s="6">
        <v>880</v>
      </c>
      <c r="G165" s="6">
        <v>12</v>
      </c>
      <c r="H165" s="6">
        <v>12</v>
      </c>
      <c r="I165" s="6">
        <v>8</v>
      </c>
      <c r="J165" s="6">
        <v>3</v>
      </c>
      <c r="K165" s="10" t="s">
        <v>55</v>
      </c>
      <c r="L165" s="6">
        <v>1</v>
      </c>
      <c r="M165" s="10" t="s">
        <v>55</v>
      </c>
      <c r="N165" s="6">
        <v>853</v>
      </c>
      <c r="O165" s="6">
        <v>67</v>
      </c>
      <c r="P165" s="10" t="s">
        <v>55</v>
      </c>
      <c r="Q165" s="6">
        <v>786</v>
      </c>
      <c r="R165" s="6">
        <v>15</v>
      </c>
      <c r="S165" s="7">
        <v>1.3872800000000001</v>
      </c>
    </row>
    <row r="166" spans="1:19">
      <c r="A166" s="9" t="s">
        <v>56</v>
      </c>
      <c r="B166" s="9" t="s">
        <v>57</v>
      </c>
      <c r="C166" s="9" t="s">
        <v>59</v>
      </c>
      <c r="D166" s="9" t="s">
        <v>6</v>
      </c>
      <c r="E166" s="9" t="s">
        <v>47</v>
      </c>
      <c r="F166" s="6">
        <v>264</v>
      </c>
      <c r="G166" s="6">
        <v>1</v>
      </c>
      <c r="H166" s="6">
        <v>1</v>
      </c>
      <c r="I166" s="6">
        <v>1</v>
      </c>
      <c r="J166" s="10" t="s">
        <v>55</v>
      </c>
      <c r="K166" s="10" t="s">
        <v>55</v>
      </c>
      <c r="L166" s="10" t="s">
        <v>55</v>
      </c>
      <c r="M166" s="10" t="s">
        <v>55</v>
      </c>
      <c r="N166" s="6">
        <v>261</v>
      </c>
      <c r="O166" s="6">
        <v>8</v>
      </c>
      <c r="P166" s="10" t="s">
        <v>55</v>
      </c>
      <c r="Q166" s="6">
        <v>253</v>
      </c>
      <c r="R166" s="6">
        <v>2</v>
      </c>
      <c r="S166" s="7">
        <v>0.38168000000000002</v>
      </c>
    </row>
    <row r="167" spans="1:19">
      <c r="A167" s="9" t="s">
        <v>56</v>
      </c>
      <c r="B167" s="9" t="s">
        <v>57</v>
      </c>
      <c r="C167" s="9" t="s">
        <v>59</v>
      </c>
      <c r="D167" s="9" t="s">
        <v>6</v>
      </c>
      <c r="E167" s="9" t="s">
        <v>48</v>
      </c>
      <c r="F167" s="6">
        <v>30020</v>
      </c>
      <c r="G167" s="6">
        <v>21848</v>
      </c>
      <c r="H167" s="6">
        <v>20798</v>
      </c>
      <c r="I167" s="6">
        <v>18605</v>
      </c>
      <c r="J167" s="6">
        <v>1558</v>
      </c>
      <c r="K167" s="6">
        <v>209</v>
      </c>
      <c r="L167" s="6">
        <v>426</v>
      </c>
      <c r="M167" s="6">
        <v>1050</v>
      </c>
      <c r="N167" s="6">
        <v>5843</v>
      </c>
      <c r="O167" s="6">
        <v>2182</v>
      </c>
      <c r="P167" s="6">
        <v>2671</v>
      </c>
      <c r="Q167" s="6">
        <v>990</v>
      </c>
      <c r="R167" s="6">
        <v>2329</v>
      </c>
      <c r="S167" s="7">
        <v>78.899280000000005</v>
      </c>
    </row>
    <row r="168" spans="1:19">
      <c r="A168" s="9" t="s">
        <v>56</v>
      </c>
      <c r="B168" s="9" t="s">
        <v>57</v>
      </c>
      <c r="C168" s="9" t="s">
        <v>59</v>
      </c>
      <c r="D168" s="9" t="s">
        <v>6</v>
      </c>
      <c r="E168" s="9" t="s">
        <v>49</v>
      </c>
      <c r="F168" s="6">
        <v>16685</v>
      </c>
      <c r="G168" s="6">
        <v>3838</v>
      </c>
      <c r="H168" s="6">
        <v>3695</v>
      </c>
      <c r="I168" s="6">
        <v>2774</v>
      </c>
      <c r="J168" s="6">
        <v>753</v>
      </c>
      <c r="K168" s="6">
        <v>1</v>
      </c>
      <c r="L168" s="6">
        <v>167</v>
      </c>
      <c r="M168" s="6">
        <v>143</v>
      </c>
      <c r="N168" s="6">
        <v>12441</v>
      </c>
      <c r="O168" s="6">
        <v>3281</v>
      </c>
      <c r="P168" s="6">
        <v>4</v>
      </c>
      <c r="Q168" s="6">
        <v>9156</v>
      </c>
      <c r="R168" s="6">
        <v>406</v>
      </c>
      <c r="S168" s="7">
        <v>23.57639</v>
      </c>
    </row>
    <row r="169" spans="1:19">
      <c r="A169" s="9" t="s">
        <v>56</v>
      </c>
      <c r="B169" s="9" t="s">
        <v>57</v>
      </c>
      <c r="C169" s="9" t="s">
        <v>59</v>
      </c>
      <c r="D169" s="9" t="s">
        <v>6</v>
      </c>
      <c r="E169" s="9" t="s">
        <v>50</v>
      </c>
      <c r="F169" s="6">
        <v>8622</v>
      </c>
      <c r="G169" s="6">
        <v>761</v>
      </c>
      <c r="H169" s="6">
        <v>745</v>
      </c>
      <c r="I169" s="6">
        <v>509</v>
      </c>
      <c r="J169" s="6">
        <v>197</v>
      </c>
      <c r="K169" s="10" t="s">
        <v>55</v>
      </c>
      <c r="L169" s="6">
        <v>39</v>
      </c>
      <c r="M169" s="6">
        <v>16</v>
      </c>
      <c r="N169" s="6">
        <v>7650</v>
      </c>
      <c r="O169" s="6">
        <v>1470</v>
      </c>
      <c r="P169" s="6">
        <v>3</v>
      </c>
      <c r="Q169" s="6">
        <v>6177</v>
      </c>
      <c r="R169" s="6">
        <v>211</v>
      </c>
      <c r="S169" s="7">
        <v>9.0476799999999997</v>
      </c>
    </row>
    <row r="170" spans="1:19">
      <c r="A170" s="9" t="s">
        <v>56</v>
      </c>
      <c r="B170" s="9" t="s">
        <v>57</v>
      </c>
      <c r="C170" s="9" t="s">
        <v>59</v>
      </c>
      <c r="D170" s="9" t="s">
        <v>6</v>
      </c>
      <c r="E170" s="9" t="s">
        <v>51</v>
      </c>
      <c r="F170" s="6">
        <v>3034</v>
      </c>
      <c r="G170" s="6">
        <v>82</v>
      </c>
      <c r="H170" s="6">
        <v>81</v>
      </c>
      <c r="I170" s="6">
        <v>56</v>
      </c>
      <c r="J170" s="6">
        <v>20</v>
      </c>
      <c r="K170" s="10" t="s">
        <v>55</v>
      </c>
      <c r="L170" s="6">
        <v>5</v>
      </c>
      <c r="M170" s="6">
        <v>1</v>
      </c>
      <c r="N170" s="6">
        <v>2878</v>
      </c>
      <c r="O170" s="6">
        <v>338</v>
      </c>
      <c r="P170" s="6">
        <v>3</v>
      </c>
      <c r="Q170" s="6">
        <v>2537</v>
      </c>
      <c r="R170" s="6">
        <v>74</v>
      </c>
      <c r="S170" s="7">
        <v>2.77027</v>
      </c>
    </row>
    <row r="171" spans="1:19">
      <c r="A171" s="9" t="s">
        <v>56</v>
      </c>
      <c r="B171" s="9" t="s">
        <v>57</v>
      </c>
      <c r="C171" s="9" t="s">
        <v>59</v>
      </c>
      <c r="D171" s="9" t="s">
        <v>6</v>
      </c>
      <c r="E171" s="9" t="s">
        <v>52</v>
      </c>
      <c r="F171" s="6">
        <v>31048</v>
      </c>
      <c r="G171" s="6">
        <v>23354</v>
      </c>
      <c r="H171" s="6">
        <v>22252</v>
      </c>
      <c r="I171" s="6">
        <v>19803</v>
      </c>
      <c r="J171" s="6">
        <v>1852</v>
      </c>
      <c r="K171" s="6">
        <v>109</v>
      </c>
      <c r="L171" s="6">
        <v>488</v>
      </c>
      <c r="M171" s="6">
        <v>1102</v>
      </c>
      <c r="N171" s="6">
        <v>5473</v>
      </c>
      <c r="O171" s="6">
        <v>3039</v>
      </c>
      <c r="P171" s="6">
        <v>315</v>
      </c>
      <c r="Q171" s="6">
        <v>2119</v>
      </c>
      <c r="R171" s="6">
        <v>2221</v>
      </c>
      <c r="S171" s="7">
        <v>81.014330000000001</v>
      </c>
    </row>
    <row r="172" spans="1:19">
      <c r="A172" s="9" t="s">
        <v>56</v>
      </c>
      <c r="B172" s="9" t="s">
        <v>57</v>
      </c>
      <c r="C172" s="9" t="s">
        <v>59</v>
      </c>
      <c r="D172" s="9" t="s">
        <v>53</v>
      </c>
      <c r="E172" s="9" t="s">
        <v>30</v>
      </c>
      <c r="F172" s="6">
        <v>21616</v>
      </c>
      <c r="G172" s="6">
        <v>13388</v>
      </c>
      <c r="H172" s="6">
        <v>12635</v>
      </c>
      <c r="I172" s="6">
        <v>12061</v>
      </c>
      <c r="J172" s="6">
        <v>239</v>
      </c>
      <c r="K172" s="6">
        <v>84</v>
      </c>
      <c r="L172" s="6">
        <v>251</v>
      </c>
      <c r="M172" s="6">
        <v>753</v>
      </c>
      <c r="N172" s="6">
        <v>6818</v>
      </c>
      <c r="O172" s="6">
        <v>635</v>
      </c>
      <c r="P172" s="6">
        <v>1396</v>
      </c>
      <c r="Q172" s="6">
        <v>4787</v>
      </c>
      <c r="R172" s="6">
        <v>1410</v>
      </c>
      <c r="S172" s="7">
        <v>66.257549999999995</v>
      </c>
    </row>
    <row r="173" spans="1:19">
      <c r="A173" s="9" t="s">
        <v>56</v>
      </c>
      <c r="B173" s="9" t="s">
        <v>57</v>
      </c>
      <c r="C173" s="9" t="s">
        <v>59</v>
      </c>
      <c r="D173" s="9" t="s">
        <v>53</v>
      </c>
      <c r="E173" s="9" t="s">
        <v>31</v>
      </c>
      <c r="F173" s="6">
        <v>1561</v>
      </c>
      <c r="G173" s="6">
        <v>170</v>
      </c>
      <c r="H173" s="6">
        <v>153</v>
      </c>
      <c r="I173" s="6">
        <v>112</v>
      </c>
      <c r="J173" s="6">
        <v>3</v>
      </c>
      <c r="K173" s="6">
        <v>37</v>
      </c>
      <c r="L173" s="6">
        <v>1</v>
      </c>
      <c r="M173" s="6">
        <v>17</v>
      </c>
      <c r="N173" s="6">
        <v>1284</v>
      </c>
      <c r="O173" s="6">
        <v>1</v>
      </c>
      <c r="P173" s="6">
        <v>1269</v>
      </c>
      <c r="Q173" s="6">
        <v>14</v>
      </c>
      <c r="R173" s="6">
        <v>107</v>
      </c>
      <c r="S173" s="7">
        <v>11.691879999999999</v>
      </c>
    </row>
    <row r="174" spans="1:19">
      <c r="A174" s="9" t="s">
        <v>56</v>
      </c>
      <c r="B174" s="9" t="s">
        <v>57</v>
      </c>
      <c r="C174" s="9" t="s">
        <v>59</v>
      </c>
      <c r="D174" s="9" t="s">
        <v>53</v>
      </c>
      <c r="E174" s="9" t="s">
        <v>32</v>
      </c>
      <c r="F174" s="6">
        <v>987</v>
      </c>
      <c r="G174" s="6">
        <v>708</v>
      </c>
      <c r="H174" s="6">
        <v>653</v>
      </c>
      <c r="I174" s="6">
        <v>600</v>
      </c>
      <c r="J174" s="6">
        <v>4</v>
      </c>
      <c r="K174" s="6">
        <v>39</v>
      </c>
      <c r="L174" s="6">
        <v>10</v>
      </c>
      <c r="M174" s="6">
        <v>55</v>
      </c>
      <c r="N174" s="6">
        <v>152</v>
      </c>
      <c r="O174" s="6">
        <v>9</v>
      </c>
      <c r="P174" s="6">
        <v>117</v>
      </c>
      <c r="Q174" s="6">
        <v>26</v>
      </c>
      <c r="R174" s="6">
        <v>127</v>
      </c>
      <c r="S174" s="7">
        <v>82.325580000000002</v>
      </c>
    </row>
    <row r="175" spans="1:19">
      <c r="A175" s="9" t="s">
        <v>56</v>
      </c>
      <c r="B175" s="9" t="s">
        <v>57</v>
      </c>
      <c r="C175" s="9" t="s">
        <v>59</v>
      </c>
      <c r="D175" s="9" t="s">
        <v>53</v>
      </c>
      <c r="E175" s="9" t="s">
        <v>33</v>
      </c>
      <c r="F175" s="6">
        <v>1077</v>
      </c>
      <c r="G175" s="6">
        <v>914</v>
      </c>
      <c r="H175" s="6">
        <v>852</v>
      </c>
      <c r="I175" s="6">
        <v>827</v>
      </c>
      <c r="J175" s="6">
        <v>11</v>
      </c>
      <c r="K175" s="6">
        <v>3</v>
      </c>
      <c r="L175" s="6">
        <v>11</v>
      </c>
      <c r="M175" s="6">
        <v>62</v>
      </c>
      <c r="N175" s="6">
        <v>31</v>
      </c>
      <c r="O175" s="6">
        <v>5</v>
      </c>
      <c r="P175" s="6">
        <v>5</v>
      </c>
      <c r="Q175" s="6">
        <v>21</v>
      </c>
      <c r="R175" s="6">
        <v>132</v>
      </c>
      <c r="S175" s="7">
        <v>96.719579999999993</v>
      </c>
    </row>
    <row r="176" spans="1:19">
      <c r="A176" s="9" t="s">
        <v>56</v>
      </c>
      <c r="B176" s="9" t="s">
        <v>57</v>
      </c>
      <c r="C176" s="9" t="s">
        <v>59</v>
      </c>
      <c r="D176" s="9" t="s">
        <v>53</v>
      </c>
      <c r="E176" s="9" t="s">
        <v>34</v>
      </c>
      <c r="F176" s="6">
        <v>1235</v>
      </c>
      <c r="G176" s="6">
        <v>1055</v>
      </c>
      <c r="H176" s="6">
        <v>996</v>
      </c>
      <c r="I176" s="6">
        <v>972</v>
      </c>
      <c r="J176" s="6">
        <v>8</v>
      </c>
      <c r="K176" s="6">
        <v>1</v>
      </c>
      <c r="L176" s="6">
        <v>15</v>
      </c>
      <c r="M176" s="6">
        <v>59</v>
      </c>
      <c r="N176" s="6">
        <v>43</v>
      </c>
      <c r="O176" s="6">
        <v>12</v>
      </c>
      <c r="P176" s="6">
        <v>3</v>
      </c>
      <c r="Q176" s="6">
        <v>28</v>
      </c>
      <c r="R176" s="6">
        <v>137</v>
      </c>
      <c r="S176" s="7">
        <v>96.083789999999993</v>
      </c>
    </row>
    <row r="177" spans="1:19">
      <c r="A177" s="9" t="s">
        <v>56</v>
      </c>
      <c r="B177" s="9" t="s">
        <v>57</v>
      </c>
      <c r="C177" s="9" t="s">
        <v>59</v>
      </c>
      <c r="D177" s="9" t="s">
        <v>53</v>
      </c>
      <c r="E177" s="9" t="s">
        <v>35</v>
      </c>
      <c r="F177" s="6">
        <v>1469</v>
      </c>
      <c r="G177" s="6">
        <v>1279</v>
      </c>
      <c r="H177" s="6">
        <v>1199</v>
      </c>
      <c r="I177" s="6">
        <v>1174</v>
      </c>
      <c r="J177" s="6">
        <v>5</v>
      </c>
      <c r="K177" s="6">
        <v>2</v>
      </c>
      <c r="L177" s="6">
        <v>18</v>
      </c>
      <c r="M177" s="6">
        <v>80</v>
      </c>
      <c r="N177" s="6">
        <v>38</v>
      </c>
      <c r="O177" s="6">
        <v>12</v>
      </c>
      <c r="P177" s="10" t="s">
        <v>55</v>
      </c>
      <c r="Q177" s="6">
        <v>26</v>
      </c>
      <c r="R177" s="6">
        <v>152</v>
      </c>
      <c r="S177" s="7">
        <v>97.114649999999997</v>
      </c>
    </row>
    <row r="178" spans="1:19">
      <c r="A178" s="9" t="s">
        <v>56</v>
      </c>
      <c r="B178" s="9" t="s">
        <v>57</v>
      </c>
      <c r="C178" s="9" t="s">
        <v>59</v>
      </c>
      <c r="D178" s="9" t="s">
        <v>53</v>
      </c>
      <c r="E178" s="9" t="s">
        <v>36</v>
      </c>
      <c r="F178" s="6">
        <v>1596</v>
      </c>
      <c r="G178" s="6">
        <v>1388</v>
      </c>
      <c r="H178" s="6">
        <v>1320</v>
      </c>
      <c r="I178" s="6">
        <v>1304</v>
      </c>
      <c r="J178" s="6">
        <v>6</v>
      </c>
      <c r="K178" s="10" t="s">
        <v>55</v>
      </c>
      <c r="L178" s="6">
        <v>10</v>
      </c>
      <c r="M178" s="6">
        <v>68</v>
      </c>
      <c r="N178" s="6">
        <v>41</v>
      </c>
      <c r="O178" s="6">
        <v>6</v>
      </c>
      <c r="P178" s="6">
        <v>1</v>
      </c>
      <c r="Q178" s="6">
        <v>34</v>
      </c>
      <c r="R178" s="6">
        <v>167</v>
      </c>
      <c r="S178" s="7">
        <v>97.130859999999998</v>
      </c>
    </row>
    <row r="179" spans="1:19">
      <c r="A179" s="9" t="s">
        <v>56</v>
      </c>
      <c r="B179" s="9" t="s">
        <v>57</v>
      </c>
      <c r="C179" s="9" t="s">
        <v>59</v>
      </c>
      <c r="D179" s="9" t="s">
        <v>53</v>
      </c>
      <c r="E179" s="9" t="s">
        <v>37</v>
      </c>
      <c r="F179" s="6">
        <v>1774</v>
      </c>
      <c r="G179" s="6">
        <v>1586</v>
      </c>
      <c r="H179" s="6">
        <v>1517</v>
      </c>
      <c r="I179" s="6">
        <v>1501</v>
      </c>
      <c r="J179" s="6">
        <v>8</v>
      </c>
      <c r="K179" s="6">
        <v>1</v>
      </c>
      <c r="L179" s="6">
        <v>7</v>
      </c>
      <c r="M179" s="6">
        <v>69</v>
      </c>
      <c r="N179" s="6">
        <v>60</v>
      </c>
      <c r="O179" s="6">
        <v>15</v>
      </c>
      <c r="P179" s="10" t="s">
        <v>55</v>
      </c>
      <c r="Q179" s="6">
        <v>45</v>
      </c>
      <c r="R179" s="6">
        <v>128</v>
      </c>
      <c r="S179" s="7">
        <v>96.354799999999997</v>
      </c>
    </row>
    <row r="180" spans="1:19">
      <c r="A180" s="9" t="s">
        <v>56</v>
      </c>
      <c r="B180" s="9" t="s">
        <v>57</v>
      </c>
      <c r="C180" s="9" t="s">
        <v>59</v>
      </c>
      <c r="D180" s="9" t="s">
        <v>53</v>
      </c>
      <c r="E180" s="9" t="s">
        <v>38</v>
      </c>
      <c r="F180" s="6">
        <v>1626</v>
      </c>
      <c r="G180" s="6">
        <v>1421</v>
      </c>
      <c r="H180" s="6">
        <v>1347</v>
      </c>
      <c r="I180" s="6">
        <v>1315</v>
      </c>
      <c r="J180" s="6">
        <v>15</v>
      </c>
      <c r="K180" s="6">
        <v>1</v>
      </c>
      <c r="L180" s="6">
        <v>16</v>
      </c>
      <c r="M180" s="6">
        <v>74</v>
      </c>
      <c r="N180" s="6">
        <v>81</v>
      </c>
      <c r="O180" s="6">
        <v>17</v>
      </c>
      <c r="P180" s="10" t="s">
        <v>55</v>
      </c>
      <c r="Q180" s="6">
        <v>64</v>
      </c>
      <c r="R180" s="6">
        <v>124</v>
      </c>
      <c r="S180" s="7">
        <v>94.607190000000003</v>
      </c>
    </row>
    <row r="181" spans="1:19">
      <c r="A181" s="9" t="s">
        <v>56</v>
      </c>
      <c r="B181" s="9" t="s">
        <v>57</v>
      </c>
      <c r="C181" s="9" t="s">
        <v>59</v>
      </c>
      <c r="D181" s="9" t="s">
        <v>53</v>
      </c>
      <c r="E181" s="9" t="s">
        <v>39</v>
      </c>
      <c r="F181" s="6">
        <v>1616</v>
      </c>
      <c r="G181" s="6">
        <v>1412</v>
      </c>
      <c r="H181" s="6">
        <v>1347</v>
      </c>
      <c r="I181" s="6">
        <v>1301</v>
      </c>
      <c r="J181" s="6">
        <v>14</v>
      </c>
      <c r="K181" s="10" t="s">
        <v>55</v>
      </c>
      <c r="L181" s="6">
        <v>32</v>
      </c>
      <c r="M181" s="6">
        <v>65</v>
      </c>
      <c r="N181" s="6">
        <v>116</v>
      </c>
      <c r="O181" s="6">
        <v>30</v>
      </c>
      <c r="P181" s="6">
        <v>1</v>
      </c>
      <c r="Q181" s="6">
        <v>85</v>
      </c>
      <c r="R181" s="6">
        <v>88</v>
      </c>
      <c r="S181" s="7">
        <v>92.408379999999994</v>
      </c>
    </row>
    <row r="182" spans="1:19">
      <c r="A182" s="9" t="s">
        <v>56</v>
      </c>
      <c r="B182" s="9" t="s">
        <v>57</v>
      </c>
      <c r="C182" s="9" t="s">
        <v>59</v>
      </c>
      <c r="D182" s="9" t="s">
        <v>53</v>
      </c>
      <c r="E182" s="9" t="s">
        <v>40</v>
      </c>
      <c r="F182" s="6">
        <v>1727</v>
      </c>
      <c r="G182" s="6">
        <v>1351</v>
      </c>
      <c r="H182" s="6">
        <v>1256</v>
      </c>
      <c r="I182" s="6">
        <v>1212</v>
      </c>
      <c r="J182" s="6">
        <v>20</v>
      </c>
      <c r="K182" s="10" t="s">
        <v>55</v>
      </c>
      <c r="L182" s="6">
        <v>24</v>
      </c>
      <c r="M182" s="6">
        <v>95</v>
      </c>
      <c r="N182" s="6">
        <v>304</v>
      </c>
      <c r="O182" s="6">
        <v>58</v>
      </c>
      <c r="P182" s="10" t="s">
        <v>55</v>
      </c>
      <c r="Q182" s="6">
        <v>246</v>
      </c>
      <c r="R182" s="6">
        <v>72</v>
      </c>
      <c r="S182" s="7">
        <v>81.631420000000006</v>
      </c>
    </row>
    <row r="183" spans="1:19">
      <c r="A183" s="9" t="s">
        <v>56</v>
      </c>
      <c r="B183" s="9" t="s">
        <v>57</v>
      </c>
      <c r="C183" s="9" t="s">
        <v>59</v>
      </c>
      <c r="D183" s="9" t="s">
        <v>53</v>
      </c>
      <c r="E183" s="9" t="s">
        <v>41</v>
      </c>
      <c r="F183" s="6">
        <v>1848</v>
      </c>
      <c r="G183" s="6">
        <v>989</v>
      </c>
      <c r="H183" s="6">
        <v>925</v>
      </c>
      <c r="I183" s="6">
        <v>831</v>
      </c>
      <c r="J183" s="6">
        <v>51</v>
      </c>
      <c r="K183" s="10" t="s">
        <v>55</v>
      </c>
      <c r="L183" s="6">
        <v>43</v>
      </c>
      <c r="M183" s="6">
        <v>64</v>
      </c>
      <c r="N183" s="6">
        <v>808</v>
      </c>
      <c r="O183" s="6">
        <v>125</v>
      </c>
      <c r="P183" s="10" t="s">
        <v>55</v>
      </c>
      <c r="Q183" s="6">
        <v>683</v>
      </c>
      <c r="R183" s="6">
        <v>51</v>
      </c>
      <c r="S183" s="7">
        <v>55.036169999999998</v>
      </c>
    </row>
    <row r="184" spans="1:19">
      <c r="A184" s="9" t="s">
        <v>56</v>
      </c>
      <c r="B184" s="9" t="s">
        <v>57</v>
      </c>
      <c r="C184" s="9" t="s">
        <v>59</v>
      </c>
      <c r="D184" s="9" t="s">
        <v>53</v>
      </c>
      <c r="E184" s="9" t="s">
        <v>42</v>
      </c>
      <c r="F184" s="6">
        <v>1877</v>
      </c>
      <c r="G184" s="6">
        <v>691</v>
      </c>
      <c r="H184" s="6">
        <v>658</v>
      </c>
      <c r="I184" s="6">
        <v>569</v>
      </c>
      <c r="J184" s="6">
        <v>53</v>
      </c>
      <c r="K184" s="10" t="s">
        <v>55</v>
      </c>
      <c r="L184" s="6">
        <v>36</v>
      </c>
      <c r="M184" s="6">
        <v>33</v>
      </c>
      <c r="N184" s="6">
        <v>1143</v>
      </c>
      <c r="O184" s="6">
        <v>127</v>
      </c>
      <c r="P184" s="10" t="s">
        <v>55</v>
      </c>
      <c r="Q184" s="6">
        <v>1016</v>
      </c>
      <c r="R184" s="6">
        <v>43</v>
      </c>
      <c r="S184" s="7">
        <v>37.677210000000002</v>
      </c>
    </row>
    <row r="185" spans="1:19">
      <c r="A185" s="9" t="s">
        <v>56</v>
      </c>
      <c r="B185" s="9" t="s">
        <v>57</v>
      </c>
      <c r="C185" s="9" t="s">
        <v>59</v>
      </c>
      <c r="D185" s="9" t="s">
        <v>53</v>
      </c>
      <c r="E185" s="9" t="s">
        <v>43</v>
      </c>
      <c r="F185" s="6">
        <v>1309</v>
      </c>
      <c r="G185" s="6">
        <v>266</v>
      </c>
      <c r="H185" s="6">
        <v>256</v>
      </c>
      <c r="I185" s="6">
        <v>218</v>
      </c>
      <c r="J185" s="6">
        <v>25</v>
      </c>
      <c r="K185" s="10" t="s">
        <v>55</v>
      </c>
      <c r="L185" s="6">
        <v>13</v>
      </c>
      <c r="M185" s="6">
        <v>10</v>
      </c>
      <c r="N185" s="6">
        <v>1007</v>
      </c>
      <c r="O185" s="6">
        <v>105</v>
      </c>
      <c r="P185" s="10" t="s">
        <v>55</v>
      </c>
      <c r="Q185" s="6">
        <v>902</v>
      </c>
      <c r="R185" s="6">
        <v>36</v>
      </c>
      <c r="S185" s="7">
        <v>20.895520000000001</v>
      </c>
    </row>
    <row r="186" spans="1:19">
      <c r="A186" s="9" t="s">
        <v>56</v>
      </c>
      <c r="B186" s="9" t="s">
        <v>57</v>
      </c>
      <c r="C186" s="9" t="s">
        <v>59</v>
      </c>
      <c r="D186" s="9" t="s">
        <v>53</v>
      </c>
      <c r="E186" s="9" t="s">
        <v>44</v>
      </c>
      <c r="F186" s="6">
        <v>950</v>
      </c>
      <c r="G186" s="6">
        <v>117</v>
      </c>
      <c r="H186" s="6">
        <v>116</v>
      </c>
      <c r="I186" s="6">
        <v>94</v>
      </c>
      <c r="J186" s="6">
        <v>11</v>
      </c>
      <c r="K186" s="10" t="s">
        <v>55</v>
      </c>
      <c r="L186" s="6">
        <v>11</v>
      </c>
      <c r="M186" s="6">
        <v>1</v>
      </c>
      <c r="N186" s="6">
        <v>810</v>
      </c>
      <c r="O186" s="6">
        <v>69</v>
      </c>
      <c r="P186" s="10" t="s">
        <v>55</v>
      </c>
      <c r="Q186" s="6">
        <v>741</v>
      </c>
      <c r="R186" s="6">
        <v>23</v>
      </c>
      <c r="S186" s="7">
        <v>12.621359999999999</v>
      </c>
    </row>
    <row r="187" spans="1:19">
      <c r="A187" s="9" t="s">
        <v>56</v>
      </c>
      <c r="B187" s="9" t="s">
        <v>57</v>
      </c>
      <c r="C187" s="9" t="s">
        <v>59</v>
      </c>
      <c r="D187" s="9" t="s">
        <v>53</v>
      </c>
      <c r="E187" s="9" t="s">
        <v>45</v>
      </c>
      <c r="F187" s="6">
        <v>677</v>
      </c>
      <c r="G187" s="6">
        <v>35</v>
      </c>
      <c r="H187" s="6">
        <v>34</v>
      </c>
      <c r="I187" s="6">
        <v>26</v>
      </c>
      <c r="J187" s="6">
        <v>5</v>
      </c>
      <c r="K187" s="10" t="s">
        <v>55</v>
      </c>
      <c r="L187" s="6">
        <v>3</v>
      </c>
      <c r="M187" s="6">
        <v>1</v>
      </c>
      <c r="N187" s="6">
        <v>622</v>
      </c>
      <c r="O187" s="6">
        <v>36</v>
      </c>
      <c r="P187" s="10" t="s">
        <v>55</v>
      </c>
      <c r="Q187" s="6">
        <v>586</v>
      </c>
      <c r="R187" s="6">
        <v>20</v>
      </c>
      <c r="S187" s="7">
        <v>5.3272500000000003</v>
      </c>
    </row>
    <row r="188" spans="1:19">
      <c r="A188" s="9" t="s">
        <v>56</v>
      </c>
      <c r="B188" s="9" t="s">
        <v>57</v>
      </c>
      <c r="C188" s="9" t="s">
        <v>59</v>
      </c>
      <c r="D188" s="9" t="s">
        <v>53</v>
      </c>
      <c r="E188" s="9" t="s">
        <v>46</v>
      </c>
      <c r="F188" s="6">
        <v>251</v>
      </c>
      <c r="G188" s="6">
        <v>6</v>
      </c>
      <c r="H188" s="6">
        <v>6</v>
      </c>
      <c r="I188" s="6">
        <v>5</v>
      </c>
      <c r="J188" s="10" t="s">
        <v>55</v>
      </c>
      <c r="K188" s="10" t="s">
        <v>55</v>
      </c>
      <c r="L188" s="6">
        <v>1</v>
      </c>
      <c r="M188" s="10" t="s">
        <v>55</v>
      </c>
      <c r="N188" s="6">
        <v>242</v>
      </c>
      <c r="O188" s="6">
        <v>8</v>
      </c>
      <c r="P188" s="10" t="s">
        <v>55</v>
      </c>
      <c r="Q188" s="6">
        <v>234</v>
      </c>
      <c r="R188" s="6">
        <v>3</v>
      </c>
      <c r="S188" s="7">
        <v>2.4193500000000001</v>
      </c>
    </row>
    <row r="189" spans="1:19">
      <c r="A189" s="9" t="s">
        <v>56</v>
      </c>
      <c r="B189" s="9" t="s">
        <v>57</v>
      </c>
      <c r="C189" s="9" t="s">
        <v>59</v>
      </c>
      <c r="D189" s="9" t="s">
        <v>53</v>
      </c>
      <c r="E189" s="9" t="s">
        <v>47</v>
      </c>
      <c r="F189" s="6">
        <v>36</v>
      </c>
      <c r="G189" s="10" t="s">
        <v>55</v>
      </c>
      <c r="H189" s="10" t="s">
        <v>55</v>
      </c>
      <c r="I189" s="10" t="s">
        <v>55</v>
      </c>
      <c r="J189" s="10" t="s">
        <v>55</v>
      </c>
      <c r="K189" s="10" t="s">
        <v>55</v>
      </c>
      <c r="L189" s="10" t="s">
        <v>55</v>
      </c>
      <c r="M189" s="10" t="s">
        <v>55</v>
      </c>
      <c r="N189" s="6">
        <v>36</v>
      </c>
      <c r="O189" s="10" t="s">
        <v>55</v>
      </c>
      <c r="P189" s="10" t="s">
        <v>55</v>
      </c>
      <c r="Q189" s="6">
        <v>36</v>
      </c>
      <c r="R189" s="10" t="s">
        <v>55</v>
      </c>
      <c r="S189" s="7">
        <v>0</v>
      </c>
    </row>
    <row r="190" spans="1:19">
      <c r="A190" s="9" t="s">
        <v>56</v>
      </c>
      <c r="B190" s="9" t="s">
        <v>57</v>
      </c>
      <c r="C190" s="9" t="s">
        <v>59</v>
      </c>
      <c r="D190" s="9" t="s">
        <v>53</v>
      </c>
      <c r="E190" s="9" t="s">
        <v>48</v>
      </c>
      <c r="F190" s="6">
        <v>14668</v>
      </c>
      <c r="G190" s="6">
        <v>11284</v>
      </c>
      <c r="H190" s="6">
        <v>10640</v>
      </c>
      <c r="I190" s="6">
        <v>10318</v>
      </c>
      <c r="J190" s="6">
        <v>94</v>
      </c>
      <c r="K190" s="6">
        <v>84</v>
      </c>
      <c r="L190" s="6">
        <v>144</v>
      </c>
      <c r="M190" s="6">
        <v>644</v>
      </c>
      <c r="N190" s="6">
        <v>2150</v>
      </c>
      <c r="O190" s="6">
        <v>165</v>
      </c>
      <c r="P190" s="6">
        <v>1396</v>
      </c>
      <c r="Q190" s="6">
        <v>589</v>
      </c>
      <c r="R190" s="6">
        <v>1234</v>
      </c>
      <c r="S190" s="7">
        <v>83.995829999999998</v>
      </c>
    </row>
    <row r="191" spans="1:19">
      <c r="A191" s="9" t="s">
        <v>56</v>
      </c>
      <c r="B191" s="9" t="s">
        <v>57</v>
      </c>
      <c r="C191" s="9" t="s">
        <v>59</v>
      </c>
      <c r="D191" s="9" t="s">
        <v>53</v>
      </c>
      <c r="E191" s="9" t="s">
        <v>49</v>
      </c>
      <c r="F191" s="6">
        <v>6948</v>
      </c>
      <c r="G191" s="6">
        <v>2104</v>
      </c>
      <c r="H191" s="6">
        <v>1995</v>
      </c>
      <c r="I191" s="6">
        <v>1743</v>
      </c>
      <c r="J191" s="6">
        <v>145</v>
      </c>
      <c r="K191" s="10" t="s">
        <v>55</v>
      </c>
      <c r="L191" s="6">
        <v>107</v>
      </c>
      <c r="M191" s="6">
        <v>109</v>
      </c>
      <c r="N191" s="6">
        <v>4668</v>
      </c>
      <c r="O191" s="6">
        <v>470</v>
      </c>
      <c r="P191" s="10" t="s">
        <v>55</v>
      </c>
      <c r="Q191" s="6">
        <v>4198</v>
      </c>
      <c r="R191" s="6">
        <v>176</v>
      </c>
      <c r="S191" s="7">
        <v>31.069109999999998</v>
      </c>
    </row>
    <row r="192" spans="1:19">
      <c r="A192" s="9" t="s">
        <v>56</v>
      </c>
      <c r="B192" s="9" t="s">
        <v>57</v>
      </c>
      <c r="C192" s="9" t="s">
        <v>59</v>
      </c>
      <c r="D192" s="9" t="s">
        <v>53</v>
      </c>
      <c r="E192" s="9" t="s">
        <v>50</v>
      </c>
      <c r="F192" s="6">
        <v>3223</v>
      </c>
      <c r="G192" s="6">
        <v>424</v>
      </c>
      <c r="H192" s="6">
        <v>412</v>
      </c>
      <c r="I192" s="6">
        <v>343</v>
      </c>
      <c r="J192" s="6">
        <v>41</v>
      </c>
      <c r="K192" s="10" t="s">
        <v>55</v>
      </c>
      <c r="L192" s="6">
        <v>28</v>
      </c>
      <c r="M192" s="6">
        <v>12</v>
      </c>
      <c r="N192" s="6">
        <v>2717</v>
      </c>
      <c r="O192" s="6">
        <v>218</v>
      </c>
      <c r="P192" s="10" t="s">
        <v>55</v>
      </c>
      <c r="Q192" s="6">
        <v>2499</v>
      </c>
      <c r="R192" s="6">
        <v>82</v>
      </c>
      <c r="S192" s="7">
        <v>13.498889999999999</v>
      </c>
    </row>
    <row r="193" spans="1:19">
      <c r="A193" s="9" t="s">
        <v>56</v>
      </c>
      <c r="B193" s="9" t="s">
        <v>57</v>
      </c>
      <c r="C193" s="9" t="s">
        <v>59</v>
      </c>
      <c r="D193" s="9" t="s">
        <v>53</v>
      </c>
      <c r="E193" s="9" t="s">
        <v>51</v>
      </c>
      <c r="F193" s="6">
        <v>964</v>
      </c>
      <c r="G193" s="6">
        <v>41</v>
      </c>
      <c r="H193" s="6">
        <v>40</v>
      </c>
      <c r="I193" s="6">
        <v>31</v>
      </c>
      <c r="J193" s="6">
        <v>5</v>
      </c>
      <c r="K193" s="10" t="s">
        <v>55</v>
      </c>
      <c r="L193" s="6">
        <v>4</v>
      </c>
      <c r="M193" s="6">
        <v>1</v>
      </c>
      <c r="N193" s="6">
        <v>900</v>
      </c>
      <c r="O193" s="6">
        <v>44</v>
      </c>
      <c r="P193" s="10" t="s">
        <v>55</v>
      </c>
      <c r="Q193" s="6">
        <v>856</v>
      </c>
      <c r="R193" s="6">
        <v>23</v>
      </c>
      <c r="S193" s="7">
        <v>4.3570700000000002</v>
      </c>
    </row>
    <row r="194" spans="1:19">
      <c r="A194" s="9" t="s">
        <v>56</v>
      </c>
      <c r="B194" s="9" t="s">
        <v>57</v>
      </c>
      <c r="C194" s="9" t="s">
        <v>59</v>
      </c>
      <c r="D194" s="9" t="s">
        <v>53</v>
      </c>
      <c r="E194" s="9" t="s">
        <v>52</v>
      </c>
      <c r="F194" s="6">
        <v>14955</v>
      </c>
      <c r="G194" s="6">
        <v>12103</v>
      </c>
      <c r="H194" s="6">
        <v>11412</v>
      </c>
      <c r="I194" s="6">
        <v>11037</v>
      </c>
      <c r="J194" s="6">
        <v>142</v>
      </c>
      <c r="K194" s="6">
        <v>47</v>
      </c>
      <c r="L194" s="6">
        <v>186</v>
      </c>
      <c r="M194" s="6">
        <v>691</v>
      </c>
      <c r="N194" s="6">
        <v>1674</v>
      </c>
      <c r="O194" s="6">
        <v>289</v>
      </c>
      <c r="P194" s="6">
        <v>127</v>
      </c>
      <c r="Q194" s="6">
        <v>1258</v>
      </c>
      <c r="R194" s="6">
        <v>1178</v>
      </c>
      <c r="S194" s="7">
        <v>87.849310000000003</v>
      </c>
    </row>
    <row r="195" spans="1:19">
      <c r="A195" s="9" t="s">
        <v>56</v>
      </c>
      <c r="B195" s="9" t="s">
        <v>57</v>
      </c>
      <c r="C195" s="9" t="s">
        <v>59</v>
      </c>
      <c r="D195" s="9" t="s">
        <v>54</v>
      </c>
      <c r="E195" s="9" t="s">
        <v>30</v>
      </c>
      <c r="F195" s="6">
        <v>25089</v>
      </c>
      <c r="G195" s="6">
        <v>12298</v>
      </c>
      <c r="H195" s="6">
        <v>11858</v>
      </c>
      <c r="I195" s="6">
        <v>9318</v>
      </c>
      <c r="J195" s="6">
        <v>2072</v>
      </c>
      <c r="K195" s="6">
        <v>126</v>
      </c>
      <c r="L195" s="6">
        <v>342</v>
      </c>
      <c r="M195" s="6">
        <v>440</v>
      </c>
      <c r="N195" s="6">
        <v>11466</v>
      </c>
      <c r="O195" s="6">
        <v>4828</v>
      </c>
      <c r="P195" s="6">
        <v>1279</v>
      </c>
      <c r="Q195" s="6">
        <v>5359</v>
      </c>
      <c r="R195" s="6">
        <v>1325</v>
      </c>
      <c r="S195" s="7">
        <v>51.750549999999997</v>
      </c>
    </row>
    <row r="196" spans="1:19">
      <c r="A196" s="9" t="s">
        <v>56</v>
      </c>
      <c r="B196" s="9" t="s">
        <v>57</v>
      </c>
      <c r="C196" s="9" t="s">
        <v>59</v>
      </c>
      <c r="D196" s="9" t="s">
        <v>54</v>
      </c>
      <c r="E196" s="9" t="s">
        <v>31</v>
      </c>
      <c r="F196" s="6">
        <v>1360</v>
      </c>
      <c r="G196" s="6">
        <v>138</v>
      </c>
      <c r="H196" s="6">
        <v>125</v>
      </c>
      <c r="I196" s="6">
        <v>53</v>
      </c>
      <c r="J196" s="6">
        <v>4</v>
      </c>
      <c r="K196" s="6">
        <v>64</v>
      </c>
      <c r="L196" s="6">
        <v>4</v>
      </c>
      <c r="M196" s="6">
        <v>13</v>
      </c>
      <c r="N196" s="6">
        <v>1116</v>
      </c>
      <c r="O196" s="6">
        <v>14</v>
      </c>
      <c r="P196" s="6">
        <v>1087</v>
      </c>
      <c r="Q196" s="6">
        <v>15</v>
      </c>
      <c r="R196" s="6">
        <v>106</v>
      </c>
      <c r="S196" s="7">
        <v>11.00478</v>
      </c>
    </row>
    <row r="197" spans="1:19">
      <c r="A197" s="9" t="s">
        <v>56</v>
      </c>
      <c r="B197" s="9" t="s">
        <v>57</v>
      </c>
      <c r="C197" s="9" t="s">
        <v>59</v>
      </c>
      <c r="D197" s="9" t="s">
        <v>54</v>
      </c>
      <c r="E197" s="9" t="s">
        <v>32</v>
      </c>
      <c r="F197" s="6">
        <v>933</v>
      </c>
      <c r="G197" s="6">
        <v>624</v>
      </c>
      <c r="H197" s="6">
        <v>580</v>
      </c>
      <c r="I197" s="6">
        <v>496</v>
      </c>
      <c r="J197" s="6">
        <v>24</v>
      </c>
      <c r="K197" s="6">
        <v>41</v>
      </c>
      <c r="L197" s="6">
        <v>19</v>
      </c>
      <c r="M197" s="6">
        <v>44</v>
      </c>
      <c r="N197" s="6">
        <v>224</v>
      </c>
      <c r="O197" s="6">
        <v>40</v>
      </c>
      <c r="P197" s="6">
        <v>169</v>
      </c>
      <c r="Q197" s="6">
        <v>15</v>
      </c>
      <c r="R197" s="6">
        <v>85</v>
      </c>
      <c r="S197" s="7">
        <v>73.584909999999994</v>
      </c>
    </row>
    <row r="198" spans="1:19">
      <c r="A198" s="9" t="s">
        <v>56</v>
      </c>
      <c r="B198" s="9" t="s">
        <v>57</v>
      </c>
      <c r="C198" s="9" t="s">
        <v>59</v>
      </c>
      <c r="D198" s="9" t="s">
        <v>54</v>
      </c>
      <c r="E198" s="9" t="s">
        <v>33</v>
      </c>
      <c r="F198" s="6">
        <v>1057</v>
      </c>
      <c r="G198" s="6">
        <v>804</v>
      </c>
      <c r="H198" s="6">
        <v>767</v>
      </c>
      <c r="I198" s="6">
        <v>670</v>
      </c>
      <c r="J198" s="6">
        <v>46</v>
      </c>
      <c r="K198" s="6">
        <v>3</v>
      </c>
      <c r="L198" s="6">
        <v>48</v>
      </c>
      <c r="M198" s="6">
        <v>37</v>
      </c>
      <c r="N198" s="6">
        <v>131</v>
      </c>
      <c r="O198" s="6">
        <v>106</v>
      </c>
      <c r="P198" s="6">
        <v>8</v>
      </c>
      <c r="Q198" s="6">
        <v>17</v>
      </c>
      <c r="R198" s="6">
        <v>122</v>
      </c>
      <c r="S198" s="7">
        <v>85.9893</v>
      </c>
    </row>
    <row r="199" spans="1:19">
      <c r="A199" s="9" t="s">
        <v>56</v>
      </c>
      <c r="B199" s="9" t="s">
        <v>57</v>
      </c>
      <c r="C199" s="9" t="s">
        <v>59</v>
      </c>
      <c r="D199" s="9" t="s">
        <v>54</v>
      </c>
      <c r="E199" s="9" t="s">
        <v>34</v>
      </c>
      <c r="F199" s="6">
        <v>1286</v>
      </c>
      <c r="G199" s="6">
        <v>966</v>
      </c>
      <c r="H199" s="6">
        <v>919</v>
      </c>
      <c r="I199" s="6">
        <v>758</v>
      </c>
      <c r="J199" s="6">
        <v>100</v>
      </c>
      <c r="K199" s="6">
        <v>8</v>
      </c>
      <c r="L199" s="6">
        <v>53</v>
      </c>
      <c r="M199" s="6">
        <v>47</v>
      </c>
      <c r="N199" s="6">
        <v>179</v>
      </c>
      <c r="O199" s="6">
        <v>166</v>
      </c>
      <c r="P199" s="6">
        <v>2</v>
      </c>
      <c r="Q199" s="6">
        <v>11</v>
      </c>
      <c r="R199" s="6">
        <v>141</v>
      </c>
      <c r="S199" s="7">
        <v>84.366810000000001</v>
      </c>
    </row>
    <row r="200" spans="1:19">
      <c r="A200" s="9" t="s">
        <v>56</v>
      </c>
      <c r="B200" s="9" t="s">
        <v>57</v>
      </c>
      <c r="C200" s="9" t="s">
        <v>59</v>
      </c>
      <c r="D200" s="9" t="s">
        <v>54</v>
      </c>
      <c r="E200" s="9" t="s">
        <v>35</v>
      </c>
      <c r="F200" s="6">
        <v>1553</v>
      </c>
      <c r="G200" s="6">
        <v>1221</v>
      </c>
      <c r="H200" s="6">
        <v>1187</v>
      </c>
      <c r="I200" s="6">
        <v>973</v>
      </c>
      <c r="J200" s="6">
        <v>166</v>
      </c>
      <c r="K200" s="6">
        <v>4</v>
      </c>
      <c r="L200" s="6">
        <v>44</v>
      </c>
      <c r="M200" s="6">
        <v>34</v>
      </c>
      <c r="N200" s="6">
        <v>204</v>
      </c>
      <c r="O200" s="6">
        <v>181</v>
      </c>
      <c r="P200" s="6">
        <v>4</v>
      </c>
      <c r="Q200" s="6">
        <v>19</v>
      </c>
      <c r="R200" s="6">
        <v>128</v>
      </c>
      <c r="S200" s="7">
        <v>85.684209999999993</v>
      </c>
    </row>
    <row r="201" spans="1:19">
      <c r="A201" s="9" t="s">
        <v>56</v>
      </c>
      <c r="B201" s="9" t="s">
        <v>57</v>
      </c>
      <c r="C201" s="9" t="s">
        <v>59</v>
      </c>
      <c r="D201" s="9" t="s">
        <v>54</v>
      </c>
      <c r="E201" s="9" t="s">
        <v>36</v>
      </c>
      <c r="F201" s="6">
        <v>1759</v>
      </c>
      <c r="G201" s="6">
        <v>1396</v>
      </c>
      <c r="H201" s="6">
        <v>1361</v>
      </c>
      <c r="I201" s="6">
        <v>1136</v>
      </c>
      <c r="J201" s="6">
        <v>199</v>
      </c>
      <c r="K201" s="6">
        <v>4</v>
      </c>
      <c r="L201" s="6">
        <v>22</v>
      </c>
      <c r="M201" s="6">
        <v>35</v>
      </c>
      <c r="N201" s="6">
        <v>202</v>
      </c>
      <c r="O201" s="6">
        <v>182</v>
      </c>
      <c r="P201" s="6">
        <v>1</v>
      </c>
      <c r="Q201" s="6">
        <v>19</v>
      </c>
      <c r="R201" s="6">
        <v>161</v>
      </c>
      <c r="S201" s="7">
        <v>87.359200000000001</v>
      </c>
    </row>
    <row r="202" spans="1:19">
      <c r="A202" s="9" t="s">
        <v>56</v>
      </c>
      <c r="B202" s="9" t="s">
        <v>57</v>
      </c>
      <c r="C202" s="9" t="s">
        <v>59</v>
      </c>
      <c r="D202" s="9" t="s">
        <v>54</v>
      </c>
      <c r="E202" s="9" t="s">
        <v>37</v>
      </c>
      <c r="F202" s="6">
        <v>1903</v>
      </c>
      <c r="G202" s="6">
        <v>1511</v>
      </c>
      <c r="H202" s="6">
        <v>1448</v>
      </c>
      <c r="I202" s="6">
        <v>1221</v>
      </c>
      <c r="J202" s="6">
        <v>209</v>
      </c>
      <c r="K202" s="6">
        <v>1</v>
      </c>
      <c r="L202" s="6">
        <v>17</v>
      </c>
      <c r="M202" s="6">
        <v>63</v>
      </c>
      <c r="N202" s="6">
        <v>262</v>
      </c>
      <c r="O202" s="6">
        <v>223</v>
      </c>
      <c r="P202" s="6">
        <v>3</v>
      </c>
      <c r="Q202" s="6">
        <v>36</v>
      </c>
      <c r="R202" s="6">
        <v>130</v>
      </c>
      <c r="S202" s="7">
        <v>85.222790000000003</v>
      </c>
    </row>
    <row r="203" spans="1:19">
      <c r="A203" s="9" t="s">
        <v>56</v>
      </c>
      <c r="B203" s="9" t="s">
        <v>57</v>
      </c>
      <c r="C203" s="9" t="s">
        <v>59</v>
      </c>
      <c r="D203" s="9" t="s">
        <v>54</v>
      </c>
      <c r="E203" s="9" t="s">
        <v>38</v>
      </c>
      <c r="F203" s="6">
        <v>1800</v>
      </c>
      <c r="G203" s="6">
        <v>1403</v>
      </c>
      <c r="H203" s="6">
        <v>1358</v>
      </c>
      <c r="I203" s="6">
        <v>1102</v>
      </c>
      <c r="J203" s="6">
        <v>237</v>
      </c>
      <c r="K203" s="10" t="s">
        <v>55</v>
      </c>
      <c r="L203" s="6">
        <v>19</v>
      </c>
      <c r="M203" s="6">
        <v>45</v>
      </c>
      <c r="N203" s="6">
        <v>310</v>
      </c>
      <c r="O203" s="6">
        <v>267</v>
      </c>
      <c r="P203" s="6">
        <v>1</v>
      </c>
      <c r="Q203" s="6">
        <v>42</v>
      </c>
      <c r="R203" s="6">
        <v>87</v>
      </c>
      <c r="S203" s="7">
        <v>81.903090000000006</v>
      </c>
    </row>
    <row r="204" spans="1:19">
      <c r="A204" s="9" t="s">
        <v>56</v>
      </c>
      <c r="B204" s="9" t="s">
        <v>57</v>
      </c>
      <c r="C204" s="9" t="s">
        <v>59</v>
      </c>
      <c r="D204" s="9" t="s">
        <v>54</v>
      </c>
      <c r="E204" s="9" t="s">
        <v>39</v>
      </c>
      <c r="F204" s="6">
        <v>1809</v>
      </c>
      <c r="G204" s="6">
        <v>1355</v>
      </c>
      <c r="H204" s="6">
        <v>1311</v>
      </c>
      <c r="I204" s="6">
        <v>1063</v>
      </c>
      <c r="J204" s="6">
        <v>222</v>
      </c>
      <c r="K204" s="10" t="s">
        <v>55</v>
      </c>
      <c r="L204" s="6">
        <v>26</v>
      </c>
      <c r="M204" s="6">
        <v>44</v>
      </c>
      <c r="N204" s="6">
        <v>382</v>
      </c>
      <c r="O204" s="6">
        <v>324</v>
      </c>
      <c r="P204" s="10" t="s">
        <v>55</v>
      </c>
      <c r="Q204" s="6">
        <v>58</v>
      </c>
      <c r="R204" s="6">
        <v>72</v>
      </c>
      <c r="S204" s="7">
        <v>78.00806</v>
      </c>
    </row>
    <row r="205" spans="1:19">
      <c r="A205" s="9" t="s">
        <v>56</v>
      </c>
      <c r="B205" s="9" t="s">
        <v>57</v>
      </c>
      <c r="C205" s="9" t="s">
        <v>59</v>
      </c>
      <c r="D205" s="9" t="s">
        <v>54</v>
      </c>
      <c r="E205" s="9" t="s">
        <v>40</v>
      </c>
      <c r="F205" s="6">
        <v>1892</v>
      </c>
      <c r="G205" s="6">
        <v>1146</v>
      </c>
      <c r="H205" s="6">
        <v>1102</v>
      </c>
      <c r="I205" s="6">
        <v>815</v>
      </c>
      <c r="J205" s="6">
        <v>257</v>
      </c>
      <c r="K205" s="10" t="s">
        <v>55</v>
      </c>
      <c r="L205" s="6">
        <v>30</v>
      </c>
      <c r="M205" s="6">
        <v>44</v>
      </c>
      <c r="N205" s="6">
        <v>683</v>
      </c>
      <c r="O205" s="6">
        <v>514</v>
      </c>
      <c r="P205" s="10" t="s">
        <v>55</v>
      </c>
      <c r="Q205" s="6">
        <v>169</v>
      </c>
      <c r="R205" s="6">
        <v>63</v>
      </c>
      <c r="S205" s="7">
        <v>62.65719</v>
      </c>
    </row>
    <row r="206" spans="1:19">
      <c r="A206" s="9" t="s">
        <v>56</v>
      </c>
      <c r="B206" s="9" t="s">
        <v>57</v>
      </c>
      <c r="C206" s="9" t="s">
        <v>59</v>
      </c>
      <c r="D206" s="9" t="s">
        <v>54</v>
      </c>
      <c r="E206" s="9" t="s">
        <v>41</v>
      </c>
      <c r="F206" s="6">
        <v>2101</v>
      </c>
      <c r="G206" s="6">
        <v>825</v>
      </c>
      <c r="H206" s="6">
        <v>807</v>
      </c>
      <c r="I206" s="6">
        <v>532</v>
      </c>
      <c r="J206" s="6">
        <v>250</v>
      </c>
      <c r="K206" s="6">
        <v>1</v>
      </c>
      <c r="L206" s="6">
        <v>24</v>
      </c>
      <c r="M206" s="6">
        <v>18</v>
      </c>
      <c r="N206" s="6">
        <v>1222</v>
      </c>
      <c r="O206" s="6">
        <v>747</v>
      </c>
      <c r="P206" s="10" t="s">
        <v>55</v>
      </c>
      <c r="Q206" s="6">
        <v>475</v>
      </c>
      <c r="R206" s="6">
        <v>54</v>
      </c>
      <c r="S206" s="7">
        <v>40.302880000000002</v>
      </c>
    </row>
    <row r="207" spans="1:19">
      <c r="A207" s="9" t="s">
        <v>56</v>
      </c>
      <c r="B207" s="9" t="s">
        <v>57</v>
      </c>
      <c r="C207" s="9" t="s">
        <v>59</v>
      </c>
      <c r="D207" s="9" t="s">
        <v>54</v>
      </c>
      <c r="E207" s="9" t="s">
        <v>42</v>
      </c>
      <c r="F207" s="6">
        <v>2237</v>
      </c>
      <c r="G207" s="6">
        <v>572</v>
      </c>
      <c r="H207" s="6">
        <v>560</v>
      </c>
      <c r="I207" s="6">
        <v>333</v>
      </c>
      <c r="J207" s="6">
        <v>202</v>
      </c>
      <c r="K207" s="10" t="s">
        <v>55</v>
      </c>
      <c r="L207" s="6">
        <v>25</v>
      </c>
      <c r="M207" s="6">
        <v>12</v>
      </c>
      <c r="N207" s="6">
        <v>1618</v>
      </c>
      <c r="O207" s="6">
        <v>812</v>
      </c>
      <c r="P207" s="6">
        <v>1</v>
      </c>
      <c r="Q207" s="6">
        <v>805</v>
      </c>
      <c r="R207" s="6">
        <v>47</v>
      </c>
      <c r="S207" s="7">
        <v>26.11872</v>
      </c>
    </row>
    <row r="208" spans="1:19">
      <c r="A208" s="9" t="s">
        <v>56</v>
      </c>
      <c r="B208" s="9" t="s">
        <v>57</v>
      </c>
      <c r="C208" s="9" t="s">
        <v>59</v>
      </c>
      <c r="D208" s="9" t="s">
        <v>54</v>
      </c>
      <c r="E208" s="9" t="s">
        <v>43</v>
      </c>
      <c r="F208" s="6">
        <v>1799</v>
      </c>
      <c r="G208" s="6">
        <v>204</v>
      </c>
      <c r="H208" s="6">
        <v>200</v>
      </c>
      <c r="I208" s="6">
        <v>93</v>
      </c>
      <c r="J208" s="6">
        <v>100</v>
      </c>
      <c r="K208" s="10" t="s">
        <v>55</v>
      </c>
      <c r="L208" s="6">
        <v>7</v>
      </c>
      <c r="M208" s="6">
        <v>4</v>
      </c>
      <c r="N208" s="6">
        <v>1557</v>
      </c>
      <c r="O208" s="6">
        <v>552</v>
      </c>
      <c r="P208" s="10" t="s">
        <v>55</v>
      </c>
      <c r="Q208" s="6">
        <v>1005</v>
      </c>
      <c r="R208" s="6">
        <v>38</v>
      </c>
      <c r="S208" s="7">
        <v>11.58433</v>
      </c>
    </row>
    <row r="209" spans="1:19">
      <c r="A209" s="9" t="s">
        <v>56</v>
      </c>
      <c r="B209" s="9" t="s">
        <v>57</v>
      </c>
      <c r="C209" s="9" t="s">
        <v>59</v>
      </c>
      <c r="D209" s="9" t="s">
        <v>54</v>
      </c>
      <c r="E209" s="9" t="s">
        <v>44</v>
      </c>
      <c r="F209" s="6">
        <v>1530</v>
      </c>
      <c r="G209" s="6">
        <v>92</v>
      </c>
      <c r="H209" s="6">
        <v>92</v>
      </c>
      <c r="I209" s="6">
        <v>48</v>
      </c>
      <c r="J209" s="6">
        <v>41</v>
      </c>
      <c r="K209" s="10" t="s">
        <v>55</v>
      </c>
      <c r="L209" s="6">
        <v>3</v>
      </c>
      <c r="M209" s="10" t="s">
        <v>55</v>
      </c>
      <c r="N209" s="6">
        <v>1398</v>
      </c>
      <c r="O209" s="6">
        <v>406</v>
      </c>
      <c r="P209" s="10" t="s">
        <v>55</v>
      </c>
      <c r="Q209" s="6">
        <v>992</v>
      </c>
      <c r="R209" s="6">
        <v>40</v>
      </c>
      <c r="S209" s="7">
        <v>6.1745000000000001</v>
      </c>
    </row>
    <row r="210" spans="1:19">
      <c r="A210" s="9" t="s">
        <v>56</v>
      </c>
      <c r="B210" s="9" t="s">
        <v>57</v>
      </c>
      <c r="C210" s="9" t="s">
        <v>59</v>
      </c>
      <c r="D210" s="9" t="s">
        <v>54</v>
      </c>
      <c r="E210" s="9" t="s">
        <v>45</v>
      </c>
      <c r="F210" s="6">
        <v>1213</v>
      </c>
      <c r="G210" s="6">
        <v>34</v>
      </c>
      <c r="H210" s="6">
        <v>34</v>
      </c>
      <c r="I210" s="6">
        <v>21</v>
      </c>
      <c r="J210" s="6">
        <v>12</v>
      </c>
      <c r="K210" s="10" t="s">
        <v>55</v>
      </c>
      <c r="L210" s="6">
        <v>1</v>
      </c>
      <c r="M210" s="10" t="s">
        <v>55</v>
      </c>
      <c r="N210" s="6">
        <v>1142</v>
      </c>
      <c r="O210" s="6">
        <v>227</v>
      </c>
      <c r="P210" s="6">
        <v>3</v>
      </c>
      <c r="Q210" s="6">
        <v>912</v>
      </c>
      <c r="R210" s="6">
        <v>37</v>
      </c>
      <c r="S210" s="7">
        <v>2.8911600000000002</v>
      </c>
    </row>
    <row r="211" spans="1:19">
      <c r="A211" s="9" t="s">
        <v>56</v>
      </c>
      <c r="B211" s="9" t="s">
        <v>57</v>
      </c>
      <c r="C211" s="9" t="s">
        <v>59</v>
      </c>
      <c r="D211" s="9" t="s">
        <v>54</v>
      </c>
      <c r="E211" s="9" t="s">
        <v>46</v>
      </c>
      <c r="F211" s="6">
        <v>629</v>
      </c>
      <c r="G211" s="6">
        <v>6</v>
      </c>
      <c r="H211" s="6">
        <v>6</v>
      </c>
      <c r="I211" s="6">
        <v>3</v>
      </c>
      <c r="J211" s="6">
        <v>3</v>
      </c>
      <c r="K211" s="10" t="s">
        <v>55</v>
      </c>
      <c r="L211" s="10" t="s">
        <v>55</v>
      </c>
      <c r="M211" s="10" t="s">
        <v>55</v>
      </c>
      <c r="N211" s="6">
        <v>611</v>
      </c>
      <c r="O211" s="6">
        <v>59</v>
      </c>
      <c r="P211" s="10" t="s">
        <v>55</v>
      </c>
      <c r="Q211" s="6">
        <v>552</v>
      </c>
      <c r="R211" s="6">
        <v>12</v>
      </c>
      <c r="S211" s="7">
        <v>0.97245000000000004</v>
      </c>
    </row>
    <row r="212" spans="1:19">
      <c r="A212" s="9" t="s">
        <v>56</v>
      </c>
      <c r="B212" s="9" t="s">
        <v>57</v>
      </c>
      <c r="C212" s="9" t="s">
        <v>59</v>
      </c>
      <c r="D212" s="9" t="s">
        <v>54</v>
      </c>
      <c r="E212" s="9" t="s">
        <v>47</v>
      </c>
      <c r="F212" s="6">
        <v>228</v>
      </c>
      <c r="G212" s="6">
        <v>1</v>
      </c>
      <c r="H212" s="6">
        <v>1</v>
      </c>
      <c r="I212" s="6">
        <v>1</v>
      </c>
      <c r="J212" s="10" t="s">
        <v>55</v>
      </c>
      <c r="K212" s="10" t="s">
        <v>55</v>
      </c>
      <c r="L212" s="10" t="s">
        <v>55</v>
      </c>
      <c r="M212" s="10" t="s">
        <v>55</v>
      </c>
      <c r="N212" s="6">
        <v>225</v>
      </c>
      <c r="O212" s="6">
        <v>8</v>
      </c>
      <c r="P212" s="10" t="s">
        <v>55</v>
      </c>
      <c r="Q212" s="6">
        <v>217</v>
      </c>
      <c r="R212" s="6">
        <v>2</v>
      </c>
      <c r="S212" s="7">
        <v>0.44247999999999998</v>
      </c>
    </row>
    <row r="213" spans="1:19">
      <c r="A213" s="9" t="s">
        <v>56</v>
      </c>
      <c r="B213" s="9" t="s">
        <v>57</v>
      </c>
      <c r="C213" s="9" t="s">
        <v>59</v>
      </c>
      <c r="D213" s="9" t="s">
        <v>54</v>
      </c>
      <c r="E213" s="9" t="s">
        <v>48</v>
      </c>
      <c r="F213" s="6">
        <v>15352</v>
      </c>
      <c r="G213" s="6">
        <v>10564</v>
      </c>
      <c r="H213" s="6">
        <v>10158</v>
      </c>
      <c r="I213" s="6">
        <v>8287</v>
      </c>
      <c r="J213" s="6">
        <v>1464</v>
      </c>
      <c r="K213" s="6">
        <v>125</v>
      </c>
      <c r="L213" s="6">
        <v>282</v>
      </c>
      <c r="M213" s="6">
        <v>406</v>
      </c>
      <c r="N213" s="6">
        <v>3693</v>
      </c>
      <c r="O213" s="6">
        <v>2017</v>
      </c>
      <c r="P213" s="6">
        <v>1275</v>
      </c>
      <c r="Q213" s="6">
        <v>401</v>
      </c>
      <c r="R213" s="6">
        <v>1095</v>
      </c>
      <c r="S213" s="7">
        <v>74.09693</v>
      </c>
    </row>
    <row r="214" spans="1:19">
      <c r="A214" s="9" t="s">
        <v>56</v>
      </c>
      <c r="B214" s="9" t="s">
        <v>57</v>
      </c>
      <c r="C214" s="9" t="s">
        <v>59</v>
      </c>
      <c r="D214" s="9" t="s">
        <v>54</v>
      </c>
      <c r="E214" s="9" t="s">
        <v>49</v>
      </c>
      <c r="F214" s="6">
        <v>9737</v>
      </c>
      <c r="G214" s="6">
        <v>1734</v>
      </c>
      <c r="H214" s="6">
        <v>1700</v>
      </c>
      <c r="I214" s="6">
        <v>1031</v>
      </c>
      <c r="J214" s="6">
        <v>608</v>
      </c>
      <c r="K214" s="6">
        <v>1</v>
      </c>
      <c r="L214" s="6">
        <v>60</v>
      </c>
      <c r="M214" s="6">
        <v>34</v>
      </c>
      <c r="N214" s="6">
        <v>7773</v>
      </c>
      <c r="O214" s="6">
        <v>2811</v>
      </c>
      <c r="P214" s="6">
        <v>4</v>
      </c>
      <c r="Q214" s="6">
        <v>4958</v>
      </c>
      <c r="R214" s="6">
        <v>230</v>
      </c>
      <c r="S214" s="7">
        <v>18.239190000000001</v>
      </c>
    </row>
    <row r="215" spans="1:19">
      <c r="A215" s="9" t="s">
        <v>56</v>
      </c>
      <c r="B215" s="9" t="s">
        <v>57</v>
      </c>
      <c r="C215" s="9" t="s">
        <v>59</v>
      </c>
      <c r="D215" s="9" t="s">
        <v>54</v>
      </c>
      <c r="E215" s="9" t="s">
        <v>50</v>
      </c>
      <c r="F215" s="6">
        <v>5399</v>
      </c>
      <c r="G215" s="6">
        <v>337</v>
      </c>
      <c r="H215" s="6">
        <v>333</v>
      </c>
      <c r="I215" s="6">
        <v>166</v>
      </c>
      <c r="J215" s="6">
        <v>156</v>
      </c>
      <c r="K215" s="10" t="s">
        <v>55</v>
      </c>
      <c r="L215" s="6">
        <v>11</v>
      </c>
      <c r="M215" s="6">
        <v>4</v>
      </c>
      <c r="N215" s="6">
        <v>4933</v>
      </c>
      <c r="O215" s="6">
        <v>1252</v>
      </c>
      <c r="P215" s="6">
        <v>3</v>
      </c>
      <c r="Q215" s="6">
        <v>3678</v>
      </c>
      <c r="R215" s="6">
        <v>129</v>
      </c>
      <c r="S215" s="7">
        <v>6.3946899999999998</v>
      </c>
    </row>
    <row r="216" spans="1:19">
      <c r="A216" s="9" t="s">
        <v>56</v>
      </c>
      <c r="B216" s="9" t="s">
        <v>57</v>
      </c>
      <c r="C216" s="9" t="s">
        <v>59</v>
      </c>
      <c r="D216" s="9" t="s">
        <v>54</v>
      </c>
      <c r="E216" s="9" t="s">
        <v>51</v>
      </c>
      <c r="F216" s="6">
        <v>2070</v>
      </c>
      <c r="G216" s="6">
        <v>41</v>
      </c>
      <c r="H216" s="6">
        <v>41</v>
      </c>
      <c r="I216" s="6">
        <v>25</v>
      </c>
      <c r="J216" s="6">
        <v>15</v>
      </c>
      <c r="K216" s="10" t="s">
        <v>55</v>
      </c>
      <c r="L216" s="6">
        <v>1</v>
      </c>
      <c r="M216" s="10" t="s">
        <v>55</v>
      </c>
      <c r="N216" s="6">
        <v>1978</v>
      </c>
      <c r="O216" s="6">
        <v>294</v>
      </c>
      <c r="P216" s="6">
        <v>3</v>
      </c>
      <c r="Q216" s="6">
        <v>1681</v>
      </c>
      <c r="R216" s="6">
        <v>51</v>
      </c>
      <c r="S216" s="7">
        <v>2.03071</v>
      </c>
    </row>
    <row r="217" spans="1:19">
      <c r="A217" s="9" t="s">
        <v>56</v>
      </c>
      <c r="B217" s="9" t="s">
        <v>57</v>
      </c>
      <c r="C217" s="9" t="s">
        <v>59</v>
      </c>
      <c r="D217" s="9" t="s">
        <v>54</v>
      </c>
      <c r="E217" s="9" t="s">
        <v>52</v>
      </c>
      <c r="F217" s="6">
        <v>16093</v>
      </c>
      <c r="G217" s="6">
        <v>11251</v>
      </c>
      <c r="H217" s="6">
        <v>10840</v>
      </c>
      <c r="I217" s="6">
        <v>8766</v>
      </c>
      <c r="J217" s="6">
        <v>1710</v>
      </c>
      <c r="K217" s="6">
        <v>62</v>
      </c>
      <c r="L217" s="6">
        <v>302</v>
      </c>
      <c r="M217" s="6">
        <v>411</v>
      </c>
      <c r="N217" s="6">
        <v>3799</v>
      </c>
      <c r="O217" s="6">
        <v>2750</v>
      </c>
      <c r="P217" s="6">
        <v>188</v>
      </c>
      <c r="Q217" s="6">
        <v>861</v>
      </c>
      <c r="R217" s="6">
        <v>1043</v>
      </c>
      <c r="S217" s="7">
        <v>74.75748000000000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0" orientation="portrait" r:id="rId1"/>
</worksheet>
</file>

<file path=xl/worksheets/sheet3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57402C6-82B6-48A4-A8F3-9E61E51696C7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59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0</v>
      </c>
      <c r="E11" s="5" t="s">
        <v>6</v>
      </c>
      <c r="F11" s="5" t="s">
        <v>6</v>
      </c>
      <c r="G11" s="5" t="s">
        <v>30</v>
      </c>
      <c r="H11" s="6">
        <v>2442420</v>
      </c>
      <c r="I11" s="6">
        <v>1754884</v>
      </c>
      <c r="J11" s="6">
        <v>1503858</v>
      </c>
      <c r="K11" s="6">
        <v>600288</v>
      </c>
      <c r="L11" s="6">
        <v>87248</v>
      </c>
    </row>
    <row r="12" spans="1:12">
      <c r="A12" s="9" t="s">
        <v>27</v>
      </c>
      <c r="B12" s="9" t="s">
        <v>28</v>
      </c>
      <c r="C12" s="9" t="s">
        <v>29</v>
      </c>
      <c r="D12" s="9" t="s">
        <v>260</v>
      </c>
      <c r="E12" s="9" t="s">
        <v>6</v>
      </c>
      <c r="F12" s="9" t="s">
        <v>234</v>
      </c>
      <c r="G12" s="9" t="s">
        <v>30</v>
      </c>
      <c r="H12" s="6">
        <v>835040</v>
      </c>
      <c r="I12" s="6">
        <v>551710</v>
      </c>
      <c r="J12" s="6">
        <v>457043</v>
      </c>
      <c r="K12" s="6">
        <v>258536</v>
      </c>
      <c r="L12" s="6">
        <v>24794</v>
      </c>
    </row>
    <row r="13" spans="1:12">
      <c r="A13" s="9" t="s">
        <v>27</v>
      </c>
      <c r="B13" s="9" t="s">
        <v>28</v>
      </c>
      <c r="C13" s="9" t="s">
        <v>29</v>
      </c>
      <c r="D13" s="9" t="s">
        <v>260</v>
      </c>
      <c r="E13" s="9" t="s">
        <v>6</v>
      </c>
      <c r="F13" s="9" t="s">
        <v>235</v>
      </c>
      <c r="G13" s="9" t="s">
        <v>30</v>
      </c>
      <c r="H13" s="6">
        <v>1607380</v>
      </c>
      <c r="I13" s="6">
        <v>1203174</v>
      </c>
      <c r="J13" s="6">
        <v>1046815</v>
      </c>
      <c r="K13" s="6">
        <v>341752</v>
      </c>
      <c r="L13" s="6">
        <v>62454</v>
      </c>
    </row>
    <row r="14" spans="1:12">
      <c r="A14" s="9" t="s">
        <v>27</v>
      </c>
      <c r="B14" s="9" t="s">
        <v>28</v>
      </c>
      <c r="C14" s="9" t="s">
        <v>29</v>
      </c>
      <c r="D14" s="9" t="s">
        <v>260</v>
      </c>
      <c r="E14" s="9" t="s">
        <v>6</v>
      </c>
      <c r="F14" s="9" t="s">
        <v>235</v>
      </c>
      <c r="G14" s="9" t="s">
        <v>236</v>
      </c>
      <c r="H14" s="6">
        <v>53616</v>
      </c>
      <c r="I14" s="6">
        <v>25763</v>
      </c>
      <c r="J14" s="6">
        <v>22646</v>
      </c>
      <c r="K14" s="6">
        <v>24340</v>
      </c>
      <c r="L14" s="6">
        <v>3513</v>
      </c>
    </row>
    <row r="15" spans="1:12">
      <c r="A15" s="9" t="s">
        <v>27</v>
      </c>
      <c r="B15" s="9" t="s">
        <v>28</v>
      </c>
      <c r="C15" s="9" t="s">
        <v>29</v>
      </c>
      <c r="D15" s="9" t="s">
        <v>260</v>
      </c>
      <c r="E15" s="9" t="s">
        <v>6</v>
      </c>
      <c r="F15" s="9" t="s">
        <v>235</v>
      </c>
      <c r="G15" s="9" t="s">
        <v>237</v>
      </c>
      <c r="H15" s="6">
        <v>55366</v>
      </c>
      <c r="I15" s="6">
        <v>33965</v>
      </c>
      <c r="J15" s="6">
        <v>29980</v>
      </c>
      <c r="K15" s="6">
        <v>17925</v>
      </c>
      <c r="L15" s="6">
        <v>3476</v>
      </c>
    </row>
    <row r="16" spans="1:12">
      <c r="A16" s="9" t="s">
        <v>27</v>
      </c>
      <c r="B16" s="9" t="s">
        <v>28</v>
      </c>
      <c r="C16" s="9" t="s">
        <v>29</v>
      </c>
      <c r="D16" s="9" t="s">
        <v>260</v>
      </c>
      <c r="E16" s="9" t="s">
        <v>6</v>
      </c>
      <c r="F16" s="9" t="s">
        <v>235</v>
      </c>
      <c r="G16" s="9" t="s">
        <v>238</v>
      </c>
      <c r="H16" s="6">
        <v>50373</v>
      </c>
      <c r="I16" s="6">
        <v>34189</v>
      </c>
      <c r="J16" s="6">
        <v>30166</v>
      </c>
      <c r="K16" s="6">
        <v>13216</v>
      </c>
      <c r="L16" s="6">
        <v>2968</v>
      </c>
    </row>
    <row r="17" spans="1:12">
      <c r="A17" s="9" t="s">
        <v>27</v>
      </c>
      <c r="B17" s="9" t="s">
        <v>28</v>
      </c>
      <c r="C17" s="9" t="s">
        <v>29</v>
      </c>
      <c r="D17" s="9" t="s">
        <v>260</v>
      </c>
      <c r="E17" s="9" t="s">
        <v>6</v>
      </c>
      <c r="F17" s="9" t="s">
        <v>235</v>
      </c>
      <c r="G17" s="9" t="s">
        <v>239</v>
      </c>
      <c r="H17" s="6">
        <v>46069</v>
      </c>
      <c r="I17" s="6">
        <v>33433</v>
      </c>
      <c r="J17" s="6">
        <v>29530</v>
      </c>
      <c r="K17" s="6">
        <v>10187</v>
      </c>
      <c r="L17" s="6">
        <v>2449</v>
      </c>
    </row>
    <row r="18" spans="1:12">
      <c r="A18" s="9" t="s">
        <v>27</v>
      </c>
      <c r="B18" s="9" t="s">
        <v>28</v>
      </c>
      <c r="C18" s="9" t="s">
        <v>29</v>
      </c>
      <c r="D18" s="9" t="s">
        <v>260</v>
      </c>
      <c r="E18" s="9" t="s">
        <v>6</v>
      </c>
      <c r="F18" s="9" t="s">
        <v>235</v>
      </c>
      <c r="G18" s="9" t="s">
        <v>240</v>
      </c>
      <c r="H18" s="6">
        <v>44805</v>
      </c>
      <c r="I18" s="6">
        <v>33978</v>
      </c>
      <c r="J18" s="6">
        <v>30066</v>
      </c>
      <c r="K18" s="6">
        <v>8470</v>
      </c>
      <c r="L18" s="6">
        <v>2357</v>
      </c>
    </row>
    <row r="19" spans="1:12">
      <c r="A19" s="9" t="s">
        <v>27</v>
      </c>
      <c r="B19" s="9" t="s">
        <v>28</v>
      </c>
      <c r="C19" s="9" t="s">
        <v>29</v>
      </c>
      <c r="D19" s="9" t="s">
        <v>260</v>
      </c>
      <c r="E19" s="9" t="s">
        <v>6</v>
      </c>
      <c r="F19" s="9" t="s">
        <v>235</v>
      </c>
      <c r="G19" s="9" t="s">
        <v>241</v>
      </c>
      <c r="H19" s="6">
        <v>44221</v>
      </c>
      <c r="I19" s="6">
        <v>34283</v>
      </c>
      <c r="J19" s="6">
        <v>30396</v>
      </c>
      <c r="K19" s="6">
        <v>7755</v>
      </c>
      <c r="L19" s="6">
        <v>2183</v>
      </c>
    </row>
    <row r="20" spans="1:12">
      <c r="A20" s="9" t="s">
        <v>27</v>
      </c>
      <c r="B20" s="9" t="s">
        <v>28</v>
      </c>
      <c r="C20" s="9" t="s">
        <v>29</v>
      </c>
      <c r="D20" s="9" t="s">
        <v>260</v>
      </c>
      <c r="E20" s="9" t="s">
        <v>6</v>
      </c>
      <c r="F20" s="9" t="s">
        <v>235</v>
      </c>
      <c r="G20" s="9" t="s">
        <v>242</v>
      </c>
      <c r="H20" s="6">
        <v>44095</v>
      </c>
      <c r="I20" s="6">
        <v>34758</v>
      </c>
      <c r="J20" s="6">
        <v>30767</v>
      </c>
      <c r="K20" s="6">
        <v>7144</v>
      </c>
      <c r="L20" s="6">
        <v>2193</v>
      </c>
    </row>
    <row r="21" spans="1:12">
      <c r="A21" s="9" t="s">
        <v>27</v>
      </c>
      <c r="B21" s="9" t="s">
        <v>28</v>
      </c>
      <c r="C21" s="9" t="s">
        <v>29</v>
      </c>
      <c r="D21" s="9" t="s">
        <v>260</v>
      </c>
      <c r="E21" s="9" t="s">
        <v>6</v>
      </c>
      <c r="F21" s="9" t="s">
        <v>235</v>
      </c>
      <c r="G21" s="9" t="s">
        <v>243</v>
      </c>
      <c r="H21" s="6">
        <v>45172</v>
      </c>
      <c r="I21" s="6">
        <v>36065</v>
      </c>
      <c r="J21" s="6">
        <v>32108</v>
      </c>
      <c r="K21" s="6">
        <v>7117</v>
      </c>
      <c r="L21" s="6">
        <v>1990</v>
      </c>
    </row>
    <row r="22" spans="1:12">
      <c r="A22" s="9" t="s">
        <v>27</v>
      </c>
      <c r="B22" s="9" t="s">
        <v>28</v>
      </c>
      <c r="C22" s="9" t="s">
        <v>29</v>
      </c>
      <c r="D22" s="9" t="s">
        <v>260</v>
      </c>
      <c r="E22" s="9" t="s">
        <v>6</v>
      </c>
      <c r="F22" s="9" t="s">
        <v>235</v>
      </c>
      <c r="G22" s="9" t="s">
        <v>244</v>
      </c>
      <c r="H22" s="6">
        <v>45419</v>
      </c>
      <c r="I22" s="6">
        <v>36981</v>
      </c>
      <c r="J22" s="6">
        <v>33041</v>
      </c>
      <c r="K22" s="6">
        <v>6417</v>
      </c>
      <c r="L22" s="6">
        <v>2021</v>
      </c>
    </row>
    <row r="23" spans="1:12">
      <c r="A23" s="9" t="s">
        <v>27</v>
      </c>
      <c r="B23" s="9" t="s">
        <v>28</v>
      </c>
      <c r="C23" s="9" t="s">
        <v>29</v>
      </c>
      <c r="D23" s="9" t="s">
        <v>260</v>
      </c>
      <c r="E23" s="9" t="s">
        <v>6</v>
      </c>
      <c r="F23" s="9" t="s">
        <v>235</v>
      </c>
      <c r="G23" s="9" t="s">
        <v>245</v>
      </c>
      <c r="H23" s="6">
        <v>46961</v>
      </c>
      <c r="I23" s="6">
        <v>38441</v>
      </c>
      <c r="J23" s="6">
        <v>34241</v>
      </c>
      <c r="K23" s="6">
        <v>6437</v>
      </c>
      <c r="L23" s="6">
        <v>2083</v>
      </c>
    </row>
    <row r="24" spans="1:12">
      <c r="A24" s="9" t="s">
        <v>27</v>
      </c>
      <c r="B24" s="9" t="s">
        <v>28</v>
      </c>
      <c r="C24" s="9" t="s">
        <v>29</v>
      </c>
      <c r="D24" s="9" t="s">
        <v>260</v>
      </c>
      <c r="E24" s="9" t="s">
        <v>6</v>
      </c>
      <c r="F24" s="9" t="s">
        <v>235</v>
      </c>
      <c r="G24" s="9" t="s">
        <v>246</v>
      </c>
      <c r="H24" s="6">
        <v>47478</v>
      </c>
      <c r="I24" s="6">
        <v>38920</v>
      </c>
      <c r="J24" s="6">
        <v>34621</v>
      </c>
      <c r="K24" s="6">
        <v>6418</v>
      </c>
      <c r="L24" s="6">
        <v>2140</v>
      </c>
    </row>
    <row r="25" spans="1:12">
      <c r="A25" s="9" t="s">
        <v>27</v>
      </c>
      <c r="B25" s="9" t="s">
        <v>28</v>
      </c>
      <c r="C25" s="9" t="s">
        <v>29</v>
      </c>
      <c r="D25" s="9" t="s">
        <v>260</v>
      </c>
      <c r="E25" s="9" t="s">
        <v>6</v>
      </c>
      <c r="F25" s="9" t="s">
        <v>235</v>
      </c>
      <c r="G25" s="9" t="s">
        <v>247</v>
      </c>
      <c r="H25" s="6">
        <v>49068</v>
      </c>
      <c r="I25" s="6">
        <v>40401</v>
      </c>
      <c r="J25" s="6">
        <v>36094</v>
      </c>
      <c r="K25" s="6">
        <v>6589</v>
      </c>
      <c r="L25" s="6">
        <v>2078</v>
      </c>
    </row>
    <row r="26" spans="1:12">
      <c r="A26" s="9" t="s">
        <v>27</v>
      </c>
      <c r="B26" s="9" t="s">
        <v>28</v>
      </c>
      <c r="C26" s="9" t="s">
        <v>29</v>
      </c>
      <c r="D26" s="9" t="s">
        <v>260</v>
      </c>
      <c r="E26" s="9" t="s">
        <v>6</v>
      </c>
      <c r="F26" s="9" t="s">
        <v>235</v>
      </c>
      <c r="G26" s="9" t="s">
        <v>248</v>
      </c>
      <c r="H26" s="6">
        <v>50700</v>
      </c>
      <c r="I26" s="6">
        <v>41907</v>
      </c>
      <c r="J26" s="6">
        <v>37501</v>
      </c>
      <c r="K26" s="6">
        <v>6713</v>
      </c>
      <c r="L26" s="6">
        <v>2080</v>
      </c>
    </row>
    <row r="27" spans="1:12">
      <c r="A27" s="9" t="s">
        <v>27</v>
      </c>
      <c r="B27" s="9" t="s">
        <v>28</v>
      </c>
      <c r="C27" s="9" t="s">
        <v>29</v>
      </c>
      <c r="D27" s="9" t="s">
        <v>260</v>
      </c>
      <c r="E27" s="9" t="s">
        <v>6</v>
      </c>
      <c r="F27" s="9" t="s">
        <v>235</v>
      </c>
      <c r="G27" s="9" t="s">
        <v>249</v>
      </c>
      <c r="H27" s="6">
        <v>51474</v>
      </c>
      <c r="I27" s="6">
        <v>42722</v>
      </c>
      <c r="J27" s="6">
        <v>38263</v>
      </c>
      <c r="K27" s="6">
        <v>6681</v>
      </c>
      <c r="L27" s="6">
        <v>2071</v>
      </c>
    </row>
    <row r="28" spans="1:12">
      <c r="A28" s="9" t="s">
        <v>27</v>
      </c>
      <c r="B28" s="9" t="s">
        <v>28</v>
      </c>
      <c r="C28" s="9" t="s">
        <v>29</v>
      </c>
      <c r="D28" s="9" t="s">
        <v>260</v>
      </c>
      <c r="E28" s="9" t="s">
        <v>6</v>
      </c>
      <c r="F28" s="9" t="s">
        <v>235</v>
      </c>
      <c r="G28" s="9" t="s">
        <v>250</v>
      </c>
      <c r="H28" s="6">
        <v>51460</v>
      </c>
      <c r="I28" s="6">
        <v>42935</v>
      </c>
      <c r="J28" s="6">
        <v>38511</v>
      </c>
      <c r="K28" s="6">
        <v>6566</v>
      </c>
      <c r="L28" s="6">
        <v>1959</v>
      </c>
    </row>
    <row r="29" spans="1:12">
      <c r="A29" s="9" t="s">
        <v>27</v>
      </c>
      <c r="B29" s="9" t="s">
        <v>28</v>
      </c>
      <c r="C29" s="9" t="s">
        <v>29</v>
      </c>
      <c r="D29" s="9" t="s">
        <v>260</v>
      </c>
      <c r="E29" s="9" t="s">
        <v>6</v>
      </c>
      <c r="F29" s="9" t="s">
        <v>235</v>
      </c>
      <c r="G29" s="9" t="s">
        <v>251</v>
      </c>
      <c r="H29" s="6">
        <v>51660</v>
      </c>
      <c r="I29" s="6">
        <v>42948</v>
      </c>
      <c r="J29" s="6">
        <v>38607</v>
      </c>
      <c r="K29" s="6">
        <v>6742</v>
      </c>
      <c r="L29" s="6">
        <v>1970</v>
      </c>
    </row>
    <row r="30" spans="1:12">
      <c r="A30" s="9" t="s">
        <v>27</v>
      </c>
      <c r="B30" s="9" t="s">
        <v>28</v>
      </c>
      <c r="C30" s="9" t="s">
        <v>29</v>
      </c>
      <c r="D30" s="9" t="s">
        <v>260</v>
      </c>
      <c r="E30" s="9" t="s">
        <v>6</v>
      </c>
      <c r="F30" s="9" t="s">
        <v>235</v>
      </c>
      <c r="G30" s="9" t="s">
        <v>252</v>
      </c>
      <c r="H30" s="6">
        <v>53898</v>
      </c>
      <c r="I30" s="6">
        <v>44753</v>
      </c>
      <c r="J30" s="6">
        <v>40152</v>
      </c>
      <c r="K30" s="6">
        <v>7163</v>
      </c>
      <c r="L30" s="6">
        <v>1982</v>
      </c>
    </row>
    <row r="31" spans="1:12">
      <c r="A31" s="9" t="s">
        <v>27</v>
      </c>
      <c r="B31" s="9" t="s">
        <v>28</v>
      </c>
      <c r="C31" s="9" t="s">
        <v>29</v>
      </c>
      <c r="D31" s="9" t="s">
        <v>260</v>
      </c>
      <c r="E31" s="9" t="s">
        <v>6</v>
      </c>
      <c r="F31" s="9" t="s">
        <v>235</v>
      </c>
      <c r="G31" s="9" t="s">
        <v>253</v>
      </c>
      <c r="H31" s="6">
        <v>55440</v>
      </c>
      <c r="I31" s="6">
        <v>45916</v>
      </c>
      <c r="J31" s="6">
        <v>41100</v>
      </c>
      <c r="K31" s="6">
        <v>7483</v>
      </c>
      <c r="L31" s="6">
        <v>2041</v>
      </c>
    </row>
    <row r="32" spans="1:12">
      <c r="A32" s="9" t="s">
        <v>27</v>
      </c>
      <c r="B32" s="9" t="s">
        <v>28</v>
      </c>
      <c r="C32" s="9" t="s">
        <v>29</v>
      </c>
      <c r="D32" s="9" t="s">
        <v>260</v>
      </c>
      <c r="E32" s="9" t="s">
        <v>6</v>
      </c>
      <c r="F32" s="9" t="s">
        <v>235</v>
      </c>
      <c r="G32" s="9" t="s">
        <v>254</v>
      </c>
      <c r="H32" s="6">
        <v>51286</v>
      </c>
      <c r="I32" s="6">
        <v>41940</v>
      </c>
      <c r="J32" s="6">
        <v>37595</v>
      </c>
      <c r="K32" s="6">
        <v>7233</v>
      </c>
      <c r="L32" s="6">
        <v>2113</v>
      </c>
    </row>
    <row r="33" spans="1:12">
      <c r="A33" s="9" t="s">
        <v>27</v>
      </c>
      <c r="B33" s="9" t="s">
        <v>28</v>
      </c>
      <c r="C33" s="9" t="s">
        <v>29</v>
      </c>
      <c r="D33" s="9" t="s">
        <v>260</v>
      </c>
      <c r="E33" s="9" t="s">
        <v>6</v>
      </c>
      <c r="F33" s="9" t="s">
        <v>235</v>
      </c>
      <c r="G33" s="9" t="s">
        <v>255</v>
      </c>
      <c r="H33" s="6">
        <v>44624</v>
      </c>
      <c r="I33" s="6">
        <v>35840</v>
      </c>
      <c r="J33" s="6">
        <v>32076</v>
      </c>
      <c r="K33" s="6">
        <v>6894</v>
      </c>
      <c r="L33" s="6">
        <v>1890</v>
      </c>
    </row>
    <row r="34" spans="1:12">
      <c r="A34" s="9" t="s">
        <v>27</v>
      </c>
      <c r="B34" s="9" t="s">
        <v>28</v>
      </c>
      <c r="C34" s="9" t="s">
        <v>29</v>
      </c>
      <c r="D34" s="9" t="s">
        <v>260</v>
      </c>
      <c r="E34" s="9" t="s">
        <v>6</v>
      </c>
      <c r="F34" s="9" t="s">
        <v>235</v>
      </c>
      <c r="G34" s="9" t="s">
        <v>256</v>
      </c>
      <c r="H34" s="6">
        <v>624195</v>
      </c>
      <c r="I34" s="6">
        <v>443036</v>
      </c>
      <c r="J34" s="6">
        <v>369354</v>
      </c>
      <c r="K34" s="6">
        <v>164262</v>
      </c>
      <c r="L34" s="6">
        <v>16897</v>
      </c>
    </row>
    <row r="35" spans="1:12">
      <c r="A35" s="9" t="s">
        <v>27</v>
      </c>
      <c r="B35" s="9" t="s">
        <v>28</v>
      </c>
      <c r="C35" s="9" t="s">
        <v>29</v>
      </c>
      <c r="D35" s="9" t="s">
        <v>260</v>
      </c>
      <c r="E35" s="9" t="s">
        <v>226</v>
      </c>
      <c r="F35" s="9" t="s">
        <v>6</v>
      </c>
      <c r="G35" s="9" t="s">
        <v>30</v>
      </c>
      <c r="H35" s="6">
        <v>2121341</v>
      </c>
      <c r="I35" s="6">
        <v>1660719</v>
      </c>
      <c r="J35" s="6">
        <v>1416908</v>
      </c>
      <c r="K35" s="6">
        <v>456745</v>
      </c>
      <c r="L35" s="6">
        <v>3877</v>
      </c>
    </row>
    <row r="36" spans="1:12">
      <c r="A36" s="9" t="s">
        <v>27</v>
      </c>
      <c r="B36" s="9" t="s">
        <v>28</v>
      </c>
      <c r="C36" s="9" t="s">
        <v>29</v>
      </c>
      <c r="D36" s="9" t="s">
        <v>260</v>
      </c>
      <c r="E36" s="9" t="s">
        <v>226</v>
      </c>
      <c r="F36" s="9" t="s">
        <v>234</v>
      </c>
      <c r="G36" s="9" t="s">
        <v>30</v>
      </c>
      <c r="H36" s="6">
        <v>671377</v>
      </c>
      <c r="I36" s="6">
        <v>502781</v>
      </c>
      <c r="J36" s="6">
        <v>412009</v>
      </c>
      <c r="K36" s="6">
        <v>167072</v>
      </c>
      <c r="L36" s="6">
        <v>1524</v>
      </c>
    </row>
    <row r="37" spans="1:12">
      <c r="A37" s="9" t="s">
        <v>27</v>
      </c>
      <c r="B37" s="9" t="s">
        <v>28</v>
      </c>
      <c r="C37" s="9" t="s">
        <v>29</v>
      </c>
      <c r="D37" s="9" t="s">
        <v>260</v>
      </c>
      <c r="E37" s="9" t="s">
        <v>226</v>
      </c>
      <c r="F37" s="9" t="s">
        <v>235</v>
      </c>
      <c r="G37" s="9" t="s">
        <v>30</v>
      </c>
      <c r="H37" s="6">
        <v>1449964</v>
      </c>
      <c r="I37" s="6">
        <v>1157938</v>
      </c>
      <c r="J37" s="6">
        <v>1004899</v>
      </c>
      <c r="K37" s="6">
        <v>289673</v>
      </c>
      <c r="L37" s="6">
        <v>2353</v>
      </c>
    </row>
    <row r="38" spans="1:12">
      <c r="A38" s="9" t="s">
        <v>27</v>
      </c>
      <c r="B38" s="9" t="s">
        <v>28</v>
      </c>
      <c r="C38" s="9" t="s">
        <v>29</v>
      </c>
      <c r="D38" s="9" t="s">
        <v>260</v>
      </c>
      <c r="E38" s="9" t="s">
        <v>226</v>
      </c>
      <c r="F38" s="9" t="s">
        <v>235</v>
      </c>
      <c r="G38" s="9" t="s">
        <v>236</v>
      </c>
      <c r="H38" s="6">
        <v>49008</v>
      </c>
      <c r="I38" s="6">
        <v>25360</v>
      </c>
      <c r="J38" s="6">
        <v>22283</v>
      </c>
      <c r="K38" s="6">
        <v>23484</v>
      </c>
      <c r="L38" s="6">
        <v>164</v>
      </c>
    </row>
    <row r="39" spans="1:12">
      <c r="A39" s="9" t="s">
        <v>27</v>
      </c>
      <c r="B39" s="9" t="s">
        <v>28</v>
      </c>
      <c r="C39" s="9" t="s">
        <v>29</v>
      </c>
      <c r="D39" s="9" t="s">
        <v>260</v>
      </c>
      <c r="E39" s="9" t="s">
        <v>226</v>
      </c>
      <c r="F39" s="9" t="s">
        <v>235</v>
      </c>
      <c r="G39" s="9" t="s">
        <v>237</v>
      </c>
      <c r="H39" s="6">
        <v>51051</v>
      </c>
      <c r="I39" s="6">
        <v>33522</v>
      </c>
      <c r="J39" s="6">
        <v>29589</v>
      </c>
      <c r="K39" s="6">
        <v>17368</v>
      </c>
      <c r="L39" s="6">
        <v>161</v>
      </c>
    </row>
    <row r="40" spans="1:12">
      <c r="A40" s="9" t="s">
        <v>27</v>
      </c>
      <c r="B40" s="9" t="s">
        <v>28</v>
      </c>
      <c r="C40" s="9" t="s">
        <v>29</v>
      </c>
      <c r="D40" s="9" t="s">
        <v>260</v>
      </c>
      <c r="E40" s="9" t="s">
        <v>226</v>
      </c>
      <c r="F40" s="9" t="s">
        <v>235</v>
      </c>
      <c r="G40" s="9" t="s">
        <v>238</v>
      </c>
      <c r="H40" s="6">
        <v>46723</v>
      </c>
      <c r="I40" s="6">
        <v>33793</v>
      </c>
      <c r="J40" s="6">
        <v>29800</v>
      </c>
      <c r="K40" s="6">
        <v>12817</v>
      </c>
      <c r="L40" s="6">
        <v>113</v>
      </c>
    </row>
    <row r="41" spans="1:12">
      <c r="A41" s="9" t="s">
        <v>27</v>
      </c>
      <c r="B41" s="9" t="s">
        <v>28</v>
      </c>
      <c r="C41" s="9" t="s">
        <v>29</v>
      </c>
      <c r="D41" s="9" t="s">
        <v>260</v>
      </c>
      <c r="E41" s="9" t="s">
        <v>226</v>
      </c>
      <c r="F41" s="9" t="s">
        <v>235</v>
      </c>
      <c r="G41" s="9" t="s">
        <v>239</v>
      </c>
      <c r="H41" s="6">
        <v>42973</v>
      </c>
      <c r="I41" s="6">
        <v>32993</v>
      </c>
      <c r="J41" s="6">
        <v>29133</v>
      </c>
      <c r="K41" s="6">
        <v>9891</v>
      </c>
      <c r="L41" s="6">
        <v>89</v>
      </c>
    </row>
    <row r="42" spans="1:12">
      <c r="A42" s="9" t="s">
        <v>27</v>
      </c>
      <c r="B42" s="9" t="s">
        <v>28</v>
      </c>
      <c r="C42" s="9" t="s">
        <v>29</v>
      </c>
      <c r="D42" s="9" t="s">
        <v>260</v>
      </c>
      <c r="E42" s="9" t="s">
        <v>226</v>
      </c>
      <c r="F42" s="9" t="s">
        <v>235</v>
      </c>
      <c r="G42" s="9" t="s">
        <v>240</v>
      </c>
      <c r="H42" s="6">
        <v>41858</v>
      </c>
      <c r="I42" s="6">
        <v>33580</v>
      </c>
      <c r="J42" s="6">
        <v>29722</v>
      </c>
      <c r="K42" s="6">
        <v>8209</v>
      </c>
      <c r="L42" s="6">
        <v>69</v>
      </c>
    </row>
    <row r="43" spans="1:12">
      <c r="A43" s="9" t="s">
        <v>27</v>
      </c>
      <c r="B43" s="9" t="s">
        <v>28</v>
      </c>
      <c r="C43" s="9" t="s">
        <v>29</v>
      </c>
      <c r="D43" s="9" t="s">
        <v>260</v>
      </c>
      <c r="E43" s="9" t="s">
        <v>226</v>
      </c>
      <c r="F43" s="9" t="s">
        <v>235</v>
      </c>
      <c r="G43" s="9" t="s">
        <v>241</v>
      </c>
      <c r="H43" s="6">
        <v>41453</v>
      </c>
      <c r="I43" s="6">
        <v>33881</v>
      </c>
      <c r="J43" s="6">
        <v>30026</v>
      </c>
      <c r="K43" s="6">
        <v>7485</v>
      </c>
      <c r="L43" s="6">
        <v>87</v>
      </c>
    </row>
    <row r="44" spans="1:12">
      <c r="A44" s="9" t="s">
        <v>27</v>
      </c>
      <c r="B44" s="9" t="s">
        <v>28</v>
      </c>
      <c r="C44" s="9" t="s">
        <v>29</v>
      </c>
      <c r="D44" s="9" t="s">
        <v>260</v>
      </c>
      <c r="E44" s="9" t="s">
        <v>226</v>
      </c>
      <c r="F44" s="9" t="s">
        <v>235</v>
      </c>
      <c r="G44" s="9" t="s">
        <v>242</v>
      </c>
      <c r="H44" s="6">
        <v>41387</v>
      </c>
      <c r="I44" s="6">
        <v>34392</v>
      </c>
      <c r="J44" s="6">
        <v>30432</v>
      </c>
      <c r="K44" s="6">
        <v>6920</v>
      </c>
      <c r="L44" s="6">
        <v>75</v>
      </c>
    </row>
    <row r="45" spans="1:12">
      <c r="A45" s="9" t="s">
        <v>27</v>
      </c>
      <c r="B45" s="9" t="s">
        <v>28</v>
      </c>
      <c r="C45" s="9" t="s">
        <v>29</v>
      </c>
      <c r="D45" s="9" t="s">
        <v>260</v>
      </c>
      <c r="E45" s="9" t="s">
        <v>226</v>
      </c>
      <c r="F45" s="9" t="s">
        <v>235</v>
      </c>
      <c r="G45" s="9" t="s">
        <v>243</v>
      </c>
      <c r="H45" s="6">
        <v>42546</v>
      </c>
      <c r="I45" s="6">
        <v>35591</v>
      </c>
      <c r="J45" s="6">
        <v>31663</v>
      </c>
      <c r="K45" s="6">
        <v>6883</v>
      </c>
      <c r="L45" s="6">
        <v>72</v>
      </c>
    </row>
    <row r="46" spans="1:12">
      <c r="A46" s="9" t="s">
        <v>27</v>
      </c>
      <c r="B46" s="9" t="s">
        <v>28</v>
      </c>
      <c r="C46" s="9" t="s">
        <v>29</v>
      </c>
      <c r="D46" s="9" t="s">
        <v>260</v>
      </c>
      <c r="E46" s="9" t="s">
        <v>226</v>
      </c>
      <c r="F46" s="9" t="s">
        <v>235</v>
      </c>
      <c r="G46" s="9" t="s">
        <v>244</v>
      </c>
      <c r="H46" s="6">
        <v>42748</v>
      </c>
      <c r="I46" s="6">
        <v>36520</v>
      </c>
      <c r="J46" s="6">
        <v>32615</v>
      </c>
      <c r="K46" s="6">
        <v>6173</v>
      </c>
      <c r="L46" s="6">
        <v>55</v>
      </c>
    </row>
    <row r="47" spans="1:12">
      <c r="A47" s="9" t="s">
        <v>27</v>
      </c>
      <c r="B47" s="9" t="s">
        <v>28</v>
      </c>
      <c r="C47" s="9" t="s">
        <v>29</v>
      </c>
      <c r="D47" s="9" t="s">
        <v>260</v>
      </c>
      <c r="E47" s="9" t="s">
        <v>226</v>
      </c>
      <c r="F47" s="9" t="s">
        <v>235</v>
      </c>
      <c r="G47" s="9" t="s">
        <v>245</v>
      </c>
      <c r="H47" s="6">
        <v>44256</v>
      </c>
      <c r="I47" s="6">
        <v>37969</v>
      </c>
      <c r="J47" s="6">
        <v>33803</v>
      </c>
      <c r="K47" s="6">
        <v>6224</v>
      </c>
      <c r="L47" s="6">
        <v>63</v>
      </c>
    </row>
    <row r="48" spans="1:12">
      <c r="A48" s="9" t="s">
        <v>27</v>
      </c>
      <c r="B48" s="9" t="s">
        <v>28</v>
      </c>
      <c r="C48" s="9" t="s">
        <v>29</v>
      </c>
      <c r="D48" s="9" t="s">
        <v>260</v>
      </c>
      <c r="E48" s="9" t="s">
        <v>226</v>
      </c>
      <c r="F48" s="9" t="s">
        <v>235</v>
      </c>
      <c r="G48" s="9" t="s">
        <v>246</v>
      </c>
      <c r="H48" s="6">
        <v>44691</v>
      </c>
      <c r="I48" s="6">
        <v>38408</v>
      </c>
      <c r="J48" s="6">
        <v>34149</v>
      </c>
      <c r="K48" s="6">
        <v>6210</v>
      </c>
      <c r="L48" s="6">
        <v>73</v>
      </c>
    </row>
    <row r="49" spans="1:12">
      <c r="A49" s="9" t="s">
        <v>27</v>
      </c>
      <c r="B49" s="9" t="s">
        <v>28</v>
      </c>
      <c r="C49" s="9" t="s">
        <v>29</v>
      </c>
      <c r="D49" s="9" t="s">
        <v>260</v>
      </c>
      <c r="E49" s="9" t="s">
        <v>226</v>
      </c>
      <c r="F49" s="9" t="s">
        <v>235</v>
      </c>
      <c r="G49" s="9" t="s">
        <v>247</v>
      </c>
      <c r="H49" s="6">
        <v>46261</v>
      </c>
      <c r="I49" s="6">
        <v>39828</v>
      </c>
      <c r="J49" s="6">
        <v>35561</v>
      </c>
      <c r="K49" s="6">
        <v>6363</v>
      </c>
      <c r="L49" s="6">
        <v>70</v>
      </c>
    </row>
    <row r="50" spans="1:12">
      <c r="A50" s="9" t="s">
        <v>27</v>
      </c>
      <c r="B50" s="9" t="s">
        <v>28</v>
      </c>
      <c r="C50" s="9" t="s">
        <v>29</v>
      </c>
      <c r="D50" s="9" t="s">
        <v>260</v>
      </c>
      <c r="E50" s="9" t="s">
        <v>226</v>
      </c>
      <c r="F50" s="9" t="s">
        <v>235</v>
      </c>
      <c r="G50" s="9" t="s">
        <v>248</v>
      </c>
      <c r="H50" s="6">
        <v>47914</v>
      </c>
      <c r="I50" s="6">
        <v>41354</v>
      </c>
      <c r="J50" s="6">
        <v>36989</v>
      </c>
      <c r="K50" s="6">
        <v>6480</v>
      </c>
      <c r="L50" s="6">
        <v>80</v>
      </c>
    </row>
    <row r="51" spans="1:12">
      <c r="A51" s="9" t="s">
        <v>27</v>
      </c>
      <c r="B51" s="9" t="s">
        <v>28</v>
      </c>
      <c r="C51" s="9" t="s">
        <v>29</v>
      </c>
      <c r="D51" s="9" t="s">
        <v>260</v>
      </c>
      <c r="E51" s="9" t="s">
        <v>226</v>
      </c>
      <c r="F51" s="9" t="s">
        <v>235</v>
      </c>
      <c r="G51" s="9" t="s">
        <v>249</v>
      </c>
      <c r="H51" s="6">
        <v>48616</v>
      </c>
      <c r="I51" s="6">
        <v>42093</v>
      </c>
      <c r="J51" s="6">
        <v>37669</v>
      </c>
      <c r="K51" s="6">
        <v>6456</v>
      </c>
      <c r="L51" s="6">
        <v>67</v>
      </c>
    </row>
    <row r="52" spans="1:12">
      <c r="A52" s="9" t="s">
        <v>27</v>
      </c>
      <c r="B52" s="9" t="s">
        <v>28</v>
      </c>
      <c r="C52" s="9" t="s">
        <v>29</v>
      </c>
      <c r="D52" s="9" t="s">
        <v>260</v>
      </c>
      <c r="E52" s="9" t="s">
        <v>226</v>
      </c>
      <c r="F52" s="9" t="s">
        <v>235</v>
      </c>
      <c r="G52" s="9" t="s">
        <v>250</v>
      </c>
      <c r="H52" s="6">
        <v>48642</v>
      </c>
      <c r="I52" s="6">
        <v>42274</v>
      </c>
      <c r="J52" s="6">
        <v>37892</v>
      </c>
      <c r="K52" s="6">
        <v>6311</v>
      </c>
      <c r="L52" s="6">
        <v>57</v>
      </c>
    </row>
    <row r="53" spans="1:12">
      <c r="A53" s="9" t="s">
        <v>27</v>
      </c>
      <c r="B53" s="9" t="s">
        <v>28</v>
      </c>
      <c r="C53" s="9" t="s">
        <v>29</v>
      </c>
      <c r="D53" s="9" t="s">
        <v>260</v>
      </c>
      <c r="E53" s="9" t="s">
        <v>226</v>
      </c>
      <c r="F53" s="9" t="s">
        <v>235</v>
      </c>
      <c r="G53" s="9" t="s">
        <v>251</v>
      </c>
      <c r="H53" s="6">
        <v>48761</v>
      </c>
      <c r="I53" s="6">
        <v>42250</v>
      </c>
      <c r="J53" s="6">
        <v>37946</v>
      </c>
      <c r="K53" s="6">
        <v>6456</v>
      </c>
      <c r="L53" s="6">
        <v>55</v>
      </c>
    </row>
    <row r="54" spans="1:12">
      <c r="A54" s="9" t="s">
        <v>27</v>
      </c>
      <c r="B54" s="9" t="s">
        <v>28</v>
      </c>
      <c r="C54" s="9" t="s">
        <v>29</v>
      </c>
      <c r="D54" s="9" t="s">
        <v>260</v>
      </c>
      <c r="E54" s="9" t="s">
        <v>226</v>
      </c>
      <c r="F54" s="9" t="s">
        <v>235</v>
      </c>
      <c r="G54" s="9" t="s">
        <v>252</v>
      </c>
      <c r="H54" s="6">
        <v>50914</v>
      </c>
      <c r="I54" s="6">
        <v>43981</v>
      </c>
      <c r="J54" s="6">
        <v>39434</v>
      </c>
      <c r="K54" s="6">
        <v>6854</v>
      </c>
      <c r="L54" s="6">
        <v>79</v>
      </c>
    </row>
    <row r="55" spans="1:12">
      <c r="A55" s="9" t="s">
        <v>27</v>
      </c>
      <c r="B55" s="9" t="s">
        <v>28</v>
      </c>
      <c r="C55" s="9" t="s">
        <v>29</v>
      </c>
      <c r="D55" s="9" t="s">
        <v>260</v>
      </c>
      <c r="E55" s="9" t="s">
        <v>226</v>
      </c>
      <c r="F55" s="9" t="s">
        <v>235</v>
      </c>
      <c r="G55" s="9" t="s">
        <v>253</v>
      </c>
      <c r="H55" s="6">
        <v>52250</v>
      </c>
      <c r="I55" s="6">
        <v>45047</v>
      </c>
      <c r="J55" s="6">
        <v>40282</v>
      </c>
      <c r="K55" s="6">
        <v>7135</v>
      </c>
      <c r="L55" s="6">
        <v>68</v>
      </c>
    </row>
    <row r="56" spans="1:12">
      <c r="A56" s="9" t="s">
        <v>27</v>
      </c>
      <c r="B56" s="9" t="s">
        <v>28</v>
      </c>
      <c r="C56" s="9" t="s">
        <v>29</v>
      </c>
      <c r="D56" s="9" t="s">
        <v>260</v>
      </c>
      <c r="E56" s="9" t="s">
        <v>226</v>
      </c>
      <c r="F56" s="9" t="s">
        <v>235</v>
      </c>
      <c r="G56" s="9" t="s">
        <v>254</v>
      </c>
      <c r="H56" s="6">
        <v>48031</v>
      </c>
      <c r="I56" s="6">
        <v>41062</v>
      </c>
      <c r="J56" s="6">
        <v>36774</v>
      </c>
      <c r="K56" s="6">
        <v>6900</v>
      </c>
      <c r="L56" s="6">
        <v>69</v>
      </c>
    </row>
    <row r="57" spans="1:12">
      <c r="A57" s="9" t="s">
        <v>27</v>
      </c>
      <c r="B57" s="9" t="s">
        <v>28</v>
      </c>
      <c r="C57" s="9" t="s">
        <v>29</v>
      </c>
      <c r="D57" s="9" t="s">
        <v>260</v>
      </c>
      <c r="E57" s="9" t="s">
        <v>226</v>
      </c>
      <c r="F57" s="9" t="s">
        <v>235</v>
      </c>
      <c r="G57" s="9" t="s">
        <v>255</v>
      </c>
      <c r="H57" s="6">
        <v>41584</v>
      </c>
      <c r="I57" s="6">
        <v>34988</v>
      </c>
      <c r="J57" s="6">
        <v>31264</v>
      </c>
      <c r="K57" s="6">
        <v>6536</v>
      </c>
      <c r="L57" s="6">
        <v>60</v>
      </c>
    </row>
    <row r="58" spans="1:12">
      <c r="A58" s="9" t="s">
        <v>27</v>
      </c>
      <c r="B58" s="9" t="s">
        <v>28</v>
      </c>
      <c r="C58" s="9" t="s">
        <v>29</v>
      </c>
      <c r="D58" s="9" t="s">
        <v>260</v>
      </c>
      <c r="E58" s="9" t="s">
        <v>226</v>
      </c>
      <c r="F58" s="9" t="s">
        <v>235</v>
      </c>
      <c r="G58" s="9" t="s">
        <v>256</v>
      </c>
      <c r="H58" s="6">
        <v>528297</v>
      </c>
      <c r="I58" s="6">
        <v>409052</v>
      </c>
      <c r="J58" s="6">
        <v>337873</v>
      </c>
      <c r="K58" s="6">
        <v>118518</v>
      </c>
      <c r="L58" s="6">
        <v>727</v>
      </c>
    </row>
    <row r="59" spans="1:12">
      <c r="A59" s="9" t="s">
        <v>27</v>
      </c>
      <c r="B59" s="9" t="s">
        <v>28</v>
      </c>
      <c r="C59" s="9" t="s">
        <v>29</v>
      </c>
      <c r="D59" s="9" t="s">
        <v>260</v>
      </c>
      <c r="E59" s="9" t="s">
        <v>227</v>
      </c>
      <c r="F59" s="9" t="s">
        <v>6</v>
      </c>
      <c r="G59" s="9" t="s">
        <v>30</v>
      </c>
      <c r="H59" s="6">
        <v>1727841</v>
      </c>
      <c r="I59" s="6">
        <v>1333965</v>
      </c>
      <c r="J59" s="6">
        <v>1275331</v>
      </c>
      <c r="K59" s="6">
        <v>391273</v>
      </c>
      <c r="L59" s="6">
        <v>2603</v>
      </c>
    </row>
    <row r="60" spans="1:12">
      <c r="A60" s="9" t="s">
        <v>27</v>
      </c>
      <c r="B60" s="9" t="s">
        <v>28</v>
      </c>
      <c r="C60" s="9" t="s">
        <v>29</v>
      </c>
      <c r="D60" s="9" t="s">
        <v>260</v>
      </c>
      <c r="E60" s="9" t="s">
        <v>227</v>
      </c>
      <c r="F60" s="9" t="s">
        <v>234</v>
      </c>
      <c r="G60" s="9" t="s">
        <v>30</v>
      </c>
      <c r="H60" s="6">
        <v>525188</v>
      </c>
      <c r="I60" s="6">
        <v>384376</v>
      </c>
      <c r="J60" s="6">
        <v>364870</v>
      </c>
      <c r="K60" s="6">
        <v>139774</v>
      </c>
      <c r="L60" s="6">
        <v>1038</v>
      </c>
    </row>
    <row r="61" spans="1:12">
      <c r="A61" s="9" t="s">
        <v>27</v>
      </c>
      <c r="B61" s="9" t="s">
        <v>28</v>
      </c>
      <c r="C61" s="9" t="s">
        <v>29</v>
      </c>
      <c r="D61" s="9" t="s">
        <v>260</v>
      </c>
      <c r="E61" s="9" t="s">
        <v>227</v>
      </c>
      <c r="F61" s="9" t="s">
        <v>235</v>
      </c>
      <c r="G61" s="9" t="s">
        <v>30</v>
      </c>
      <c r="H61" s="6">
        <v>1202653</v>
      </c>
      <c r="I61" s="6">
        <v>949589</v>
      </c>
      <c r="J61" s="6">
        <v>910461</v>
      </c>
      <c r="K61" s="6">
        <v>251499</v>
      </c>
      <c r="L61" s="6">
        <v>1565</v>
      </c>
    </row>
    <row r="62" spans="1:12">
      <c r="A62" s="9" t="s">
        <v>27</v>
      </c>
      <c r="B62" s="9" t="s">
        <v>28</v>
      </c>
      <c r="C62" s="9" t="s">
        <v>29</v>
      </c>
      <c r="D62" s="9" t="s">
        <v>260</v>
      </c>
      <c r="E62" s="9" t="s">
        <v>227</v>
      </c>
      <c r="F62" s="9" t="s">
        <v>235</v>
      </c>
      <c r="G62" s="9" t="s">
        <v>236</v>
      </c>
      <c r="H62" s="6">
        <v>42547</v>
      </c>
      <c r="I62" s="6">
        <v>21742</v>
      </c>
      <c r="J62" s="6">
        <v>20611</v>
      </c>
      <c r="K62" s="6">
        <v>20681</v>
      </c>
      <c r="L62" s="6">
        <v>124</v>
      </c>
    </row>
    <row r="63" spans="1:12">
      <c r="A63" s="9" t="s">
        <v>27</v>
      </c>
      <c r="B63" s="9" t="s">
        <v>28</v>
      </c>
      <c r="C63" s="9" t="s">
        <v>29</v>
      </c>
      <c r="D63" s="9" t="s">
        <v>260</v>
      </c>
      <c r="E63" s="9" t="s">
        <v>227</v>
      </c>
      <c r="F63" s="9" t="s">
        <v>235</v>
      </c>
      <c r="G63" s="9" t="s">
        <v>237</v>
      </c>
      <c r="H63" s="6">
        <v>44304</v>
      </c>
      <c r="I63" s="6">
        <v>28781</v>
      </c>
      <c r="J63" s="6">
        <v>27433</v>
      </c>
      <c r="K63" s="6">
        <v>15420</v>
      </c>
      <c r="L63" s="6">
        <v>103</v>
      </c>
    </row>
    <row r="64" spans="1:12">
      <c r="A64" s="9" t="s">
        <v>27</v>
      </c>
      <c r="B64" s="9" t="s">
        <v>28</v>
      </c>
      <c r="C64" s="9" t="s">
        <v>29</v>
      </c>
      <c r="D64" s="9" t="s">
        <v>260</v>
      </c>
      <c r="E64" s="9" t="s">
        <v>227</v>
      </c>
      <c r="F64" s="9" t="s">
        <v>235</v>
      </c>
      <c r="G64" s="9" t="s">
        <v>238</v>
      </c>
      <c r="H64" s="6">
        <v>40282</v>
      </c>
      <c r="I64" s="6">
        <v>28753</v>
      </c>
      <c r="J64" s="6">
        <v>27389</v>
      </c>
      <c r="K64" s="6">
        <v>11448</v>
      </c>
      <c r="L64" s="6">
        <v>81</v>
      </c>
    </row>
    <row r="65" spans="1:12">
      <c r="A65" s="9" t="s">
        <v>27</v>
      </c>
      <c r="B65" s="9" t="s">
        <v>28</v>
      </c>
      <c r="C65" s="9" t="s">
        <v>29</v>
      </c>
      <c r="D65" s="9" t="s">
        <v>260</v>
      </c>
      <c r="E65" s="9" t="s">
        <v>227</v>
      </c>
      <c r="F65" s="9" t="s">
        <v>235</v>
      </c>
      <c r="G65" s="9" t="s">
        <v>239</v>
      </c>
      <c r="H65" s="6">
        <v>37009</v>
      </c>
      <c r="I65" s="6">
        <v>28114</v>
      </c>
      <c r="J65" s="6">
        <v>26849</v>
      </c>
      <c r="K65" s="6">
        <v>8841</v>
      </c>
      <c r="L65" s="6">
        <v>54</v>
      </c>
    </row>
    <row r="66" spans="1:12">
      <c r="A66" s="9" t="s">
        <v>27</v>
      </c>
      <c r="B66" s="9" t="s">
        <v>28</v>
      </c>
      <c r="C66" s="9" t="s">
        <v>29</v>
      </c>
      <c r="D66" s="9" t="s">
        <v>260</v>
      </c>
      <c r="E66" s="9" t="s">
        <v>227</v>
      </c>
      <c r="F66" s="9" t="s">
        <v>235</v>
      </c>
      <c r="G66" s="9" t="s">
        <v>240</v>
      </c>
      <c r="H66" s="6">
        <v>36054</v>
      </c>
      <c r="I66" s="6">
        <v>28681</v>
      </c>
      <c r="J66" s="6">
        <v>27408</v>
      </c>
      <c r="K66" s="6">
        <v>7322</v>
      </c>
      <c r="L66" s="6">
        <v>51</v>
      </c>
    </row>
    <row r="67" spans="1:12">
      <c r="A67" s="9" t="s">
        <v>27</v>
      </c>
      <c r="B67" s="9" t="s">
        <v>28</v>
      </c>
      <c r="C67" s="9" t="s">
        <v>29</v>
      </c>
      <c r="D67" s="9" t="s">
        <v>260</v>
      </c>
      <c r="E67" s="9" t="s">
        <v>227</v>
      </c>
      <c r="F67" s="9" t="s">
        <v>235</v>
      </c>
      <c r="G67" s="9" t="s">
        <v>241</v>
      </c>
      <c r="H67" s="6">
        <v>35468</v>
      </c>
      <c r="I67" s="6">
        <v>28785</v>
      </c>
      <c r="J67" s="6">
        <v>27554</v>
      </c>
      <c r="K67" s="6">
        <v>6618</v>
      </c>
      <c r="L67" s="6">
        <v>65</v>
      </c>
    </row>
    <row r="68" spans="1:12">
      <c r="A68" s="9" t="s">
        <v>27</v>
      </c>
      <c r="B68" s="9" t="s">
        <v>28</v>
      </c>
      <c r="C68" s="9" t="s">
        <v>29</v>
      </c>
      <c r="D68" s="9" t="s">
        <v>260</v>
      </c>
      <c r="E68" s="9" t="s">
        <v>227</v>
      </c>
      <c r="F68" s="9" t="s">
        <v>235</v>
      </c>
      <c r="G68" s="9" t="s">
        <v>242</v>
      </c>
      <c r="H68" s="6">
        <v>35379</v>
      </c>
      <c r="I68" s="6">
        <v>29137</v>
      </c>
      <c r="J68" s="6">
        <v>27895</v>
      </c>
      <c r="K68" s="6">
        <v>6196</v>
      </c>
      <c r="L68" s="6">
        <v>46</v>
      </c>
    </row>
    <row r="69" spans="1:12">
      <c r="A69" s="9" t="s">
        <v>27</v>
      </c>
      <c r="B69" s="9" t="s">
        <v>28</v>
      </c>
      <c r="C69" s="9" t="s">
        <v>29</v>
      </c>
      <c r="D69" s="9" t="s">
        <v>260</v>
      </c>
      <c r="E69" s="9" t="s">
        <v>227</v>
      </c>
      <c r="F69" s="9" t="s">
        <v>235</v>
      </c>
      <c r="G69" s="9" t="s">
        <v>243</v>
      </c>
      <c r="H69" s="6">
        <v>36454</v>
      </c>
      <c r="I69" s="6">
        <v>30293</v>
      </c>
      <c r="J69" s="6">
        <v>29063</v>
      </c>
      <c r="K69" s="6">
        <v>6118</v>
      </c>
      <c r="L69" s="6">
        <v>43</v>
      </c>
    </row>
    <row r="70" spans="1:12">
      <c r="A70" s="9" t="s">
        <v>27</v>
      </c>
      <c r="B70" s="9" t="s">
        <v>28</v>
      </c>
      <c r="C70" s="9" t="s">
        <v>29</v>
      </c>
      <c r="D70" s="9" t="s">
        <v>260</v>
      </c>
      <c r="E70" s="9" t="s">
        <v>227</v>
      </c>
      <c r="F70" s="9" t="s">
        <v>235</v>
      </c>
      <c r="G70" s="9" t="s">
        <v>244</v>
      </c>
      <c r="H70" s="6">
        <v>36546</v>
      </c>
      <c r="I70" s="6">
        <v>31034</v>
      </c>
      <c r="J70" s="6">
        <v>29889</v>
      </c>
      <c r="K70" s="6">
        <v>5476</v>
      </c>
      <c r="L70" s="6">
        <v>36</v>
      </c>
    </row>
    <row r="71" spans="1:12">
      <c r="A71" s="9" t="s">
        <v>27</v>
      </c>
      <c r="B71" s="9" t="s">
        <v>28</v>
      </c>
      <c r="C71" s="9" t="s">
        <v>29</v>
      </c>
      <c r="D71" s="9" t="s">
        <v>260</v>
      </c>
      <c r="E71" s="9" t="s">
        <v>227</v>
      </c>
      <c r="F71" s="9" t="s">
        <v>235</v>
      </c>
      <c r="G71" s="9" t="s">
        <v>245</v>
      </c>
      <c r="H71" s="6">
        <v>37911</v>
      </c>
      <c r="I71" s="6">
        <v>32308</v>
      </c>
      <c r="J71" s="6">
        <v>31064</v>
      </c>
      <c r="K71" s="6">
        <v>5560</v>
      </c>
      <c r="L71" s="6">
        <v>43</v>
      </c>
    </row>
    <row r="72" spans="1:12">
      <c r="A72" s="9" t="s">
        <v>27</v>
      </c>
      <c r="B72" s="9" t="s">
        <v>28</v>
      </c>
      <c r="C72" s="9" t="s">
        <v>29</v>
      </c>
      <c r="D72" s="9" t="s">
        <v>260</v>
      </c>
      <c r="E72" s="9" t="s">
        <v>227</v>
      </c>
      <c r="F72" s="9" t="s">
        <v>235</v>
      </c>
      <c r="G72" s="9" t="s">
        <v>246</v>
      </c>
      <c r="H72" s="6">
        <v>37971</v>
      </c>
      <c r="I72" s="6">
        <v>32422</v>
      </c>
      <c r="J72" s="6">
        <v>31215</v>
      </c>
      <c r="K72" s="6">
        <v>5503</v>
      </c>
      <c r="L72" s="6">
        <v>46</v>
      </c>
    </row>
    <row r="73" spans="1:12">
      <c r="A73" s="9" t="s">
        <v>27</v>
      </c>
      <c r="B73" s="9" t="s">
        <v>28</v>
      </c>
      <c r="C73" s="9" t="s">
        <v>29</v>
      </c>
      <c r="D73" s="9" t="s">
        <v>260</v>
      </c>
      <c r="E73" s="9" t="s">
        <v>227</v>
      </c>
      <c r="F73" s="9" t="s">
        <v>235</v>
      </c>
      <c r="G73" s="9" t="s">
        <v>247</v>
      </c>
      <c r="H73" s="6">
        <v>39343</v>
      </c>
      <c r="I73" s="6">
        <v>33685</v>
      </c>
      <c r="J73" s="6">
        <v>32479</v>
      </c>
      <c r="K73" s="6">
        <v>5613</v>
      </c>
      <c r="L73" s="6">
        <v>45</v>
      </c>
    </row>
    <row r="74" spans="1:12">
      <c r="A74" s="9" t="s">
        <v>27</v>
      </c>
      <c r="B74" s="9" t="s">
        <v>28</v>
      </c>
      <c r="C74" s="9" t="s">
        <v>29</v>
      </c>
      <c r="D74" s="9" t="s">
        <v>260</v>
      </c>
      <c r="E74" s="9" t="s">
        <v>227</v>
      </c>
      <c r="F74" s="9" t="s">
        <v>235</v>
      </c>
      <c r="G74" s="9" t="s">
        <v>248</v>
      </c>
      <c r="H74" s="6">
        <v>40911</v>
      </c>
      <c r="I74" s="6">
        <v>35123</v>
      </c>
      <c r="J74" s="6">
        <v>33881</v>
      </c>
      <c r="K74" s="6">
        <v>5739</v>
      </c>
      <c r="L74" s="6">
        <v>49</v>
      </c>
    </row>
    <row r="75" spans="1:12">
      <c r="A75" s="9" t="s">
        <v>27</v>
      </c>
      <c r="B75" s="9" t="s">
        <v>28</v>
      </c>
      <c r="C75" s="9" t="s">
        <v>29</v>
      </c>
      <c r="D75" s="9" t="s">
        <v>260</v>
      </c>
      <c r="E75" s="9" t="s">
        <v>227</v>
      </c>
      <c r="F75" s="9" t="s">
        <v>235</v>
      </c>
      <c r="G75" s="9" t="s">
        <v>249</v>
      </c>
      <c r="H75" s="6">
        <v>41548</v>
      </c>
      <c r="I75" s="6">
        <v>35787</v>
      </c>
      <c r="J75" s="6">
        <v>34494</v>
      </c>
      <c r="K75" s="6">
        <v>5712</v>
      </c>
      <c r="L75" s="6">
        <v>49</v>
      </c>
    </row>
    <row r="76" spans="1:12">
      <c r="A76" s="9" t="s">
        <v>27</v>
      </c>
      <c r="B76" s="9" t="s">
        <v>28</v>
      </c>
      <c r="C76" s="9" t="s">
        <v>29</v>
      </c>
      <c r="D76" s="9" t="s">
        <v>260</v>
      </c>
      <c r="E76" s="9" t="s">
        <v>227</v>
      </c>
      <c r="F76" s="9" t="s">
        <v>235</v>
      </c>
      <c r="G76" s="9" t="s">
        <v>250</v>
      </c>
      <c r="H76" s="6">
        <v>41496</v>
      </c>
      <c r="I76" s="6">
        <v>35906</v>
      </c>
      <c r="J76" s="6">
        <v>34715</v>
      </c>
      <c r="K76" s="6">
        <v>5544</v>
      </c>
      <c r="L76" s="6">
        <v>46</v>
      </c>
    </row>
    <row r="77" spans="1:12">
      <c r="A77" s="9" t="s">
        <v>27</v>
      </c>
      <c r="B77" s="9" t="s">
        <v>28</v>
      </c>
      <c r="C77" s="9" t="s">
        <v>29</v>
      </c>
      <c r="D77" s="9" t="s">
        <v>260</v>
      </c>
      <c r="E77" s="9" t="s">
        <v>227</v>
      </c>
      <c r="F77" s="9" t="s">
        <v>235</v>
      </c>
      <c r="G77" s="9" t="s">
        <v>251</v>
      </c>
      <c r="H77" s="6">
        <v>41694</v>
      </c>
      <c r="I77" s="6">
        <v>35915</v>
      </c>
      <c r="J77" s="6">
        <v>34689</v>
      </c>
      <c r="K77" s="6">
        <v>5752</v>
      </c>
      <c r="L77" s="6">
        <v>27</v>
      </c>
    </row>
    <row r="78" spans="1:12">
      <c r="A78" s="9" t="s">
        <v>27</v>
      </c>
      <c r="B78" s="9" t="s">
        <v>28</v>
      </c>
      <c r="C78" s="9" t="s">
        <v>29</v>
      </c>
      <c r="D78" s="9" t="s">
        <v>260</v>
      </c>
      <c r="E78" s="9" t="s">
        <v>227</v>
      </c>
      <c r="F78" s="9" t="s">
        <v>235</v>
      </c>
      <c r="G78" s="9" t="s">
        <v>252</v>
      </c>
      <c r="H78" s="6">
        <v>43510</v>
      </c>
      <c r="I78" s="6">
        <v>37356</v>
      </c>
      <c r="J78" s="6">
        <v>36049</v>
      </c>
      <c r="K78" s="6">
        <v>6110</v>
      </c>
      <c r="L78" s="6">
        <v>44</v>
      </c>
    </row>
    <row r="79" spans="1:12">
      <c r="A79" s="9" t="s">
        <v>27</v>
      </c>
      <c r="B79" s="9" t="s">
        <v>28</v>
      </c>
      <c r="C79" s="9" t="s">
        <v>29</v>
      </c>
      <c r="D79" s="9" t="s">
        <v>260</v>
      </c>
      <c r="E79" s="9" t="s">
        <v>227</v>
      </c>
      <c r="F79" s="9" t="s">
        <v>235</v>
      </c>
      <c r="G79" s="9" t="s">
        <v>253</v>
      </c>
      <c r="H79" s="6">
        <v>44483</v>
      </c>
      <c r="I79" s="6">
        <v>38070</v>
      </c>
      <c r="J79" s="6">
        <v>36754</v>
      </c>
      <c r="K79" s="6">
        <v>6369</v>
      </c>
      <c r="L79" s="6">
        <v>44</v>
      </c>
    </row>
    <row r="80" spans="1:12">
      <c r="A80" s="9" t="s">
        <v>27</v>
      </c>
      <c r="B80" s="9" t="s">
        <v>28</v>
      </c>
      <c r="C80" s="9" t="s">
        <v>29</v>
      </c>
      <c r="D80" s="9" t="s">
        <v>260</v>
      </c>
      <c r="E80" s="9" t="s">
        <v>227</v>
      </c>
      <c r="F80" s="9" t="s">
        <v>235</v>
      </c>
      <c r="G80" s="9" t="s">
        <v>254</v>
      </c>
      <c r="H80" s="6">
        <v>40946</v>
      </c>
      <c r="I80" s="6">
        <v>34769</v>
      </c>
      <c r="J80" s="6">
        <v>33616</v>
      </c>
      <c r="K80" s="6">
        <v>6130</v>
      </c>
      <c r="L80" s="6">
        <v>47</v>
      </c>
    </row>
    <row r="81" spans="1:12">
      <c r="A81" s="9" t="s">
        <v>27</v>
      </c>
      <c r="B81" s="9" t="s">
        <v>28</v>
      </c>
      <c r="C81" s="9" t="s">
        <v>29</v>
      </c>
      <c r="D81" s="9" t="s">
        <v>260</v>
      </c>
      <c r="E81" s="9" t="s">
        <v>227</v>
      </c>
      <c r="F81" s="9" t="s">
        <v>235</v>
      </c>
      <c r="G81" s="9" t="s">
        <v>255</v>
      </c>
      <c r="H81" s="6">
        <v>35332</v>
      </c>
      <c r="I81" s="6">
        <v>29514</v>
      </c>
      <c r="J81" s="6">
        <v>28451</v>
      </c>
      <c r="K81" s="6">
        <v>5782</v>
      </c>
      <c r="L81" s="6">
        <v>36</v>
      </c>
    </row>
    <row r="82" spans="1:12">
      <c r="A82" s="9" t="s">
        <v>27</v>
      </c>
      <c r="B82" s="9" t="s">
        <v>28</v>
      </c>
      <c r="C82" s="9" t="s">
        <v>29</v>
      </c>
      <c r="D82" s="9" t="s">
        <v>260</v>
      </c>
      <c r="E82" s="9" t="s">
        <v>227</v>
      </c>
      <c r="F82" s="9" t="s">
        <v>235</v>
      </c>
      <c r="G82" s="9" t="s">
        <v>256</v>
      </c>
      <c r="H82" s="6">
        <v>413465</v>
      </c>
      <c r="I82" s="6">
        <v>313414</v>
      </c>
      <c r="J82" s="6">
        <v>298963</v>
      </c>
      <c r="K82" s="6">
        <v>99565</v>
      </c>
      <c r="L82" s="6">
        <v>486</v>
      </c>
    </row>
    <row r="83" spans="1:12">
      <c r="A83" s="9" t="s">
        <v>27</v>
      </c>
      <c r="B83" s="9" t="s">
        <v>28</v>
      </c>
      <c r="C83" s="9" t="s">
        <v>29</v>
      </c>
      <c r="D83" s="9" t="s">
        <v>260</v>
      </c>
      <c r="E83" s="9" t="s">
        <v>228</v>
      </c>
      <c r="F83" s="9" t="s">
        <v>6</v>
      </c>
      <c r="G83" s="9" t="s">
        <v>30</v>
      </c>
      <c r="H83" s="6">
        <v>235510</v>
      </c>
      <c r="I83" s="6">
        <v>92398</v>
      </c>
      <c r="J83" s="6">
        <v>85545</v>
      </c>
      <c r="K83" s="6">
        <v>142777</v>
      </c>
      <c r="L83" s="6">
        <v>335</v>
      </c>
    </row>
    <row r="84" spans="1:12">
      <c r="A84" s="9" t="s">
        <v>27</v>
      </c>
      <c r="B84" s="9" t="s">
        <v>28</v>
      </c>
      <c r="C84" s="9" t="s">
        <v>29</v>
      </c>
      <c r="D84" s="9" t="s">
        <v>260</v>
      </c>
      <c r="E84" s="9" t="s">
        <v>228</v>
      </c>
      <c r="F84" s="9" t="s">
        <v>234</v>
      </c>
      <c r="G84" s="9" t="s">
        <v>30</v>
      </c>
      <c r="H84" s="6">
        <v>139566</v>
      </c>
      <c r="I84" s="6">
        <v>48239</v>
      </c>
      <c r="J84" s="6">
        <v>44489</v>
      </c>
      <c r="K84" s="6">
        <v>91185</v>
      </c>
      <c r="L84" s="6">
        <v>142</v>
      </c>
    </row>
    <row r="85" spans="1:12">
      <c r="A85" s="9" t="s">
        <v>27</v>
      </c>
      <c r="B85" s="9" t="s">
        <v>28</v>
      </c>
      <c r="C85" s="9" t="s">
        <v>29</v>
      </c>
      <c r="D85" s="9" t="s">
        <v>260</v>
      </c>
      <c r="E85" s="9" t="s">
        <v>228</v>
      </c>
      <c r="F85" s="9" t="s">
        <v>235</v>
      </c>
      <c r="G85" s="9" t="s">
        <v>30</v>
      </c>
      <c r="H85" s="6">
        <v>95944</v>
      </c>
      <c r="I85" s="6">
        <v>44159</v>
      </c>
      <c r="J85" s="6">
        <v>41056</v>
      </c>
      <c r="K85" s="6">
        <v>51592</v>
      </c>
      <c r="L85" s="6">
        <v>193</v>
      </c>
    </row>
    <row r="86" spans="1:12">
      <c r="A86" s="9" t="s">
        <v>27</v>
      </c>
      <c r="B86" s="9" t="s">
        <v>28</v>
      </c>
      <c r="C86" s="9" t="s">
        <v>29</v>
      </c>
      <c r="D86" s="9" t="s">
        <v>260</v>
      </c>
      <c r="E86" s="9" t="s">
        <v>228</v>
      </c>
      <c r="F86" s="9" t="s">
        <v>235</v>
      </c>
      <c r="G86" s="9" t="s">
        <v>236</v>
      </c>
      <c r="H86" s="6">
        <v>1211</v>
      </c>
      <c r="I86" s="6">
        <v>370</v>
      </c>
      <c r="J86" s="6">
        <v>340</v>
      </c>
      <c r="K86" s="6">
        <v>826</v>
      </c>
      <c r="L86" s="6">
        <v>15</v>
      </c>
    </row>
    <row r="87" spans="1:12">
      <c r="A87" s="9" t="s">
        <v>27</v>
      </c>
      <c r="B87" s="9" t="s">
        <v>28</v>
      </c>
      <c r="C87" s="9" t="s">
        <v>29</v>
      </c>
      <c r="D87" s="9" t="s">
        <v>260</v>
      </c>
      <c r="E87" s="9" t="s">
        <v>228</v>
      </c>
      <c r="F87" s="9" t="s">
        <v>235</v>
      </c>
      <c r="G87" s="9" t="s">
        <v>237</v>
      </c>
      <c r="H87" s="6">
        <v>946</v>
      </c>
      <c r="I87" s="6">
        <v>418</v>
      </c>
      <c r="J87" s="6">
        <v>374</v>
      </c>
      <c r="K87" s="6">
        <v>524</v>
      </c>
      <c r="L87" s="6">
        <v>4</v>
      </c>
    </row>
    <row r="88" spans="1:12">
      <c r="A88" s="9" t="s">
        <v>27</v>
      </c>
      <c r="B88" s="9" t="s">
        <v>28</v>
      </c>
      <c r="C88" s="9" t="s">
        <v>29</v>
      </c>
      <c r="D88" s="9" t="s">
        <v>260</v>
      </c>
      <c r="E88" s="9" t="s">
        <v>228</v>
      </c>
      <c r="F88" s="9" t="s">
        <v>235</v>
      </c>
      <c r="G88" s="9" t="s">
        <v>238</v>
      </c>
      <c r="H88" s="6">
        <v>760</v>
      </c>
      <c r="I88" s="6">
        <v>377</v>
      </c>
      <c r="J88" s="6">
        <v>350</v>
      </c>
      <c r="K88" s="6">
        <v>377</v>
      </c>
      <c r="L88" s="6">
        <v>6</v>
      </c>
    </row>
    <row r="89" spans="1:12">
      <c r="A89" s="9" t="s">
        <v>27</v>
      </c>
      <c r="B89" s="9" t="s">
        <v>28</v>
      </c>
      <c r="C89" s="9" t="s">
        <v>29</v>
      </c>
      <c r="D89" s="9" t="s">
        <v>260</v>
      </c>
      <c r="E89" s="9" t="s">
        <v>228</v>
      </c>
      <c r="F89" s="9" t="s">
        <v>235</v>
      </c>
      <c r="G89" s="9" t="s">
        <v>239</v>
      </c>
      <c r="H89" s="6">
        <v>695</v>
      </c>
      <c r="I89" s="6">
        <v>407</v>
      </c>
      <c r="J89" s="6">
        <v>372</v>
      </c>
      <c r="K89" s="6">
        <v>284</v>
      </c>
      <c r="L89" s="6">
        <v>4</v>
      </c>
    </row>
    <row r="90" spans="1:12">
      <c r="A90" s="9" t="s">
        <v>27</v>
      </c>
      <c r="B90" s="9" t="s">
        <v>28</v>
      </c>
      <c r="C90" s="9" t="s">
        <v>29</v>
      </c>
      <c r="D90" s="9" t="s">
        <v>260</v>
      </c>
      <c r="E90" s="9" t="s">
        <v>228</v>
      </c>
      <c r="F90" s="9" t="s">
        <v>235</v>
      </c>
      <c r="G90" s="9" t="s">
        <v>240</v>
      </c>
      <c r="H90" s="6">
        <v>619</v>
      </c>
      <c r="I90" s="6">
        <v>370</v>
      </c>
      <c r="J90" s="6">
        <v>326</v>
      </c>
      <c r="K90" s="6">
        <v>243</v>
      </c>
      <c r="L90" s="6">
        <v>6</v>
      </c>
    </row>
    <row r="91" spans="1:12">
      <c r="A91" s="9" t="s">
        <v>27</v>
      </c>
      <c r="B91" s="9" t="s">
        <v>28</v>
      </c>
      <c r="C91" s="9" t="s">
        <v>29</v>
      </c>
      <c r="D91" s="9" t="s">
        <v>260</v>
      </c>
      <c r="E91" s="9" t="s">
        <v>228</v>
      </c>
      <c r="F91" s="9" t="s">
        <v>235</v>
      </c>
      <c r="G91" s="9" t="s">
        <v>241</v>
      </c>
      <c r="H91" s="6">
        <v>637</v>
      </c>
      <c r="I91" s="6">
        <v>382</v>
      </c>
      <c r="J91" s="6">
        <v>355</v>
      </c>
      <c r="K91" s="6">
        <v>251</v>
      </c>
      <c r="L91" s="6">
        <v>4</v>
      </c>
    </row>
    <row r="92" spans="1:12">
      <c r="A92" s="9" t="s">
        <v>27</v>
      </c>
      <c r="B92" s="9" t="s">
        <v>28</v>
      </c>
      <c r="C92" s="9" t="s">
        <v>29</v>
      </c>
      <c r="D92" s="9" t="s">
        <v>260</v>
      </c>
      <c r="E92" s="9" t="s">
        <v>228</v>
      </c>
      <c r="F92" s="9" t="s">
        <v>235</v>
      </c>
      <c r="G92" s="9" t="s">
        <v>242</v>
      </c>
      <c r="H92" s="6">
        <v>571</v>
      </c>
      <c r="I92" s="6">
        <v>349</v>
      </c>
      <c r="J92" s="6">
        <v>323</v>
      </c>
      <c r="K92" s="6">
        <v>218</v>
      </c>
      <c r="L92" s="6">
        <v>4</v>
      </c>
    </row>
    <row r="93" spans="1:12">
      <c r="A93" s="9" t="s">
        <v>27</v>
      </c>
      <c r="B93" s="9" t="s">
        <v>28</v>
      </c>
      <c r="C93" s="9" t="s">
        <v>29</v>
      </c>
      <c r="D93" s="9" t="s">
        <v>260</v>
      </c>
      <c r="E93" s="9" t="s">
        <v>228</v>
      </c>
      <c r="F93" s="9" t="s">
        <v>235</v>
      </c>
      <c r="G93" s="9" t="s">
        <v>243</v>
      </c>
      <c r="H93" s="6">
        <v>674</v>
      </c>
      <c r="I93" s="6">
        <v>448</v>
      </c>
      <c r="J93" s="6">
        <v>425</v>
      </c>
      <c r="K93" s="6">
        <v>220</v>
      </c>
      <c r="L93" s="6">
        <v>6</v>
      </c>
    </row>
    <row r="94" spans="1:12">
      <c r="A94" s="9" t="s">
        <v>27</v>
      </c>
      <c r="B94" s="9" t="s">
        <v>28</v>
      </c>
      <c r="C94" s="9" t="s">
        <v>29</v>
      </c>
      <c r="D94" s="9" t="s">
        <v>260</v>
      </c>
      <c r="E94" s="9" t="s">
        <v>228</v>
      </c>
      <c r="F94" s="9" t="s">
        <v>235</v>
      </c>
      <c r="G94" s="9" t="s">
        <v>244</v>
      </c>
      <c r="H94" s="6">
        <v>679</v>
      </c>
      <c r="I94" s="6">
        <v>441</v>
      </c>
      <c r="J94" s="6">
        <v>410</v>
      </c>
      <c r="K94" s="6">
        <v>235</v>
      </c>
      <c r="L94" s="6">
        <v>3</v>
      </c>
    </row>
    <row r="95" spans="1:12">
      <c r="A95" s="9" t="s">
        <v>27</v>
      </c>
      <c r="B95" s="9" t="s">
        <v>28</v>
      </c>
      <c r="C95" s="9" t="s">
        <v>29</v>
      </c>
      <c r="D95" s="9" t="s">
        <v>260</v>
      </c>
      <c r="E95" s="9" t="s">
        <v>228</v>
      </c>
      <c r="F95" s="9" t="s">
        <v>235</v>
      </c>
      <c r="G95" s="9" t="s">
        <v>245</v>
      </c>
      <c r="H95" s="6">
        <v>659</v>
      </c>
      <c r="I95" s="6">
        <v>453</v>
      </c>
      <c r="J95" s="6">
        <v>423</v>
      </c>
      <c r="K95" s="6">
        <v>202</v>
      </c>
      <c r="L95" s="6">
        <v>4</v>
      </c>
    </row>
    <row r="96" spans="1:12">
      <c r="A96" s="9" t="s">
        <v>27</v>
      </c>
      <c r="B96" s="9" t="s">
        <v>28</v>
      </c>
      <c r="C96" s="9" t="s">
        <v>29</v>
      </c>
      <c r="D96" s="9" t="s">
        <v>260</v>
      </c>
      <c r="E96" s="9" t="s">
        <v>228</v>
      </c>
      <c r="F96" s="9" t="s">
        <v>235</v>
      </c>
      <c r="G96" s="9" t="s">
        <v>246</v>
      </c>
      <c r="H96" s="6">
        <v>703</v>
      </c>
      <c r="I96" s="6">
        <v>499</v>
      </c>
      <c r="J96" s="6">
        <v>465</v>
      </c>
      <c r="K96" s="6">
        <v>197</v>
      </c>
      <c r="L96" s="6">
        <v>7</v>
      </c>
    </row>
    <row r="97" spans="1:12">
      <c r="A97" s="9" t="s">
        <v>27</v>
      </c>
      <c r="B97" s="9" t="s">
        <v>28</v>
      </c>
      <c r="C97" s="9" t="s">
        <v>29</v>
      </c>
      <c r="D97" s="9" t="s">
        <v>260</v>
      </c>
      <c r="E97" s="9" t="s">
        <v>228</v>
      </c>
      <c r="F97" s="9" t="s">
        <v>235</v>
      </c>
      <c r="G97" s="9" t="s">
        <v>247</v>
      </c>
      <c r="H97" s="6">
        <v>764</v>
      </c>
      <c r="I97" s="6">
        <v>542</v>
      </c>
      <c r="J97" s="6">
        <v>506</v>
      </c>
      <c r="K97" s="6">
        <v>219</v>
      </c>
      <c r="L97" s="6">
        <v>3</v>
      </c>
    </row>
    <row r="98" spans="1:12">
      <c r="A98" s="9" t="s">
        <v>27</v>
      </c>
      <c r="B98" s="9" t="s">
        <v>28</v>
      </c>
      <c r="C98" s="9" t="s">
        <v>29</v>
      </c>
      <c r="D98" s="9" t="s">
        <v>260</v>
      </c>
      <c r="E98" s="9" t="s">
        <v>228</v>
      </c>
      <c r="F98" s="9" t="s">
        <v>235</v>
      </c>
      <c r="G98" s="9" t="s">
        <v>248</v>
      </c>
      <c r="H98" s="6">
        <v>764</v>
      </c>
      <c r="I98" s="6">
        <v>533</v>
      </c>
      <c r="J98" s="6">
        <v>495</v>
      </c>
      <c r="K98" s="6">
        <v>225</v>
      </c>
      <c r="L98" s="6">
        <v>6</v>
      </c>
    </row>
    <row r="99" spans="1:12">
      <c r="A99" s="9" t="s">
        <v>27</v>
      </c>
      <c r="B99" s="9" t="s">
        <v>28</v>
      </c>
      <c r="C99" s="9" t="s">
        <v>29</v>
      </c>
      <c r="D99" s="9" t="s">
        <v>260</v>
      </c>
      <c r="E99" s="9" t="s">
        <v>228</v>
      </c>
      <c r="F99" s="9" t="s">
        <v>235</v>
      </c>
      <c r="G99" s="9" t="s">
        <v>249</v>
      </c>
      <c r="H99" s="6">
        <v>818</v>
      </c>
      <c r="I99" s="6">
        <v>599</v>
      </c>
      <c r="J99" s="6">
        <v>569</v>
      </c>
      <c r="K99" s="6">
        <v>217</v>
      </c>
      <c r="L99" s="6">
        <v>2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0</v>
      </c>
      <c r="E100" s="9" t="s">
        <v>228</v>
      </c>
      <c r="F100" s="9" t="s">
        <v>235</v>
      </c>
      <c r="G100" s="9" t="s">
        <v>250</v>
      </c>
      <c r="H100" s="6">
        <v>870</v>
      </c>
      <c r="I100" s="6">
        <v>621</v>
      </c>
      <c r="J100" s="6">
        <v>587</v>
      </c>
      <c r="K100" s="6">
        <v>246</v>
      </c>
      <c r="L100" s="6">
        <v>3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0</v>
      </c>
      <c r="E101" s="9" t="s">
        <v>228</v>
      </c>
      <c r="F101" s="9" t="s">
        <v>235</v>
      </c>
      <c r="G101" s="9" t="s">
        <v>251</v>
      </c>
      <c r="H101" s="6">
        <v>949</v>
      </c>
      <c r="I101" s="6">
        <v>664</v>
      </c>
      <c r="J101" s="6">
        <v>635</v>
      </c>
      <c r="K101" s="6">
        <v>279</v>
      </c>
      <c r="L101" s="6">
        <v>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0</v>
      </c>
      <c r="E102" s="9" t="s">
        <v>228</v>
      </c>
      <c r="F102" s="9" t="s">
        <v>235</v>
      </c>
      <c r="G102" s="9" t="s">
        <v>252</v>
      </c>
      <c r="H102" s="6">
        <v>1044</v>
      </c>
      <c r="I102" s="6">
        <v>736</v>
      </c>
      <c r="J102" s="6">
        <v>690</v>
      </c>
      <c r="K102" s="6">
        <v>302</v>
      </c>
      <c r="L102" s="6">
        <v>6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0</v>
      </c>
      <c r="E103" s="9" t="s">
        <v>228</v>
      </c>
      <c r="F103" s="9" t="s">
        <v>235</v>
      </c>
      <c r="G103" s="9" t="s">
        <v>253</v>
      </c>
      <c r="H103" s="6">
        <v>1161</v>
      </c>
      <c r="I103" s="6">
        <v>822</v>
      </c>
      <c r="J103" s="6">
        <v>777</v>
      </c>
      <c r="K103" s="6">
        <v>333</v>
      </c>
      <c r="L103" s="6">
        <v>6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0</v>
      </c>
      <c r="E104" s="9" t="s">
        <v>228</v>
      </c>
      <c r="F104" s="9" t="s">
        <v>235</v>
      </c>
      <c r="G104" s="9" t="s">
        <v>254</v>
      </c>
      <c r="H104" s="6">
        <v>1169</v>
      </c>
      <c r="I104" s="6">
        <v>843</v>
      </c>
      <c r="J104" s="6">
        <v>792</v>
      </c>
      <c r="K104" s="6">
        <v>323</v>
      </c>
      <c r="L104" s="6">
        <v>3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0</v>
      </c>
      <c r="E105" s="9" t="s">
        <v>228</v>
      </c>
      <c r="F105" s="9" t="s">
        <v>235</v>
      </c>
      <c r="G105" s="9" t="s">
        <v>255</v>
      </c>
      <c r="H105" s="6">
        <v>1172</v>
      </c>
      <c r="I105" s="6">
        <v>818</v>
      </c>
      <c r="J105" s="6">
        <v>781</v>
      </c>
      <c r="K105" s="6">
        <v>349</v>
      </c>
      <c r="L105" s="6">
        <v>5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0</v>
      </c>
      <c r="E106" s="9" t="s">
        <v>228</v>
      </c>
      <c r="F106" s="9" t="s">
        <v>235</v>
      </c>
      <c r="G106" s="9" t="s">
        <v>256</v>
      </c>
      <c r="H106" s="6">
        <v>79079</v>
      </c>
      <c r="I106" s="6">
        <v>33467</v>
      </c>
      <c r="J106" s="6">
        <v>31061</v>
      </c>
      <c r="K106" s="6">
        <v>45522</v>
      </c>
      <c r="L106" s="6">
        <v>90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0</v>
      </c>
      <c r="E107" s="9" t="s">
        <v>18</v>
      </c>
      <c r="F107" s="9" t="s">
        <v>6</v>
      </c>
      <c r="G107" s="9" t="s">
        <v>30</v>
      </c>
      <c r="H107" s="6">
        <v>85569</v>
      </c>
      <c r="I107" s="6">
        <v>1767</v>
      </c>
      <c r="J107" s="6">
        <v>1405</v>
      </c>
      <c r="K107" s="6">
        <v>766</v>
      </c>
      <c r="L107" s="6">
        <v>83036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0</v>
      </c>
      <c r="E108" s="9" t="s">
        <v>18</v>
      </c>
      <c r="F108" s="9" t="s">
        <v>234</v>
      </c>
      <c r="G108" s="9" t="s">
        <v>30</v>
      </c>
      <c r="H108" s="6">
        <v>24097</v>
      </c>
      <c r="I108" s="6">
        <v>690</v>
      </c>
      <c r="J108" s="6">
        <v>545</v>
      </c>
      <c r="K108" s="6">
        <v>279</v>
      </c>
      <c r="L108" s="6">
        <v>23128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0</v>
      </c>
      <c r="E109" s="9" t="s">
        <v>18</v>
      </c>
      <c r="F109" s="9" t="s">
        <v>235</v>
      </c>
      <c r="G109" s="9" t="s">
        <v>30</v>
      </c>
      <c r="H109" s="6">
        <v>61472</v>
      </c>
      <c r="I109" s="6">
        <v>1077</v>
      </c>
      <c r="J109" s="6">
        <v>860</v>
      </c>
      <c r="K109" s="6">
        <v>487</v>
      </c>
      <c r="L109" s="6">
        <v>59908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0</v>
      </c>
      <c r="E110" s="9" t="s">
        <v>18</v>
      </c>
      <c r="F110" s="9" t="s">
        <v>235</v>
      </c>
      <c r="G110" s="9" t="s">
        <v>236</v>
      </c>
      <c r="H110" s="6">
        <v>3397</v>
      </c>
      <c r="I110" s="6">
        <v>33</v>
      </c>
      <c r="J110" s="6">
        <v>23</v>
      </c>
      <c r="K110" s="6">
        <v>30</v>
      </c>
      <c r="L110" s="6">
        <v>3334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0</v>
      </c>
      <c r="E111" s="9" t="s">
        <v>18</v>
      </c>
      <c r="F111" s="9" t="s">
        <v>235</v>
      </c>
      <c r="G111" s="9" t="s">
        <v>237</v>
      </c>
      <c r="H111" s="6">
        <v>3369</v>
      </c>
      <c r="I111" s="6">
        <v>25</v>
      </c>
      <c r="J111" s="6">
        <v>17</v>
      </c>
      <c r="K111" s="6">
        <v>33</v>
      </c>
      <c r="L111" s="6">
        <v>3311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0</v>
      </c>
      <c r="E112" s="9" t="s">
        <v>18</v>
      </c>
      <c r="F112" s="9" t="s">
        <v>235</v>
      </c>
      <c r="G112" s="9" t="s">
        <v>238</v>
      </c>
      <c r="H112" s="6">
        <v>2890</v>
      </c>
      <c r="I112" s="6">
        <v>19</v>
      </c>
      <c r="J112" s="6">
        <v>16</v>
      </c>
      <c r="K112" s="6">
        <v>22</v>
      </c>
      <c r="L112" s="6">
        <v>2849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0</v>
      </c>
      <c r="E113" s="9" t="s">
        <v>18</v>
      </c>
      <c r="F113" s="9" t="s">
        <v>235</v>
      </c>
      <c r="G113" s="9" t="s">
        <v>239</v>
      </c>
      <c r="H113" s="6">
        <v>2401</v>
      </c>
      <c r="I113" s="6">
        <v>33</v>
      </c>
      <c r="J113" s="6">
        <v>25</v>
      </c>
      <c r="K113" s="6">
        <v>12</v>
      </c>
      <c r="L113" s="6">
        <v>2356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0</v>
      </c>
      <c r="E114" s="9" t="s">
        <v>18</v>
      </c>
      <c r="F114" s="9" t="s">
        <v>235</v>
      </c>
      <c r="G114" s="9" t="s">
        <v>240</v>
      </c>
      <c r="H114" s="6">
        <v>2328</v>
      </c>
      <c r="I114" s="6">
        <v>28</v>
      </c>
      <c r="J114" s="6">
        <v>18</v>
      </c>
      <c r="K114" s="6">
        <v>18</v>
      </c>
      <c r="L114" s="6">
        <v>2282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0</v>
      </c>
      <c r="E115" s="9" t="s">
        <v>18</v>
      </c>
      <c r="F115" s="9" t="s">
        <v>235</v>
      </c>
      <c r="G115" s="9" t="s">
        <v>241</v>
      </c>
      <c r="H115" s="6">
        <v>2131</v>
      </c>
      <c r="I115" s="6">
        <v>20</v>
      </c>
      <c r="J115" s="6">
        <v>15</v>
      </c>
      <c r="K115" s="6">
        <v>19</v>
      </c>
      <c r="L115" s="6">
        <v>2092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0</v>
      </c>
      <c r="E116" s="9" t="s">
        <v>18</v>
      </c>
      <c r="F116" s="9" t="s">
        <v>235</v>
      </c>
      <c r="G116" s="9" t="s">
        <v>242</v>
      </c>
      <c r="H116" s="6">
        <v>2137</v>
      </c>
      <c r="I116" s="6">
        <v>17</v>
      </c>
      <c r="J116" s="6">
        <v>12</v>
      </c>
      <c r="K116" s="6">
        <v>6</v>
      </c>
      <c r="L116" s="6">
        <v>2114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0</v>
      </c>
      <c r="E117" s="9" t="s">
        <v>18</v>
      </c>
      <c r="F117" s="9" t="s">
        <v>235</v>
      </c>
      <c r="G117" s="9" t="s">
        <v>243</v>
      </c>
      <c r="H117" s="6">
        <v>1952</v>
      </c>
      <c r="I117" s="6">
        <v>26</v>
      </c>
      <c r="J117" s="6">
        <v>20</v>
      </c>
      <c r="K117" s="6">
        <v>14</v>
      </c>
      <c r="L117" s="6">
        <v>1912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0</v>
      </c>
      <c r="E118" s="9" t="s">
        <v>18</v>
      </c>
      <c r="F118" s="9" t="s">
        <v>235</v>
      </c>
      <c r="G118" s="9" t="s">
        <v>244</v>
      </c>
      <c r="H118" s="6">
        <v>1992</v>
      </c>
      <c r="I118" s="6">
        <v>20</v>
      </c>
      <c r="J118" s="6">
        <v>16</v>
      </c>
      <c r="K118" s="6">
        <v>9</v>
      </c>
      <c r="L118" s="6">
        <v>1963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0</v>
      </c>
      <c r="E119" s="9" t="s">
        <v>18</v>
      </c>
      <c r="F119" s="9" t="s">
        <v>235</v>
      </c>
      <c r="G119" s="9" t="s">
        <v>245</v>
      </c>
      <c r="H119" s="6">
        <v>2046</v>
      </c>
      <c r="I119" s="6">
        <v>19</v>
      </c>
      <c r="J119" s="6">
        <v>15</v>
      </c>
      <c r="K119" s="6">
        <v>11</v>
      </c>
      <c r="L119" s="6">
        <v>2016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0</v>
      </c>
      <c r="E120" s="9" t="s">
        <v>18</v>
      </c>
      <c r="F120" s="9" t="s">
        <v>235</v>
      </c>
      <c r="G120" s="9" t="s">
        <v>246</v>
      </c>
      <c r="H120" s="6">
        <v>2084</v>
      </c>
      <c r="I120" s="6">
        <v>13</v>
      </c>
      <c r="J120" s="6">
        <v>7</v>
      </c>
      <c r="K120" s="6">
        <v>11</v>
      </c>
      <c r="L120" s="6">
        <v>2060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0</v>
      </c>
      <c r="E121" s="9" t="s">
        <v>18</v>
      </c>
      <c r="F121" s="9" t="s">
        <v>235</v>
      </c>
      <c r="G121" s="9" t="s">
        <v>247</v>
      </c>
      <c r="H121" s="6">
        <v>2043</v>
      </c>
      <c r="I121" s="6">
        <v>31</v>
      </c>
      <c r="J121" s="6">
        <v>27</v>
      </c>
      <c r="K121" s="6">
        <v>7</v>
      </c>
      <c r="L121" s="6">
        <v>2005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0</v>
      </c>
      <c r="E122" s="9" t="s">
        <v>18</v>
      </c>
      <c r="F122" s="9" t="s">
        <v>235</v>
      </c>
      <c r="G122" s="9" t="s">
        <v>248</v>
      </c>
      <c r="H122" s="6">
        <v>2022</v>
      </c>
      <c r="I122" s="6">
        <v>20</v>
      </c>
      <c r="J122" s="6">
        <v>17</v>
      </c>
      <c r="K122" s="6">
        <v>8</v>
      </c>
      <c r="L122" s="6">
        <v>1994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0</v>
      </c>
      <c r="E123" s="9" t="s">
        <v>18</v>
      </c>
      <c r="F123" s="9" t="s">
        <v>235</v>
      </c>
      <c r="G123" s="9" t="s">
        <v>249</v>
      </c>
      <c r="H123" s="6">
        <v>2040</v>
      </c>
      <c r="I123" s="6">
        <v>30</v>
      </c>
      <c r="J123" s="6">
        <v>25</v>
      </c>
      <c r="K123" s="6">
        <v>8</v>
      </c>
      <c r="L123" s="6">
        <v>2002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0</v>
      </c>
      <c r="E124" s="9" t="s">
        <v>18</v>
      </c>
      <c r="F124" s="9" t="s">
        <v>235</v>
      </c>
      <c r="G124" s="9" t="s">
        <v>250</v>
      </c>
      <c r="H124" s="6">
        <v>1948</v>
      </c>
      <c r="I124" s="6">
        <v>40</v>
      </c>
      <c r="J124" s="6">
        <v>32</v>
      </c>
      <c r="K124" s="6">
        <v>9</v>
      </c>
      <c r="L124" s="6">
        <v>1899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0</v>
      </c>
      <c r="E125" s="9" t="s">
        <v>18</v>
      </c>
      <c r="F125" s="9" t="s">
        <v>235</v>
      </c>
      <c r="G125" s="9" t="s">
        <v>251</v>
      </c>
      <c r="H125" s="6">
        <v>1950</v>
      </c>
      <c r="I125" s="6">
        <v>34</v>
      </c>
      <c r="J125" s="6">
        <v>26</v>
      </c>
      <c r="K125" s="6">
        <v>7</v>
      </c>
      <c r="L125" s="6">
        <v>1909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0</v>
      </c>
      <c r="E126" s="9" t="s">
        <v>18</v>
      </c>
      <c r="F126" s="9" t="s">
        <v>235</v>
      </c>
      <c r="G126" s="9" t="s">
        <v>252</v>
      </c>
      <c r="H126" s="6">
        <v>1940</v>
      </c>
      <c r="I126" s="6">
        <v>36</v>
      </c>
      <c r="J126" s="6">
        <v>28</v>
      </c>
      <c r="K126" s="6">
        <v>7</v>
      </c>
      <c r="L126" s="6">
        <v>1897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0</v>
      </c>
      <c r="E127" s="9" t="s">
        <v>18</v>
      </c>
      <c r="F127" s="9" t="s">
        <v>235</v>
      </c>
      <c r="G127" s="9" t="s">
        <v>253</v>
      </c>
      <c r="H127" s="6">
        <v>2029</v>
      </c>
      <c r="I127" s="6">
        <v>47</v>
      </c>
      <c r="J127" s="6">
        <v>41</v>
      </c>
      <c r="K127" s="6">
        <v>15</v>
      </c>
      <c r="L127" s="6">
        <v>1967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0</v>
      </c>
      <c r="E128" s="9" t="s">
        <v>18</v>
      </c>
      <c r="F128" s="9" t="s">
        <v>235</v>
      </c>
      <c r="G128" s="9" t="s">
        <v>254</v>
      </c>
      <c r="H128" s="6">
        <v>2086</v>
      </c>
      <c r="I128" s="6">
        <v>35</v>
      </c>
      <c r="J128" s="6">
        <v>29</v>
      </c>
      <c r="K128" s="6">
        <v>10</v>
      </c>
      <c r="L128" s="6">
        <v>2041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0</v>
      </c>
      <c r="E129" s="9" t="s">
        <v>18</v>
      </c>
      <c r="F129" s="9" t="s">
        <v>235</v>
      </c>
      <c r="G129" s="9" t="s">
        <v>255</v>
      </c>
      <c r="H129" s="6">
        <v>1868</v>
      </c>
      <c r="I129" s="6">
        <v>34</v>
      </c>
      <c r="J129" s="6">
        <v>31</v>
      </c>
      <c r="K129" s="6">
        <v>9</v>
      </c>
      <c r="L129" s="6">
        <v>1825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0</v>
      </c>
      <c r="E130" s="9" t="s">
        <v>18</v>
      </c>
      <c r="F130" s="9" t="s">
        <v>235</v>
      </c>
      <c r="G130" s="9" t="s">
        <v>256</v>
      </c>
      <c r="H130" s="6">
        <v>16819</v>
      </c>
      <c r="I130" s="6">
        <v>517</v>
      </c>
      <c r="J130" s="6">
        <v>420</v>
      </c>
      <c r="K130" s="6">
        <v>222</v>
      </c>
      <c r="L130" s="6">
        <v>16080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0</v>
      </c>
      <c r="E131" s="9" t="s">
        <v>6</v>
      </c>
      <c r="F131" s="9" t="s">
        <v>6</v>
      </c>
      <c r="G131" s="9" t="s">
        <v>30</v>
      </c>
      <c r="H131" s="6">
        <v>46542</v>
      </c>
      <c r="I131" s="6">
        <v>35909</v>
      </c>
      <c r="J131" s="6">
        <v>27935</v>
      </c>
      <c r="K131" s="6">
        <v>9631</v>
      </c>
      <c r="L131" s="6">
        <v>1002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0</v>
      </c>
      <c r="E132" s="9" t="s">
        <v>6</v>
      </c>
      <c r="F132" s="9" t="s">
        <v>234</v>
      </c>
      <c r="G132" s="9" t="s">
        <v>30</v>
      </c>
      <c r="H132" s="6">
        <v>17092</v>
      </c>
      <c r="I132" s="6">
        <v>12089</v>
      </c>
      <c r="J132" s="6">
        <v>9106</v>
      </c>
      <c r="K132" s="6">
        <v>4757</v>
      </c>
      <c r="L132" s="6">
        <v>246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0</v>
      </c>
      <c r="E133" s="9" t="s">
        <v>6</v>
      </c>
      <c r="F133" s="9" t="s">
        <v>235</v>
      </c>
      <c r="G133" s="9" t="s">
        <v>30</v>
      </c>
      <c r="H133" s="6">
        <v>29450</v>
      </c>
      <c r="I133" s="6">
        <v>23820</v>
      </c>
      <c r="J133" s="6">
        <v>18829</v>
      </c>
      <c r="K133" s="6">
        <v>4874</v>
      </c>
      <c r="L133" s="6">
        <v>756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0</v>
      </c>
      <c r="E134" s="9" t="s">
        <v>6</v>
      </c>
      <c r="F134" s="9" t="s">
        <v>235</v>
      </c>
      <c r="G134" s="9" t="s">
        <v>236</v>
      </c>
      <c r="H134" s="6">
        <v>1278</v>
      </c>
      <c r="I134" s="6">
        <v>698</v>
      </c>
      <c r="J134" s="6">
        <v>590</v>
      </c>
      <c r="K134" s="6">
        <v>523</v>
      </c>
      <c r="L134" s="6">
        <v>57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0</v>
      </c>
      <c r="E135" s="9" t="s">
        <v>6</v>
      </c>
      <c r="F135" s="9" t="s">
        <v>235</v>
      </c>
      <c r="G135" s="9" t="s">
        <v>237</v>
      </c>
      <c r="H135" s="6">
        <v>1246</v>
      </c>
      <c r="I135" s="6">
        <v>955</v>
      </c>
      <c r="J135" s="6">
        <v>789</v>
      </c>
      <c r="K135" s="6">
        <v>245</v>
      </c>
      <c r="L135" s="6">
        <v>46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0</v>
      </c>
      <c r="E136" s="9" t="s">
        <v>6</v>
      </c>
      <c r="F136" s="9" t="s">
        <v>235</v>
      </c>
      <c r="G136" s="9" t="s">
        <v>238</v>
      </c>
      <c r="H136" s="6">
        <v>1097</v>
      </c>
      <c r="I136" s="6">
        <v>909</v>
      </c>
      <c r="J136" s="6">
        <v>753</v>
      </c>
      <c r="K136" s="6">
        <v>140</v>
      </c>
      <c r="L136" s="6">
        <v>48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0</v>
      </c>
      <c r="E137" s="9" t="s">
        <v>6</v>
      </c>
      <c r="F137" s="9" t="s">
        <v>235</v>
      </c>
      <c r="G137" s="9" t="s">
        <v>239</v>
      </c>
      <c r="H137" s="6">
        <v>955</v>
      </c>
      <c r="I137" s="6">
        <v>804</v>
      </c>
      <c r="J137" s="6">
        <v>673</v>
      </c>
      <c r="K137" s="6">
        <v>119</v>
      </c>
      <c r="L137" s="6">
        <v>32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0</v>
      </c>
      <c r="E138" s="9" t="s">
        <v>6</v>
      </c>
      <c r="F138" s="9" t="s">
        <v>235</v>
      </c>
      <c r="G138" s="9" t="s">
        <v>240</v>
      </c>
      <c r="H138" s="6">
        <v>870</v>
      </c>
      <c r="I138" s="6">
        <v>742</v>
      </c>
      <c r="J138" s="6">
        <v>610</v>
      </c>
      <c r="K138" s="6">
        <v>103</v>
      </c>
      <c r="L138" s="6">
        <v>25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0</v>
      </c>
      <c r="E139" s="9" t="s">
        <v>6</v>
      </c>
      <c r="F139" s="9" t="s">
        <v>235</v>
      </c>
      <c r="G139" s="9" t="s">
        <v>241</v>
      </c>
      <c r="H139" s="6">
        <v>859</v>
      </c>
      <c r="I139" s="6">
        <v>750</v>
      </c>
      <c r="J139" s="6">
        <v>623</v>
      </c>
      <c r="K139" s="6">
        <v>84</v>
      </c>
      <c r="L139" s="6">
        <v>25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0</v>
      </c>
      <c r="E140" s="9" t="s">
        <v>6</v>
      </c>
      <c r="F140" s="9" t="s">
        <v>235</v>
      </c>
      <c r="G140" s="9" t="s">
        <v>242</v>
      </c>
      <c r="H140" s="6">
        <v>801</v>
      </c>
      <c r="I140" s="6">
        <v>697</v>
      </c>
      <c r="J140" s="6">
        <v>587</v>
      </c>
      <c r="K140" s="6">
        <v>80</v>
      </c>
      <c r="L140" s="6">
        <v>24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0</v>
      </c>
      <c r="E141" s="9" t="s">
        <v>6</v>
      </c>
      <c r="F141" s="9" t="s">
        <v>235</v>
      </c>
      <c r="G141" s="9" t="s">
        <v>243</v>
      </c>
      <c r="H141" s="6">
        <v>888</v>
      </c>
      <c r="I141" s="6">
        <v>774</v>
      </c>
      <c r="J141" s="6">
        <v>637</v>
      </c>
      <c r="K141" s="6">
        <v>91</v>
      </c>
      <c r="L141" s="6">
        <v>23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0</v>
      </c>
      <c r="E142" s="9" t="s">
        <v>6</v>
      </c>
      <c r="F142" s="9" t="s">
        <v>235</v>
      </c>
      <c r="G142" s="9" t="s">
        <v>244</v>
      </c>
      <c r="H142" s="6">
        <v>909</v>
      </c>
      <c r="I142" s="6">
        <v>811</v>
      </c>
      <c r="J142" s="6">
        <v>682</v>
      </c>
      <c r="K142" s="6">
        <v>80</v>
      </c>
      <c r="L142" s="6">
        <v>18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0</v>
      </c>
      <c r="E143" s="9" t="s">
        <v>6</v>
      </c>
      <c r="F143" s="9" t="s">
        <v>235</v>
      </c>
      <c r="G143" s="9" t="s">
        <v>245</v>
      </c>
      <c r="H143" s="6">
        <v>872</v>
      </c>
      <c r="I143" s="6">
        <v>759</v>
      </c>
      <c r="J143" s="6">
        <v>643</v>
      </c>
      <c r="K143" s="6">
        <v>86</v>
      </c>
      <c r="L143" s="6">
        <v>27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0</v>
      </c>
      <c r="E144" s="9" t="s">
        <v>6</v>
      </c>
      <c r="F144" s="9" t="s">
        <v>235</v>
      </c>
      <c r="G144" s="9" t="s">
        <v>246</v>
      </c>
      <c r="H144" s="6">
        <v>927</v>
      </c>
      <c r="I144" s="6">
        <v>822</v>
      </c>
      <c r="J144" s="6">
        <v>672</v>
      </c>
      <c r="K144" s="6">
        <v>74</v>
      </c>
      <c r="L144" s="6">
        <v>31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0</v>
      </c>
      <c r="E145" s="9" t="s">
        <v>6</v>
      </c>
      <c r="F145" s="9" t="s">
        <v>235</v>
      </c>
      <c r="G145" s="9" t="s">
        <v>247</v>
      </c>
      <c r="H145" s="6">
        <v>887</v>
      </c>
      <c r="I145" s="6">
        <v>777</v>
      </c>
      <c r="J145" s="6">
        <v>619</v>
      </c>
      <c r="K145" s="6">
        <v>83</v>
      </c>
      <c r="L145" s="6">
        <v>27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0</v>
      </c>
      <c r="E146" s="9" t="s">
        <v>6</v>
      </c>
      <c r="F146" s="9" t="s">
        <v>235</v>
      </c>
      <c r="G146" s="9" t="s">
        <v>248</v>
      </c>
      <c r="H146" s="6">
        <v>902</v>
      </c>
      <c r="I146" s="6">
        <v>804</v>
      </c>
      <c r="J146" s="6">
        <v>674</v>
      </c>
      <c r="K146" s="6">
        <v>77</v>
      </c>
      <c r="L146" s="6">
        <v>21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0</v>
      </c>
      <c r="E147" s="9" t="s">
        <v>6</v>
      </c>
      <c r="F147" s="9" t="s">
        <v>235</v>
      </c>
      <c r="G147" s="9" t="s">
        <v>249</v>
      </c>
      <c r="H147" s="6">
        <v>867</v>
      </c>
      <c r="I147" s="6">
        <v>758</v>
      </c>
      <c r="J147" s="6">
        <v>620</v>
      </c>
      <c r="K147" s="6">
        <v>75</v>
      </c>
      <c r="L147" s="6">
        <v>34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0</v>
      </c>
      <c r="E148" s="9" t="s">
        <v>6</v>
      </c>
      <c r="F148" s="9" t="s">
        <v>235</v>
      </c>
      <c r="G148" s="9" t="s">
        <v>250</v>
      </c>
      <c r="H148" s="6">
        <v>872</v>
      </c>
      <c r="I148" s="6">
        <v>752</v>
      </c>
      <c r="J148" s="6">
        <v>611</v>
      </c>
      <c r="K148" s="6">
        <v>93</v>
      </c>
      <c r="L148" s="6">
        <v>27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0</v>
      </c>
      <c r="E149" s="9" t="s">
        <v>6</v>
      </c>
      <c r="F149" s="9" t="s">
        <v>235</v>
      </c>
      <c r="G149" s="9" t="s">
        <v>251</v>
      </c>
      <c r="H149" s="6">
        <v>880</v>
      </c>
      <c r="I149" s="6">
        <v>746</v>
      </c>
      <c r="J149" s="6">
        <v>629</v>
      </c>
      <c r="K149" s="6">
        <v>116</v>
      </c>
      <c r="L149" s="6">
        <v>18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0</v>
      </c>
      <c r="E150" s="9" t="s">
        <v>6</v>
      </c>
      <c r="F150" s="9" t="s">
        <v>235</v>
      </c>
      <c r="G150" s="9" t="s">
        <v>252</v>
      </c>
      <c r="H150" s="6">
        <v>865</v>
      </c>
      <c r="I150" s="6">
        <v>748</v>
      </c>
      <c r="J150" s="6">
        <v>614</v>
      </c>
      <c r="K150" s="6">
        <v>99</v>
      </c>
      <c r="L150" s="6">
        <v>18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0</v>
      </c>
      <c r="E151" s="9" t="s">
        <v>6</v>
      </c>
      <c r="F151" s="9" t="s">
        <v>235</v>
      </c>
      <c r="G151" s="9" t="s">
        <v>253</v>
      </c>
      <c r="H151" s="6">
        <v>967</v>
      </c>
      <c r="I151" s="6">
        <v>856</v>
      </c>
      <c r="J151" s="6">
        <v>702</v>
      </c>
      <c r="K151" s="6">
        <v>93</v>
      </c>
      <c r="L151" s="6">
        <v>18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0</v>
      </c>
      <c r="E152" s="9" t="s">
        <v>6</v>
      </c>
      <c r="F152" s="9" t="s">
        <v>235</v>
      </c>
      <c r="G152" s="9" t="s">
        <v>254</v>
      </c>
      <c r="H152" s="6">
        <v>813</v>
      </c>
      <c r="I152" s="6">
        <v>683</v>
      </c>
      <c r="J152" s="6">
        <v>533</v>
      </c>
      <c r="K152" s="6">
        <v>106</v>
      </c>
      <c r="L152" s="6">
        <v>24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0</v>
      </c>
      <c r="E153" s="9" t="s">
        <v>6</v>
      </c>
      <c r="F153" s="9" t="s">
        <v>235</v>
      </c>
      <c r="G153" s="9" t="s">
        <v>255</v>
      </c>
      <c r="H153" s="6">
        <v>672</v>
      </c>
      <c r="I153" s="6">
        <v>573</v>
      </c>
      <c r="J153" s="6">
        <v>453</v>
      </c>
      <c r="K153" s="6">
        <v>78</v>
      </c>
      <c r="L153" s="6">
        <v>21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0</v>
      </c>
      <c r="E154" s="9" t="s">
        <v>6</v>
      </c>
      <c r="F154" s="9" t="s">
        <v>235</v>
      </c>
      <c r="G154" s="9" t="s">
        <v>256</v>
      </c>
      <c r="H154" s="6">
        <v>11023</v>
      </c>
      <c r="I154" s="6">
        <v>8402</v>
      </c>
      <c r="J154" s="6">
        <v>6115</v>
      </c>
      <c r="K154" s="6">
        <v>2429</v>
      </c>
      <c r="L154" s="6">
        <v>192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0</v>
      </c>
      <c r="E155" s="9" t="s">
        <v>226</v>
      </c>
      <c r="F155" s="9" t="s">
        <v>6</v>
      </c>
      <c r="G155" s="9" t="s">
        <v>30</v>
      </c>
      <c r="H155" s="6">
        <v>41018</v>
      </c>
      <c r="I155" s="6">
        <v>34042</v>
      </c>
      <c r="J155" s="6">
        <v>26210</v>
      </c>
      <c r="K155" s="6">
        <v>6934</v>
      </c>
      <c r="L155" s="6">
        <v>42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0</v>
      </c>
      <c r="E156" s="9" t="s">
        <v>226</v>
      </c>
      <c r="F156" s="9" t="s">
        <v>234</v>
      </c>
      <c r="G156" s="9" t="s">
        <v>30</v>
      </c>
      <c r="H156" s="6">
        <v>13956</v>
      </c>
      <c r="I156" s="6">
        <v>11028</v>
      </c>
      <c r="J156" s="6">
        <v>8119</v>
      </c>
      <c r="K156" s="6">
        <v>2912</v>
      </c>
      <c r="L156" s="6">
        <v>16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0</v>
      </c>
      <c r="E157" s="9" t="s">
        <v>226</v>
      </c>
      <c r="F157" s="9" t="s">
        <v>235</v>
      </c>
      <c r="G157" s="9" t="s">
        <v>30</v>
      </c>
      <c r="H157" s="6">
        <v>27062</v>
      </c>
      <c r="I157" s="6">
        <v>23014</v>
      </c>
      <c r="J157" s="6">
        <v>18091</v>
      </c>
      <c r="K157" s="6">
        <v>4022</v>
      </c>
      <c r="L157" s="6">
        <v>26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0</v>
      </c>
      <c r="E158" s="9" t="s">
        <v>226</v>
      </c>
      <c r="F158" s="9" t="s">
        <v>235</v>
      </c>
      <c r="G158" s="9" t="s">
        <v>236</v>
      </c>
      <c r="H158" s="6">
        <v>1193</v>
      </c>
      <c r="I158" s="6">
        <v>693</v>
      </c>
      <c r="J158" s="6">
        <v>585</v>
      </c>
      <c r="K158" s="6">
        <v>500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0</v>
      </c>
      <c r="E159" s="9" t="s">
        <v>226</v>
      </c>
      <c r="F159" s="9" t="s">
        <v>235</v>
      </c>
      <c r="G159" s="9" t="s">
        <v>237</v>
      </c>
      <c r="H159" s="6">
        <v>1167</v>
      </c>
      <c r="I159" s="6">
        <v>938</v>
      </c>
      <c r="J159" s="6">
        <v>774</v>
      </c>
      <c r="K159" s="6">
        <v>227</v>
      </c>
      <c r="L159" s="6">
        <v>2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0</v>
      </c>
      <c r="E160" s="9" t="s">
        <v>226</v>
      </c>
      <c r="F160" s="9" t="s">
        <v>235</v>
      </c>
      <c r="G160" s="9" t="s">
        <v>238</v>
      </c>
      <c r="H160" s="6">
        <v>1034</v>
      </c>
      <c r="I160" s="6">
        <v>897</v>
      </c>
      <c r="J160" s="6">
        <v>741</v>
      </c>
      <c r="K160" s="6">
        <v>137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0</v>
      </c>
      <c r="E161" s="9" t="s">
        <v>226</v>
      </c>
      <c r="F161" s="9" t="s">
        <v>235</v>
      </c>
      <c r="G161" s="9" t="s">
        <v>239</v>
      </c>
      <c r="H161" s="6">
        <v>903</v>
      </c>
      <c r="I161" s="6">
        <v>786</v>
      </c>
      <c r="J161" s="6">
        <v>656</v>
      </c>
      <c r="K161" s="6">
        <v>116</v>
      </c>
      <c r="L161" s="6">
        <v>1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0</v>
      </c>
      <c r="E162" s="9" t="s">
        <v>226</v>
      </c>
      <c r="F162" s="9" t="s">
        <v>235</v>
      </c>
      <c r="G162" s="9" t="s">
        <v>240</v>
      </c>
      <c r="H162" s="6">
        <v>822</v>
      </c>
      <c r="I162" s="6">
        <v>728</v>
      </c>
      <c r="J162" s="6">
        <v>601</v>
      </c>
      <c r="K162" s="6">
        <v>94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0</v>
      </c>
      <c r="E163" s="9" t="s">
        <v>226</v>
      </c>
      <c r="F163" s="9" t="s">
        <v>235</v>
      </c>
      <c r="G163" s="9" t="s">
        <v>241</v>
      </c>
      <c r="H163" s="6">
        <v>826</v>
      </c>
      <c r="I163" s="6">
        <v>745</v>
      </c>
      <c r="J163" s="6">
        <v>619</v>
      </c>
      <c r="K163" s="6">
        <v>81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0</v>
      </c>
      <c r="E164" s="9" t="s">
        <v>226</v>
      </c>
      <c r="F164" s="9" t="s">
        <v>235</v>
      </c>
      <c r="G164" s="9" t="s">
        <v>242</v>
      </c>
      <c r="H164" s="6">
        <v>767</v>
      </c>
      <c r="I164" s="6">
        <v>692</v>
      </c>
      <c r="J164" s="6">
        <v>582</v>
      </c>
      <c r="K164" s="6">
        <v>75</v>
      </c>
      <c r="L164" s="10" t="s">
        <v>55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0</v>
      </c>
      <c r="E165" s="9" t="s">
        <v>226</v>
      </c>
      <c r="F165" s="9" t="s">
        <v>235</v>
      </c>
      <c r="G165" s="9" t="s">
        <v>243</v>
      </c>
      <c r="H165" s="6">
        <v>861</v>
      </c>
      <c r="I165" s="6">
        <v>768</v>
      </c>
      <c r="J165" s="6">
        <v>631</v>
      </c>
      <c r="K165" s="6">
        <v>90</v>
      </c>
      <c r="L165" s="6">
        <v>3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0</v>
      </c>
      <c r="E166" s="9" t="s">
        <v>226</v>
      </c>
      <c r="F166" s="9" t="s">
        <v>235</v>
      </c>
      <c r="G166" s="9" t="s">
        <v>244</v>
      </c>
      <c r="H166" s="6">
        <v>884</v>
      </c>
      <c r="I166" s="6">
        <v>805</v>
      </c>
      <c r="J166" s="6">
        <v>677</v>
      </c>
      <c r="K166" s="6">
        <v>78</v>
      </c>
      <c r="L166" s="6">
        <v>1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0</v>
      </c>
      <c r="E167" s="9" t="s">
        <v>226</v>
      </c>
      <c r="F167" s="9" t="s">
        <v>235</v>
      </c>
      <c r="G167" s="9" t="s">
        <v>245</v>
      </c>
      <c r="H167" s="6">
        <v>829</v>
      </c>
      <c r="I167" s="6">
        <v>744</v>
      </c>
      <c r="J167" s="6">
        <v>632</v>
      </c>
      <c r="K167" s="6">
        <v>84</v>
      </c>
      <c r="L167" s="6">
        <v>1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0</v>
      </c>
      <c r="E168" s="9" t="s">
        <v>226</v>
      </c>
      <c r="F168" s="9" t="s">
        <v>235</v>
      </c>
      <c r="G168" s="9" t="s">
        <v>246</v>
      </c>
      <c r="H168" s="6">
        <v>879</v>
      </c>
      <c r="I168" s="6">
        <v>808</v>
      </c>
      <c r="J168" s="6">
        <v>660</v>
      </c>
      <c r="K168" s="6">
        <v>70</v>
      </c>
      <c r="L168" s="6">
        <v>1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0</v>
      </c>
      <c r="E169" s="9" t="s">
        <v>226</v>
      </c>
      <c r="F169" s="9" t="s">
        <v>235</v>
      </c>
      <c r="G169" s="9" t="s">
        <v>247</v>
      </c>
      <c r="H169" s="6">
        <v>850</v>
      </c>
      <c r="I169" s="6">
        <v>767</v>
      </c>
      <c r="J169" s="6">
        <v>609</v>
      </c>
      <c r="K169" s="6">
        <v>82</v>
      </c>
      <c r="L169" s="6">
        <v>1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0</v>
      </c>
      <c r="E170" s="9" t="s">
        <v>226</v>
      </c>
      <c r="F170" s="9" t="s">
        <v>235</v>
      </c>
      <c r="G170" s="9" t="s">
        <v>248</v>
      </c>
      <c r="H170" s="6">
        <v>860</v>
      </c>
      <c r="I170" s="6">
        <v>788</v>
      </c>
      <c r="J170" s="6">
        <v>660</v>
      </c>
      <c r="K170" s="6">
        <v>72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0</v>
      </c>
      <c r="E171" s="9" t="s">
        <v>226</v>
      </c>
      <c r="F171" s="9" t="s">
        <v>235</v>
      </c>
      <c r="G171" s="9" t="s">
        <v>249</v>
      </c>
      <c r="H171" s="6">
        <v>824</v>
      </c>
      <c r="I171" s="6">
        <v>751</v>
      </c>
      <c r="J171" s="6">
        <v>613</v>
      </c>
      <c r="K171" s="6">
        <v>72</v>
      </c>
      <c r="L171" s="6">
        <v>1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0</v>
      </c>
      <c r="E172" s="9" t="s">
        <v>226</v>
      </c>
      <c r="F172" s="9" t="s">
        <v>235</v>
      </c>
      <c r="G172" s="9" t="s">
        <v>250</v>
      </c>
      <c r="H172" s="6">
        <v>833</v>
      </c>
      <c r="I172" s="6">
        <v>743</v>
      </c>
      <c r="J172" s="6">
        <v>602</v>
      </c>
      <c r="K172" s="6">
        <v>90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0</v>
      </c>
      <c r="E173" s="9" t="s">
        <v>226</v>
      </c>
      <c r="F173" s="9" t="s">
        <v>235</v>
      </c>
      <c r="G173" s="9" t="s">
        <v>251</v>
      </c>
      <c r="H173" s="6">
        <v>844</v>
      </c>
      <c r="I173" s="6">
        <v>733</v>
      </c>
      <c r="J173" s="6">
        <v>617</v>
      </c>
      <c r="K173" s="6">
        <v>110</v>
      </c>
      <c r="L173" s="6">
        <v>1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0</v>
      </c>
      <c r="E174" s="9" t="s">
        <v>226</v>
      </c>
      <c r="F174" s="9" t="s">
        <v>235</v>
      </c>
      <c r="G174" s="9" t="s">
        <v>252</v>
      </c>
      <c r="H174" s="6">
        <v>833</v>
      </c>
      <c r="I174" s="6">
        <v>737</v>
      </c>
      <c r="J174" s="6">
        <v>604</v>
      </c>
      <c r="K174" s="6">
        <v>95</v>
      </c>
      <c r="L174" s="6">
        <v>1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0</v>
      </c>
      <c r="E175" s="9" t="s">
        <v>226</v>
      </c>
      <c r="F175" s="9" t="s">
        <v>235</v>
      </c>
      <c r="G175" s="9" t="s">
        <v>253</v>
      </c>
      <c r="H175" s="6">
        <v>922</v>
      </c>
      <c r="I175" s="6">
        <v>835</v>
      </c>
      <c r="J175" s="6">
        <v>681</v>
      </c>
      <c r="K175" s="6">
        <v>86</v>
      </c>
      <c r="L175" s="6">
        <v>1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0</v>
      </c>
      <c r="E176" s="9" t="s">
        <v>226</v>
      </c>
      <c r="F176" s="9" t="s">
        <v>235</v>
      </c>
      <c r="G176" s="9" t="s">
        <v>254</v>
      </c>
      <c r="H176" s="6">
        <v>769</v>
      </c>
      <c r="I176" s="6">
        <v>671</v>
      </c>
      <c r="J176" s="6">
        <v>522</v>
      </c>
      <c r="K176" s="6">
        <v>97</v>
      </c>
      <c r="L176" s="6">
        <v>1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0</v>
      </c>
      <c r="E177" s="9" t="s">
        <v>226</v>
      </c>
      <c r="F177" s="9" t="s">
        <v>235</v>
      </c>
      <c r="G177" s="9" t="s">
        <v>255</v>
      </c>
      <c r="H177" s="6">
        <v>628</v>
      </c>
      <c r="I177" s="6">
        <v>560</v>
      </c>
      <c r="J177" s="6">
        <v>442</v>
      </c>
      <c r="K177" s="6">
        <v>68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0</v>
      </c>
      <c r="E178" s="9" t="s">
        <v>226</v>
      </c>
      <c r="F178" s="9" t="s">
        <v>235</v>
      </c>
      <c r="G178" s="9" t="s">
        <v>256</v>
      </c>
      <c r="H178" s="6">
        <v>9534</v>
      </c>
      <c r="I178" s="6">
        <v>7825</v>
      </c>
      <c r="J178" s="6">
        <v>5583</v>
      </c>
      <c r="K178" s="6">
        <v>1698</v>
      </c>
      <c r="L178" s="6">
        <v>11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0</v>
      </c>
      <c r="E179" s="9" t="s">
        <v>227</v>
      </c>
      <c r="F179" s="9" t="s">
        <v>6</v>
      </c>
      <c r="G179" s="9" t="s">
        <v>30</v>
      </c>
      <c r="H179" s="6">
        <v>29238</v>
      </c>
      <c r="I179" s="6">
        <v>23650</v>
      </c>
      <c r="J179" s="6">
        <v>22642</v>
      </c>
      <c r="K179" s="6">
        <v>5568</v>
      </c>
      <c r="L179" s="6">
        <v>20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0</v>
      </c>
      <c r="E180" s="9" t="s">
        <v>227</v>
      </c>
      <c r="F180" s="9" t="s">
        <v>234</v>
      </c>
      <c r="G180" s="9" t="s">
        <v>30</v>
      </c>
      <c r="H180" s="6">
        <v>9479</v>
      </c>
      <c r="I180" s="6">
        <v>7180</v>
      </c>
      <c r="J180" s="6">
        <v>6824</v>
      </c>
      <c r="K180" s="6">
        <v>2293</v>
      </c>
      <c r="L180" s="6">
        <v>6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0</v>
      </c>
      <c r="E181" s="9" t="s">
        <v>227</v>
      </c>
      <c r="F181" s="9" t="s">
        <v>235</v>
      </c>
      <c r="G181" s="9" t="s">
        <v>30</v>
      </c>
      <c r="H181" s="6">
        <v>19759</v>
      </c>
      <c r="I181" s="6">
        <v>16470</v>
      </c>
      <c r="J181" s="6">
        <v>15818</v>
      </c>
      <c r="K181" s="6">
        <v>3275</v>
      </c>
      <c r="L181" s="6">
        <v>14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0</v>
      </c>
      <c r="E182" s="9" t="s">
        <v>227</v>
      </c>
      <c r="F182" s="9" t="s">
        <v>235</v>
      </c>
      <c r="G182" s="9" t="s">
        <v>236</v>
      </c>
      <c r="H182" s="6">
        <v>949</v>
      </c>
      <c r="I182" s="6">
        <v>545</v>
      </c>
      <c r="J182" s="6">
        <v>530</v>
      </c>
      <c r="K182" s="6">
        <v>404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0</v>
      </c>
      <c r="E183" s="9" t="s">
        <v>227</v>
      </c>
      <c r="F183" s="9" t="s">
        <v>235</v>
      </c>
      <c r="G183" s="9" t="s">
        <v>237</v>
      </c>
      <c r="H183" s="6">
        <v>904</v>
      </c>
      <c r="I183" s="6">
        <v>718</v>
      </c>
      <c r="J183" s="6">
        <v>692</v>
      </c>
      <c r="K183" s="6">
        <v>184</v>
      </c>
      <c r="L183" s="6">
        <v>2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0</v>
      </c>
      <c r="E184" s="9" t="s">
        <v>227</v>
      </c>
      <c r="F184" s="9" t="s">
        <v>235</v>
      </c>
      <c r="G184" s="9" t="s">
        <v>238</v>
      </c>
      <c r="H184" s="6">
        <v>801</v>
      </c>
      <c r="I184" s="6">
        <v>687</v>
      </c>
      <c r="J184" s="6">
        <v>653</v>
      </c>
      <c r="K184" s="6">
        <v>114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0</v>
      </c>
      <c r="E185" s="9" t="s">
        <v>227</v>
      </c>
      <c r="F185" s="9" t="s">
        <v>235</v>
      </c>
      <c r="G185" s="9" t="s">
        <v>239</v>
      </c>
      <c r="H185" s="6">
        <v>695</v>
      </c>
      <c r="I185" s="6">
        <v>600</v>
      </c>
      <c r="J185" s="6">
        <v>579</v>
      </c>
      <c r="K185" s="6">
        <v>94</v>
      </c>
      <c r="L185" s="6">
        <v>1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0</v>
      </c>
      <c r="E186" s="9" t="s">
        <v>227</v>
      </c>
      <c r="F186" s="9" t="s">
        <v>235</v>
      </c>
      <c r="G186" s="9" t="s">
        <v>240</v>
      </c>
      <c r="H186" s="6">
        <v>641</v>
      </c>
      <c r="I186" s="6">
        <v>559</v>
      </c>
      <c r="J186" s="6">
        <v>537</v>
      </c>
      <c r="K186" s="6">
        <v>82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0</v>
      </c>
      <c r="E187" s="9" t="s">
        <v>227</v>
      </c>
      <c r="F187" s="9" t="s">
        <v>235</v>
      </c>
      <c r="G187" s="9" t="s">
        <v>241</v>
      </c>
      <c r="H187" s="6">
        <v>626</v>
      </c>
      <c r="I187" s="6">
        <v>563</v>
      </c>
      <c r="J187" s="6">
        <v>547</v>
      </c>
      <c r="K187" s="6">
        <v>63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0</v>
      </c>
      <c r="E188" s="9" t="s">
        <v>227</v>
      </c>
      <c r="F188" s="9" t="s">
        <v>235</v>
      </c>
      <c r="G188" s="9" t="s">
        <v>242</v>
      </c>
      <c r="H188" s="6">
        <v>602</v>
      </c>
      <c r="I188" s="6">
        <v>534</v>
      </c>
      <c r="J188" s="6">
        <v>522</v>
      </c>
      <c r="K188" s="6">
        <v>68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0</v>
      </c>
      <c r="E189" s="9" t="s">
        <v>227</v>
      </c>
      <c r="F189" s="9" t="s">
        <v>235</v>
      </c>
      <c r="G189" s="9" t="s">
        <v>243</v>
      </c>
      <c r="H189" s="6">
        <v>667</v>
      </c>
      <c r="I189" s="6">
        <v>591</v>
      </c>
      <c r="J189" s="6">
        <v>568</v>
      </c>
      <c r="K189" s="6">
        <v>75</v>
      </c>
      <c r="L189" s="6">
        <v>1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0</v>
      </c>
      <c r="E190" s="9" t="s">
        <v>227</v>
      </c>
      <c r="F190" s="9" t="s">
        <v>235</v>
      </c>
      <c r="G190" s="9" t="s">
        <v>244</v>
      </c>
      <c r="H190" s="6">
        <v>698</v>
      </c>
      <c r="I190" s="6">
        <v>632</v>
      </c>
      <c r="J190" s="6">
        <v>612</v>
      </c>
      <c r="K190" s="6">
        <v>65</v>
      </c>
      <c r="L190" s="6">
        <v>1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0</v>
      </c>
      <c r="E191" s="9" t="s">
        <v>227</v>
      </c>
      <c r="F191" s="9" t="s">
        <v>235</v>
      </c>
      <c r="G191" s="9" t="s">
        <v>245</v>
      </c>
      <c r="H191" s="6">
        <v>649</v>
      </c>
      <c r="I191" s="6">
        <v>576</v>
      </c>
      <c r="J191" s="6">
        <v>557</v>
      </c>
      <c r="K191" s="6">
        <v>72</v>
      </c>
      <c r="L191" s="6">
        <v>1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0</v>
      </c>
      <c r="E192" s="9" t="s">
        <v>227</v>
      </c>
      <c r="F192" s="9" t="s">
        <v>235</v>
      </c>
      <c r="G192" s="9" t="s">
        <v>246</v>
      </c>
      <c r="H192" s="6">
        <v>670</v>
      </c>
      <c r="I192" s="6">
        <v>608</v>
      </c>
      <c r="J192" s="6">
        <v>589</v>
      </c>
      <c r="K192" s="6">
        <v>62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0</v>
      </c>
      <c r="E193" s="9" t="s">
        <v>227</v>
      </c>
      <c r="F193" s="9" t="s">
        <v>235</v>
      </c>
      <c r="G193" s="9" t="s">
        <v>247</v>
      </c>
      <c r="H193" s="6">
        <v>637</v>
      </c>
      <c r="I193" s="6">
        <v>563</v>
      </c>
      <c r="J193" s="6">
        <v>544</v>
      </c>
      <c r="K193" s="6">
        <v>74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0</v>
      </c>
      <c r="E194" s="9" t="s">
        <v>227</v>
      </c>
      <c r="F194" s="9" t="s">
        <v>235</v>
      </c>
      <c r="G194" s="9" t="s">
        <v>248</v>
      </c>
      <c r="H194" s="6">
        <v>664</v>
      </c>
      <c r="I194" s="6">
        <v>601</v>
      </c>
      <c r="J194" s="6">
        <v>582</v>
      </c>
      <c r="K194" s="6">
        <v>63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0</v>
      </c>
      <c r="E195" s="9" t="s">
        <v>227</v>
      </c>
      <c r="F195" s="9" t="s">
        <v>235</v>
      </c>
      <c r="G195" s="9" t="s">
        <v>249</v>
      </c>
      <c r="H195" s="6">
        <v>636</v>
      </c>
      <c r="I195" s="6">
        <v>573</v>
      </c>
      <c r="J195" s="6">
        <v>546</v>
      </c>
      <c r="K195" s="6">
        <v>62</v>
      </c>
      <c r="L195" s="6">
        <v>1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0</v>
      </c>
      <c r="E196" s="9" t="s">
        <v>227</v>
      </c>
      <c r="F196" s="9" t="s">
        <v>235</v>
      </c>
      <c r="G196" s="9" t="s">
        <v>250</v>
      </c>
      <c r="H196" s="6">
        <v>630</v>
      </c>
      <c r="I196" s="6">
        <v>557</v>
      </c>
      <c r="J196" s="6">
        <v>535</v>
      </c>
      <c r="K196" s="6">
        <v>73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0</v>
      </c>
      <c r="E197" s="9" t="s">
        <v>227</v>
      </c>
      <c r="F197" s="9" t="s">
        <v>235</v>
      </c>
      <c r="G197" s="9" t="s">
        <v>251</v>
      </c>
      <c r="H197" s="6">
        <v>647</v>
      </c>
      <c r="I197" s="6">
        <v>559</v>
      </c>
      <c r="J197" s="6">
        <v>542</v>
      </c>
      <c r="K197" s="6">
        <v>87</v>
      </c>
      <c r="L197" s="6">
        <v>1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0</v>
      </c>
      <c r="E198" s="9" t="s">
        <v>227</v>
      </c>
      <c r="F198" s="9" t="s">
        <v>235</v>
      </c>
      <c r="G198" s="9" t="s">
        <v>252</v>
      </c>
      <c r="H198" s="6">
        <v>641</v>
      </c>
      <c r="I198" s="6">
        <v>559</v>
      </c>
      <c r="J198" s="6">
        <v>534</v>
      </c>
      <c r="K198" s="6">
        <v>82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0</v>
      </c>
      <c r="E199" s="9" t="s">
        <v>227</v>
      </c>
      <c r="F199" s="9" t="s">
        <v>235</v>
      </c>
      <c r="G199" s="9" t="s">
        <v>253</v>
      </c>
      <c r="H199" s="6">
        <v>703</v>
      </c>
      <c r="I199" s="6">
        <v>628</v>
      </c>
      <c r="J199" s="6">
        <v>596</v>
      </c>
      <c r="K199" s="6">
        <v>75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0</v>
      </c>
      <c r="E200" s="9" t="s">
        <v>227</v>
      </c>
      <c r="F200" s="9" t="s">
        <v>235</v>
      </c>
      <c r="G200" s="9" t="s">
        <v>254</v>
      </c>
      <c r="H200" s="6">
        <v>544</v>
      </c>
      <c r="I200" s="6">
        <v>464</v>
      </c>
      <c r="J200" s="6">
        <v>448</v>
      </c>
      <c r="K200" s="6">
        <v>79</v>
      </c>
      <c r="L200" s="6">
        <v>1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0</v>
      </c>
      <c r="E201" s="9" t="s">
        <v>227</v>
      </c>
      <c r="F201" s="9" t="s">
        <v>235</v>
      </c>
      <c r="G201" s="9" t="s">
        <v>255</v>
      </c>
      <c r="H201" s="6">
        <v>464</v>
      </c>
      <c r="I201" s="6">
        <v>405</v>
      </c>
      <c r="J201" s="6">
        <v>388</v>
      </c>
      <c r="K201" s="6">
        <v>59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0</v>
      </c>
      <c r="E202" s="9" t="s">
        <v>227</v>
      </c>
      <c r="F202" s="9" t="s">
        <v>235</v>
      </c>
      <c r="G202" s="9" t="s">
        <v>256</v>
      </c>
      <c r="H202" s="6">
        <v>6291</v>
      </c>
      <c r="I202" s="6">
        <v>4948</v>
      </c>
      <c r="J202" s="6">
        <v>4717</v>
      </c>
      <c r="K202" s="6">
        <v>1338</v>
      </c>
      <c r="L202" s="6">
        <v>5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0</v>
      </c>
      <c r="E203" s="9" t="s">
        <v>228</v>
      </c>
      <c r="F203" s="9" t="s">
        <v>6</v>
      </c>
      <c r="G203" s="9" t="s">
        <v>30</v>
      </c>
      <c r="H203" s="6">
        <v>4534</v>
      </c>
      <c r="I203" s="6">
        <v>1842</v>
      </c>
      <c r="J203" s="6">
        <v>1704</v>
      </c>
      <c r="K203" s="6">
        <v>2690</v>
      </c>
      <c r="L203" s="6">
        <v>2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0</v>
      </c>
      <c r="E204" s="9" t="s">
        <v>228</v>
      </c>
      <c r="F204" s="9" t="s">
        <v>234</v>
      </c>
      <c r="G204" s="9" t="s">
        <v>30</v>
      </c>
      <c r="H204" s="6">
        <v>2892</v>
      </c>
      <c r="I204" s="6">
        <v>1049</v>
      </c>
      <c r="J204" s="6">
        <v>975</v>
      </c>
      <c r="K204" s="6">
        <v>1843</v>
      </c>
      <c r="L204" s="10" t="s">
        <v>55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0</v>
      </c>
      <c r="E205" s="9" t="s">
        <v>228</v>
      </c>
      <c r="F205" s="9" t="s">
        <v>235</v>
      </c>
      <c r="G205" s="9" t="s">
        <v>30</v>
      </c>
      <c r="H205" s="6">
        <v>1642</v>
      </c>
      <c r="I205" s="6">
        <v>793</v>
      </c>
      <c r="J205" s="6">
        <v>729</v>
      </c>
      <c r="K205" s="6">
        <v>847</v>
      </c>
      <c r="L205" s="6">
        <v>2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0</v>
      </c>
      <c r="E206" s="9" t="s">
        <v>228</v>
      </c>
      <c r="F206" s="9" t="s">
        <v>235</v>
      </c>
      <c r="G206" s="9" t="s">
        <v>236</v>
      </c>
      <c r="H206" s="6">
        <v>27</v>
      </c>
      <c r="I206" s="6">
        <v>5</v>
      </c>
      <c r="J206" s="6">
        <v>5</v>
      </c>
      <c r="K206" s="6">
        <v>22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0</v>
      </c>
      <c r="E207" s="9" t="s">
        <v>228</v>
      </c>
      <c r="F207" s="9" t="s">
        <v>235</v>
      </c>
      <c r="G207" s="9" t="s">
        <v>237</v>
      </c>
      <c r="H207" s="6">
        <v>33</v>
      </c>
      <c r="I207" s="6">
        <v>16</v>
      </c>
      <c r="J207" s="6">
        <v>14</v>
      </c>
      <c r="K207" s="6">
        <v>17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0</v>
      </c>
      <c r="E208" s="9" t="s">
        <v>228</v>
      </c>
      <c r="F208" s="9" t="s">
        <v>235</v>
      </c>
      <c r="G208" s="9" t="s">
        <v>238</v>
      </c>
      <c r="H208" s="6">
        <v>13</v>
      </c>
      <c r="I208" s="6">
        <v>10</v>
      </c>
      <c r="J208" s="6">
        <v>10</v>
      </c>
      <c r="K208" s="6">
        <v>3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0</v>
      </c>
      <c r="E209" s="9" t="s">
        <v>228</v>
      </c>
      <c r="F209" s="9" t="s">
        <v>235</v>
      </c>
      <c r="G209" s="9" t="s">
        <v>239</v>
      </c>
      <c r="H209" s="6">
        <v>20</v>
      </c>
      <c r="I209" s="6">
        <v>17</v>
      </c>
      <c r="J209" s="6">
        <v>17</v>
      </c>
      <c r="K209" s="6">
        <v>3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0</v>
      </c>
      <c r="E210" s="9" t="s">
        <v>228</v>
      </c>
      <c r="F210" s="9" t="s">
        <v>235</v>
      </c>
      <c r="G210" s="9" t="s">
        <v>240</v>
      </c>
      <c r="H210" s="6">
        <v>23</v>
      </c>
      <c r="I210" s="6">
        <v>14</v>
      </c>
      <c r="J210" s="6">
        <v>9</v>
      </c>
      <c r="K210" s="6">
        <v>9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0</v>
      </c>
      <c r="E211" s="9" t="s">
        <v>228</v>
      </c>
      <c r="F211" s="9" t="s">
        <v>235</v>
      </c>
      <c r="G211" s="9" t="s">
        <v>241</v>
      </c>
      <c r="H211" s="6">
        <v>8</v>
      </c>
      <c r="I211" s="6">
        <v>5</v>
      </c>
      <c r="J211" s="6">
        <v>4</v>
      </c>
      <c r="K211" s="6">
        <v>3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0</v>
      </c>
      <c r="E212" s="9" t="s">
        <v>228</v>
      </c>
      <c r="F212" s="9" t="s">
        <v>235</v>
      </c>
      <c r="G212" s="9" t="s">
        <v>242</v>
      </c>
      <c r="H212" s="6">
        <v>10</v>
      </c>
      <c r="I212" s="6">
        <v>5</v>
      </c>
      <c r="J212" s="6">
        <v>5</v>
      </c>
      <c r="K212" s="6">
        <v>5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0</v>
      </c>
      <c r="E213" s="9" t="s">
        <v>228</v>
      </c>
      <c r="F213" s="9" t="s">
        <v>235</v>
      </c>
      <c r="G213" s="9" t="s">
        <v>243</v>
      </c>
      <c r="H213" s="6">
        <v>7</v>
      </c>
      <c r="I213" s="6">
        <v>6</v>
      </c>
      <c r="J213" s="6">
        <v>6</v>
      </c>
      <c r="K213" s="6">
        <v>1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0</v>
      </c>
      <c r="E214" s="9" t="s">
        <v>228</v>
      </c>
      <c r="F214" s="9" t="s">
        <v>235</v>
      </c>
      <c r="G214" s="9" t="s">
        <v>244</v>
      </c>
      <c r="H214" s="6">
        <v>8</v>
      </c>
      <c r="I214" s="6">
        <v>6</v>
      </c>
      <c r="J214" s="6">
        <v>5</v>
      </c>
      <c r="K214" s="6">
        <v>2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0</v>
      </c>
      <c r="E215" s="9" t="s">
        <v>228</v>
      </c>
      <c r="F215" s="9" t="s">
        <v>235</v>
      </c>
      <c r="G215" s="9" t="s">
        <v>245</v>
      </c>
      <c r="H215" s="6">
        <v>17</v>
      </c>
      <c r="I215" s="6">
        <v>14</v>
      </c>
      <c r="J215" s="6">
        <v>10</v>
      </c>
      <c r="K215" s="6">
        <v>2</v>
      </c>
      <c r="L215" s="6">
        <v>1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0</v>
      </c>
      <c r="E216" s="9" t="s">
        <v>228</v>
      </c>
      <c r="F216" s="9" t="s">
        <v>235</v>
      </c>
      <c r="G216" s="9" t="s">
        <v>246</v>
      </c>
      <c r="H216" s="6">
        <v>18</v>
      </c>
      <c r="I216" s="6">
        <v>14</v>
      </c>
      <c r="J216" s="6">
        <v>12</v>
      </c>
      <c r="K216" s="6">
        <v>4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0</v>
      </c>
      <c r="E217" s="9" t="s">
        <v>228</v>
      </c>
      <c r="F217" s="9" t="s">
        <v>235</v>
      </c>
      <c r="G217" s="9" t="s">
        <v>247</v>
      </c>
      <c r="H217" s="6">
        <v>11</v>
      </c>
      <c r="I217" s="6">
        <v>10</v>
      </c>
      <c r="J217" s="6">
        <v>10</v>
      </c>
      <c r="K217" s="6">
        <v>1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0</v>
      </c>
      <c r="E218" s="9" t="s">
        <v>228</v>
      </c>
      <c r="F218" s="9" t="s">
        <v>235</v>
      </c>
      <c r="G218" s="9" t="s">
        <v>248</v>
      </c>
      <c r="H218" s="6">
        <v>21</v>
      </c>
      <c r="I218" s="6">
        <v>16</v>
      </c>
      <c r="J218" s="6">
        <v>14</v>
      </c>
      <c r="K218" s="6">
        <v>5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0</v>
      </c>
      <c r="E219" s="9" t="s">
        <v>228</v>
      </c>
      <c r="F219" s="9" t="s">
        <v>235</v>
      </c>
      <c r="G219" s="9" t="s">
        <v>249</v>
      </c>
      <c r="H219" s="6">
        <v>10</v>
      </c>
      <c r="I219" s="6">
        <v>7</v>
      </c>
      <c r="J219" s="6">
        <v>7</v>
      </c>
      <c r="K219" s="6">
        <v>2</v>
      </c>
      <c r="L219" s="6">
        <v>1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0</v>
      </c>
      <c r="E220" s="9" t="s">
        <v>228</v>
      </c>
      <c r="F220" s="9" t="s">
        <v>235</v>
      </c>
      <c r="G220" s="9" t="s">
        <v>250</v>
      </c>
      <c r="H220" s="6">
        <v>12</v>
      </c>
      <c r="I220" s="6">
        <v>9</v>
      </c>
      <c r="J220" s="6">
        <v>9</v>
      </c>
      <c r="K220" s="6">
        <v>3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0</v>
      </c>
      <c r="E221" s="9" t="s">
        <v>228</v>
      </c>
      <c r="F221" s="9" t="s">
        <v>235</v>
      </c>
      <c r="G221" s="9" t="s">
        <v>251</v>
      </c>
      <c r="H221" s="6">
        <v>19</v>
      </c>
      <c r="I221" s="6">
        <v>13</v>
      </c>
      <c r="J221" s="6">
        <v>12</v>
      </c>
      <c r="K221" s="6">
        <v>6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0</v>
      </c>
      <c r="E222" s="9" t="s">
        <v>228</v>
      </c>
      <c r="F222" s="9" t="s">
        <v>235</v>
      </c>
      <c r="G222" s="9" t="s">
        <v>252</v>
      </c>
      <c r="H222" s="6">
        <v>15</v>
      </c>
      <c r="I222" s="6">
        <v>11</v>
      </c>
      <c r="J222" s="6">
        <v>10</v>
      </c>
      <c r="K222" s="6">
        <v>4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0</v>
      </c>
      <c r="E223" s="9" t="s">
        <v>228</v>
      </c>
      <c r="F223" s="9" t="s">
        <v>235</v>
      </c>
      <c r="G223" s="9" t="s">
        <v>253</v>
      </c>
      <c r="H223" s="6">
        <v>27</v>
      </c>
      <c r="I223" s="6">
        <v>21</v>
      </c>
      <c r="J223" s="6">
        <v>21</v>
      </c>
      <c r="K223" s="6">
        <v>6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0</v>
      </c>
      <c r="E224" s="9" t="s">
        <v>228</v>
      </c>
      <c r="F224" s="9" t="s">
        <v>235</v>
      </c>
      <c r="G224" s="9" t="s">
        <v>254</v>
      </c>
      <c r="H224" s="6">
        <v>21</v>
      </c>
      <c r="I224" s="6">
        <v>12</v>
      </c>
      <c r="J224" s="6">
        <v>11</v>
      </c>
      <c r="K224" s="6">
        <v>9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0</v>
      </c>
      <c r="E225" s="9" t="s">
        <v>228</v>
      </c>
      <c r="F225" s="9" t="s">
        <v>235</v>
      </c>
      <c r="G225" s="9" t="s">
        <v>255</v>
      </c>
      <c r="H225" s="6">
        <v>23</v>
      </c>
      <c r="I225" s="6">
        <v>13</v>
      </c>
      <c r="J225" s="6">
        <v>11</v>
      </c>
      <c r="K225" s="6">
        <v>10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0</v>
      </c>
      <c r="E226" s="9" t="s">
        <v>228</v>
      </c>
      <c r="F226" s="9" t="s">
        <v>235</v>
      </c>
      <c r="G226" s="9" t="s">
        <v>256</v>
      </c>
      <c r="H226" s="6">
        <v>1299</v>
      </c>
      <c r="I226" s="6">
        <v>569</v>
      </c>
      <c r="J226" s="6">
        <v>527</v>
      </c>
      <c r="K226" s="6">
        <v>730</v>
      </c>
      <c r="L226" s="10" t="s">
        <v>55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0</v>
      </c>
      <c r="E227" s="9" t="s">
        <v>18</v>
      </c>
      <c r="F227" s="9" t="s">
        <v>6</v>
      </c>
      <c r="G227" s="9" t="s">
        <v>30</v>
      </c>
      <c r="H227" s="6">
        <v>990</v>
      </c>
      <c r="I227" s="6">
        <v>25</v>
      </c>
      <c r="J227" s="6">
        <v>21</v>
      </c>
      <c r="K227" s="6">
        <v>7</v>
      </c>
      <c r="L227" s="6">
        <v>958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0</v>
      </c>
      <c r="E228" s="9" t="s">
        <v>18</v>
      </c>
      <c r="F228" s="9" t="s">
        <v>234</v>
      </c>
      <c r="G228" s="9" t="s">
        <v>30</v>
      </c>
      <c r="H228" s="6">
        <v>244</v>
      </c>
      <c r="I228" s="6">
        <v>12</v>
      </c>
      <c r="J228" s="6">
        <v>12</v>
      </c>
      <c r="K228" s="6">
        <v>2</v>
      </c>
      <c r="L228" s="6">
        <v>230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0</v>
      </c>
      <c r="E229" s="9" t="s">
        <v>18</v>
      </c>
      <c r="F229" s="9" t="s">
        <v>235</v>
      </c>
      <c r="G229" s="9" t="s">
        <v>30</v>
      </c>
      <c r="H229" s="6">
        <v>746</v>
      </c>
      <c r="I229" s="6">
        <v>13</v>
      </c>
      <c r="J229" s="6">
        <v>9</v>
      </c>
      <c r="K229" s="6">
        <v>5</v>
      </c>
      <c r="L229" s="6">
        <v>728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0</v>
      </c>
      <c r="E230" s="9" t="s">
        <v>18</v>
      </c>
      <c r="F230" s="9" t="s">
        <v>235</v>
      </c>
      <c r="G230" s="9" t="s">
        <v>236</v>
      </c>
      <c r="H230" s="6">
        <v>58</v>
      </c>
      <c r="I230" s="10" t="s">
        <v>55</v>
      </c>
      <c r="J230" s="10" t="s">
        <v>55</v>
      </c>
      <c r="K230" s="6">
        <v>1</v>
      </c>
      <c r="L230" s="6">
        <v>57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0</v>
      </c>
      <c r="E231" s="9" t="s">
        <v>18</v>
      </c>
      <c r="F231" s="9" t="s">
        <v>235</v>
      </c>
      <c r="G231" s="9" t="s">
        <v>237</v>
      </c>
      <c r="H231" s="6">
        <v>46</v>
      </c>
      <c r="I231" s="6">
        <v>1</v>
      </c>
      <c r="J231" s="6">
        <v>1</v>
      </c>
      <c r="K231" s="6">
        <v>1</v>
      </c>
      <c r="L231" s="6">
        <v>44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0</v>
      </c>
      <c r="E232" s="9" t="s">
        <v>18</v>
      </c>
      <c r="F232" s="9" t="s">
        <v>235</v>
      </c>
      <c r="G232" s="9" t="s">
        <v>238</v>
      </c>
      <c r="H232" s="6">
        <v>50</v>
      </c>
      <c r="I232" s="6">
        <v>2</v>
      </c>
      <c r="J232" s="6">
        <v>2</v>
      </c>
      <c r="K232" s="10" t="s">
        <v>55</v>
      </c>
      <c r="L232" s="6">
        <v>48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0</v>
      </c>
      <c r="E233" s="9" t="s">
        <v>18</v>
      </c>
      <c r="F233" s="9" t="s">
        <v>235</v>
      </c>
      <c r="G233" s="9" t="s">
        <v>239</v>
      </c>
      <c r="H233" s="6">
        <v>32</v>
      </c>
      <c r="I233" s="6">
        <v>1</v>
      </c>
      <c r="J233" s="10" t="s">
        <v>55</v>
      </c>
      <c r="K233" s="10" t="s">
        <v>55</v>
      </c>
      <c r="L233" s="6">
        <v>31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0</v>
      </c>
      <c r="E234" s="9" t="s">
        <v>18</v>
      </c>
      <c r="F234" s="9" t="s">
        <v>235</v>
      </c>
      <c r="G234" s="9" t="s">
        <v>240</v>
      </c>
      <c r="H234" s="6">
        <v>25</v>
      </c>
      <c r="I234" s="10" t="s">
        <v>55</v>
      </c>
      <c r="J234" s="10" t="s">
        <v>55</v>
      </c>
      <c r="K234" s="10" t="s">
        <v>55</v>
      </c>
      <c r="L234" s="6">
        <v>25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0</v>
      </c>
      <c r="E235" s="9" t="s">
        <v>18</v>
      </c>
      <c r="F235" s="9" t="s">
        <v>235</v>
      </c>
      <c r="G235" s="9" t="s">
        <v>241</v>
      </c>
      <c r="H235" s="6">
        <v>25</v>
      </c>
      <c r="I235" s="10" t="s">
        <v>55</v>
      </c>
      <c r="J235" s="10" t="s">
        <v>55</v>
      </c>
      <c r="K235" s="10" t="s">
        <v>55</v>
      </c>
      <c r="L235" s="6">
        <v>25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0</v>
      </c>
      <c r="E236" s="9" t="s">
        <v>18</v>
      </c>
      <c r="F236" s="9" t="s">
        <v>235</v>
      </c>
      <c r="G236" s="9" t="s">
        <v>242</v>
      </c>
      <c r="H236" s="6">
        <v>24</v>
      </c>
      <c r="I236" s="10" t="s">
        <v>55</v>
      </c>
      <c r="J236" s="10" t="s">
        <v>55</v>
      </c>
      <c r="K236" s="10" t="s">
        <v>55</v>
      </c>
      <c r="L236" s="6">
        <v>24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0</v>
      </c>
      <c r="E237" s="9" t="s">
        <v>18</v>
      </c>
      <c r="F237" s="9" t="s">
        <v>235</v>
      </c>
      <c r="G237" s="9" t="s">
        <v>243</v>
      </c>
      <c r="H237" s="6">
        <v>20</v>
      </c>
      <c r="I237" s="10" t="s">
        <v>55</v>
      </c>
      <c r="J237" s="10" t="s">
        <v>55</v>
      </c>
      <c r="K237" s="10" t="s">
        <v>55</v>
      </c>
      <c r="L237" s="6">
        <v>20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0</v>
      </c>
      <c r="E238" s="9" t="s">
        <v>18</v>
      </c>
      <c r="F238" s="9" t="s">
        <v>235</v>
      </c>
      <c r="G238" s="9" t="s">
        <v>244</v>
      </c>
      <c r="H238" s="6">
        <v>17</v>
      </c>
      <c r="I238" s="10" t="s">
        <v>55</v>
      </c>
      <c r="J238" s="10" t="s">
        <v>55</v>
      </c>
      <c r="K238" s="10" t="s">
        <v>55</v>
      </c>
      <c r="L238" s="6">
        <v>17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0</v>
      </c>
      <c r="E239" s="9" t="s">
        <v>18</v>
      </c>
      <c r="F239" s="9" t="s">
        <v>235</v>
      </c>
      <c r="G239" s="9" t="s">
        <v>245</v>
      </c>
      <c r="H239" s="6">
        <v>26</v>
      </c>
      <c r="I239" s="6">
        <v>1</v>
      </c>
      <c r="J239" s="6">
        <v>1</v>
      </c>
      <c r="K239" s="10" t="s">
        <v>55</v>
      </c>
      <c r="L239" s="6">
        <v>2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0</v>
      </c>
      <c r="E240" s="9" t="s">
        <v>18</v>
      </c>
      <c r="F240" s="9" t="s">
        <v>235</v>
      </c>
      <c r="G240" s="9" t="s">
        <v>246</v>
      </c>
      <c r="H240" s="6">
        <v>30</v>
      </c>
      <c r="I240" s="10" t="s">
        <v>55</v>
      </c>
      <c r="J240" s="10" t="s">
        <v>55</v>
      </c>
      <c r="K240" s="10" t="s">
        <v>55</v>
      </c>
      <c r="L240" s="6">
        <v>30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0</v>
      </c>
      <c r="E241" s="9" t="s">
        <v>18</v>
      </c>
      <c r="F241" s="9" t="s">
        <v>235</v>
      </c>
      <c r="G241" s="9" t="s">
        <v>247</v>
      </c>
      <c r="H241" s="6">
        <v>26</v>
      </c>
      <c r="I241" s="10" t="s">
        <v>55</v>
      </c>
      <c r="J241" s="10" t="s">
        <v>55</v>
      </c>
      <c r="K241" s="10" t="s">
        <v>55</v>
      </c>
      <c r="L241" s="6">
        <v>26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0</v>
      </c>
      <c r="E242" s="9" t="s">
        <v>18</v>
      </c>
      <c r="F242" s="9" t="s">
        <v>235</v>
      </c>
      <c r="G242" s="9" t="s">
        <v>248</v>
      </c>
      <c r="H242" s="6">
        <v>21</v>
      </c>
      <c r="I242" s="10" t="s">
        <v>55</v>
      </c>
      <c r="J242" s="10" t="s">
        <v>55</v>
      </c>
      <c r="K242" s="10" t="s">
        <v>55</v>
      </c>
      <c r="L242" s="6">
        <v>21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0</v>
      </c>
      <c r="E243" s="9" t="s">
        <v>18</v>
      </c>
      <c r="F243" s="9" t="s">
        <v>235</v>
      </c>
      <c r="G243" s="9" t="s">
        <v>249</v>
      </c>
      <c r="H243" s="6">
        <v>33</v>
      </c>
      <c r="I243" s="10" t="s">
        <v>55</v>
      </c>
      <c r="J243" s="10" t="s">
        <v>55</v>
      </c>
      <c r="K243" s="6">
        <v>1</v>
      </c>
      <c r="L243" s="6">
        <v>32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0</v>
      </c>
      <c r="E244" s="9" t="s">
        <v>18</v>
      </c>
      <c r="F244" s="9" t="s">
        <v>235</v>
      </c>
      <c r="G244" s="9" t="s">
        <v>250</v>
      </c>
      <c r="H244" s="6">
        <v>27</v>
      </c>
      <c r="I244" s="10" t="s">
        <v>55</v>
      </c>
      <c r="J244" s="10" t="s">
        <v>55</v>
      </c>
      <c r="K244" s="10" t="s">
        <v>55</v>
      </c>
      <c r="L244" s="6">
        <v>27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0</v>
      </c>
      <c r="E245" s="9" t="s">
        <v>18</v>
      </c>
      <c r="F245" s="9" t="s">
        <v>235</v>
      </c>
      <c r="G245" s="9" t="s">
        <v>251</v>
      </c>
      <c r="H245" s="6">
        <v>17</v>
      </c>
      <c r="I245" s="10" t="s">
        <v>55</v>
      </c>
      <c r="J245" s="10" t="s">
        <v>55</v>
      </c>
      <c r="K245" s="10" t="s">
        <v>55</v>
      </c>
      <c r="L245" s="6">
        <v>17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0</v>
      </c>
      <c r="E246" s="9" t="s">
        <v>18</v>
      </c>
      <c r="F246" s="9" t="s">
        <v>235</v>
      </c>
      <c r="G246" s="9" t="s">
        <v>252</v>
      </c>
      <c r="H246" s="6">
        <v>17</v>
      </c>
      <c r="I246" s="10" t="s">
        <v>55</v>
      </c>
      <c r="J246" s="10" t="s">
        <v>55</v>
      </c>
      <c r="K246" s="10" t="s">
        <v>55</v>
      </c>
      <c r="L246" s="6">
        <v>17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0</v>
      </c>
      <c r="E247" s="9" t="s">
        <v>18</v>
      </c>
      <c r="F247" s="9" t="s">
        <v>235</v>
      </c>
      <c r="G247" s="9" t="s">
        <v>253</v>
      </c>
      <c r="H247" s="6">
        <v>18</v>
      </c>
      <c r="I247" s="10" t="s">
        <v>55</v>
      </c>
      <c r="J247" s="10" t="s">
        <v>55</v>
      </c>
      <c r="K247" s="6">
        <v>1</v>
      </c>
      <c r="L247" s="6">
        <v>17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0</v>
      </c>
      <c r="E248" s="9" t="s">
        <v>18</v>
      </c>
      <c r="F248" s="9" t="s">
        <v>235</v>
      </c>
      <c r="G248" s="9" t="s">
        <v>254</v>
      </c>
      <c r="H248" s="6">
        <v>23</v>
      </c>
      <c r="I248" s="10" t="s">
        <v>55</v>
      </c>
      <c r="J248" s="10" t="s">
        <v>55</v>
      </c>
      <c r="K248" s="10" t="s">
        <v>55</v>
      </c>
      <c r="L248" s="6">
        <v>23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0</v>
      </c>
      <c r="E249" s="9" t="s">
        <v>18</v>
      </c>
      <c r="F249" s="9" t="s">
        <v>235</v>
      </c>
      <c r="G249" s="9" t="s">
        <v>255</v>
      </c>
      <c r="H249" s="6">
        <v>21</v>
      </c>
      <c r="I249" s="10" t="s">
        <v>55</v>
      </c>
      <c r="J249" s="10" t="s">
        <v>55</v>
      </c>
      <c r="K249" s="10" t="s">
        <v>55</v>
      </c>
      <c r="L249" s="6">
        <v>21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0</v>
      </c>
      <c r="E250" s="9" t="s">
        <v>18</v>
      </c>
      <c r="F250" s="9" t="s">
        <v>235</v>
      </c>
      <c r="G250" s="9" t="s">
        <v>256</v>
      </c>
      <c r="H250" s="6">
        <v>190</v>
      </c>
      <c r="I250" s="6">
        <v>8</v>
      </c>
      <c r="J250" s="6">
        <v>5</v>
      </c>
      <c r="K250" s="6">
        <v>1</v>
      </c>
      <c r="L250" s="6">
        <v>181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0</v>
      </c>
      <c r="E251" s="9" t="s">
        <v>6</v>
      </c>
      <c r="F251" s="9" t="s">
        <v>6</v>
      </c>
      <c r="G251" s="9" t="s">
        <v>30</v>
      </c>
      <c r="H251" s="6">
        <v>4443</v>
      </c>
      <c r="I251" s="6">
        <v>3481</v>
      </c>
      <c r="J251" s="6">
        <v>2486</v>
      </c>
      <c r="K251" s="6">
        <v>846</v>
      </c>
      <c r="L251" s="6">
        <v>116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0</v>
      </c>
      <c r="E252" s="9" t="s">
        <v>6</v>
      </c>
      <c r="F252" s="9" t="s">
        <v>234</v>
      </c>
      <c r="G252" s="9" t="s">
        <v>30</v>
      </c>
      <c r="H252" s="6">
        <v>1645</v>
      </c>
      <c r="I252" s="6">
        <v>1187</v>
      </c>
      <c r="J252" s="6">
        <v>822</v>
      </c>
      <c r="K252" s="6">
        <v>437</v>
      </c>
      <c r="L252" s="6">
        <v>21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0</v>
      </c>
      <c r="E253" s="9" t="s">
        <v>6</v>
      </c>
      <c r="F253" s="9" t="s">
        <v>235</v>
      </c>
      <c r="G253" s="9" t="s">
        <v>30</v>
      </c>
      <c r="H253" s="6">
        <v>2798</v>
      </c>
      <c r="I253" s="6">
        <v>2294</v>
      </c>
      <c r="J253" s="6">
        <v>1664</v>
      </c>
      <c r="K253" s="6">
        <v>409</v>
      </c>
      <c r="L253" s="6">
        <v>95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0</v>
      </c>
      <c r="E254" s="9" t="s">
        <v>6</v>
      </c>
      <c r="F254" s="9" t="s">
        <v>235</v>
      </c>
      <c r="G254" s="9" t="s">
        <v>236</v>
      </c>
      <c r="H254" s="6">
        <v>91</v>
      </c>
      <c r="I254" s="6">
        <v>47</v>
      </c>
      <c r="J254" s="6">
        <v>37</v>
      </c>
      <c r="K254" s="6">
        <v>38</v>
      </c>
      <c r="L254" s="6">
        <v>6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0</v>
      </c>
      <c r="E255" s="9" t="s">
        <v>6</v>
      </c>
      <c r="F255" s="9" t="s">
        <v>235</v>
      </c>
      <c r="G255" s="9" t="s">
        <v>237</v>
      </c>
      <c r="H255" s="6">
        <v>128</v>
      </c>
      <c r="I255" s="6">
        <v>100</v>
      </c>
      <c r="J255" s="6">
        <v>83</v>
      </c>
      <c r="K255" s="6">
        <v>25</v>
      </c>
      <c r="L255" s="6">
        <v>3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0</v>
      </c>
      <c r="E256" s="9" t="s">
        <v>6</v>
      </c>
      <c r="F256" s="9" t="s">
        <v>235</v>
      </c>
      <c r="G256" s="9" t="s">
        <v>238</v>
      </c>
      <c r="H256" s="6">
        <v>103</v>
      </c>
      <c r="I256" s="6">
        <v>87</v>
      </c>
      <c r="J256" s="6">
        <v>67</v>
      </c>
      <c r="K256" s="6">
        <v>11</v>
      </c>
      <c r="L256" s="6">
        <v>5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0</v>
      </c>
      <c r="E257" s="9" t="s">
        <v>6</v>
      </c>
      <c r="F257" s="9" t="s">
        <v>235</v>
      </c>
      <c r="G257" s="9" t="s">
        <v>239</v>
      </c>
      <c r="H257" s="6">
        <v>89</v>
      </c>
      <c r="I257" s="6">
        <v>75</v>
      </c>
      <c r="J257" s="6">
        <v>63</v>
      </c>
      <c r="K257" s="6">
        <v>10</v>
      </c>
      <c r="L257" s="6">
        <v>4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0</v>
      </c>
      <c r="E258" s="9" t="s">
        <v>6</v>
      </c>
      <c r="F258" s="9" t="s">
        <v>235</v>
      </c>
      <c r="G258" s="9" t="s">
        <v>240</v>
      </c>
      <c r="H258" s="6">
        <v>97</v>
      </c>
      <c r="I258" s="6">
        <v>85</v>
      </c>
      <c r="J258" s="6">
        <v>61</v>
      </c>
      <c r="K258" s="6">
        <v>9</v>
      </c>
      <c r="L258" s="6">
        <v>3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0</v>
      </c>
      <c r="E259" s="9" t="s">
        <v>6</v>
      </c>
      <c r="F259" s="9" t="s">
        <v>235</v>
      </c>
      <c r="G259" s="9" t="s">
        <v>241</v>
      </c>
      <c r="H259" s="6">
        <v>77</v>
      </c>
      <c r="I259" s="6">
        <v>65</v>
      </c>
      <c r="J259" s="6">
        <v>56</v>
      </c>
      <c r="K259" s="6">
        <v>7</v>
      </c>
      <c r="L259" s="6">
        <v>5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0</v>
      </c>
      <c r="E260" s="9" t="s">
        <v>6</v>
      </c>
      <c r="F260" s="9" t="s">
        <v>235</v>
      </c>
      <c r="G260" s="9" t="s">
        <v>242</v>
      </c>
      <c r="H260" s="6">
        <v>85</v>
      </c>
      <c r="I260" s="6">
        <v>74</v>
      </c>
      <c r="J260" s="6">
        <v>62</v>
      </c>
      <c r="K260" s="6">
        <v>7</v>
      </c>
      <c r="L260" s="6">
        <v>4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0</v>
      </c>
      <c r="E261" s="9" t="s">
        <v>6</v>
      </c>
      <c r="F261" s="9" t="s">
        <v>235</v>
      </c>
      <c r="G261" s="9" t="s">
        <v>243</v>
      </c>
      <c r="H261" s="6">
        <v>86</v>
      </c>
      <c r="I261" s="6">
        <v>76</v>
      </c>
      <c r="J261" s="6">
        <v>62</v>
      </c>
      <c r="K261" s="6">
        <v>10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0</v>
      </c>
      <c r="E262" s="9" t="s">
        <v>6</v>
      </c>
      <c r="F262" s="9" t="s">
        <v>235</v>
      </c>
      <c r="G262" s="9" t="s">
        <v>244</v>
      </c>
      <c r="H262" s="6">
        <v>81</v>
      </c>
      <c r="I262" s="6">
        <v>73</v>
      </c>
      <c r="J262" s="6">
        <v>64</v>
      </c>
      <c r="K262" s="6">
        <v>7</v>
      </c>
      <c r="L262" s="6">
        <v>1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0</v>
      </c>
      <c r="E263" s="9" t="s">
        <v>6</v>
      </c>
      <c r="F263" s="9" t="s">
        <v>235</v>
      </c>
      <c r="G263" s="9" t="s">
        <v>245</v>
      </c>
      <c r="H263" s="6">
        <v>76</v>
      </c>
      <c r="I263" s="6">
        <v>68</v>
      </c>
      <c r="J263" s="6">
        <v>52</v>
      </c>
      <c r="K263" s="6">
        <v>6</v>
      </c>
      <c r="L263" s="6">
        <v>2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0</v>
      </c>
      <c r="E264" s="9" t="s">
        <v>6</v>
      </c>
      <c r="F264" s="9" t="s">
        <v>235</v>
      </c>
      <c r="G264" s="9" t="s">
        <v>246</v>
      </c>
      <c r="H264" s="6">
        <v>91</v>
      </c>
      <c r="I264" s="6">
        <v>82</v>
      </c>
      <c r="J264" s="6">
        <v>62</v>
      </c>
      <c r="K264" s="6">
        <v>6</v>
      </c>
      <c r="L264" s="6">
        <v>3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0</v>
      </c>
      <c r="E265" s="9" t="s">
        <v>6</v>
      </c>
      <c r="F265" s="9" t="s">
        <v>235</v>
      </c>
      <c r="G265" s="9" t="s">
        <v>247</v>
      </c>
      <c r="H265" s="6">
        <v>103</v>
      </c>
      <c r="I265" s="6">
        <v>89</v>
      </c>
      <c r="J265" s="6">
        <v>71</v>
      </c>
      <c r="K265" s="6">
        <v>8</v>
      </c>
      <c r="L265" s="6">
        <v>6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0</v>
      </c>
      <c r="E266" s="9" t="s">
        <v>6</v>
      </c>
      <c r="F266" s="9" t="s">
        <v>235</v>
      </c>
      <c r="G266" s="9" t="s">
        <v>248</v>
      </c>
      <c r="H266" s="6">
        <v>91</v>
      </c>
      <c r="I266" s="6">
        <v>85</v>
      </c>
      <c r="J266" s="6">
        <v>71</v>
      </c>
      <c r="K266" s="6">
        <v>4</v>
      </c>
      <c r="L266" s="6">
        <v>2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0</v>
      </c>
      <c r="E267" s="9" t="s">
        <v>6</v>
      </c>
      <c r="F267" s="9" t="s">
        <v>235</v>
      </c>
      <c r="G267" s="9" t="s">
        <v>249</v>
      </c>
      <c r="H267" s="6">
        <v>79</v>
      </c>
      <c r="I267" s="6">
        <v>65</v>
      </c>
      <c r="J267" s="6">
        <v>52</v>
      </c>
      <c r="K267" s="6">
        <v>6</v>
      </c>
      <c r="L267" s="6">
        <v>8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0</v>
      </c>
      <c r="E268" s="9" t="s">
        <v>6</v>
      </c>
      <c r="F268" s="9" t="s">
        <v>235</v>
      </c>
      <c r="G268" s="9" t="s">
        <v>250</v>
      </c>
      <c r="H268" s="6">
        <v>84</v>
      </c>
      <c r="I268" s="6">
        <v>71</v>
      </c>
      <c r="J268" s="6">
        <v>52</v>
      </c>
      <c r="K268" s="6">
        <v>10</v>
      </c>
      <c r="L268" s="6">
        <v>3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0</v>
      </c>
      <c r="E269" s="9" t="s">
        <v>6</v>
      </c>
      <c r="F269" s="9" t="s">
        <v>235</v>
      </c>
      <c r="G269" s="9" t="s">
        <v>251</v>
      </c>
      <c r="H269" s="6">
        <v>84</v>
      </c>
      <c r="I269" s="6">
        <v>71</v>
      </c>
      <c r="J269" s="6">
        <v>54</v>
      </c>
      <c r="K269" s="6">
        <v>8</v>
      </c>
      <c r="L269" s="6">
        <v>5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0</v>
      </c>
      <c r="E270" s="9" t="s">
        <v>6</v>
      </c>
      <c r="F270" s="9" t="s">
        <v>235</v>
      </c>
      <c r="G270" s="9" t="s">
        <v>252</v>
      </c>
      <c r="H270" s="6">
        <v>78</v>
      </c>
      <c r="I270" s="6">
        <v>67</v>
      </c>
      <c r="J270" s="6">
        <v>50</v>
      </c>
      <c r="K270" s="6">
        <v>7</v>
      </c>
      <c r="L270" s="6">
        <v>4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0</v>
      </c>
      <c r="E271" s="9" t="s">
        <v>6</v>
      </c>
      <c r="F271" s="9" t="s">
        <v>235</v>
      </c>
      <c r="G271" s="9" t="s">
        <v>253</v>
      </c>
      <c r="H271" s="6">
        <v>80</v>
      </c>
      <c r="I271" s="6">
        <v>73</v>
      </c>
      <c r="J271" s="6">
        <v>54</v>
      </c>
      <c r="K271" s="6">
        <v>5</v>
      </c>
      <c r="L271" s="6">
        <v>2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0</v>
      </c>
      <c r="E272" s="9" t="s">
        <v>6</v>
      </c>
      <c r="F272" s="9" t="s">
        <v>235</v>
      </c>
      <c r="G272" s="9" t="s">
        <v>254</v>
      </c>
      <c r="H272" s="6">
        <v>88</v>
      </c>
      <c r="I272" s="6">
        <v>77</v>
      </c>
      <c r="J272" s="6">
        <v>54</v>
      </c>
      <c r="K272" s="6">
        <v>7</v>
      </c>
      <c r="L272" s="6">
        <v>4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0</v>
      </c>
      <c r="E273" s="9" t="s">
        <v>6</v>
      </c>
      <c r="F273" s="9" t="s">
        <v>235</v>
      </c>
      <c r="G273" s="9" t="s">
        <v>255</v>
      </c>
      <c r="H273" s="6">
        <v>67</v>
      </c>
      <c r="I273" s="6">
        <v>57</v>
      </c>
      <c r="J273" s="6">
        <v>36</v>
      </c>
      <c r="K273" s="6">
        <v>7</v>
      </c>
      <c r="L273" s="6">
        <v>3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0</v>
      </c>
      <c r="E274" s="9" t="s">
        <v>6</v>
      </c>
      <c r="F274" s="9" t="s">
        <v>235</v>
      </c>
      <c r="G274" s="9" t="s">
        <v>256</v>
      </c>
      <c r="H274" s="6">
        <v>1040</v>
      </c>
      <c r="I274" s="6">
        <v>807</v>
      </c>
      <c r="J274" s="6">
        <v>501</v>
      </c>
      <c r="K274" s="6">
        <v>211</v>
      </c>
      <c r="L274" s="6">
        <v>22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0</v>
      </c>
      <c r="E275" s="9" t="s">
        <v>226</v>
      </c>
      <c r="F275" s="9" t="s">
        <v>6</v>
      </c>
      <c r="G275" s="9" t="s">
        <v>30</v>
      </c>
      <c r="H275" s="6">
        <v>3899</v>
      </c>
      <c r="I275" s="6">
        <v>3312</v>
      </c>
      <c r="J275" s="6">
        <v>2330</v>
      </c>
      <c r="K275" s="6">
        <v>586</v>
      </c>
      <c r="L275" s="6">
        <v>1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0</v>
      </c>
      <c r="E276" s="9" t="s">
        <v>226</v>
      </c>
      <c r="F276" s="9" t="s">
        <v>234</v>
      </c>
      <c r="G276" s="9" t="s">
        <v>30</v>
      </c>
      <c r="H276" s="6">
        <v>1360</v>
      </c>
      <c r="I276" s="6">
        <v>1097</v>
      </c>
      <c r="J276" s="6">
        <v>736</v>
      </c>
      <c r="K276" s="6">
        <v>263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0</v>
      </c>
      <c r="E277" s="9" t="s">
        <v>226</v>
      </c>
      <c r="F277" s="9" t="s">
        <v>235</v>
      </c>
      <c r="G277" s="9" t="s">
        <v>30</v>
      </c>
      <c r="H277" s="6">
        <v>2539</v>
      </c>
      <c r="I277" s="6">
        <v>2215</v>
      </c>
      <c r="J277" s="6">
        <v>1594</v>
      </c>
      <c r="K277" s="6">
        <v>323</v>
      </c>
      <c r="L277" s="6">
        <v>1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0</v>
      </c>
      <c r="E278" s="9" t="s">
        <v>226</v>
      </c>
      <c r="F278" s="9" t="s">
        <v>235</v>
      </c>
      <c r="G278" s="9" t="s">
        <v>236</v>
      </c>
      <c r="H278" s="6">
        <v>84</v>
      </c>
      <c r="I278" s="6">
        <v>47</v>
      </c>
      <c r="J278" s="6">
        <v>37</v>
      </c>
      <c r="K278" s="6">
        <v>37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0</v>
      </c>
      <c r="E279" s="9" t="s">
        <v>226</v>
      </c>
      <c r="F279" s="9" t="s">
        <v>235</v>
      </c>
      <c r="G279" s="9" t="s">
        <v>237</v>
      </c>
      <c r="H279" s="6">
        <v>118</v>
      </c>
      <c r="I279" s="6">
        <v>97</v>
      </c>
      <c r="J279" s="6">
        <v>80</v>
      </c>
      <c r="K279" s="6">
        <v>21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0</v>
      </c>
      <c r="E280" s="9" t="s">
        <v>226</v>
      </c>
      <c r="F280" s="9" t="s">
        <v>235</v>
      </c>
      <c r="G280" s="9" t="s">
        <v>238</v>
      </c>
      <c r="H280" s="6">
        <v>97</v>
      </c>
      <c r="I280" s="6">
        <v>87</v>
      </c>
      <c r="J280" s="6">
        <v>67</v>
      </c>
      <c r="K280" s="6">
        <v>10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0</v>
      </c>
      <c r="E281" s="9" t="s">
        <v>226</v>
      </c>
      <c r="F281" s="9" t="s">
        <v>235</v>
      </c>
      <c r="G281" s="9" t="s">
        <v>239</v>
      </c>
      <c r="H281" s="6">
        <v>81</v>
      </c>
      <c r="I281" s="6">
        <v>71</v>
      </c>
      <c r="J281" s="6">
        <v>59</v>
      </c>
      <c r="K281" s="6">
        <v>10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0</v>
      </c>
      <c r="E282" s="9" t="s">
        <v>226</v>
      </c>
      <c r="F282" s="9" t="s">
        <v>235</v>
      </c>
      <c r="G282" s="9" t="s">
        <v>240</v>
      </c>
      <c r="H282" s="6">
        <v>90</v>
      </c>
      <c r="I282" s="6">
        <v>83</v>
      </c>
      <c r="J282" s="6">
        <v>61</v>
      </c>
      <c r="K282" s="6">
        <v>7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0</v>
      </c>
      <c r="E283" s="9" t="s">
        <v>226</v>
      </c>
      <c r="F283" s="9" t="s">
        <v>235</v>
      </c>
      <c r="G283" s="9" t="s">
        <v>241</v>
      </c>
      <c r="H283" s="6">
        <v>72</v>
      </c>
      <c r="I283" s="6">
        <v>65</v>
      </c>
      <c r="J283" s="6">
        <v>56</v>
      </c>
      <c r="K283" s="6">
        <v>7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0</v>
      </c>
      <c r="E284" s="9" t="s">
        <v>226</v>
      </c>
      <c r="F284" s="9" t="s">
        <v>235</v>
      </c>
      <c r="G284" s="9" t="s">
        <v>242</v>
      </c>
      <c r="H284" s="6">
        <v>81</v>
      </c>
      <c r="I284" s="6">
        <v>74</v>
      </c>
      <c r="J284" s="6">
        <v>62</v>
      </c>
      <c r="K284" s="6">
        <v>7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0</v>
      </c>
      <c r="E285" s="9" t="s">
        <v>226</v>
      </c>
      <c r="F285" s="9" t="s">
        <v>235</v>
      </c>
      <c r="G285" s="9" t="s">
        <v>243</v>
      </c>
      <c r="H285" s="6">
        <v>86</v>
      </c>
      <c r="I285" s="6">
        <v>76</v>
      </c>
      <c r="J285" s="6">
        <v>62</v>
      </c>
      <c r="K285" s="6">
        <v>10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0</v>
      </c>
      <c r="E286" s="9" t="s">
        <v>226</v>
      </c>
      <c r="F286" s="9" t="s">
        <v>235</v>
      </c>
      <c r="G286" s="9" t="s">
        <v>244</v>
      </c>
      <c r="H286" s="6">
        <v>79</v>
      </c>
      <c r="I286" s="6">
        <v>72</v>
      </c>
      <c r="J286" s="6">
        <v>63</v>
      </c>
      <c r="K286" s="6">
        <v>7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0</v>
      </c>
      <c r="E287" s="9" t="s">
        <v>226</v>
      </c>
      <c r="F287" s="9" t="s">
        <v>235</v>
      </c>
      <c r="G287" s="9" t="s">
        <v>245</v>
      </c>
      <c r="H287" s="6">
        <v>73</v>
      </c>
      <c r="I287" s="6">
        <v>67</v>
      </c>
      <c r="J287" s="6">
        <v>52</v>
      </c>
      <c r="K287" s="6">
        <v>6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0</v>
      </c>
      <c r="E288" s="9" t="s">
        <v>226</v>
      </c>
      <c r="F288" s="9" t="s">
        <v>235</v>
      </c>
      <c r="G288" s="9" t="s">
        <v>246</v>
      </c>
      <c r="H288" s="6">
        <v>88</v>
      </c>
      <c r="I288" s="6">
        <v>82</v>
      </c>
      <c r="J288" s="6">
        <v>62</v>
      </c>
      <c r="K288" s="6">
        <v>6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0</v>
      </c>
      <c r="E289" s="9" t="s">
        <v>226</v>
      </c>
      <c r="F289" s="9" t="s">
        <v>235</v>
      </c>
      <c r="G289" s="9" t="s">
        <v>247</v>
      </c>
      <c r="H289" s="6">
        <v>98</v>
      </c>
      <c r="I289" s="6">
        <v>89</v>
      </c>
      <c r="J289" s="6">
        <v>71</v>
      </c>
      <c r="K289" s="6">
        <v>8</v>
      </c>
      <c r="L289" s="6">
        <v>1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0</v>
      </c>
      <c r="E290" s="9" t="s">
        <v>226</v>
      </c>
      <c r="F290" s="9" t="s">
        <v>235</v>
      </c>
      <c r="G290" s="9" t="s">
        <v>248</v>
      </c>
      <c r="H290" s="6">
        <v>88</v>
      </c>
      <c r="I290" s="6">
        <v>85</v>
      </c>
      <c r="J290" s="6">
        <v>71</v>
      </c>
      <c r="K290" s="6">
        <v>3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0</v>
      </c>
      <c r="E291" s="9" t="s">
        <v>226</v>
      </c>
      <c r="F291" s="9" t="s">
        <v>235</v>
      </c>
      <c r="G291" s="9" t="s">
        <v>249</v>
      </c>
      <c r="H291" s="6">
        <v>71</v>
      </c>
      <c r="I291" s="6">
        <v>65</v>
      </c>
      <c r="J291" s="6">
        <v>52</v>
      </c>
      <c r="K291" s="6">
        <v>6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0</v>
      </c>
      <c r="E292" s="9" t="s">
        <v>226</v>
      </c>
      <c r="F292" s="9" t="s">
        <v>235</v>
      </c>
      <c r="G292" s="9" t="s">
        <v>250</v>
      </c>
      <c r="H292" s="6">
        <v>80</v>
      </c>
      <c r="I292" s="6">
        <v>70</v>
      </c>
      <c r="J292" s="6">
        <v>51</v>
      </c>
      <c r="K292" s="6">
        <v>10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0</v>
      </c>
      <c r="E293" s="9" t="s">
        <v>226</v>
      </c>
      <c r="F293" s="9" t="s">
        <v>235</v>
      </c>
      <c r="G293" s="9" t="s">
        <v>251</v>
      </c>
      <c r="H293" s="6">
        <v>77</v>
      </c>
      <c r="I293" s="6">
        <v>69</v>
      </c>
      <c r="J293" s="6">
        <v>52</v>
      </c>
      <c r="K293" s="6">
        <v>8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0</v>
      </c>
      <c r="E294" s="9" t="s">
        <v>226</v>
      </c>
      <c r="F294" s="9" t="s">
        <v>235</v>
      </c>
      <c r="G294" s="9" t="s">
        <v>252</v>
      </c>
      <c r="H294" s="6">
        <v>73</v>
      </c>
      <c r="I294" s="6">
        <v>67</v>
      </c>
      <c r="J294" s="6">
        <v>50</v>
      </c>
      <c r="K294" s="6">
        <v>6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0</v>
      </c>
      <c r="E295" s="9" t="s">
        <v>226</v>
      </c>
      <c r="F295" s="9" t="s">
        <v>235</v>
      </c>
      <c r="G295" s="9" t="s">
        <v>253</v>
      </c>
      <c r="H295" s="6">
        <v>76</v>
      </c>
      <c r="I295" s="6">
        <v>71</v>
      </c>
      <c r="J295" s="6">
        <v>52</v>
      </c>
      <c r="K295" s="6">
        <v>5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0</v>
      </c>
      <c r="E296" s="9" t="s">
        <v>226</v>
      </c>
      <c r="F296" s="9" t="s">
        <v>235</v>
      </c>
      <c r="G296" s="9" t="s">
        <v>254</v>
      </c>
      <c r="H296" s="6">
        <v>80</v>
      </c>
      <c r="I296" s="6">
        <v>74</v>
      </c>
      <c r="J296" s="6">
        <v>51</v>
      </c>
      <c r="K296" s="6">
        <v>6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0</v>
      </c>
      <c r="E297" s="9" t="s">
        <v>226</v>
      </c>
      <c r="F297" s="9" t="s">
        <v>235</v>
      </c>
      <c r="G297" s="9" t="s">
        <v>255</v>
      </c>
      <c r="H297" s="6">
        <v>62</v>
      </c>
      <c r="I297" s="6">
        <v>56</v>
      </c>
      <c r="J297" s="6">
        <v>35</v>
      </c>
      <c r="K297" s="6">
        <v>6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0</v>
      </c>
      <c r="E298" s="9" t="s">
        <v>226</v>
      </c>
      <c r="F298" s="9" t="s">
        <v>235</v>
      </c>
      <c r="G298" s="9" t="s">
        <v>256</v>
      </c>
      <c r="H298" s="6">
        <v>885</v>
      </c>
      <c r="I298" s="6">
        <v>748</v>
      </c>
      <c r="J298" s="6">
        <v>448</v>
      </c>
      <c r="K298" s="6">
        <v>137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0</v>
      </c>
      <c r="E299" s="9" t="s">
        <v>227</v>
      </c>
      <c r="F299" s="9" t="s">
        <v>6</v>
      </c>
      <c r="G299" s="9" t="s">
        <v>30</v>
      </c>
      <c r="H299" s="6">
        <v>2611</v>
      </c>
      <c r="I299" s="6">
        <v>2135</v>
      </c>
      <c r="J299" s="6">
        <v>2049</v>
      </c>
      <c r="K299" s="6">
        <v>476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0</v>
      </c>
      <c r="E300" s="9" t="s">
        <v>227</v>
      </c>
      <c r="F300" s="9" t="s">
        <v>234</v>
      </c>
      <c r="G300" s="9" t="s">
        <v>30</v>
      </c>
      <c r="H300" s="6">
        <v>889</v>
      </c>
      <c r="I300" s="6">
        <v>675</v>
      </c>
      <c r="J300" s="6">
        <v>638</v>
      </c>
      <c r="K300" s="6">
        <v>214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0</v>
      </c>
      <c r="E301" s="9" t="s">
        <v>227</v>
      </c>
      <c r="F301" s="9" t="s">
        <v>235</v>
      </c>
      <c r="G301" s="9" t="s">
        <v>30</v>
      </c>
      <c r="H301" s="6">
        <v>1722</v>
      </c>
      <c r="I301" s="6">
        <v>1460</v>
      </c>
      <c r="J301" s="6">
        <v>1411</v>
      </c>
      <c r="K301" s="6">
        <v>262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0</v>
      </c>
      <c r="E302" s="9" t="s">
        <v>227</v>
      </c>
      <c r="F302" s="9" t="s">
        <v>235</v>
      </c>
      <c r="G302" s="9" t="s">
        <v>236</v>
      </c>
      <c r="H302" s="6">
        <v>63</v>
      </c>
      <c r="I302" s="6">
        <v>33</v>
      </c>
      <c r="J302" s="6">
        <v>32</v>
      </c>
      <c r="K302" s="6">
        <v>30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0</v>
      </c>
      <c r="E303" s="9" t="s">
        <v>227</v>
      </c>
      <c r="F303" s="9" t="s">
        <v>235</v>
      </c>
      <c r="G303" s="9" t="s">
        <v>237</v>
      </c>
      <c r="H303" s="6">
        <v>88</v>
      </c>
      <c r="I303" s="6">
        <v>73</v>
      </c>
      <c r="J303" s="6">
        <v>71</v>
      </c>
      <c r="K303" s="6">
        <v>15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0</v>
      </c>
      <c r="E304" s="9" t="s">
        <v>227</v>
      </c>
      <c r="F304" s="9" t="s">
        <v>235</v>
      </c>
      <c r="G304" s="9" t="s">
        <v>238</v>
      </c>
      <c r="H304" s="6">
        <v>68</v>
      </c>
      <c r="I304" s="6">
        <v>61</v>
      </c>
      <c r="J304" s="6">
        <v>57</v>
      </c>
      <c r="K304" s="6">
        <v>7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0</v>
      </c>
      <c r="E305" s="9" t="s">
        <v>227</v>
      </c>
      <c r="F305" s="9" t="s">
        <v>235</v>
      </c>
      <c r="G305" s="9" t="s">
        <v>239</v>
      </c>
      <c r="H305" s="6">
        <v>63</v>
      </c>
      <c r="I305" s="6">
        <v>55</v>
      </c>
      <c r="J305" s="6">
        <v>54</v>
      </c>
      <c r="K305" s="6">
        <v>8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0</v>
      </c>
      <c r="E306" s="9" t="s">
        <v>227</v>
      </c>
      <c r="F306" s="9" t="s">
        <v>235</v>
      </c>
      <c r="G306" s="9" t="s">
        <v>240</v>
      </c>
      <c r="H306" s="6">
        <v>62</v>
      </c>
      <c r="I306" s="6">
        <v>57</v>
      </c>
      <c r="J306" s="6">
        <v>53</v>
      </c>
      <c r="K306" s="6">
        <v>5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0</v>
      </c>
      <c r="E307" s="9" t="s">
        <v>227</v>
      </c>
      <c r="F307" s="9" t="s">
        <v>235</v>
      </c>
      <c r="G307" s="9" t="s">
        <v>241</v>
      </c>
      <c r="H307" s="6">
        <v>56</v>
      </c>
      <c r="I307" s="6">
        <v>49</v>
      </c>
      <c r="J307" s="6">
        <v>48</v>
      </c>
      <c r="K307" s="6">
        <v>7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0</v>
      </c>
      <c r="E308" s="9" t="s">
        <v>227</v>
      </c>
      <c r="F308" s="9" t="s">
        <v>235</v>
      </c>
      <c r="G308" s="9" t="s">
        <v>242</v>
      </c>
      <c r="H308" s="6">
        <v>61</v>
      </c>
      <c r="I308" s="6">
        <v>56</v>
      </c>
      <c r="J308" s="6">
        <v>56</v>
      </c>
      <c r="K308" s="6">
        <v>5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0</v>
      </c>
      <c r="E309" s="9" t="s">
        <v>227</v>
      </c>
      <c r="F309" s="9" t="s">
        <v>235</v>
      </c>
      <c r="G309" s="9" t="s">
        <v>243</v>
      </c>
      <c r="H309" s="6">
        <v>68</v>
      </c>
      <c r="I309" s="6">
        <v>60</v>
      </c>
      <c r="J309" s="6">
        <v>59</v>
      </c>
      <c r="K309" s="6">
        <v>8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0</v>
      </c>
      <c r="E310" s="9" t="s">
        <v>227</v>
      </c>
      <c r="F310" s="9" t="s">
        <v>235</v>
      </c>
      <c r="G310" s="9" t="s">
        <v>244</v>
      </c>
      <c r="H310" s="6">
        <v>66</v>
      </c>
      <c r="I310" s="6">
        <v>61</v>
      </c>
      <c r="J310" s="6">
        <v>60</v>
      </c>
      <c r="K310" s="6">
        <v>5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0</v>
      </c>
      <c r="E311" s="9" t="s">
        <v>227</v>
      </c>
      <c r="F311" s="9" t="s">
        <v>235</v>
      </c>
      <c r="G311" s="9" t="s">
        <v>245</v>
      </c>
      <c r="H311" s="6">
        <v>52</v>
      </c>
      <c r="I311" s="6">
        <v>48</v>
      </c>
      <c r="J311" s="6">
        <v>48</v>
      </c>
      <c r="K311" s="6">
        <v>4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0</v>
      </c>
      <c r="E312" s="9" t="s">
        <v>227</v>
      </c>
      <c r="F312" s="9" t="s">
        <v>235</v>
      </c>
      <c r="G312" s="9" t="s">
        <v>246</v>
      </c>
      <c r="H312" s="6">
        <v>66</v>
      </c>
      <c r="I312" s="6">
        <v>60</v>
      </c>
      <c r="J312" s="6">
        <v>58</v>
      </c>
      <c r="K312" s="6">
        <v>6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0</v>
      </c>
      <c r="E313" s="9" t="s">
        <v>227</v>
      </c>
      <c r="F313" s="9" t="s">
        <v>235</v>
      </c>
      <c r="G313" s="9" t="s">
        <v>247</v>
      </c>
      <c r="H313" s="6">
        <v>76</v>
      </c>
      <c r="I313" s="6">
        <v>69</v>
      </c>
      <c r="J313" s="6">
        <v>67</v>
      </c>
      <c r="K313" s="6">
        <v>7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0</v>
      </c>
      <c r="E314" s="9" t="s">
        <v>227</v>
      </c>
      <c r="F314" s="9" t="s">
        <v>235</v>
      </c>
      <c r="G314" s="9" t="s">
        <v>248</v>
      </c>
      <c r="H314" s="6">
        <v>69</v>
      </c>
      <c r="I314" s="6">
        <v>67</v>
      </c>
      <c r="J314" s="6">
        <v>66</v>
      </c>
      <c r="K314" s="6">
        <v>2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0</v>
      </c>
      <c r="E315" s="9" t="s">
        <v>227</v>
      </c>
      <c r="F315" s="9" t="s">
        <v>235</v>
      </c>
      <c r="G315" s="9" t="s">
        <v>249</v>
      </c>
      <c r="H315" s="6">
        <v>48</v>
      </c>
      <c r="I315" s="6">
        <v>44</v>
      </c>
      <c r="J315" s="6">
        <v>44</v>
      </c>
      <c r="K315" s="6">
        <v>4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0</v>
      </c>
      <c r="E316" s="9" t="s">
        <v>227</v>
      </c>
      <c r="F316" s="9" t="s">
        <v>235</v>
      </c>
      <c r="G316" s="9" t="s">
        <v>250</v>
      </c>
      <c r="H316" s="6">
        <v>54</v>
      </c>
      <c r="I316" s="6">
        <v>46</v>
      </c>
      <c r="J316" s="6">
        <v>46</v>
      </c>
      <c r="K316" s="6">
        <v>8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0</v>
      </c>
      <c r="E317" s="9" t="s">
        <v>227</v>
      </c>
      <c r="F317" s="9" t="s">
        <v>235</v>
      </c>
      <c r="G317" s="9" t="s">
        <v>251</v>
      </c>
      <c r="H317" s="6">
        <v>52</v>
      </c>
      <c r="I317" s="6">
        <v>46</v>
      </c>
      <c r="J317" s="6">
        <v>45</v>
      </c>
      <c r="K317" s="6">
        <v>6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0</v>
      </c>
      <c r="E318" s="9" t="s">
        <v>227</v>
      </c>
      <c r="F318" s="9" t="s">
        <v>235</v>
      </c>
      <c r="G318" s="9" t="s">
        <v>252</v>
      </c>
      <c r="H318" s="6">
        <v>50</v>
      </c>
      <c r="I318" s="6">
        <v>44</v>
      </c>
      <c r="J318" s="6">
        <v>42</v>
      </c>
      <c r="K318" s="6">
        <v>6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0</v>
      </c>
      <c r="E319" s="9" t="s">
        <v>227</v>
      </c>
      <c r="F319" s="9" t="s">
        <v>235</v>
      </c>
      <c r="G319" s="9" t="s">
        <v>253</v>
      </c>
      <c r="H319" s="6">
        <v>57</v>
      </c>
      <c r="I319" s="6">
        <v>52</v>
      </c>
      <c r="J319" s="6">
        <v>47</v>
      </c>
      <c r="K319" s="6">
        <v>5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0</v>
      </c>
      <c r="E320" s="9" t="s">
        <v>227</v>
      </c>
      <c r="F320" s="9" t="s">
        <v>235</v>
      </c>
      <c r="G320" s="9" t="s">
        <v>254</v>
      </c>
      <c r="H320" s="6">
        <v>52</v>
      </c>
      <c r="I320" s="6">
        <v>48</v>
      </c>
      <c r="J320" s="6">
        <v>46</v>
      </c>
      <c r="K320" s="6">
        <v>4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0</v>
      </c>
      <c r="E321" s="9" t="s">
        <v>227</v>
      </c>
      <c r="F321" s="9" t="s">
        <v>235</v>
      </c>
      <c r="G321" s="9" t="s">
        <v>255</v>
      </c>
      <c r="H321" s="6">
        <v>42</v>
      </c>
      <c r="I321" s="6">
        <v>36</v>
      </c>
      <c r="J321" s="6">
        <v>34</v>
      </c>
      <c r="K321" s="6">
        <v>6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0</v>
      </c>
      <c r="E322" s="9" t="s">
        <v>227</v>
      </c>
      <c r="F322" s="9" t="s">
        <v>235</v>
      </c>
      <c r="G322" s="9" t="s">
        <v>256</v>
      </c>
      <c r="H322" s="6">
        <v>509</v>
      </c>
      <c r="I322" s="6">
        <v>395</v>
      </c>
      <c r="J322" s="6">
        <v>378</v>
      </c>
      <c r="K322" s="6">
        <v>114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0</v>
      </c>
      <c r="E323" s="9" t="s">
        <v>228</v>
      </c>
      <c r="F323" s="9" t="s">
        <v>6</v>
      </c>
      <c r="G323" s="9" t="s">
        <v>30</v>
      </c>
      <c r="H323" s="6">
        <v>428</v>
      </c>
      <c r="I323" s="6">
        <v>168</v>
      </c>
      <c r="J323" s="6">
        <v>155</v>
      </c>
      <c r="K323" s="6">
        <v>260</v>
      </c>
      <c r="L323" s="10" t="s">
        <v>55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0</v>
      </c>
      <c r="E324" s="9" t="s">
        <v>228</v>
      </c>
      <c r="F324" s="9" t="s">
        <v>234</v>
      </c>
      <c r="G324" s="9" t="s">
        <v>30</v>
      </c>
      <c r="H324" s="6">
        <v>263</v>
      </c>
      <c r="I324" s="6">
        <v>89</v>
      </c>
      <c r="J324" s="6">
        <v>85</v>
      </c>
      <c r="K324" s="6">
        <v>174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0</v>
      </c>
      <c r="E325" s="9" t="s">
        <v>228</v>
      </c>
      <c r="F325" s="9" t="s">
        <v>235</v>
      </c>
      <c r="G325" s="9" t="s">
        <v>30</v>
      </c>
      <c r="H325" s="6">
        <v>165</v>
      </c>
      <c r="I325" s="6">
        <v>79</v>
      </c>
      <c r="J325" s="6">
        <v>70</v>
      </c>
      <c r="K325" s="6">
        <v>86</v>
      </c>
      <c r="L325" s="10" t="s">
        <v>5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0</v>
      </c>
      <c r="E326" s="9" t="s">
        <v>228</v>
      </c>
      <c r="F326" s="9" t="s">
        <v>235</v>
      </c>
      <c r="G326" s="9" t="s">
        <v>236</v>
      </c>
      <c r="H326" s="6">
        <v>1</v>
      </c>
      <c r="I326" s="10" t="s">
        <v>55</v>
      </c>
      <c r="J326" s="10" t="s">
        <v>55</v>
      </c>
      <c r="K326" s="6">
        <v>1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0</v>
      </c>
      <c r="E327" s="9" t="s">
        <v>228</v>
      </c>
      <c r="F327" s="9" t="s">
        <v>235</v>
      </c>
      <c r="G327" s="9" t="s">
        <v>237</v>
      </c>
      <c r="H327" s="6">
        <v>7</v>
      </c>
      <c r="I327" s="6">
        <v>3</v>
      </c>
      <c r="J327" s="6">
        <v>3</v>
      </c>
      <c r="K327" s="6">
        <v>4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0</v>
      </c>
      <c r="E328" s="9" t="s">
        <v>228</v>
      </c>
      <c r="F328" s="9" t="s">
        <v>235</v>
      </c>
      <c r="G328" s="9" t="s">
        <v>238</v>
      </c>
      <c r="H328" s="6">
        <v>1</v>
      </c>
      <c r="I328" s="10" t="s">
        <v>55</v>
      </c>
      <c r="J328" s="10" t="s">
        <v>55</v>
      </c>
      <c r="K328" s="6">
        <v>1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0</v>
      </c>
      <c r="E329" s="9" t="s">
        <v>228</v>
      </c>
      <c r="F329" s="9" t="s">
        <v>235</v>
      </c>
      <c r="G329" s="9" t="s">
        <v>239</v>
      </c>
      <c r="H329" s="6">
        <v>4</v>
      </c>
      <c r="I329" s="6">
        <v>4</v>
      </c>
      <c r="J329" s="6">
        <v>4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0</v>
      </c>
      <c r="E330" s="9" t="s">
        <v>228</v>
      </c>
      <c r="F330" s="9" t="s">
        <v>235</v>
      </c>
      <c r="G330" s="9" t="s">
        <v>240</v>
      </c>
      <c r="H330" s="6">
        <v>4</v>
      </c>
      <c r="I330" s="6">
        <v>2</v>
      </c>
      <c r="J330" s="10" t="s">
        <v>55</v>
      </c>
      <c r="K330" s="6">
        <v>2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0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0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0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0</v>
      </c>
      <c r="E334" s="9" t="s">
        <v>228</v>
      </c>
      <c r="F334" s="9" t="s">
        <v>235</v>
      </c>
      <c r="G334" s="9" t="s">
        <v>244</v>
      </c>
      <c r="H334" s="6">
        <v>1</v>
      </c>
      <c r="I334" s="6">
        <v>1</v>
      </c>
      <c r="J334" s="6">
        <v>1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0</v>
      </c>
      <c r="E335" s="9" t="s">
        <v>228</v>
      </c>
      <c r="F335" s="9" t="s">
        <v>235</v>
      </c>
      <c r="G335" s="9" t="s">
        <v>245</v>
      </c>
      <c r="H335" s="6">
        <v>1</v>
      </c>
      <c r="I335" s="6">
        <v>1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0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0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0</v>
      </c>
      <c r="E338" s="9" t="s">
        <v>228</v>
      </c>
      <c r="F338" s="9" t="s">
        <v>235</v>
      </c>
      <c r="G338" s="9" t="s">
        <v>248</v>
      </c>
      <c r="H338" s="6">
        <v>1</v>
      </c>
      <c r="I338" s="10" t="s">
        <v>55</v>
      </c>
      <c r="J338" s="10" t="s">
        <v>55</v>
      </c>
      <c r="K338" s="6">
        <v>1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0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0</v>
      </c>
      <c r="E340" s="9" t="s">
        <v>228</v>
      </c>
      <c r="F340" s="9" t="s">
        <v>235</v>
      </c>
      <c r="G340" s="9" t="s">
        <v>250</v>
      </c>
      <c r="H340" s="6">
        <v>1</v>
      </c>
      <c r="I340" s="6">
        <v>1</v>
      </c>
      <c r="J340" s="6">
        <v>1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0</v>
      </c>
      <c r="E341" s="9" t="s">
        <v>228</v>
      </c>
      <c r="F341" s="9" t="s">
        <v>235</v>
      </c>
      <c r="G341" s="9" t="s">
        <v>251</v>
      </c>
      <c r="H341" s="6">
        <v>2</v>
      </c>
      <c r="I341" s="6">
        <v>2</v>
      </c>
      <c r="J341" s="6">
        <v>2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0</v>
      </c>
      <c r="E342" s="9" t="s">
        <v>228</v>
      </c>
      <c r="F342" s="9" t="s">
        <v>235</v>
      </c>
      <c r="G342" s="9" t="s">
        <v>252</v>
      </c>
      <c r="H342" s="6">
        <v>1</v>
      </c>
      <c r="I342" s="10" t="s">
        <v>55</v>
      </c>
      <c r="J342" s="10" t="s">
        <v>55</v>
      </c>
      <c r="K342" s="6">
        <v>1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0</v>
      </c>
      <c r="E343" s="9" t="s">
        <v>228</v>
      </c>
      <c r="F343" s="9" t="s">
        <v>235</v>
      </c>
      <c r="G343" s="9" t="s">
        <v>253</v>
      </c>
      <c r="H343" s="6">
        <v>2</v>
      </c>
      <c r="I343" s="6">
        <v>2</v>
      </c>
      <c r="J343" s="6">
        <v>2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0</v>
      </c>
      <c r="E344" s="9" t="s">
        <v>228</v>
      </c>
      <c r="F344" s="9" t="s">
        <v>235</v>
      </c>
      <c r="G344" s="9" t="s">
        <v>254</v>
      </c>
      <c r="H344" s="6">
        <v>4</v>
      </c>
      <c r="I344" s="6">
        <v>3</v>
      </c>
      <c r="J344" s="6">
        <v>3</v>
      </c>
      <c r="K344" s="6">
        <v>1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0</v>
      </c>
      <c r="E345" s="9" t="s">
        <v>228</v>
      </c>
      <c r="F345" s="9" t="s">
        <v>235</v>
      </c>
      <c r="G345" s="9" t="s">
        <v>255</v>
      </c>
      <c r="H345" s="6">
        <v>2</v>
      </c>
      <c r="I345" s="6">
        <v>1</v>
      </c>
      <c r="J345" s="6">
        <v>1</v>
      </c>
      <c r="K345" s="6">
        <v>1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0</v>
      </c>
      <c r="E346" s="9" t="s">
        <v>228</v>
      </c>
      <c r="F346" s="9" t="s">
        <v>235</v>
      </c>
      <c r="G346" s="9" t="s">
        <v>256</v>
      </c>
      <c r="H346" s="6">
        <v>133</v>
      </c>
      <c r="I346" s="6">
        <v>59</v>
      </c>
      <c r="J346" s="6">
        <v>53</v>
      </c>
      <c r="K346" s="6">
        <v>74</v>
      </c>
      <c r="L346" s="10" t="s">
        <v>5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0</v>
      </c>
      <c r="E347" s="9" t="s">
        <v>18</v>
      </c>
      <c r="F347" s="9" t="s">
        <v>6</v>
      </c>
      <c r="G347" s="9" t="s">
        <v>30</v>
      </c>
      <c r="H347" s="6">
        <v>116</v>
      </c>
      <c r="I347" s="6">
        <v>1</v>
      </c>
      <c r="J347" s="6">
        <v>1</v>
      </c>
      <c r="K347" s="10" t="s">
        <v>55</v>
      </c>
      <c r="L347" s="6">
        <v>115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0</v>
      </c>
      <c r="E348" s="9" t="s">
        <v>18</v>
      </c>
      <c r="F348" s="9" t="s">
        <v>234</v>
      </c>
      <c r="G348" s="9" t="s">
        <v>30</v>
      </c>
      <c r="H348" s="6">
        <v>22</v>
      </c>
      <c r="I348" s="6">
        <v>1</v>
      </c>
      <c r="J348" s="6">
        <v>1</v>
      </c>
      <c r="K348" s="10" t="s">
        <v>55</v>
      </c>
      <c r="L348" s="6">
        <v>21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0</v>
      </c>
      <c r="E349" s="9" t="s">
        <v>18</v>
      </c>
      <c r="F349" s="9" t="s">
        <v>235</v>
      </c>
      <c r="G349" s="9" t="s">
        <v>30</v>
      </c>
      <c r="H349" s="6">
        <v>94</v>
      </c>
      <c r="I349" s="10" t="s">
        <v>55</v>
      </c>
      <c r="J349" s="10" t="s">
        <v>55</v>
      </c>
      <c r="K349" s="10" t="s">
        <v>55</v>
      </c>
      <c r="L349" s="6">
        <v>94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0</v>
      </c>
      <c r="E350" s="9" t="s">
        <v>18</v>
      </c>
      <c r="F350" s="9" t="s">
        <v>235</v>
      </c>
      <c r="G350" s="9" t="s">
        <v>236</v>
      </c>
      <c r="H350" s="6">
        <v>6</v>
      </c>
      <c r="I350" s="10" t="s">
        <v>55</v>
      </c>
      <c r="J350" s="10" t="s">
        <v>55</v>
      </c>
      <c r="K350" s="10" t="s">
        <v>55</v>
      </c>
      <c r="L350" s="6">
        <v>6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0</v>
      </c>
      <c r="E351" s="9" t="s">
        <v>18</v>
      </c>
      <c r="F351" s="9" t="s">
        <v>235</v>
      </c>
      <c r="G351" s="9" t="s">
        <v>237</v>
      </c>
      <c r="H351" s="6">
        <v>3</v>
      </c>
      <c r="I351" s="10" t="s">
        <v>55</v>
      </c>
      <c r="J351" s="10" t="s">
        <v>55</v>
      </c>
      <c r="K351" s="10" t="s">
        <v>55</v>
      </c>
      <c r="L351" s="6">
        <v>3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0</v>
      </c>
      <c r="E352" s="9" t="s">
        <v>18</v>
      </c>
      <c r="F352" s="9" t="s">
        <v>235</v>
      </c>
      <c r="G352" s="9" t="s">
        <v>238</v>
      </c>
      <c r="H352" s="6">
        <v>5</v>
      </c>
      <c r="I352" s="10" t="s">
        <v>55</v>
      </c>
      <c r="J352" s="10" t="s">
        <v>55</v>
      </c>
      <c r="K352" s="10" t="s">
        <v>55</v>
      </c>
      <c r="L352" s="6">
        <v>5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0</v>
      </c>
      <c r="E353" s="9" t="s">
        <v>18</v>
      </c>
      <c r="F353" s="9" t="s">
        <v>235</v>
      </c>
      <c r="G353" s="9" t="s">
        <v>239</v>
      </c>
      <c r="H353" s="6">
        <v>4</v>
      </c>
      <c r="I353" s="10" t="s">
        <v>55</v>
      </c>
      <c r="J353" s="10" t="s">
        <v>55</v>
      </c>
      <c r="K353" s="10" t="s">
        <v>55</v>
      </c>
      <c r="L353" s="6">
        <v>4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0</v>
      </c>
      <c r="E354" s="9" t="s">
        <v>18</v>
      </c>
      <c r="F354" s="9" t="s">
        <v>235</v>
      </c>
      <c r="G354" s="9" t="s">
        <v>240</v>
      </c>
      <c r="H354" s="6">
        <v>3</v>
      </c>
      <c r="I354" s="10" t="s">
        <v>55</v>
      </c>
      <c r="J354" s="10" t="s">
        <v>55</v>
      </c>
      <c r="K354" s="10" t="s">
        <v>55</v>
      </c>
      <c r="L354" s="6">
        <v>3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0</v>
      </c>
      <c r="E355" s="9" t="s">
        <v>18</v>
      </c>
      <c r="F355" s="9" t="s">
        <v>235</v>
      </c>
      <c r="G355" s="9" t="s">
        <v>241</v>
      </c>
      <c r="H355" s="6">
        <v>5</v>
      </c>
      <c r="I355" s="10" t="s">
        <v>55</v>
      </c>
      <c r="J355" s="10" t="s">
        <v>55</v>
      </c>
      <c r="K355" s="10" t="s">
        <v>55</v>
      </c>
      <c r="L355" s="6">
        <v>5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0</v>
      </c>
      <c r="E356" s="9" t="s">
        <v>18</v>
      </c>
      <c r="F356" s="9" t="s">
        <v>235</v>
      </c>
      <c r="G356" s="9" t="s">
        <v>242</v>
      </c>
      <c r="H356" s="6">
        <v>4</v>
      </c>
      <c r="I356" s="10" t="s">
        <v>55</v>
      </c>
      <c r="J356" s="10" t="s">
        <v>55</v>
      </c>
      <c r="K356" s="10" t="s">
        <v>55</v>
      </c>
      <c r="L356" s="6">
        <v>4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0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0</v>
      </c>
      <c r="E358" s="9" t="s">
        <v>18</v>
      </c>
      <c r="F358" s="9" t="s">
        <v>235</v>
      </c>
      <c r="G358" s="9" t="s">
        <v>244</v>
      </c>
      <c r="H358" s="6">
        <v>1</v>
      </c>
      <c r="I358" s="10" t="s">
        <v>55</v>
      </c>
      <c r="J358" s="10" t="s">
        <v>55</v>
      </c>
      <c r="K358" s="10" t="s">
        <v>55</v>
      </c>
      <c r="L358" s="6">
        <v>1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0</v>
      </c>
      <c r="E359" s="9" t="s">
        <v>18</v>
      </c>
      <c r="F359" s="9" t="s">
        <v>235</v>
      </c>
      <c r="G359" s="9" t="s">
        <v>245</v>
      </c>
      <c r="H359" s="6">
        <v>2</v>
      </c>
      <c r="I359" s="10" t="s">
        <v>55</v>
      </c>
      <c r="J359" s="10" t="s">
        <v>55</v>
      </c>
      <c r="K359" s="10" t="s">
        <v>55</v>
      </c>
      <c r="L359" s="6">
        <v>2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0</v>
      </c>
      <c r="E360" s="9" t="s">
        <v>18</v>
      </c>
      <c r="F360" s="9" t="s">
        <v>235</v>
      </c>
      <c r="G360" s="9" t="s">
        <v>246</v>
      </c>
      <c r="H360" s="6">
        <v>3</v>
      </c>
      <c r="I360" s="10" t="s">
        <v>55</v>
      </c>
      <c r="J360" s="10" t="s">
        <v>55</v>
      </c>
      <c r="K360" s="10" t="s">
        <v>55</v>
      </c>
      <c r="L360" s="6">
        <v>3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0</v>
      </c>
      <c r="E361" s="9" t="s">
        <v>18</v>
      </c>
      <c r="F361" s="9" t="s">
        <v>235</v>
      </c>
      <c r="G361" s="9" t="s">
        <v>247</v>
      </c>
      <c r="H361" s="6">
        <v>5</v>
      </c>
      <c r="I361" s="10" t="s">
        <v>55</v>
      </c>
      <c r="J361" s="10" t="s">
        <v>55</v>
      </c>
      <c r="K361" s="10" t="s">
        <v>55</v>
      </c>
      <c r="L361" s="6">
        <v>5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0</v>
      </c>
      <c r="E362" s="9" t="s">
        <v>18</v>
      </c>
      <c r="F362" s="9" t="s">
        <v>235</v>
      </c>
      <c r="G362" s="9" t="s">
        <v>248</v>
      </c>
      <c r="H362" s="6">
        <v>2</v>
      </c>
      <c r="I362" s="10" t="s">
        <v>55</v>
      </c>
      <c r="J362" s="10" t="s">
        <v>55</v>
      </c>
      <c r="K362" s="10" t="s">
        <v>55</v>
      </c>
      <c r="L362" s="6">
        <v>2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0</v>
      </c>
      <c r="E363" s="9" t="s">
        <v>18</v>
      </c>
      <c r="F363" s="9" t="s">
        <v>235</v>
      </c>
      <c r="G363" s="9" t="s">
        <v>249</v>
      </c>
      <c r="H363" s="6">
        <v>8</v>
      </c>
      <c r="I363" s="10" t="s">
        <v>55</v>
      </c>
      <c r="J363" s="10" t="s">
        <v>55</v>
      </c>
      <c r="K363" s="10" t="s">
        <v>55</v>
      </c>
      <c r="L363" s="6">
        <v>8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0</v>
      </c>
      <c r="E364" s="9" t="s">
        <v>18</v>
      </c>
      <c r="F364" s="9" t="s">
        <v>235</v>
      </c>
      <c r="G364" s="9" t="s">
        <v>250</v>
      </c>
      <c r="H364" s="6">
        <v>3</v>
      </c>
      <c r="I364" s="10" t="s">
        <v>55</v>
      </c>
      <c r="J364" s="10" t="s">
        <v>55</v>
      </c>
      <c r="K364" s="10" t="s">
        <v>55</v>
      </c>
      <c r="L364" s="6">
        <v>3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0</v>
      </c>
      <c r="E365" s="9" t="s">
        <v>18</v>
      </c>
      <c r="F365" s="9" t="s">
        <v>235</v>
      </c>
      <c r="G365" s="9" t="s">
        <v>251</v>
      </c>
      <c r="H365" s="6">
        <v>5</v>
      </c>
      <c r="I365" s="10" t="s">
        <v>55</v>
      </c>
      <c r="J365" s="10" t="s">
        <v>55</v>
      </c>
      <c r="K365" s="10" t="s">
        <v>55</v>
      </c>
      <c r="L365" s="6">
        <v>5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0</v>
      </c>
      <c r="E366" s="9" t="s">
        <v>18</v>
      </c>
      <c r="F366" s="9" t="s">
        <v>235</v>
      </c>
      <c r="G366" s="9" t="s">
        <v>252</v>
      </c>
      <c r="H366" s="6">
        <v>4</v>
      </c>
      <c r="I366" s="10" t="s">
        <v>55</v>
      </c>
      <c r="J366" s="10" t="s">
        <v>55</v>
      </c>
      <c r="K366" s="10" t="s">
        <v>55</v>
      </c>
      <c r="L366" s="6">
        <v>4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0</v>
      </c>
      <c r="E367" s="9" t="s">
        <v>18</v>
      </c>
      <c r="F367" s="9" t="s">
        <v>235</v>
      </c>
      <c r="G367" s="9" t="s">
        <v>253</v>
      </c>
      <c r="H367" s="6">
        <v>2</v>
      </c>
      <c r="I367" s="10" t="s">
        <v>55</v>
      </c>
      <c r="J367" s="10" t="s">
        <v>55</v>
      </c>
      <c r="K367" s="10" t="s">
        <v>55</v>
      </c>
      <c r="L367" s="6">
        <v>2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0</v>
      </c>
      <c r="E368" s="9" t="s">
        <v>18</v>
      </c>
      <c r="F368" s="9" t="s">
        <v>235</v>
      </c>
      <c r="G368" s="9" t="s">
        <v>254</v>
      </c>
      <c r="H368" s="6">
        <v>4</v>
      </c>
      <c r="I368" s="10" t="s">
        <v>55</v>
      </c>
      <c r="J368" s="10" t="s">
        <v>55</v>
      </c>
      <c r="K368" s="10" t="s">
        <v>55</v>
      </c>
      <c r="L368" s="6">
        <v>4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0</v>
      </c>
      <c r="E369" s="9" t="s">
        <v>18</v>
      </c>
      <c r="F369" s="9" t="s">
        <v>235</v>
      </c>
      <c r="G369" s="9" t="s">
        <v>255</v>
      </c>
      <c r="H369" s="6">
        <v>3</v>
      </c>
      <c r="I369" s="10" t="s">
        <v>55</v>
      </c>
      <c r="J369" s="10" t="s">
        <v>55</v>
      </c>
      <c r="K369" s="10" t="s">
        <v>55</v>
      </c>
      <c r="L369" s="6">
        <v>3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0</v>
      </c>
      <c r="E370" s="9" t="s">
        <v>18</v>
      </c>
      <c r="F370" s="9" t="s">
        <v>235</v>
      </c>
      <c r="G370" s="9" t="s">
        <v>256</v>
      </c>
      <c r="H370" s="6">
        <v>22</v>
      </c>
      <c r="I370" s="10" t="s">
        <v>55</v>
      </c>
      <c r="J370" s="10" t="s">
        <v>55</v>
      </c>
      <c r="K370" s="10" t="s">
        <v>55</v>
      </c>
      <c r="L370" s="6">
        <v>22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206526B-488E-4872-8992-BD2C8AF94FA8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1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2</v>
      </c>
      <c r="E11" s="5" t="s">
        <v>6</v>
      </c>
      <c r="F11" s="5" t="s">
        <v>6</v>
      </c>
      <c r="G11" s="5" t="s">
        <v>30</v>
      </c>
      <c r="H11" s="6">
        <v>507670</v>
      </c>
      <c r="I11" s="6">
        <v>190159</v>
      </c>
      <c r="J11" s="6">
        <v>139461</v>
      </c>
      <c r="K11" s="6">
        <v>273733</v>
      </c>
      <c r="L11" s="6">
        <v>43778</v>
      </c>
    </row>
    <row r="12" spans="1:12">
      <c r="A12" s="9" t="s">
        <v>27</v>
      </c>
      <c r="B12" s="9" t="s">
        <v>28</v>
      </c>
      <c r="C12" s="9" t="s">
        <v>29</v>
      </c>
      <c r="D12" s="9" t="s">
        <v>262</v>
      </c>
      <c r="E12" s="9" t="s">
        <v>6</v>
      </c>
      <c r="F12" s="9" t="s">
        <v>234</v>
      </c>
      <c r="G12" s="9" t="s">
        <v>30</v>
      </c>
      <c r="H12" s="6">
        <v>127121</v>
      </c>
      <c r="I12" s="6">
        <v>46706</v>
      </c>
      <c r="J12" s="6">
        <v>34178</v>
      </c>
      <c r="K12" s="6">
        <v>64501</v>
      </c>
      <c r="L12" s="6">
        <v>15914</v>
      </c>
    </row>
    <row r="13" spans="1:12">
      <c r="A13" s="9" t="s">
        <v>27</v>
      </c>
      <c r="B13" s="9" t="s">
        <v>28</v>
      </c>
      <c r="C13" s="9" t="s">
        <v>29</v>
      </c>
      <c r="D13" s="9" t="s">
        <v>262</v>
      </c>
      <c r="E13" s="9" t="s">
        <v>6</v>
      </c>
      <c r="F13" s="9" t="s">
        <v>235</v>
      </c>
      <c r="G13" s="9" t="s">
        <v>30</v>
      </c>
      <c r="H13" s="6">
        <v>380549</v>
      </c>
      <c r="I13" s="6">
        <v>143453</v>
      </c>
      <c r="J13" s="6">
        <v>105283</v>
      </c>
      <c r="K13" s="6">
        <v>209232</v>
      </c>
      <c r="L13" s="6">
        <v>27864</v>
      </c>
    </row>
    <row r="14" spans="1:12">
      <c r="A14" s="9" t="s">
        <v>27</v>
      </c>
      <c r="B14" s="9" t="s">
        <v>28</v>
      </c>
      <c r="C14" s="9" t="s">
        <v>29</v>
      </c>
      <c r="D14" s="9" t="s">
        <v>262</v>
      </c>
      <c r="E14" s="9" t="s">
        <v>6</v>
      </c>
      <c r="F14" s="9" t="s">
        <v>235</v>
      </c>
      <c r="G14" s="9" t="s">
        <v>236</v>
      </c>
      <c r="H14" s="6">
        <v>2676</v>
      </c>
      <c r="I14" s="6">
        <v>804</v>
      </c>
      <c r="J14" s="6">
        <v>701</v>
      </c>
      <c r="K14" s="6">
        <v>1029</v>
      </c>
      <c r="L14" s="6">
        <v>843</v>
      </c>
    </row>
    <row r="15" spans="1:12">
      <c r="A15" s="9" t="s">
        <v>27</v>
      </c>
      <c r="B15" s="9" t="s">
        <v>28</v>
      </c>
      <c r="C15" s="9" t="s">
        <v>29</v>
      </c>
      <c r="D15" s="9" t="s">
        <v>262</v>
      </c>
      <c r="E15" s="9" t="s">
        <v>6</v>
      </c>
      <c r="F15" s="9" t="s">
        <v>235</v>
      </c>
      <c r="G15" s="9" t="s">
        <v>237</v>
      </c>
      <c r="H15" s="6">
        <v>2663</v>
      </c>
      <c r="I15" s="6">
        <v>1062</v>
      </c>
      <c r="J15" s="6">
        <v>937</v>
      </c>
      <c r="K15" s="6">
        <v>711</v>
      </c>
      <c r="L15" s="6">
        <v>890</v>
      </c>
    </row>
    <row r="16" spans="1:12">
      <c r="A16" s="9" t="s">
        <v>27</v>
      </c>
      <c r="B16" s="9" t="s">
        <v>28</v>
      </c>
      <c r="C16" s="9" t="s">
        <v>29</v>
      </c>
      <c r="D16" s="9" t="s">
        <v>262</v>
      </c>
      <c r="E16" s="9" t="s">
        <v>6</v>
      </c>
      <c r="F16" s="9" t="s">
        <v>235</v>
      </c>
      <c r="G16" s="9" t="s">
        <v>238</v>
      </c>
      <c r="H16" s="6">
        <v>2424</v>
      </c>
      <c r="I16" s="6">
        <v>1067</v>
      </c>
      <c r="J16" s="6">
        <v>935</v>
      </c>
      <c r="K16" s="6">
        <v>575</v>
      </c>
      <c r="L16" s="6">
        <v>782</v>
      </c>
    </row>
    <row r="17" spans="1:12">
      <c r="A17" s="9" t="s">
        <v>27</v>
      </c>
      <c r="B17" s="9" t="s">
        <v>28</v>
      </c>
      <c r="C17" s="9" t="s">
        <v>29</v>
      </c>
      <c r="D17" s="9" t="s">
        <v>262</v>
      </c>
      <c r="E17" s="9" t="s">
        <v>6</v>
      </c>
      <c r="F17" s="9" t="s">
        <v>235</v>
      </c>
      <c r="G17" s="9" t="s">
        <v>239</v>
      </c>
      <c r="H17" s="6">
        <v>2087</v>
      </c>
      <c r="I17" s="6">
        <v>1016</v>
      </c>
      <c r="J17" s="6">
        <v>885</v>
      </c>
      <c r="K17" s="6">
        <v>453</v>
      </c>
      <c r="L17" s="6">
        <v>618</v>
      </c>
    </row>
    <row r="18" spans="1:12">
      <c r="A18" s="9" t="s">
        <v>27</v>
      </c>
      <c r="B18" s="9" t="s">
        <v>28</v>
      </c>
      <c r="C18" s="9" t="s">
        <v>29</v>
      </c>
      <c r="D18" s="9" t="s">
        <v>262</v>
      </c>
      <c r="E18" s="9" t="s">
        <v>6</v>
      </c>
      <c r="F18" s="9" t="s">
        <v>235</v>
      </c>
      <c r="G18" s="9" t="s">
        <v>240</v>
      </c>
      <c r="H18" s="6">
        <v>1884</v>
      </c>
      <c r="I18" s="6">
        <v>975</v>
      </c>
      <c r="J18" s="6">
        <v>866</v>
      </c>
      <c r="K18" s="6">
        <v>314</v>
      </c>
      <c r="L18" s="6">
        <v>595</v>
      </c>
    </row>
    <row r="19" spans="1:12">
      <c r="A19" s="9" t="s">
        <v>27</v>
      </c>
      <c r="B19" s="9" t="s">
        <v>28</v>
      </c>
      <c r="C19" s="9" t="s">
        <v>29</v>
      </c>
      <c r="D19" s="9" t="s">
        <v>262</v>
      </c>
      <c r="E19" s="9" t="s">
        <v>6</v>
      </c>
      <c r="F19" s="9" t="s">
        <v>235</v>
      </c>
      <c r="G19" s="9" t="s">
        <v>241</v>
      </c>
      <c r="H19" s="6">
        <v>1711</v>
      </c>
      <c r="I19" s="6">
        <v>910</v>
      </c>
      <c r="J19" s="6">
        <v>819</v>
      </c>
      <c r="K19" s="6">
        <v>272</v>
      </c>
      <c r="L19" s="6">
        <v>529</v>
      </c>
    </row>
    <row r="20" spans="1:12">
      <c r="A20" s="9" t="s">
        <v>27</v>
      </c>
      <c r="B20" s="9" t="s">
        <v>28</v>
      </c>
      <c r="C20" s="9" t="s">
        <v>29</v>
      </c>
      <c r="D20" s="9" t="s">
        <v>262</v>
      </c>
      <c r="E20" s="9" t="s">
        <v>6</v>
      </c>
      <c r="F20" s="9" t="s">
        <v>235</v>
      </c>
      <c r="G20" s="9" t="s">
        <v>242</v>
      </c>
      <c r="H20" s="6">
        <v>1531</v>
      </c>
      <c r="I20" s="6">
        <v>814</v>
      </c>
      <c r="J20" s="6">
        <v>720</v>
      </c>
      <c r="K20" s="6">
        <v>297</v>
      </c>
      <c r="L20" s="6">
        <v>420</v>
      </c>
    </row>
    <row r="21" spans="1:12">
      <c r="A21" s="9" t="s">
        <v>27</v>
      </c>
      <c r="B21" s="9" t="s">
        <v>28</v>
      </c>
      <c r="C21" s="9" t="s">
        <v>29</v>
      </c>
      <c r="D21" s="9" t="s">
        <v>262</v>
      </c>
      <c r="E21" s="9" t="s">
        <v>6</v>
      </c>
      <c r="F21" s="9" t="s">
        <v>235</v>
      </c>
      <c r="G21" s="9" t="s">
        <v>243</v>
      </c>
      <c r="H21" s="6">
        <v>1550</v>
      </c>
      <c r="I21" s="6">
        <v>831</v>
      </c>
      <c r="J21" s="6">
        <v>750</v>
      </c>
      <c r="K21" s="6">
        <v>285</v>
      </c>
      <c r="L21" s="6">
        <v>434</v>
      </c>
    </row>
    <row r="22" spans="1:12">
      <c r="A22" s="9" t="s">
        <v>27</v>
      </c>
      <c r="B22" s="9" t="s">
        <v>28</v>
      </c>
      <c r="C22" s="9" t="s">
        <v>29</v>
      </c>
      <c r="D22" s="9" t="s">
        <v>262</v>
      </c>
      <c r="E22" s="9" t="s">
        <v>6</v>
      </c>
      <c r="F22" s="9" t="s">
        <v>235</v>
      </c>
      <c r="G22" s="9" t="s">
        <v>244</v>
      </c>
      <c r="H22" s="6">
        <v>1557</v>
      </c>
      <c r="I22" s="6">
        <v>835</v>
      </c>
      <c r="J22" s="6">
        <v>743</v>
      </c>
      <c r="K22" s="6">
        <v>279</v>
      </c>
      <c r="L22" s="6">
        <v>443</v>
      </c>
    </row>
    <row r="23" spans="1:12">
      <c r="A23" s="9" t="s">
        <v>27</v>
      </c>
      <c r="B23" s="9" t="s">
        <v>28</v>
      </c>
      <c r="C23" s="9" t="s">
        <v>29</v>
      </c>
      <c r="D23" s="9" t="s">
        <v>262</v>
      </c>
      <c r="E23" s="9" t="s">
        <v>6</v>
      </c>
      <c r="F23" s="9" t="s">
        <v>235</v>
      </c>
      <c r="G23" s="9" t="s">
        <v>245</v>
      </c>
      <c r="H23" s="6">
        <v>1531</v>
      </c>
      <c r="I23" s="6">
        <v>849</v>
      </c>
      <c r="J23" s="6">
        <v>753</v>
      </c>
      <c r="K23" s="6">
        <v>260</v>
      </c>
      <c r="L23" s="6">
        <v>422</v>
      </c>
    </row>
    <row r="24" spans="1:12">
      <c r="A24" s="9" t="s">
        <v>27</v>
      </c>
      <c r="B24" s="9" t="s">
        <v>28</v>
      </c>
      <c r="C24" s="9" t="s">
        <v>29</v>
      </c>
      <c r="D24" s="9" t="s">
        <v>262</v>
      </c>
      <c r="E24" s="9" t="s">
        <v>6</v>
      </c>
      <c r="F24" s="9" t="s">
        <v>235</v>
      </c>
      <c r="G24" s="9" t="s">
        <v>246</v>
      </c>
      <c r="H24" s="6">
        <v>1496</v>
      </c>
      <c r="I24" s="6">
        <v>870</v>
      </c>
      <c r="J24" s="6">
        <v>770</v>
      </c>
      <c r="K24" s="6">
        <v>215</v>
      </c>
      <c r="L24" s="6">
        <v>411</v>
      </c>
    </row>
    <row r="25" spans="1:12">
      <c r="A25" s="9" t="s">
        <v>27</v>
      </c>
      <c r="B25" s="9" t="s">
        <v>28</v>
      </c>
      <c r="C25" s="9" t="s">
        <v>29</v>
      </c>
      <c r="D25" s="9" t="s">
        <v>262</v>
      </c>
      <c r="E25" s="9" t="s">
        <v>6</v>
      </c>
      <c r="F25" s="9" t="s">
        <v>235</v>
      </c>
      <c r="G25" s="9" t="s">
        <v>247</v>
      </c>
      <c r="H25" s="6">
        <v>1596</v>
      </c>
      <c r="I25" s="6">
        <v>904</v>
      </c>
      <c r="J25" s="6">
        <v>801</v>
      </c>
      <c r="K25" s="6">
        <v>263</v>
      </c>
      <c r="L25" s="6">
        <v>429</v>
      </c>
    </row>
    <row r="26" spans="1:12">
      <c r="A26" s="9" t="s">
        <v>27</v>
      </c>
      <c r="B26" s="9" t="s">
        <v>28</v>
      </c>
      <c r="C26" s="9" t="s">
        <v>29</v>
      </c>
      <c r="D26" s="9" t="s">
        <v>262</v>
      </c>
      <c r="E26" s="9" t="s">
        <v>6</v>
      </c>
      <c r="F26" s="9" t="s">
        <v>235</v>
      </c>
      <c r="G26" s="9" t="s">
        <v>248</v>
      </c>
      <c r="H26" s="6">
        <v>1598</v>
      </c>
      <c r="I26" s="6">
        <v>948</v>
      </c>
      <c r="J26" s="6">
        <v>834</v>
      </c>
      <c r="K26" s="6">
        <v>235</v>
      </c>
      <c r="L26" s="6">
        <v>415</v>
      </c>
    </row>
    <row r="27" spans="1:12">
      <c r="A27" s="9" t="s">
        <v>27</v>
      </c>
      <c r="B27" s="9" t="s">
        <v>28</v>
      </c>
      <c r="C27" s="9" t="s">
        <v>29</v>
      </c>
      <c r="D27" s="9" t="s">
        <v>262</v>
      </c>
      <c r="E27" s="9" t="s">
        <v>6</v>
      </c>
      <c r="F27" s="9" t="s">
        <v>235</v>
      </c>
      <c r="G27" s="9" t="s">
        <v>249</v>
      </c>
      <c r="H27" s="6">
        <v>1582</v>
      </c>
      <c r="I27" s="6">
        <v>870</v>
      </c>
      <c r="J27" s="6">
        <v>758</v>
      </c>
      <c r="K27" s="6">
        <v>283</v>
      </c>
      <c r="L27" s="6">
        <v>429</v>
      </c>
    </row>
    <row r="28" spans="1:12">
      <c r="A28" s="9" t="s">
        <v>27</v>
      </c>
      <c r="B28" s="9" t="s">
        <v>28</v>
      </c>
      <c r="C28" s="9" t="s">
        <v>29</v>
      </c>
      <c r="D28" s="9" t="s">
        <v>262</v>
      </c>
      <c r="E28" s="9" t="s">
        <v>6</v>
      </c>
      <c r="F28" s="9" t="s">
        <v>235</v>
      </c>
      <c r="G28" s="9" t="s">
        <v>250</v>
      </c>
      <c r="H28" s="6">
        <v>1682</v>
      </c>
      <c r="I28" s="6">
        <v>991</v>
      </c>
      <c r="J28" s="6">
        <v>865</v>
      </c>
      <c r="K28" s="6">
        <v>305</v>
      </c>
      <c r="L28" s="6">
        <v>386</v>
      </c>
    </row>
    <row r="29" spans="1:12">
      <c r="A29" s="9" t="s">
        <v>27</v>
      </c>
      <c r="B29" s="9" t="s">
        <v>28</v>
      </c>
      <c r="C29" s="9" t="s">
        <v>29</v>
      </c>
      <c r="D29" s="9" t="s">
        <v>262</v>
      </c>
      <c r="E29" s="9" t="s">
        <v>6</v>
      </c>
      <c r="F29" s="9" t="s">
        <v>235</v>
      </c>
      <c r="G29" s="9" t="s">
        <v>251</v>
      </c>
      <c r="H29" s="6">
        <v>1711</v>
      </c>
      <c r="I29" s="6">
        <v>1003</v>
      </c>
      <c r="J29" s="6">
        <v>884</v>
      </c>
      <c r="K29" s="6">
        <v>297</v>
      </c>
      <c r="L29" s="6">
        <v>411</v>
      </c>
    </row>
    <row r="30" spans="1:12">
      <c r="A30" s="9" t="s">
        <v>27</v>
      </c>
      <c r="B30" s="9" t="s">
        <v>28</v>
      </c>
      <c r="C30" s="9" t="s">
        <v>29</v>
      </c>
      <c r="D30" s="9" t="s">
        <v>262</v>
      </c>
      <c r="E30" s="9" t="s">
        <v>6</v>
      </c>
      <c r="F30" s="9" t="s">
        <v>235</v>
      </c>
      <c r="G30" s="9" t="s">
        <v>252</v>
      </c>
      <c r="H30" s="6">
        <v>1918</v>
      </c>
      <c r="I30" s="6">
        <v>1135</v>
      </c>
      <c r="J30" s="6">
        <v>1023</v>
      </c>
      <c r="K30" s="6">
        <v>367</v>
      </c>
      <c r="L30" s="6">
        <v>416</v>
      </c>
    </row>
    <row r="31" spans="1:12">
      <c r="A31" s="9" t="s">
        <v>27</v>
      </c>
      <c r="B31" s="9" t="s">
        <v>28</v>
      </c>
      <c r="C31" s="9" t="s">
        <v>29</v>
      </c>
      <c r="D31" s="9" t="s">
        <v>262</v>
      </c>
      <c r="E31" s="9" t="s">
        <v>6</v>
      </c>
      <c r="F31" s="9" t="s">
        <v>235</v>
      </c>
      <c r="G31" s="9" t="s">
        <v>253</v>
      </c>
      <c r="H31" s="6">
        <v>2083</v>
      </c>
      <c r="I31" s="6">
        <v>1258</v>
      </c>
      <c r="J31" s="6">
        <v>1118</v>
      </c>
      <c r="K31" s="6">
        <v>372</v>
      </c>
      <c r="L31" s="6">
        <v>453</v>
      </c>
    </row>
    <row r="32" spans="1:12">
      <c r="A32" s="9" t="s">
        <v>27</v>
      </c>
      <c r="B32" s="9" t="s">
        <v>28</v>
      </c>
      <c r="C32" s="9" t="s">
        <v>29</v>
      </c>
      <c r="D32" s="9" t="s">
        <v>262</v>
      </c>
      <c r="E32" s="9" t="s">
        <v>6</v>
      </c>
      <c r="F32" s="9" t="s">
        <v>235</v>
      </c>
      <c r="G32" s="9" t="s">
        <v>254</v>
      </c>
      <c r="H32" s="6">
        <v>2097</v>
      </c>
      <c r="I32" s="6">
        <v>1252</v>
      </c>
      <c r="J32" s="6">
        <v>1121</v>
      </c>
      <c r="K32" s="6">
        <v>405</v>
      </c>
      <c r="L32" s="6">
        <v>440</v>
      </c>
    </row>
    <row r="33" spans="1:12">
      <c r="A33" s="9" t="s">
        <v>27</v>
      </c>
      <c r="B33" s="9" t="s">
        <v>28</v>
      </c>
      <c r="C33" s="9" t="s">
        <v>29</v>
      </c>
      <c r="D33" s="9" t="s">
        <v>262</v>
      </c>
      <c r="E33" s="9" t="s">
        <v>6</v>
      </c>
      <c r="F33" s="9" t="s">
        <v>235</v>
      </c>
      <c r="G33" s="9" t="s">
        <v>255</v>
      </c>
      <c r="H33" s="6">
        <v>2306</v>
      </c>
      <c r="I33" s="6">
        <v>1377</v>
      </c>
      <c r="J33" s="6">
        <v>1223</v>
      </c>
      <c r="K33" s="6">
        <v>457</v>
      </c>
      <c r="L33" s="6">
        <v>472</v>
      </c>
    </row>
    <row r="34" spans="1:12">
      <c r="A34" s="9" t="s">
        <v>27</v>
      </c>
      <c r="B34" s="9" t="s">
        <v>28</v>
      </c>
      <c r="C34" s="9" t="s">
        <v>29</v>
      </c>
      <c r="D34" s="9" t="s">
        <v>262</v>
      </c>
      <c r="E34" s="9" t="s">
        <v>6</v>
      </c>
      <c r="F34" s="9" t="s">
        <v>235</v>
      </c>
      <c r="G34" s="9" t="s">
        <v>256</v>
      </c>
      <c r="H34" s="6">
        <v>342866</v>
      </c>
      <c r="I34" s="6">
        <v>123682</v>
      </c>
      <c r="J34" s="6">
        <v>87777</v>
      </c>
      <c r="K34" s="6">
        <v>201558</v>
      </c>
      <c r="L34" s="6">
        <v>17626</v>
      </c>
    </row>
    <row r="35" spans="1:12">
      <c r="A35" s="9" t="s">
        <v>27</v>
      </c>
      <c r="B35" s="9" t="s">
        <v>28</v>
      </c>
      <c r="C35" s="9" t="s">
        <v>29</v>
      </c>
      <c r="D35" s="9" t="s">
        <v>262</v>
      </c>
      <c r="E35" s="9" t="s">
        <v>226</v>
      </c>
      <c r="F35" s="9" t="s">
        <v>6</v>
      </c>
      <c r="G35" s="9" t="s">
        <v>30</v>
      </c>
      <c r="H35" s="6">
        <v>251800</v>
      </c>
      <c r="I35" s="6">
        <v>155715</v>
      </c>
      <c r="J35" s="6">
        <v>110412</v>
      </c>
      <c r="K35" s="6">
        <v>94964</v>
      </c>
      <c r="L35" s="6">
        <v>1121</v>
      </c>
    </row>
    <row r="36" spans="1:12">
      <c r="A36" s="9" t="s">
        <v>27</v>
      </c>
      <c r="B36" s="9" t="s">
        <v>28</v>
      </c>
      <c r="C36" s="9" t="s">
        <v>29</v>
      </c>
      <c r="D36" s="9" t="s">
        <v>262</v>
      </c>
      <c r="E36" s="9" t="s">
        <v>226</v>
      </c>
      <c r="F36" s="9" t="s">
        <v>234</v>
      </c>
      <c r="G36" s="9" t="s">
        <v>30</v>
      </c>
      <c r="H36" s="6">
        <v>61405</v>
      </c>
      <c r="I36" s="6">
        <v>38553</v>
      </c>
      <c r="J36" s="6">
        <v>27312</v>
      </c>
      <c r="K36" s="6">
        <v>22436</v>
      </c>
      <c r="L36" s="6">
        <v>416</v>
      </c>
    </row>
    <row r="37" spans="1:12">
      <c r="A37" s="9" t="s">
        <v>27</v>
      </c>
      <c r="B37" s="9" t="s">
        <v>28</v>
      </c>
      <c r="C37" s="9" t="s">
        <v>29</v>
      </c>
      <c r="D37" s="9" t="s">
        <v>262</v>
      </c>
      <c r="E37" s="9" t="s">
        <v>226</v>
      </c>
      <c r="F37" s="9" t="s">
        <v>235</v>
      </c>
      <c r="G37" s="9" t="s">
        <v>30</v>
      </c>
      <c r="H37" s="6">
        <v>190395</v>
      </c>
      <c r="I37" s="6">
        <v>117162</v>
      </c>
      <c r="J37" s="6">
        <v>83100</v>
      </c>
      <c r="K37" s="6">
        <v>72528</v>
      </c>
      <c r="L37" s="6">
        <v>705</v>
      </c>
    </row>
    <row r="38" spans="1:12">
      <c r="A38" s="9" t="s">
        <v>27</v>
      </c>
      <c r="B38" s="9" t="s">
        <v>28</v>
      </c>
      <c r="C38" s="9" t="s">
        <v>29</v>
      </c>
      <c r="D38" s="9" t="s">
        <v>262</v>
      </c>
      <c r="E38" s="9" t="s">
        <v>226</v>
      </c>
      <c r="F38" s="9" t="s">
        <v>235</v>
      </c>
      <c r="G38" s="9" t="s">
        <v>236</v>
      </c>
      <c r="H38" s="6">
        <v>1762</v>
      </c>
      <c r="I38" s="6">
        <v>785</v>
      </c>
      <c r="J38" s="6">
        <v>684</v>
      </c>
      <c r="K38" s="6">
        <v>971</v>
      </c>
      <c r="L38" s="6">
        <v>6</v>
      </c>
    </row>
    <row r="39" spans="1:12">
      <c r="A39" s="9" t="s">
        <v>27</v>
      </c>
      <c r="B39" s="9" t="s">
        <v>28</v>
      </c>
      <c r="C39" s="9" t="s">
        <v>29</v>
      </c>
      <c r="D39" s="9" t="s">
        <v>262</v>
      </c>
      <c r="E39" s="9" t="s">
        <v>226</v>
      </c>
      <c r="F39" s="9" t="s">
        <v>235</v>
      </c>
      <c r="G39" s="9" t="s">
        <v>237</v>
      </c>
      <c r="H39" s="6">
        <v>1710</v>
      </c>
      <c r="I39" s="6">
        <v>1029</v>
      </c>
      <c r="J39" s="6">
        <v>907</v>
      </c>
      <c r="K39" s="6">
        <v>674</v>
      </c>
      <c r="L39" s="6">
        <v>7</v>
      </c>
    </row>
    <row r="40" spans="1:12">
      <c r="A40" s="9" t="s">
        <v>27</v>
      </c>
      <c r="B40" s="9" t="s">
        <v>28</v>
      </c>
      <c r="C40" s="9" t="s">
        <v>29</v>
      </c>
      <c r="D40" s="9" t="s">
        <v>262</v>
      </c>
      <c r="E40" s="9" t="s">
        <v>226</v>
      </c>
      <c r="F40" s="9" t="s">
        <v>235</v>
      </c>
      <c r="G40" s="9" t="s">
        <v>238</v>
      </c>
      <c r="H40" s="6">
        <v>1592</v>
      </c>
      <c r="I40" s="6">
        <v>1038</v>
      </c>
      <c r="J40" s="6">
        <v>909</v>
      </c>
      <c r="K40" s="6">
        <v>547</v>
      </c>
      <c r="L40" s="6">
        <v>7</v>
      </c>
    </row>
    <row r="41" spans="1:12">
      <c r="A41" s="9" t="s">
        <v>27</v>
      </c>
      <c r="B41" s="9" t="s">
        <v>28</v>
      </c>
      <c r="C41" s="9" t="s">
        <v>29</v>
      </c>
      <c r="D41" s="9" t="s">
        <v>262</v>
      </c>
      <c r="E41" s="9" t="s">
        <v>226</v>
      </c>
      <c r="F41" s="9" t="s">
        <v>235</v>
      </c>
      <c r="G41" s="9" t="s">
        <v>239</v>
      </c>
      <c r="H41" s="6">
        <v>1431</v>
      </c>
      <c r="I41" s="6">
        <v>993</v>
      </c>
      <c r="J41" s="6">
        <v>867</v>
      </c>
      <c r="K41" s="6">
        <v>434</v>
      </c>
      <c r="L41" s="6">
        <v>4</v>
      </c>
    </row>
    <row r="42" spans="1:12">
      <c r="A42" s="9" t="s">
        <v>27</v>
      </c>
      <c r="B42" s="9" t="s">
        <v>28</v>
      </c>
      <c r="C42" s="9" t="s">
        <v>29</v>
      </c>
      <c r="D42" s="9" t="s">
        <v>262</v>
      </c>
      <c r="E42" s="9" t="s">
        <v>226</v>
      </c>
      <c r="F42" s="9" t="s">
        <v>235</v>
      </c>
      <c r="G42" s="9" t="s">
        <v>240</v>
      </c>
      <c r="H42" s="6">
        <v>1245</v>
      </c>
      <c r="I42" s="6">
        <v>952</v>
      </c>
      <c r="J42" s="6">
        <v>846</v>
      </c>
      <c r="K42" s="6">
        <v>290</v>
      </c>
      <c r="L42" s="6">
        <v>3</v>
      </c>
    </row>
    <row r="43" spans="1:12">
      <c r="A43" s="9" t="s">
        <v>27</v>
      </c>
      <c r="B43" s="9" t="s">
        <v>28</v>
      </c>
      <c r="C43" s="9" t="s">
        <v>29</v>
      </c>
      <c r="D43" s="9" t="s">
        <v>262</v>
      </c>
      <c r="E43" s="9" t="s">
        <v>226</v>
      </c>
      <c r="F43" s="9" t="s">
        <v>235</v>
      </c>
      <c r="G43" s="9" t="s">
        <v>241</v>
      </c>
      <c r="H43" s="6">
        <v>1150</v>
      </c>
      <c r="I43" s="6">
        <v>893</v>
      </c>
      <c r="J43" s="6">
        <v>804</v>
      </c>
      <c r="K43" s="6">
        <v>255</v>
      </c>
      <c r="L43" s="6">
        <v>2</v>
      </c>
    </row>
    <row r="44" spans="1:12">
      <c r="A44" s="9" t="s">
        <v>27</v>
      </c>
      <c r="B44" s="9" t="s">
        <v>28</v>
      </c>
      <c r="C44" s="9" t="s">
        <v>29</v>
      </c>
      <c r="D44" s="9" t="s">
        <v>262</v>
      </c>
      <c r="E44" s="9" t="s">
        <v>226</v>
      </c>
      <c r="F44" s="9" t="s">
        <v>235</v>
      </c>
      <c r="G44" s="9" t="s">
        <v>242</v>
      </c>
      <c r="H44" s="6">
        <v>1061</v>
      </c>
      <c r="I44" s="6">
        <v>783</v>
      </c>
      <c r="J44" s="6">
        <v>693</v>
      </c>
      <c r="K44" s="6">
        <v>276</v>
      </c>
      <c r="L44" s="6">
        <v>2</v>
      </c>
    </row>
    <row r="45" spans="1:12">
      <c r="A45" s="9" t="s">
        <v>27</v>
      </c>
      <c r="B45" s="9" t="s">
        <v>28</v>
      </c>
      <c r="C45" s="9" t="s">
        <v>29</v>
      </c>
      <c r="D45" s="9" t="s">
        <v>262</v>
      </c>
      <c r="E45" s="9" t="s">
        <v>226</v>
      </c>
      <c r="F45" s="9" t="s">
        <v>235</v>
      </c>
      <c r="G45" s="9" t="s">
        <v>243</v>
      </c>
      <c r="H45" s="6">
        <v>1068</v>
      </c>
      <c r="I45" s="6">
        <v>798</v>
      </c>
      <c r="J45" s="6">
        <v>722</v>
      </c>
      <c r="K45" s="6">
        <v>268</v>
      </c>
      <c r="L45" s="6">
        <v>2</v>
      </c>
    </row>
    <row r="46" spans="1:12">
      <c r="A46" s="9" t="s">
        <v>27</v>
      </c>
      <c r="B46" s="9" t="s">
        <v>28</v>
      </c>
      <c r="C46" s="9" t="s">
        <v>29</v>
      </c>
      <c r="D46" s="9" t="s">
        <v>262</v>
      </c>
      <c r="E46" s="9" t="s">
        <v>226</v>
      </c>
      <c r="F46" s="9" t="s">
        <v>235</v>
      </c>
      <c r="G46" s="9" t="s">
        <v>244</v>
      </c>
      <c r="H46" s="6">
        <v>1087</v>
      </c>
      <c r="I46" s="6">
        <v>814</v>
      </c>
      <c r="J46" s="6">
        <v>727</v>
      </c>
      <c r="K46" s="6">
        <v>271</v>
      </c>
      <c r="L46" s="6">
        <v>2</v>
      </c>
    </row>
    <row r="47" spans="1:12">
      <c r="A47" s="9" t="s">
        <v>27</v>
      </c>
      <c r="B47" s="9" t="s">
        <v>28</v>
      </c>
      <c r="C47" s="9" t="s">
        <v>29</v>
      </c>
      <c r="D47" s="9" t="s">
        <v>262</v>
      </c>
      <c r="E47" s="9" t="s">
        <v>226</v>
      </c>
      <c r="F47" s="9" t="s">
        <v>235</v>
      </c>
      <c r="G47" s="9" t="s">
        <v>245</v>
      </c>
      <c r="H47" s="6">
        <v>1067</v>
      </c>
      <c r="I47" s="6">
        <v>820</v>
      </c>
      <c r="J47" s="6">
        <v>725</v>
      </c>
      <c r="K47" s="6">
        <v>240</v>
      </c>
      <c r="L47" s="6">
        <v>7</v>
      </c>
    </row>
    <row r="48" spans="1:12">
      <c r="A48" s="9" t="s">
        <v>27</v>
      </c>
      <c r="B48" s="9" t="s">
        <v>28</v>
      </c>
      <c r="C48" s="9" t="s">
        <v>29</v>
      </c>
      <c r="D48" s="9" t="s">
        <v>262</v>
      </c>
      <c r="E48" s="9" t="s">
        <v>226</v>
      </c>
      <c r="F48" s="9" t="s">
        <v>235</v>
      </c>
      <c r="G48" s="9" t="s">
        <v>246</v>
      </c>
      <c r="H48" s="6">
        <v>1047</v>
      </c>
      <c r="I48" s="6">
        <v>845</v>
      </c>
      <c r="J48" s="6">
        <v>746</v>
      </c>
      <c r="K48" s="6">
        <v>201</v>
      </c>
      <c r="L48" s="6">
        <v>1</v>
      </c>
    </row>
    <row r="49" spans="1:12">
      <c r="A49" s="9" t="s">
        <v>27</v>
      </c>
      <c r="B49" s="9" t="s">
        <v>28</v>
      </c>
      <c r="C49" s="9" t="s">
        <v>29</v>
      </c>
      <c r="D49" s="9" t="s">
        <v>262</v>
      </c>
      <c r="E49" s="9" t="s">
        <v>226</v>
      </c>
      <c r="F49" s="9" t="s">
        <v>235</v>
      </c>
      <c r="G49" s="9" t="s">
        <v>247</v>
      </c>
      <c r="H49" s="6">
        <v>1123</v>
      </c>
      <c r="I49" s="6">
        <v>876</v>
      </c>
      <c r="J49" s="6">
        <v>775</v>
      </c>
      <c r="K49" s="6">
        <v>244</v>
      </c>
      <c r="L49" s="6">
        <v>3</v>
      </c>
    </row>
    <row r="50" spans="1:12">
      <c r="A50" s="9" t="s">
        <v>27</v>
      </c>
      <c r="B50" s="9" t="s">
        <v>28</v>
      </c>
      <c r="C50" s="9" t="s">
        <v>29</v>
      </c>
      <c r="D50" s="9" t="s">
        <v>262</v>
      </c>
      <c r="E50" s="9" t="s">
        <v>226</v>
      </c>
      <c r="F50" s="9" t="s">
        <v>235</v>
      </c>
      <c r="G50" s="9" t="s">
        <v>248</v>
      </c>
      <c r="H50" s="6">
        <v>1137</v>
      </c>
      <c r="I50" s="6">
        <v>918</v>
      </c>
      <c r="J50" s="6">
        <v>807</v>
      </c>
      <c r="K50" s="6">
        <v>217</v>
      </c>
      <c r="L50" s="6">
        <v>2</v>
      </c>
    </row>
    <row r="51" spans="1:12">
      <c r="A51" s="9" t="s">
        <v>27</v>
      </c>
      <c r="B51" s="9" t="s">
        <v>28</v>
      </c>
      <c r="C51" s="9" t="s">
        <v>29</v>
      </c>
      <c r="D51" s="9" t="s">
        <v>262</v>
      </c>
      <c r="E51" s="9" t="s">
        <v>226</v>
      </c>
      <c r="F51" s="9" t="s">
        <v>235</v>
      </c>
      <c r="G51" s="9" t="s">
        <v>249</v>
      </c>
      <c r="H51" s="6">
        <v>1099</v>
      </c>
      <c r="I51" s="6">
        <v>833</v>
      </c>
      <c r="J51" s="6">
        <v>725</v>
      </c>
      <c r="K51" s="6">
        <v>262</v>
      </c>
      <c r="L51" s="6">
        <v>4</v>
      </c>
    </row>
    <row r="52" spans="1:12">
      <c r="A52" s="9" t="s">
        <v>27</v>
      </c>
      <c r="B52" s="9" t="s">
        <v>28</v>
      </c>
      <c r="C52" s="9" t="s">
        <v>29</v>
      </c>
      <c r="D52" s="9" t="s">
        <v>262</v>
      </c>
      <c r="E52" s="9" t="s">
        <v>226</v>
      </c>
      <c r="F52" s="9" t="s">
        <v>235</v>
      </c>
      <c r="G52" s="9" t="s">
        <v>250</v>
      </c>
      <c r="H52" s="6">
        <v>1240</v>
      </c>
      <c r="I52" s="6">
        <v>958</v>
      </c>
      <c r="J52" s="6">
        <v>835</v>
      </c>
      <c r="K52" s="6">
        <v>279</v>
      </c>
      <c r="L52" s="6">
        <v>3</v>
      </c>
    </row>
    <row r="53" spans="1:12">
      <c r="A53" s="9" t="s">
        <v>27</v>
      </c>
      <c r="B53" s="9" t="s">
        <v>28</v>
      </c>
      <c r="C53" s="9" t="s">
        <v>29</v>
      </c>
      <c r="D53" s="9" t="s">
        <v>262</v>
      </c>
      <c r="E53" s="9" t="s">
        <v>226</v>
      </c>
      <c r="F53" s="9" t="s">
        <v>235</v>
      </c>
      <c r="G53" s="9" t="s">
        <v>251</v>
      </c>
      <c r="H53" s="6">
        <v>1229</v>
      </c>
      <c r="I53" s="6">
        <v>959</v>
      </c>
      <c r="J53" s="6">
        <v>843</v>
      </c>
      <c r="K53" s="6">
        <v>266</v>
      </c>
      <c r="L53" s="6">
        <v>4</v>
      </c>
    </row>
    <row r="54" spans="1:12">
      <c r="A54" s="9" t="s">
        <v>27</v>
      </c>
      <c r="B54" s="9" t="s">
        <v>28</v>
      </c>
      <c r="C54" s="9" t="s">
        <v>29</v>
      </c>
      <c r="D54" s="9" t="s">
        <v>262</v>
      </c>
      <c r="E54" s="9" t="s">
        <v>226</v>
      </c>
      <c r="F54" s="9" t="s">
        <v>235</v>
      </c>
      <c r="G54" s="9" t="s">
        <v>252</v>
      </c>
      <c r="H54" s="6">
        <v>1435</v>
      </c>
      <c r="I54" s="6">
        <v>1096</v>
      </c>
      <c r="J54" s="6">
        <v>986</v>
      </c>
      <c r="K54" s="6">
        <v>338</v>
      </c>
      <c r="L54" s="6">
        <v>1</v>
      </c>
    </row>
    <row r="55" spans="1:12">
      <c r="A55" s="9" t="s">
        <v>27</v>
      </c>
      <c r="B55" s="9" t="s">
        <v>28</v>
      </c>
      <c r="C55" s="9" t="s">
        <v>29</v>
      </c>
      <c r="D55" s="9" t="s">
        <v>262</v>
      </c>
      <c r="E55" s="9" t="s">
        <v>226</v>
      </c>
      <c r="F55" s="9" t="s">
        <v>235</v>
      </c>
      <c r="G55" s="9" t="s">
        <v>253</v>
      </c>
      <c r="H55" s="6">
        <v>1531</v>
      </c>
      <c r="I55" s="6">
        <v>1194</v>
      </c>
      <c r="J55" s="6">
        <v>1060</v>
      </c>
      <c r="K55" s="6">
        <v>334</v>
      </c>
      <c r="L55" s="6">
        <v>3</v>
      </c>
    </row>
    <row r="56" spans="1:12">
      <c r="A56" s="9" t="s">
        <v>27</v>
      </c>
      <c r="B56" s="9" t="s">
        <v>28</v>
      </c>
      <c r="C56" s="9" t="s">
        <v>29</v>
      </c>
      <c r="D56" s="9" t="s">
        <v>262</v>
      </c>
      <c r="E56" s="9" t="s">
        <v>226</v>
      </c>
      <c r="F56" s="9" t="s">
        <v>235</v>
      </c>
      <c r="G56" s="9" t="s">
        <v>254</v>
      </c>
      <c r="H56" s="6">
        <v>1561</v>
      </c>
      <c r="I56" s="6">
        <v>1195</v>
      </c>
      <c r="J56" s="6">
        <v>1071</v>
      </c>
      <c r="K56" s="6">
        <v>363</v>
      </c>
      <c r="L56" s="6">
        <v>3</v>
      </c>
    </row>
    <row r="57" spans="1:12">
      <c r="A57" s="9" t="s">
        <v>27</v>
      </c>
      <c r="B57" s="9" t="s">
        <v>28</v>
      </c>
      <c r="C57" s="9" t="s">
        <v>29</v>
      </c>
      <c r="D57" s="9" t="s">
        <v>262</v>
      </c>
      <c r="E57" s="9" t="s">
        <v>226</v>
      </c>
      <c r="F57" s="9" t="s">
        <v>235</v>
      </c>
      <c r="G57" s="9" t="s">
        <v>255</v>
      </c>
      <c r="H57" s="6">
        <v>1731</v>
      </c>
      <c r="I57" s="6">
        <v>1304</v>
      </c>
      <c r="J57" s="6">
        <v>1156</v>
      </c>
      <c r="K57" s="6">
        <v>427</v>
      </c>
      <c r="L57" s="10" t="s">
        <v>55</v>
      </c>
    </row>
    <row r="58" spans="1:12">
      <c r="A58" s="9" t="s">
        <v>27</v>
      </c>
      <c r="B58" s="9" t="s">
        <v>28</v>
      </c>
      <c r="C58" s="9" t="s">
        <v>29</v>
      </c>
      <c r="D58" s="9" t="s">
        <v>262</v>
      </c>
      <c r="E58" s="9" t="s">
        <v>226</v>
      </c>
      <c r="F58" s="9" t="s">
        <v>235</v>
      </c>
      <c r="G58" s="9" t="s">
        <v>256</v>
      </c>
      <c r="H58" s="6">
        <v>164089</v>
      </c>
      <c r="I58" s="6">
        <v>98079</v>
      </c>
      <c r="J58" s="6">
        <v>66212</v>
      </c>
      <c r="K58" s="6">
        <v>65371</v>
      </c>
      <c r="L58" s="6">
        <v>639</v>
      </c>
    </row>
    <row r="59" spans="1:12">
      <c r="A59" s="9" t="s">
        <v>27</v>
      </c>
      <c r="B59" s="9" t="s">
        <v>28</v>
      </c>
      <c r="C59" s="9" t="s">
        <v>29</v>
      </c>
      <c r="D59" s="9" t="s">
        <v>262</v>
      </c>
      <c r="E59" s="9" t="s">
        <v>227</v>
      </c>
      <c r="F59" s="9" t="s">
        <v>6</v>
      </c>
      <c r="G59" s="9" t="s">
        <v>30</v>
      </c>
      <c r="H59" s="6">
        <v>174640</v>
      </c>
      <c r="I59" s="6">
        <v>102133</v>
      </c>
      <c r="J59" s="6">
        <v>95135</v>
      </c>
      <c r="K59" s="6">
        <v>71898</v>
      </c>
      <c r="L59" s="6">
        <v>609</v>
      </c>
    </row>
    <row r="60" spans="1:12">
      <c r="A60" s="9" t="s">
        <v>27</v>
      </c>
      <c r="B60" s="9" t="s">
        <v>28</v>
      </c>
      <c r="C60" s="9" t="s">
        <v>29</v>
      </c>
      <c r="D60" s="9" t="s">
        <v>262</v>
      </c>
      <c r="E60" s="9" t="s">
        <v>227</v>
      </c>
      <c r="F60" s="9" t="s">
        <v>234</v>
      </c>
      <c r="G60" s="9" t="s">
        <v>30</v>
      </c>
      <c r="H60" s="6">
        <v>42717</v>
      </c>
      <c r="I60" s="6">
        <v>25556</v>
      </c>
      <c r="J60" s="6">
        <v>23623</v>
      </c>
      <c r="K60" s="6">
        <v>16924</v>
      </c>
      <c r="L60" s="6">
        <v>237</v>
      </c>
    </row>
    <row r="61" spans="1:12">
      <c r="A61" s="9" t="s">
        <v>27</v>
      </c>
      <c r="B61" s="9" t="s">
        <v>28</v>
      </c>
      <c r="C61" s="9" t="s">
        <v>29</v>
      </c>
      <c r="D61" s="9" t="s">
        <v>262</v>
      </c>
      <c r="E61" s="9" t="s">
        <v>227</v>
      </c>
      <c r="F61" s="9" t="s">
        <v>235</v>
      </c>
      <c r="G61" s="9" t="s">
        <v>30</v>
      </c>
      <c r="H61" s="6">
        <v>131923</v>
      </c>
      <c r="I61" s="6">
        <v>76577</v>
      </c>
      <c r="J61" s="6">
        <v>71512</v>
      </c>
      <c r="K61" s="6">
        <v>54974</v>
      </c>
      <c r="L61" s="6">
        <v>372</v>
      </c>
    </row>
    <row r="62" spans="1:12">
      <c r="A62" s="9" t="s">
        <v>27</v>
      </c>
      <c r="B62" s="9" t="s">
        <v>28</v>
      </c>
      <c r="C62" s="9" t="s">
        <v>29</v>
      </c>
      <c r="D62" s="9" t="s">
        <v>262</v>
      </c>
      <c r="E62" s="9" t="s">
        <v>227</v>
      </c>
      <c r="F62" s="9" t="s">
        <v>235</v>
      </c>
      <c r="G62" s="9" t="s">
        <v>236</v>
      </c>
      <c r="H62" s="6">
        <v>1565</v>
      </c>
      <c r="I62" s="6">
        <v>682</v>
      </c>
      <c r="J62" s="6">
        <v>633</v>
      </c>
      <c r="K62" s="6">
        <v>881</v>
      </c>
      <c r="L62" s="6">
        <v>2</v>
      </c>
    </row>
    <row r="63" spans="1:12">
      <c r="A63" s="9" t="s">
        <v>27</v>
      </c>
      <c r="B63" s="9" t="s">
        <v>28</v>
      </c>
      <c r="C63" s="9" t="s">
        <v>29</v>
      </c>
      <c r="D63" s="9" t="s">
        <v>262</v>
      </c>
      <c r="E63" s="9" t="s">
        <v>227</v>
      </c>
      <c r="F63" s="9" t="s">
        <v>235</v>
      </c>
      <c r="G63" s="9" t="s">
        <v>237</v>
      </c>
      <c r="H63" s="6">
        <v>1524</v>
      </c>
      <c r="I63" s="6">
        <v>904</v>
      </c>
      <c r="J63" s="6">
        <v>848</v>
      </c>
      <c r="K63" s="6">
        <v>614</v>
      </c>
      <c r="L63" s="6">
        <v>6</v>
      </c>
    </row>
    <row r="64" spans="1:12">
      <c r="A64" s="9" t="s">
        <v>27</v>
      </c>
      <c r="B64" s="9" t="s">
        <v>28</v>
      </c>
      <c r="C64" s="9" t="s">
        <v>29</v>
      </c>
      <c r="D64" s="9" t="s">
        <v>262</v>
      </c>
      <c r="E64" s="9" t="s">
        <v>227</v>
      </c>
      <c r="F64" s="9" t="s">
        <v>235</v>
      </c>
      <c r="G64" s="9" t="s">
        <v>238</v>
      </c>
      <c r="H64" s="6">
        <v>1386</v>
      </c>
      <c r="I64" s="6">
        <v>891</v>
      </c>
      <c r="J64" s="6">
        <v>839</v>
      </c>
      <c r="K64" s="6">
        <v>492</v>
      </c>
      <c r="L64" s="6">
        <v>3</v>
      </c>
    </row>
    <row r="65" spans="1:12">
      <c r="A65" s="9" t="s">
        <v>27</v>
      </c>
      <c r="B65" s="9" t="s">
        <v>28</v>
      </c>
      <c r="C65" s="9" t="s">
        <v>29</v>
      </c>
      <c r="D65" s="9" t="s">
        <v>262</v>
      </c>
      <c r="E65" s="9" t="s">
        <v>227</v>
      </c>
      <c r="F65" s="9" t="s">
        <v>235</v>
      </c>
      <c r="G65" s="9" t="s">
        <v>239</v>
      </c>
      <c r="H65" s="6">
        <v>1224</v>
      </c>
      <c r="I65" s="6">
        <v>841</v>
      </c>
      <c r="J65" s="6">
        <v>793</v>
      </c>
      <c r="K65" s="6">
        <v>381</v>
      </c>
      <c r="L65" s="6">
        <v>2</v>
      </c>
    </row>
    <row r="66" spans="1:12">
      <c r="A66" s="9" t="s">
        <v>27</v>
      </c>
      <c r="B66" s="9" t="s">
        <v>28</v>
      </c>
      <c r="C66" s="9" t="s">
        <v>29</v>
      </c>
      <c r="D66" s="9" t="s">
        <v>262</v>
      </c>
      <c r="E66" s="9" t="s">
        <v>227</v>
      </c>
      <c r="F66" s="9" t="s">
        <v>235</v>
      </c>
      <c r="G66" s="9" t="s">
        <v>240</v>
      </c>
      <c r="H66" s="6">
        <v>1088</v>
      </c>
      <c r="I66" s="6">
        <v>823</v>
      </c>
      <c r="J66" s="6">
        <v>779</v>
      </c>
      <c r="K66" s="6">
        <v>262</v>
      </c>
      <c r="L66" s="6">
        <v>3</v>
      </c>
    </row>
    <row r="67" spans="1:12">
      <c r="A67" s="9" t="s">
        <v>27</v>
      </c>
      <c r="B67" s="9" t="s">
        <v>28</v>
      </c>
      <c r="C67" s="9" t="s">
        <v>29</v>
      </c>
      <c r="D67" s="9" t="s">
        <v>262</v>
      </c>
      <c r="E67" s="9" t="s">
        <v>227</v>
      </c>
      <c r="F67" s="9" t="s">
        <v>235</v>
      </c>
      <c r="G67" s="9" t="s">
        <v>241</v>
      </c>
      <c r="H67" s="6">
        <v>997</v>
      </c>
      <c r="I67" s="6">
        <v>765</v>
      </c>
      <c r="J67" s="6">
        <v>730</v>
      </c>
      <c r="K67" s="6">
        <v>230</v>
      </c>
      <c r="L67" s="6">
        <v>2</v>
      </c>
    </row>
    <row r="68" spans="1:12">
      <c r="A68" s="9" t="s">
        <v>27</v>
      </c>
      <c r="B68" s="9" t="s">
        <v>28</v>
      </c>
      <c r="C68" s="9" t="s">
        <v>29</v>
      </c>
      <c r="D68" s="9" t="s">
        <v>262</v>
      </c>
      <c r="E68" s="9" t="s">
        <v>227</v>
      </c>
      <c r="F68" s="9" t="s">
        <v>235</v>
      </c>
      <c r="G68" s="9" t="s">
        <v>242</v>
      </c>
      <c r="H68" s="6">
        <v>926</v>
      </c>
      <c r="I68" s="6">
        <v>682</v>
      </c>
      <c r="J68" s="6">
        <v>640</v>
      </c>
      <c r="K68" s="6">
        <v>244</v>
      </c>
      <c r="L68" s="10" t="s">
        <v>55</v>
      </c>
    </row>
    <row r="69" spans="1:12">
      <c r="A69" s="9" t="s">
        <v>27</v>
      </c>
      <c r="B69" s="9" t="s">
        <v>28</v>
      </c>
      <c r="C69" s="9" t="s">
        <v>29</v>
      </c>
      <c r="D69" s="9" t="s">
        <v>262</v>
      </c>
      <c r="E69" s="9" t="s">
        <v>227</v>
      </c>
      <c r="F69" s="9" t="s">
        <v>235</v>
      </c>
      <c r="G69" s="9" t="s">
        <v>243</v>
      </c>
      <c r="H69" s="6">
        <v>933</v>
      </c>
      <c r="I69" s="6">
        <v>694</v>
      </c>
      <c r="J69" s="6">
        <v>658</v>
      </c>
      <c r="K69" s="6">
        <v>237</v>
      </c>
      <c r="L69" s="6">
        <v>2</v>
      </c>
    </row>
    <row r="70" spans="1:12">
      <c r="A70" s="9" t="s">
        <v>27</v>
      </c>
      <c r="B70" s="9" t="s">
        <v>28</v>
      </c>
      <c r="C70" s="9" t="s">
        <v>29</v>
      </c>
      <c r="D70" s="9" t="s">
        <v>262</v>
      </c>
      <c r="E70" s="9" t="s">
        <v>227</v>
      </c>
      <c r="F70" s="9" t="s">
        <v>235</v>
      </c>
      <c r="G70" s="9" t="s">
        <v>244</v>
      </c>
      <c r="H70" s="6">
        <v>924</v>
      </c>
      <c r="I70" s="6">
        <v>687</v>
      </c>
      <c r="J70" s="6">
        <v>656</v>
      </c>
      <c r="K70" s="6">
        <v>236</v>
      </c>
      <c r="L70" s="6">
        <v>1</v>
      </c>
    </row>
    <row r="71" spans="1:12">
      <c r="A71" s="9" t="s">
        <v>27</v>
      </c>
      <c r="B71" s="9" t="s">
        <v>28</v>
      </c>
      <c r="C71" s="9" t="s">
        <v>29</v>
      </c>
      <c r="D71" s="9" t="s">
        <v>262</v>
      </c>
      <c r="E71" s="9" t="s">
        <v>227</v>
      </c>
      <c r="F71" s="9" t="s">
        <v>235</v>
      </c>
      <c r="G71" s="9" t="s">
        <v>245</v>
      </c>
      <c r="H71" s="6">
        <v>927</v>
      </c>
      <c r="I71" s="6">
        <v>710</v>
      </c>
      <c r="J71" s="6">
        <v>666</v>
      </c>
      <c r="K71" s="6">
        <v>211</v>
      </c>
      <c r="L71" s="6">
        <v>6</v>
      </c>
    </row>
    <row r="72" spans="1:12">
      <c r="A72" s="9" t="s">
        <v>27</v>
      </c>
      <c r="B72" s="9" t="s">
        <v>28</v>
      </c>
      <c r="C72" s="9" t="s">
        <v>29</v>
      </c>
      <c r="D72" s="9" t="s">
        <v>262</v>
      </c>
      <c r="E72" s="9" t="s">
        <v>227</v>
      </c>
      <c r="F72" s="9" t="s">
        <v>235</v>
      </c>
      <c r="G72" s="9" t="s">
        <v>246</v>
      </c>
      <c r="H72" s="6">
        <v>890</v>
      </c>
      <c r="I72" s="6">
        <v>716</v>
      </c>
      <c r="J72" s="6">
        <v>681</v>
      </c>
      <c r="K72" s="6">
        <v>173</v>
      </c>
      <c r="L72" s="6">
        <v>1</v>
      </c>
    </row>
    <row r="73" spans="1:12">
      <c r="A73" s="9" t="s">
        <v>27</v>
      </c>
      <c r="B73" s="9" t="s">
        <v>28</v>
      </c>
      <c r="C73" s="9" t="s">
        <v>29</v>
      </c>
      <c r="D73" s="9" t="s">
        <v>262</v>
      </c>
      <c r="E73" s="9" t="s">
        <v>227</v>
      </c>
      <c r="F73" s="9" t="s">
        <v>235</v>
      </c>
      <c r="G73" s="9" t="s">
        <v>247</v>
      </c>
      <c r="H73" s="6">
        <v>972</v>
      </c>
      <c r="I73" s="6">
        <v>753</v>
      </c>
      <c r="J73" s="6">
        <v>707</v>
      </c>
      <c r="K73" s="6">
        <v>218</v>
      </c>
      <c r="L73" s="6">
        <v>1</v>
      </c>
    </row>
    <row r="74" spans="1:12">
      <c r="A74" s="9" t="s">
        <v>27</v>
      </c>
      <c r="B74" s="9" t="s">
        <v>28</v>
      </c>
      <c r="C74" s="9" t="s">
        <v>29</v>
      </c>
      <c r="D74" s="9" t="s">
        <v>262</v>
      </c>
      <c r="E74" s="9" t="s">
        <v>227</v>
      </c>
      <c r="F74" s="9" t="s">
        <v>235</v>
      </c>
      <c r="G74" s="9" t="s">
        <v>248</v>
      </c>
      <c r="H74" s="6">
        <v>967</v>
      </c>
      <c r="I74" s="6">
        <v>784</v>
      </c>
      <c r="J74" s="6">
        <v>734</v>
      </c>
      <c r="K74" s="6">
        <v>181</v>
      </c>
      <c r="L74" s="6">
        <v>2</v>
      </c>
    </row>
    <row r="75" spans="1:12">
      <c r="A75" s="9" t="s">
        <v>27</v>
      </c>
      <c r="B75" s="9" t="s">
        <v>28</v>
      </c>
      <c r="C75" s="9" t="s">
        <v>29</v>
      </c>
      <c r="D75" s="9" t="s">
        <v>262</v>
      </c>
      <c r="E75" s="9" t="s">
        <v>227</v>
      </c>
      <c r="F75" s="9" t="s">
        <v>235</v>
      </c>
      <c r="G75" s="9" t="s">
        <v>249</v>
      </c>
      <c r="H75" s="6">
        <v>905</v>
      </c>
      <c r="I75" s="6">
        <v>680</v>
      </c>
      <c r="J75" s="6">
        <v>640</v>
      </c>
      <c r="K75" s="6">
        <v>223</v>
      </c>
      <c r="L75" s="6">
        <v>2</v>
      </c>
    </row>
    <row r="76" spans="1:12">
      <c r="A76" s="9" t="s">
        <v>27</v>
      </c>
      <c r="B76" s="9" t="s">
        <v>28</v>
      </c>
      <c r="C76" s="9" t="s">
        <v>29</v>
      </c>
      <c r="D76" s="9" t="s">
        <v>262</v>
      </c>
      <c r="E76" s="9" t="s">
        <v>227</v>
      </c>
      <c r="F76" s="9" t="s">
        <v>235</v>
      </c>
      <c r="G76" s="9" t="s">
        <v>250</v>
      </c>
      <c r="H76" s="6">
        <v>1016</v>
      </c>
      <c r="I76" s="6">
        <v>778</v>
      </c>
      <c r="J76" s="6">
        <v>736</v>
      </c>
      <c r="K76" s="6">
        <v>237</v>
      </c>
      <c r="L76" s="6">
        <v>1</v>
      </c>
    </row>
    <row r="77" spans="1:12">
      <c r="A77" s="9" t="s">
        <v>27</v>
      </c>
      <c r="B77" s="9" t="s">
        <v>28</v>
      </c>
      <c r="C77" s="9" t="s">
        <v>29</v>
      </c>
      <c r="D77" s="9" t="s">
        <v>262</v>
      </c>
      <c r="E77" s="9" t="s">
        <v>227</v>
      </c>
      <c r="F77" s="9" t="s">
        <v>235</v>
      </c>
      <c r="G77" s="9" t="s">
        <v>251</v>
      </c>
      <c r="H77" s="6">
        <v>1014</v>
      </c>
      <c r="I77" s="6">
        <v>783</v>
      </c>
      <c r="J77" s="6">
        <v>745</v>
      </c>
      <c r="K77" s="6">
        <v>230</v>
      </c>
      <c r="L77" s="6">
        <v>1</v>
      </c>
    </row>
    <row r="78" spans="1:12">
      <c r="A78" s="9" t="s">
        <v>27</v>
      </c>
      <c r="B78" s="9" t="s">
        <v>28</v>
      </c>
      <c r="C78" s="9" t="s">
        <v>29</v>
      </c>
      <c r="D78" s="9" t="s">
        <v>262</v>
      </c>
      <c r="E78" s="9" t="s">
        <v>227</v>
      </c>
      <c r="F78" s="9" t="s">
        <v>235</v>
      </c>
      <c r="G78" s="9" t="s">
        <v>252</v>
      </c>
      <c r="H78" s="6">
        <v>1203</v>
      </c>
      <c r="I78" s="6">
        <v>918</v>
      </c>
      <c r="J78" s="6">
        <v>886</v>
      </c>
      <c r="K78" s="6">
        <v>285</v>
      </c>
      <c r="L78" s="10" t="s">
        <v>55</v>
      </c>
    </row>
    <row r="79" spans="1:12">
      <c r="A79" s="9" t="s">
        <v>27</v>
      </c>
      <c r="B79" s="9" t="s">
        <v>28</v>
      </c>
      <c r="C79" s="9" t="s">
        <v>29</v>
      </c>
      <c r="D79" s="9" t="s">
        <v>262</v>
      </c>
      <c r="E79" s="9" t="s">
        <v>227</v>
      </c>
      <c r="F79" s="9" t="s">
        <v>235</v>
      </c>
      <c r="G79" s="9" t="s">
        <v>253</v>
      </c>
      <c r="H79" s="6">
        <v>1255</v>
      </c>
      <c r="I79" s="6">
        <v>970</v>
      </c>
      <c r="J79" s="6">
        <v>933</v>
      </c>
      <c r="K79" s="6">
        <v>283</v>
      </c>
      <c r="L79" s="6">
        <v>2</v>
      </c>
    </row>
    <row r="80" spans="1:12">
      <c r="A80" s="9" t="s">
        <v>27</v>
      </c>
      <c r="B80" s="9" t="s">
        <v>28</v>
      </c>
      <c r="C80" s="9" t="s">
        <v>29</v>
      </c>
      <c r="D80" s="9" t="s">
        <v>262</v>
      </c>
      <c r="E80" s="9" t="s">
        <v>227</v>
      </c>
      <c r="F80" s="9" t="s">
        <v>235</v>
      </c>
      <c r="G80" s="9" t="s">
        <v>254</v>
      </c>
      <c r="H80" s="6">
        <v>1320</v>
      </c>
      <c r="I80" s="6">
        <v>1006</v>
      </c>
      <c r="J80" s="6">
        <v>967</v>
      </c>
      <c r="K80" s="6">
        <v>312</v>
      </c>
      <c r="L80" s="6">
        <v>2</v>
      </c>
    </row>
    <row r="81" spans="1:12">
      <c r="A81" s="9" t="s">
        <v>27</v>
      </c>
      <c r="B81" s="9" t="s">
        <v>28</v>
      </c>
      <c r="C81" s="9" t="s">
        <v>29</v>
      </c>
      <c r="D81" s="9" t="s">
        <v>262</v>
      </c>
      <c r="E81" s="9" t="s">
        <v>227</v>
      </c>
      <c r="F81" s="9" t="s">
        <v>235</v>
      </c>
      <c r="G81" s="9" t="s">
        <v>255</v>
      </c>
      <c r="H81" s="6">
        <v>1434</v>
      </c>
      <c r="I81" s="6">
        <v>1075</v>
      </c>
      <c r="J81" s="6">
        <v>1029</v>
      </c>
      <c r="K81" s="6">
        <v>359</v>
      </c>
      <c r="L81" s="10" t="s">
        <v>55</v>
      </c>
    </row>
    <row r="82" spans="1:12">
      <c r="A82" s="9" t="s">
        <v>27</v>
      </c>
      <c r="B82" s="9" t="s">
        <v>28</v>
      </c>
      <c r="C82" s="9" t="s">
        <v>29</v>
      </c>
      <c r="D82" s="9" t="s">
        <v>262</v>
      </c>
      <c r="E82" s="9" t="s">
        <v>227</v>
      </c>
      <c r="F82" s="9" t="s">
        <v>235</v>
      </c>
      <c r="G82" s="9" t="s">
        <v>256</v>
      </c>
      <c r="H82" s="6">
        <v>109453</v>
      </c>
      <c r="I82" s="6">
        <v>60435</v>
      </c>
      <c r="J82" s="6">
        <v>56212</v>
      </c>
      <c r="K82" s="6">
        <v>48685</v>
      </c>
      <c r="L82" s="6">
        <v>333</v>
      </c>
    </row>
    <row r="83" spans="1:12">
      <c r="A83" s="9" t="s">
        <v>27</v>
      </c>
      <c r="B83" s="9" t="s">
        <v>28</v>
      </c>
      <c r="C83" s="9" t="s">
        <v>29</v>
      </c>
      <c r="D83" s="9" t="s">
        <v>262</v>
      </c>
      <c r="E83" s="9" t="s">
        <v>228</v>
      </c>
      <c r="F83" s="9" t="s">
        <v>6</v>
      </c>
      <c r="G83" s="9" t="s">
        <v>30</v>
      </c>
      <c r="H83" s="6">
        <v>211936</v>
      </c>
      <c r="I83" s="6">
        <v>33625</v>
      </c>
      <c r="J83" s="6">
        <v>28477</v>
      </c>
      <c r="K83" s="6">
        <v>177930</v>
      </c>
      <c r="L83" s="6">
        <v>381</v>
      </c>
    </row>
    <row r="84" spans="1:12">
      <c r="A84" s="9" t="s">
        <v>27</v>
      </c>
      <c r="B84" s="9" t="s">
        <v>28</v>
      </c>
      <c r="C84" s="9" t="s">
        <v>29</v>
      </c>
      <c r="D84" s="9" t="s">
        <v>262</v>
      </c>
      <c r="E84" s="9" t="s">
        <v>228</v>
      </c>
      <c r="F84" s="9" t="s">
        <v>234</v>
      </c>
      <c r="G84" s="9" t="s">
        <v>30</v>
      </c>
      <c r="H84" s="6">
        <v>49827</v>
      </c>
      <c r="I84" s="6">
        <v>7902</v>
      </c>
      <c r="J84" s="6">
        <v>6685</v>
      </c>
      <c r="K84" s="6">
        <v>41798</v>
      </c>
      <c r="L84" s="6">
        <v>127</v>
      </c>
    </row>
    <row r="85" spans="1:12">
      <c r="A85" s="9" t="s">
        <v>27</v>
      </c>
      <c r="B85" s="9" t="s">
        <v>28</v>
      </c>
      <c r="C85" s="9" t="s">
        <v>29</v>
      </c>
      <c r="D85" s="9" t="s">
        <v>262</v>
      </c>
      <c r="E85" s="9" t="s">
        <v>228</v>
      </c>
      <c r="F85" s="9" t="s">
        <v>235</v>
      </c>
      <c r="G85" s="9" t="s">
        <v>30</v>
      </c>
      <c r="H85" s="6">
        <v>162109</v>
      </c>
      <c r="I85" s="6">
        <v>25723</v>
      </c>
      <c r="J85" s="6">
        <v>21792</v>
      </c>
      <c r="K85" s="6">
        <v>136132</v>
      </c>
      <c r="L85" s="6">
        <v>254</v>
      </c>
    </row>
    <row r="86" spans="1:12">
      <c r="A86" s="9" t="s">
        <v>27</v>
      </c>
      <c r="B86" s="9" t="s">
        <v>28</v>
      </c>
      <c r="C86" s="9" t="s">
        <v>29</v>
      </c>
      <c r="D86" s="9" t="s">
        <v>262</v>
      </c>
      <c r="E86" s="9" t="s">
        <v>228</v>
      </c>
      <c r="F86" s="9" t="s">
        <v>235</v>
      </c>
      <c r="G86" s="9" t="s">
        <v>236</v>
      </c>
      <c r="H86" s="6">
        <v>76</v>
      </c>
      <c r="I86" s="6">
        <v>18</v>
      </c>
      <c r="J86" s="6">
        <v>17</v>
      </c>
      <c r="K86" s="6">
        <v>58</v>
      </c>
      <c r="L86" s="10" t="s">
        <v>55</v>
      </c>
    </row>
    <row r="87" spans="1:12">
      <c r="A87" s="9" t="s">
        <v>27</v>
      </c>
      <c r="B87" s="9" t="s">
        <v>28</v>
      </c>
      <c r="C87" s="9" t="s">
        <v>29</v>
      </c>
      <c r="D87" s="9" t="s">
        <v>262</v>
      </c>
      <c r="E87" s="9" t="s">
        <v>228</v>
      </c>
      <c r="F87" s="9" t="s">
        <v>235</v>
      </c>
      <c r="G87" s="9" t="s">
        <v>237</v>
      </c>
      <c r="H87" s="6">
        <v>68</v>
      </c>
      <c r="I87" s="6">
        <v>32</v>
      </c>
      <c r="J87" s="6">
        <v>29</v>
      </c>
      <c r="K87" s="6">
        <v>35</v>
      </c>
      <c r="L87" s="6">
        <v>1</v>
      </c>
    </row>
    <row r="88" spans="1:12">
      <c r="A88" s="9" t="s">
        <v>27</v>
      </c>
      <c r="B88" s="9" t="s">
        <v>28</v>
      </c>
      <c r="C88" s="9" t="s">
        <v>29</v>
      </c>
      <c r="D88" s="9" t="s">
        <v>262</v>
      </c>
      <c r="E88" s="9" t="s">
        <v>228</v>
      </c>
      <c r="F88" s="9" t="s">
        <v>235</v>
      </c>
      <c r="G88" s="9" t="s">
        <v>238</v>
      </c>
      <c r="H88" s="6">
        <v>53</v>
      </c>
      <c r="I88" s="6">
        <v>25</v>
      </c>
      <c r="J88" s="6">
        <v>22</v>
      </c>
      <c r="K88" s="6">
        <v>28</v>
      </c>
      <c r="L88" s="10" t="s">
        <v>55</v>
      </c>
    </row>
    <row r="89" spans="1:12">
      <c r="A89" s="9" t="s">
        <v>27</v>
      </c>
      <c r="B89" s="9" t="s">
        <v>28</v>
      </c>
      <c r="C89" s="9" t="s">
        <v>29</v>
      </c>
      <c r="D89" s="9" t="s">
        <v>262</v>
      </c>
      <c r="E89" s="9" t="s">
        <v>228</v>
      </c>
      <c r="F89" s="9" t="s">
        <v>235</v>
      </c>
      <c r="G89" s="9" t="s">
        <v>239</v>
      </c>
      <c r="H89" s="6">
        <v>42</v>
      </c>
      <c r="I89" s="6">
        <v>23</v>
      </c>
      <c r="J89" s="6">
        <v>18</v>
      </c>
      <c r="K89" s="6">
        <v>19</v>
      </c>
      <c r="L89" s="10" t="s">
        <v>55</v>
      </c>
    </row>
    <row r="90" spans="1:12">
      <c r="A90" s="9" t="s">
        <v>27</v>
      </c>
      <c r="B90" s="9" t="s">
        <v>28</v>
      </c>
      <c r="C90" s="9" t="s">
        <v>29</v>
      </c>
      <c r="D90" s="9" t="s">
        <v>262</v>
      </c>
      <c r="E90" s="9" t="s">
        <v>228</v>
      </c>
      <c r="F90" s="9" t="s">
        <v>235</v>
      </c>
      <c r="G90" s="9" t="s">
        <v>240</v>
      </c>
      <c r="H90" s="6">
        <v>43</v>
      </c>
      <c r="I90" s="6">
        <v>21</v>
      </c>
      <c r="J90" s="6">
        <v>19</v>
      </c>
      <c r="K90" s="6">
        <v>22</v>
      </c>
      <c r="L90" s="10" t="s">
        <v>55</v>
      </c>
    </row>
    <row r="91" spans="1:12">
      <c r="A91" s="9" t="s">
        <v>27</v>
      </c>
      <c r="B91" s="9" t="s">
        <v>28</v>
      </c>
      <c r="C91" s="9" t="s">
        <v>29</v>
      </c>
      <c r="D91" s="9" t="s">
        <v>262</v>
      </c>
      <c r="E91" s="9" t="s">
        <v>228</v>
      </c>
      <c r="F91" s="9" t="s">
        <v>235</v>
      </c>
      <c r="G91" s="9" t="s">
        <v>241</v>
      </c>
      <c r="H91" s="6">
        <v>32</v>
      </c>
      <c r="I91" s="6">
        <v>16</v>
      </c>
      <c r="J91" s="6">
        <v>14</v>
      </c>
      <c r="K91" s="6">
        <v>16</v>
      </c>
      <c r="L91" s="10" t="s">
        <v>55</v>
      </c>
    </row>
    <row r="92" spans="1:12">
      <c r="A92" s="9" t="s">
        <v>27</v>
      </c>
      <c r="B92" s="9" t="s">
        <v>28</v>
      </c>
      <c r="C92" s="9" t="s">
        <v>29</v>
      </c>
      <c r="D92" s="9" t="s">
        <v>262</v>
      </c>
      <c r="E92" s="9" t="s">
        <v>228</v>
      </c>
      <c r="F92" s="9" t="s">
        <v>235</v>
      </c>
      <c r="G92" s="9" t="s">
        <v>242</v>
      </c>
      <c r="H92" s="6">
        <v>51</v>
      </c>
      <c r="I92" s="6">
        <v>30</v>
      </c>
      <c r="J92" s="6">
        <v>27</v>
      </c>
      <c r="K92" s="6">
        <v>20</v>
      </c>
      <c r="L92" s="6">
        <v>1</v>
      </c>
    </row>
    <row r="93" spans="1:12">
      <c r="A93" s="9" t="s">
        <v>27</v>
      </c>
      <c r="B93" s="9" t="s">
        <v>28</v>
      </c>
      <c r="C93" s="9" t="s">
        <v>29</v>
      </c>
      <c r="D93" s="9" t="s">
        <v>262</v>
      </c>
      <c r="E93" s="9" t="s">
        <v>228</v>
      </c>
      <c r="F93" s="9" t="s">
        <v>235</v>
      </c>
      <c r="G93" s="9" t="s">
        <v>243</v>
      </c>
      <c r="H93" s="6">
        <v>49</v>
      </c>
      <c r="I93" s="6">
        <v>32</v>
      </c>
      <c r="J93" s="6">
        <v>28</v>
      </c>
      <c r="K93" s="6">
        <v>16</v>
      </c>
      <c r="L93" s="6">
        <v>1</v>
      </c>
    </row>
    <row r="94" spans="1:12">
      <c r="A94" s="9" t="s">
        <v>27</v>
      </c>
      <c r="B94" s="9" t="s">
        <v>28</v>
      </c>
      <c r="C94" s="9" t="s">
        <v>29</v>
      </c>
      <c r="D94" s="9" t="s">
        <v>262</v>
      </c>
      <c r="E94" s="9" t="s">
        <v>228</v>
      </c>
      <c r="F94" s="9" t="s">
        <v>235</v>
      </c>
      <c r="G94" s="9" t="s">
        <v>244</v>
      </c>
      <c r="H94" s="6">
        <v>28</v>
      </c>
      <c r="I94" s="6">
        <v>21</v>
      </c>
      <c r="J94" s="6">
        <v>16</v>
      </c>
      <c r="K94" s="6">
        <v>7</v>
      </c>
      <c r="L94" s="10" t="s">
        <v>55</v>
      </c>
    </row>
    <row r="95" spans="1:12">
      <c r="A95" s="9" t="s">
        <v>27</v>
      </c>
      <c r="B95" s="9" t="s">
        <v>28</v>
      </c>
      <c r="C95" s="9" t="s">
        <v>29</v>
      </c>
      <c r="D95" s="9" t="s">
        <v>262</v>
      </c>
      <c r="E95" s="9" t="s">
        <v>228</v>
      </c>
      <c r="F95" s="9" t="s">
        <v>235</v>
      </c>
      <c r="G95" s="9" t="s">
        <v>245</v>
      </c>
      <c r="H95" s="6">
        <v>45</v>
      </c>
      <c r="I95" s="6">
        <v>27</v>
      </c>
      <c r="J95" s="6">
        <v>27</v>
      </c>
      <c r="K95" s="6">
        <v>18</v>
      </c>
      <c r="L95" s="10" t="s">
        <v>55</v>
      </c>
    </row>
    <row r="96" spans="1:12">
      <c r="A96" s="9" t="s">
        <v>27</v>
      </c>
      <c r="B96" s="9" t="s">
        <v>28</v>
      </c>
      <c r="C96" s="9" t="s">
        <v>29</v>
      </c>
      <c r="D96" s="9" t="s">
        <v>262</v>
      </c>
      <c r="E96" s="9" t="s">
        <v>228</v>
      </c>
      <c r="F96" s="9" t="s">
        <v>235</v>
      </c>
      <c r="G96" s="9" t="s">
        <v>246</v>
      </c>
      <c r="H96" s="6">
        <v>37</v>
      </c>
      <c r="I96" s="6">
        <v>23</v>
      </c>
      <c r="J96" s="6">
        <v>22</v>
      </c>
      <c r="K96" s="6">
        <v>14</v>
      </c>
      <c r="L96" s="10" t="s">
        <v>55</v>
      </c>
    </row>
    <row r="97" spans="1:12">
      <c r="A97" s="9" t="s">
        <v>27</v>
      </c>
      <c r="B97" s="9" t="s">
        <v>28</v>
      </c>
      <c r="C97" s="9" t="s">
        <v>29</v>
      </c>
      <c r="D97" s="9" t="s">
        <v>262</v>
      </c>
      <c r="E97" s="9" t="s">
        <v>228</v>
      </c>
      <c r="F97" s="9" t="s">
        <v>235</v>
      </c>
      <c r="G97" s="9" t="s">
        <v>247</v>
      </c>
      <c r="H97" s="6">
        <v>46</v>
      </c>
      <c r="I97" s="6">
        <v>25</v>
      </c>
      <c r="J97" s="6">
        <v>24</v>
      </c>
      <c r="K97" s="6">
        <v>19</v>
      </c>
      <c r="L97" s="6">
        <v>2</v>
      </c>
    </row>
    <row r="98" spans="1:12">
      <c r="A98" s="9" t="s">
        <v>27</v>
      </c>
      <c r="B98" s="9" t="s">
        <v>28</v>
      </c>
      <c r="C98" s="9" t="s">
        <v>29</v>
      </c>
      <c r="D98" s="9" t="s">
        <v>262</v>
      </c>
      <c r="E98" s="9" t="s">
        <v>228</v>
      </c>
      <c r="F98" s="9" t="s">
        <v>235</v>
      </c>
      <c r="G98" s="9" t="s">
        <v>248</v>
      </c>
      <c r="H98" s="6">
        <v>47</v>
      </c>
      <c r="I98" s="6">
        <v>30</v>
      </c>
      <c r="J98" s="6">
        <v>27</v>
      </c>
      <c r="K98" s="6">
        <v>17</v>
      </c>
      <c r="L98" s="10" t="s">
        <v>55</v>
      </c>
    </row>
    <row r="99" spans="1:12">
      <c r="A99" s="9" t="s">
        <v>27</v>
      </c>
      <c r="B99" s="9" t="s">
        <v>28</v>
      </c>
      <c r="C99" s="9" t="s">
        <v>29</v>
      </c>
      <c r="D99" s="9" t="s">
        <v>262</v>
      </c>
      <c r="E99" s="9" t="s">
        <v>228</v>
      </c>
      <c r="F99" s="9" t="s">
        <v>235</v>
      </c>
      <c r="G99" s="9" t="s">
        <v>249</v>
      </c>
      <c r="H99" s="6">
        <v>56</v>
      </c>
      <c r="I99" s="6">
        <v>36</v>
      </c>
      <c r="J99" s="6">
        <v>32</v>
      </c>
      <c r="K99" s="6">
        <v>20</v>
      </c>
      <c r="L99" s="10" t="s">
        <v>55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2</v>
      </c>
      <c r="E100" s="9" t="s">
        <v>228</v>
      </c>
      <c r="F100" s="9" t="s">
        <v>235</v>
      </c>
      <c r="G100" s="9" t="s">
        <v>250</v>
      </c>
      <c r="H100" s="6">
        <v>58</v>
      </c>
      <c r="I100" s="6">
        <v>33</v>
      </c>
      <c r="J100" s="6">
        <v>30</v>
      </c>
      <c r="K100" s="6">
        <v>25</v>
      </c>
      <c r="L100" s="10" t="s">
        <v>55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2</v>
      </c>
      <c r="E101" s="9" t="s">
        <v>228</v>
      </c>
      <c r="F101" s="9" t="s">
        <v>235</v>
      </c>
      <c r="G101" s="9" t="s">
        <v>251</v>
      </c>
      <c r="H101" s="6">
        <v>72</v>
      </c>
      <c r="I101" s="6">
        <v>42</v>
      </c>
      <c r="J101" s="6">
        <v>39</v>
      </c>
      <c r="K101" s="6">
        <v>30</v>
      </c>
      <c r="L101" s="10" t="s">
        <v>55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2</v>
      </c>
      <c r="E102" s="9" t="s">
        <v>228</v>
      </c>
      <c r="F102" s="9" t="s">
        <v>235</v>
      </c>
      <c r="G102" s="9" t="s">
        <v>252</v>
      </c>
      <c r="H102" s="6">
        <v>67</v>
      </c>
      <c r="I102" s="6">
        <v>38</v>
      </c>
      <c r="J102" s="6">
        <v>36</v>
      </c>
      <c r="K102" s="6">
        <v>29</v>
      </c>
      <c r="L102" s="10" t="s">
        <v>55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2</v>
      </c>
      <c r="E103" s="9" t="s">
        <v>228</v>
      </c>
      <c r="F103" s="9" t="s">
        <v>235</v>
      </c>
      <c r="G103" s="9" t="s">
        <v>253</v>
      </c>
      <c r="H103" s="6">
        <v>100</v>
      </c>
      <c r="I103" s="6">
        <v>62</v>
      </c>
      <c r="J103" s="6">
        <v>56</v>
      </c>
      <c r="K103" s="6">
        <v>37</v>
      </c>
      <c r="L103" s="6">
        <v>1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2</v>
      </c>
      <c r="E104" s="9" t="s">
        <v>228</v>
      </c>
      <c r="F104" s="9" t="s">
        <v>235</v>
      </c>
      <c r="G104" s="9" t="s">
        <v>254</v>
      </c>
      <c r="H104" s="6">
        <v>95</v>
      </c>
      <c r="I104" s="6">
        <v>55</v>
      </c>
      <c r="J104" s="6">
        <v>49</v>
      </c>
      <c r="K104" s="6">
        <v>40</v>
      </c>
      <c r="L104" s="10" t="s">
        <v>55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2</v>
      </c>
      <c r="E105" s="9" t="s">
        <v>228</v>
      </c>
      <c r="F105" s="9" t="s">
        <v>235</v>
      </c>
      <c r="G105" s="9" t="s">
        <v>255</v>
      </c>
      <c r="H105" s="6">
        <v>102</v>
      </c>
      <c r="I105" s="6">
        <v>73</v>
      </c>
      <c r="J105" s="6">
        <v>67</v>
      </c>
      <c r="K105" s="6">
        <v>29</v>
      </c>
      <c r="L105" s="10" t="s">
        <v>55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2</v>
      </c>
      <c r="E106" s="9" t="s">
        <v>228</v>
      </c>
      <c r="F106" s="9" t="s">
        <v>235</v>
      </c>
      <c r="G106" s="9" t="s">
        <v>256</v>
      </c>
      <c r="H106" s="6">
        <v>160942</v>
      </c>
      <c r="I106" s="6">
        <v>25061</v>
      </c>
      <c r="J106" s="6">
        <v>21193</v>
      </c>
      <c r="K106" s="6">
        <v>135633</v>
      </c>
      <c r="L106" s="6">
        <v>248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2</v>
      </c>
      <c r="E107" s="9" t="s">
        <v>18</v>
      </c>
      <c r="F107" s="9" t="s">
        <v>6</v>
      </c>
      <c r="G107" s="9" t="s">
        <v>30</v>
      </c>
      <c r="H107" s="6">
        <v>43934</v>
      </c>
      <c r="I107" s="6">
        <v>819</v>
      </c>
      <c r="J107" s="6">
        <v>572</v>
      </c>
      <c r="K107" s="6">
        <v>839</v>
      </c>
      <c r="L107" s="6">
        <v>42276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2</v>
      </c>
      <c r="E108" s="9" t="s">
        <v>18</v>
      </c>
      <c r="F108" s="9" t="s">
        <v>234</v>
      </c>
      <c r="G108" s="9" t="s">
        <v>30</v>
      </c>
      <c r="H108" s="6">
        <v>15889</v>
      </c>
      <c r="I108" s="6">
        <v>251</v>
      </c>
      <c r="J108" s="6">
        <v>181</v>
      </c>
      <c r="K108" s="6">
        <v>267</v>
      </c>
      <c r="L108" s="6">
        <v>15371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2</v>
      </c>
      <c r="E109" s="9" t="s">
        <v>18</v>
      </c>
      <c r="F109" s="9" t="s">
        <v>235</v>
      </c>
      <c r="G109" s="9" t="s">
        <v>30</v>
      </c>
      <c r="H109" s="6">
        <v>28045</v>
      </c>
      <c r="I109" s="6">
        <v>568</v>
      </c>
      <c r="J109" s="6">
        <v>391</v>
      </c>
      <c r="K109" s="6">
        <v>572</v>
      </c>
      <c r="L109" s="6">
        <v>26905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2</v>
      </c>
      <c r="E110" s="9" t="s">
        <v>18</v>
      </c>
      <c r="F110" s="9" t="s">
        <v>235</v>
      </c>
      <c r="G110" s="9" t="s">
        <v>236</v>
      </c>
      <c r="H110" s="6">
        <v>838</v>
      </c>
      <c r="I110" s="6">
        <v>1</v>
      </c>
      <c r="J110" s="10" t="s">
        <v>55</v>
      </c>
      <c r="K110" s="10" t="s">
        <v>55</v>
      </c>
      <c r="L110" s="6">
        <v>837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2</v>
      </c>
      <c r="E111" s="9" t="s">
        <v>18</v>
      </c>
      <c r="F111" s="9" t="s">
        <v>235</v>
      </c>
      <c r="G111" s="9" t="s">
        <v>237</v>
      </c>
      <c r="H111" s="6">
        <v>885</v>
      </c>
      <c r="I111" s="6">
        <v>1</v>
      </c>
      <c r="J111" s="6">
        <v>1</v>
      </c>
      <c r="K111" s="6">
        <v>2</v>
      </c>
      <c r="L111" s="6">
        <v>882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2</v>
      </c>
      <c r="E112" s="9" t="s">
        <v>18</v>
      </c>
      <c r="F112" s="9" t="s">
        <v>235</v>
      </c>
      <c r="G112" s="9" t="s">
        <v>238</v>
      </c>
      <c r="H112" s="6">
        <v>779</v>
      </c>
      <c r="I112" s="6">
        <v>4</v>
      </c>
      <c r="J112" s="6">
        <v>4</v>
      </c>
      <c r="K112" s="10" t="s">
        <v>55</v>
      </c>
      <c r="L112" s="6">
        <v>775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2</v>
      </c>
      <c r="E113" s="9" t="s">
        <v>18</v>
      </c>
      <c r="F113" s="9" t="s">
        <v>235</v>
      </c>
      <c r="G113" s="9" t="s">
        <v>239</v>
      </c>
      <c r="H113" s="6">
        <v>614</v>
      </c>
      <c r="I113" s="10" t="s">
        <v>55</v>
      </c>
      <c r="J113" s="10" t="s">
        <v>55</v>
      </c>
      <c r="K113" s="10" t="s">
        <v>55</v>
      </c>
      <c r="L113" s="6">
        <v>614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2</v>
      </c>
      <c r="E114" s="9" t="s">
        <v>18</v>
      </c>
      <c r="F114" s="9" t="s">
        <v>235</v>
      </c>
      <c r="G114" s="9" t="s">
        <v>240</v>
      </c>
      <c r="H114" s="6">
        <v>596</v>
      </c>
      <c r="I114" s="6">
        <v>2</v>
      </c>
      <c r="J114" s="6">
        <v>1</v>
      </c>
      <c r="K114" s="6">
        <v>2</v>
      </c>
      <c r="L114" s="6">
        <v>592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2</v>
      </c>
      <c r="E115" s="9" t="s">
        <v>18</v>
      </c>
      <c r="F115" s="9" t="s">
        <v>235</v>
      </c>
      <c r="G115" s="9" t="s">
        <v>241</v>
      </c>
      <c r="H115" s="6">
        <v>529</v>
      </c>
      <c r="I115" s="6">
        <v>1</v>
      </c>
      <c r="J115" s="6">
        <v>1</v>
      </c>
      <c r="K115" s="6">
        <v>1</v>
      </c>
      <c r="L115" s="6">
        <v>527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2</v>
      </c>
      <c r="E116" s="9" t="s">
        <v>18</v>
      </c>
      <c r="F116" s="9" t="s">
        <v>235</v>
      </c>
      <c r="G116" s="9" t="s">
        <v>242</v>
      </c>
      <c r="H116" s="6">
        <v>419</v>
      </c>
      <c r="I116" s="6">
        <v>1</v>
      </c>
      <c r="J116" s="10" t="s">
        <v>55</v>
      </c>
      <c r="K116" s="6">
        <v>1</v>
      </c>
      <c r="L116" s="6">
        <v>417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2</v>
      </c>
      <c r="E117" s="9" t="s">
        <v>18</v>
      </c>
      <c r="F117" s="9" t="s">
        <v>235</v>
      </c>
      <c r="G117" s="9" t="s">
        <v>243</v>
      </c>
      <c r="H117" s="6">
        <v>433</v>
      </c>
      <c r="I117" s="6">
        <v>1</v>
      </c>
      <c r="J117" s="10" t="s">
        <v>55</v>
      </c>
      <c r="K117" s="6">
        <v>1</v>
      </c>
      <c r="L117" s="6">
        <v>431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2</v>
      </c>
      <c r="E118" s="9" t="s">
        <v>18</v>
      </c>
      <c r="F118" s="9" t="s">
        <v>235</v>
      </c>
      <c r="G118" s="9" t="s">
        <v>244</v>
      </c>
      <c r="H118" s="6">
        <v>442</v>
      </c>
      <c r="I118" s="10" t="s">
        <v>55</v>
      </c>
      <c r="J118" s="10" t="s">
        <v>55</v>
      </c>
      <c r="K118" s="6">
        <v>1</v>
      </c>
      <c r="L118" s="6">
        <v>44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2</v>
      </c>
      <c r="E119" s="9" t="s">
        <v>18</v>
      </c>
      <c r="F119" s="9" t="s">
        <v>235</v>
      </c>
      <c r="G119" s="9" t="s">
        <v>245</v>
      </c>
      <c r="H119" s="6">
        <v>419</v>
      </c>
      <c r="I119" s="6">
        <v>2</v>
      </c>
      <c r="J119" s="6">
        <v>1</v>
      </c>
      <c r="K119" s="6">
        <v>2</v>
      </c>
      <c r="L119" s="6">
        <v>415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2</v>
      </c>
      <c r="E120" s="9" t="s">
        <v>18</v>
      </c>
      <c r="F120" s="9" t="s">
        <v>235</v>
      </c>
      <c r="G120" s="9" t="s">
        <v>246</v>
      </c>
      <c r="H120" s="6">
        <v>412</v>
      </c>
      <c r="I120" s="6">
        <v>2</v>
      </c>
      <c r="J120" s="6">
        <v>2</v>
      </c>
      <c r="K120" s="10" t="s">
        <v>55</v>
      </c>
      <c r="L120" s="6">
        <v>410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2</v>
      </c>
      <c r="E121" s="9" t="s">
        <v>18</v>
      </c>
      <c r="F121" s="9" t="s">
        <v>235</v>
      </c>
      <c r="G121" s="9" t="s">
        <v>247</v>
      </c>
      <c r="H121" s="6">
        <v>427</v>
      </c>
      <c r="I121" s="6">
        <v>3</v>
      </c>
      <c r="J121" s="6">
        <v>2</v>
      </c>
      <c r="K121" s="10" t="s">
        <v>55</v>
      </c>
      <c r="L121" s="6">
        <v>424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2</v>
      </c>
      <c r="E122" s="9" t="s">
        <v>18</v>
      </c>
      <c r="F122" s="9" t="s">
        <v>235</v>
      </c>
      <c r="G122" s="9" t="s">
        <v>248</v>
      </c>
      <c r="H122" s="6">
        <v>414</v>
      </c>
      <c r="I122" s="10" t="s">
        <v>55</v>
      </c>
      <c r="J122" s="10" t="s">
        <v>55</v>
      </c>
      <c r="K122" s="6">
        <v>1</v>
      </c>
      <c r="L122" s="6">
        <v>413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2</v>
      </c>
      <c r="E123" s="9" t="s">
        <v>18</v>
      </c>
      <c r="F123" s="9" t="s">
        <v>235</v>
      </c>
      <c r="G123" s="9" t="s">
        <v>249</v>
      </c>
      <c r="H123" s="6">
        <v>427</v>
      </c>
      <c r="I123" s="6">
        <v>1</v>
      </c>
      <c r="J123" s="6">
        <v>1</v>
      </c>
      <c r="K123" s="6">
        <v>1</v>
      </c>
      <c r="L123" s="6">
        <v>425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2</v>
      </c>
      <c r="E124" s="9" t="s">
        <v>18</v>
      </c>
      <c r="F124" s="9" t="s">
        <v>235</v>
      </c>
      <c r="G124" s="9" t="s">
        <v>250</v>
      </c>
      <c r="H124" s="6">
        <v>384</v>
      </c>
      <c r="I124" s="10" t="s">
        <v>55</v>
      </c>
      <c r="J124" s="10" t="s">
        <v>55</v>
      </c>
      <c r="K124" s="6">
        <v>1</v>
      </c>
      <c r="L124" s="6">
        <v>383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2</v>
      </c>
      <c r="E125" s="9" t="s">
        <v>18</v>
      </c>
      <c r="F125" s="9" t="s">
        <v>235</v>
      </c>
      <c r="G125" s="9" t="s">
        <v>251</v>
      </c>
      <c r="H125" s="6">
        <v>410</v>
      </c>
      <c r="I125" s="6">
        <v>2</v>
      </c>
      <c r="J125" s="6">
        <v>2</v>
      </c>
      <c r="K125" s="6">
        <v>1</v>
      </c>
      <c r="L125" s="6">
        <v>407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2</v>
      </c>
      <c r="E126" s="9" t="s">
        <v>18</v>
      </c>
      <c r="F126" s="9" t="s">
        <v>235</v>
      </c>
      <c r="G126" s="9" t="s">
        <v>252</v>
      </c>
      <c r="H126" s="6">
        <v>416</v>
      </c>
      <c r="I126" s="6">
        <v>1</v>
      </c>
      <c r="J126" s="6">
        <v>1</v>
      </c>
      <c r="K126" s="10" t="s">
        <v>55</v>
      </c>
      <c r="L126" s="6">
        <v>415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2</v>
      </c>
      <c r="E127" s="9" t="s">
        <v>18</v>
      </c>
      <c r="F127" s="9" t="s">
        <v>235</v>
      </c>
      <c r="G127" s="9" t="s">
        <v>253</v>
      </c>
      <c r="H127" s="6">
        <v>452</v>
      </c>
      <c r="I127" s="6">
        <v>2</v>
      </c>
      <c r="J127" s="6">
        <v>2</v>
      </c>
      <c r="K127" s="6">
        <v>1</v>
      </c>
      <c r="L127" s="6">
        <v>449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2</v>
      </c>
      <c r="E128" s="9" t="s">
        <v>18</v>
      </c>
      <c r="F128" s="9" t="s">
        <v>235</v>
      </c>
      <c r="G128" s="9" t="s">
        <v>254</v>
      </c>
      <c r="H128" s="6">
        <v>441</v>
      </c>
      <c r="I128" s="6">
        <v>2</v>
      </c>
      <c r="J128" s="6">
        <v>1</v>
      </c>
      <c r="K128" s="6">
        <v>2</v>
      </c>
      <c r="L128" s="6">
        <v>437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2</v>
      </c>
      <c r="E129" s="9" t="s">
        <v>18</v>
      </c>
      <c r="F129" s="9" t="s">
        <v>235</v>
      </c>
      <c r="G129" s="9" t="s">
        <v>255</v>
      </c>
      <c r="H129" s="6">
        <v>473</v>
      </c>
      <c r="I129" s="10" t="s">
        <v>55</v>
      </c>
      <c r="J129" s="10" t="s">
        <v>55</v>
      </c>
      <c r="K129" s="6">
        <v>1</v>
      </c>
      <c r="L129" s="6">
        <v>472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2</v>
      </c>
      <c r="E130" s="9" t="s">
        <v>18</v>
      </c>
      <c r="F130" s="9" t="s">
        <v>235</v>
      </c>
      <c r="G130" s="9" t="s">
        <v>256</v>
      </c>
      <c r="H130" s="6">
        <v>17835</v>
      </c>
      <c r="I130" s="6">
        <v>542</v>
      </c>
      <c r="J130" s="6">
        <v>372</v>
      </c>
      <c r="K130" s="6">
        <v>554</v>
      </c>
      <c r="L130" s="6">
        <v>16739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2</v>
      </c>
      <c r="E131" s="9" t="s">
        <v>6</v>
      </c>
      <c r="F131" s="9" t="s">
        <v>6</v>
      </c>
      <c r="G131" s="9" t="s">
        <v>30</v>
      </c>
      <c r="H131" s="6">
        <v>9883</v>
      </c>
      <c r="I131" s="6">
        <v>4189</v>
      </c>
      <c r="J131" s="6">
        <v>2748</v>
      </c>
      <c r="K131" s="6">
        <v>5327</v>
      </c>
      <c r="L131" s="6">
        <v>367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2</v>
      </c>
      <c r="E132" s="9" t="s">
        <v>6</v>
      </c>
      <c r="F132" s="9" t="s">
        <v>234</v>
      </c>
      <c r="G132" s="9" t="s">
        <v>30</v>
      </c>
      <c r="H132" s="6">
        <v>2368</v>
      </c>
      <c r="I132" s="6">
        <v>981</v>
      </c>
      <c r="J132" s="6">
        <v>660</v>
      </c>
      <c r="K132" s="6">
        <v>1264</v>
      </c>
      <c r="L132" s="6">
        <v>123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2</v>
      </c>
      <c r="E133" s="9" t="s">
        <v>6</v>
      </c>
      <c r="F133" s="9" t="s">
        <v>235</v>
      </c>
      <c r="G133" s="9" t="s">
        <v>30</v>
      </c>
      <c r="H133" s="6">
        <v>7515</v>
      </c>
      <c r="I133" s="6">
        <v>3208</v>
      </c>
      <c r="J133" s="6">
        <v>2088</v>
      </c>
      <c r="K133" s="6">
        <v>4063</v>
      </c>
      <c r="L133" s="6">
        <v>244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2</v>
      </c>
      <c r="E134" s="9" t="s">
        <v>6</v>
      </c>
      <c r="F134" s="9" t="s">
        <v>235</v>
      </c>
      <c r="G134" s="9" t="s">
        <v>236</v>
      </c>
      <c r="H134" s="6">
        <v>33</v>
      </c>
      <c r="I134" s="6">
        <v>10</v>
      </c>
      <c r="J134" s="6">
        <v>8</v>
      </c>
      <c r="K134" s="6">
        <v>18</v>
      </c>
      <c r="L134" s="6">
        <v>5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2</v>
      </c>
      <c r="E135" s="9" t="s">
        <v>6</v>
      </c>
      <c r="F135" s="9" t="s">
        <v>235</v>
      </c>
      <c r="G135" s="9" t="s">
        <v>237</v>
      </c>
      <c r="H135" s="6">
        <v>43</v>
      </c>
      <c r="I135" s="6">
        <v>28</v>
      </c>
      <c r="J135" s="6">
        <v>24</v>
      </c>
      <c r="K135" s="6">
        <v>9</v>
      </c>
      <c r="L135" s="6">
        <v>6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2</v>
      </c>
      <c r="E136" s="9" t="s">
        <v>6</v>
      </c>
      <c r="F136" s="9" t="s">
        <v>235</v>
      </c>
      <c r="G136" s="9" t="s">
        <v>238</v>
      </c>
      <c r="H136" s="6">
        <v>24</v>
      </c>
      <c r="I136" s="6">
        <v>13</v>
      </c>
      <c r="J136" s="6">
        <v>11</v>
      </c>
      <c r="K136" s="6">
        <v>5</v>
      </c>
      <c r="L136" s="6">
        <v>6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2</v>
      </c>
      <c r="E137" s="9" t="s">
        <v>6</v>
      </c>
      <c r="F137" s="9" t="s">
        <v>235</v>
      </c>
      <c r="G137" s="9" t="s">
        <v>239</v>
      </c>
      <c r="H137" s="6">
        <v>40</v>
      </c>
      <c r="I137" s="6">
        <v>28</v>
      </c>
      <c r="J137" s="6">
        <v>23</v>
      </c>
      <c r="K137" s="6">
        <v>9</v>
      </c>
      <c r="L137" s="6">
        <v>3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2</v>
      </c>
      <c r="E138" s="9" t="s">
        <v>6</v>
      </c>
      <c r="F138" s="9" t="s">
        <v>235</v>
      </c>
      <c r="G138" s="9" t="s">
        <v>240</v>
      </c>
      <c r="H138" s="6">
        <v>23</v>
      </c>
      <c r="I138" s="6">
        <v>17</v>
      </c>
      <c r="J138" s="6">
        <v>15</v>
      </c>
      <c r="K138" s="6">
        <v>4</v>
      </c>
      <c r="L138" s="6">
        <v>2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2</v>
      </c>
      <c r="E139" s="9" t="s">
        <v>6</v>
      </c>
      <c r="F139" s="9" t="s">
        <v>235</v>
      </c>
      <c r="G139" s="9" t="s">
        <v>241</v>
      </c>
      <c r="H139" s="6">
        <v>25</v>
      </c>
      <c r="I139" s="6">
        <v>19</v>
      </c>
      <c r="J139" s="6">
        <v>18</v>
      </c>
      <c r="K139" s="6">
        <v>2</v>
      </c>
      <c r="L139" s="6">
        <v>4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2</v>
      </c>
      <c r="E140" s="9" t="s">
        <v>6</v>
      </c>
      <c r="F140" s="9" t="s">
        <v>235</v>
      </c>
      <c r="G140" s="9" t="s">
        <v>242</v>
      </c>
      <c r="H140" s="6">
        <v>32</v>
      </c>
      <c r="I140" s="6">
        <v>26</v>
      </c>
      <c r="J140" s="6">
        <v>20</v>
      </c>
      <c r="K140" s="6">
        <v>2</v>
      </c>
      <c r="L140" s="6">
        <v>4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2</v>
      </c>
      <c r="E141" s="9" t="s">
        <v>6</v>
      </c>
      <c r="F141" s="9" t="s">
        <v>235</v>
      </c>
      <c r="G141" s="9" t="s">
        <v>243</v>
      </c>
      <c r="H141" s="6">
        <v>18</v>
      </c>
      <c r="I141" s="6">
        <v>13</v>
      </c>
      <c r="J141" s="6">
        <v>11</v>
      </c>
      <c r="K141" s="6">
        <v>3</v>
      </c>
      <c r="L141" s="6">
        <v>2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2</v>
      </c>
      <c r="E142" s="9" t="s">
        <v>6</v>
      </c>
      <c r="F142" s="9" t="s">
        <v>235</v>
      </c>
      <c r="G142" s="9" t="s">
        <v>244</v>
      </c>
      <c r="H142" s="6">
        <v>17</v>
      </c>
      <c r="I142" s="6">
        <v>11</v>
      </c>
      <c r="J142" s="6">
        <v>11</v>
      </c>
      <c r="K142" s="6">
        <v>5</v>
      </c>
      <c r="L142" s="6">
        <v>1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2</v>
      </c>
      <c r="E143" s="9" t="s">
        <v>6</v>
      </c>
      <c r="F143" s="9" t="s">
        <v>235</v>
      </c>
      <c r="G143" s="9" t="s">
        <v>245</v>
      </c>
      <c r="H143" s="6">
        <v>21</v>
      </c>
      <c r="I143" s="6">
        <v>21</v>
      </c>
      <c r="J143" s="6">
        <v>18</v>
      </c>
      <c r="K143" s="10" t="s">
        <v>55</v>
      </c>
      <c r="L143" s="10" t="s">
        <v>55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2</v>
      </c>
      <c r="E144" s="9" t="s">
        <v>6</v>
      </c>
      <c r="F144" s="9" t="s">
        <v>235</v>
      </c>
      <c r="G144" s="9" t="s">
        <v>246</v>
      </c>
      <c r="H144" s="6">
        <v>22</v>
      </c>
      <c r="I144" s="6">
        <v>18</v>
      </c>
      <c r="J144" s="6">
        <v>17</v>
      </c>
      <c r="K144" s="6">
        <v>1</v>
      </c>
      <c r="L144" s="6">
        <v>3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2</v>
      </c>
      <c r="E145" s="9" t="s">
        <v>6</v>
      </c>
      <c r="F145" s="9" t="s">
        <v>235</v>
      </c>
      <c r="G145" s="9" t="s">
        <v>247</v>
      </c>
      <c r="H145" s="6">
        <v>17</v>
      </c>
      <c r="I145" s="6">
        <v>11</v>
      </c>
      <c r="J145" s="6">
        <v>7</v>
      </c>
      <c r="K145" s="6">
        <v>4</v>
      </c>
      <c r="L145" s="6">
        <v>2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2</v>
      </c>
      <c r="E146" s="9" t="s">
        <v>6</v>
      </c>
      <c r="F146" s="9" t="s">
        <v>235</v>
      </c>
      <c r="G146" s="9" t="s">
        <v>248</v>
      </c>
      <c r="H146" s="6">
        <v>28</v>
      </c>
      <c r="I146" s="6">
        <v>20</v>
      </c>
      <c r="J146" s="6">
        <v>17</v>
      </c>
      <c r="K146" s="6">
        <v>6</v>
      </c>
      <c r="L146" s="6">
        <v>2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2</v>
      </c>
      <c r="E147" s="9" t="s">
        <v>6</v>
      </c>
      <c r="F147" s="9" t="s">
        <v>235</v>
      </c>
      <c r="G147" s="9" t="s">
        <v>249</v>
      </c>
      <c r="H147" s="6">
        <v>25</v>
      </c>
      <c r="I147" s="6">
        <v>19</v>
      </c>
      <c r="J147" s="6">
        <v>14</v>
      </c>
      <c r="K147" s="6">
        <v>2</v>
      </c>
      <c r="L147" s="6">
        <v>4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2</v>
      </c>
      <c r="E148" s="9" t="s">
        <v>6</v>
      </c>
      <c r="F148" s="9" t="s">
        <v>235</v>
      </c>
      <c r="G148" s="9" t="s">
        <v>250</v>
      </c>
      <c r="H148" s="6">
        <v>25</v>
      </c>
      <c r="I148" s="6">
        <v>19</v>
      </c>
      <c r="J148" s="6">
        <v>16</v>
      </c>
      <c r="K148" s="6">
        <v>5</v>
      </c>
      <c r="L148" s="6">
        <v>1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2</v>
      </c>
      <c r="E149" s="9" t="s">
        <v>6</v>
      </c>
      <c r="F149" s="9" t="s">
        <v>235</v>
      </c>
      <c r="G149" s="9" t="s">
        <v>251</v>
      </c>
      <c r="H149" s="6">
        <v>30</v>
      </c>
      <c r="I149" s="6">
        <v>20</v>
      </c>
      <c r="J149" s="6">
        <v>16</v>
      </c>
      <c r="K149" s="6">
        <v>7</v>
      </c>
      <c r="L149" s="6">
        <v>3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2</v>
      </c>
      <c r="E150" s="9" t="s">
        <v>6</v>
      </c>
      <c r="F150" s="9" t="s">
        <v>235</v>
      </c>
      <c r="G150" s="9" t="s">
        <v>252</v>
      </c>
      <c r="H150" s="6">
        <v>28</v>
      </c>
      <c r="I150" s="6">
        <v>21</v>
      </c>
      <c r="J150" s="6">
        <v>18</v>
      </c>
      <c r="K150" s="6">
        <v>5</v>
      </c>
      <c r="L150" s="6">
        <v>2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2</v>
      </c>
      <c r="E151" s="9" t="s">
        <v>6</v>
      </c>
      <c r="F151" s="9" t="s">
        <v>235</v>
      </c>
      <c r="G151" s="9" t="s">
        <v>253</v>
      </c>
      <c r="H151" s="6">
        <v>27</v>
      </c>
      <c r="I151" s="6">
        <v>16</v>
      </c>
      <c r="J151" s="6">
        <v>15</v>
      </c>
      <c r="K151" s="6">
        <v>6</v>
      </c>
      <c r="L151" s="6">
        <v>5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2</v>
      </c>
      <c r="E152" s="9" t="s">
        <v>6</v>
      </c>
      <c r="F152" s="9" t="s">
        <v>235</v>
      </c>
      <c r="G152" s="9" t="s">
        <v>254</v>
      </c>
      <c r="H152" s="6">
        <v>38</v>
      </c>
      <c r="I152" s="6">
        <v>19</v>
      </c>
      <c r="J152" s="6">
        <v>17</v>
      </c>
      <c r="K152" s="6">
        <v>12</v>
      </c>
      <c r="L152" s="6">
        <v>7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2</v>
      </c>
      <c r="E153" s="9" t="s">
        <v>6</v>
      </c>
      <c r="F153" s="9" t="s">
        <v>235</v>
      </c>
      <c r="G153" s="9" t="s">
        <v>255</v>
      </c>
      <c r="H153" s="6">
        <v>37</v>
      </c>
      <c r="I153" s="6">
        <v>22</v>
      </c>
      <c r="J153" s="6">
        <v>21</v>
      </c>
      <c r="K153" s="6">
        <v>11</v>
      </c>
      <c r="L153" s="6">
        <v>4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2</v>
      </c>
      <c r="E154" s="9" t="s">
        <v>6</v>
      </c>
      <c r="F154" s="9" t="s">
        <v>235</v>
      </c>
      <c r="G154" s="9" t="s">
        <v>256</v>
      </c>
      <c r="H154" s="6">
        <v>6962</v>
      </c>
      <c r="I154" s="6">
        <v>2837</v>
      </c>
      <c r="J154" s="6">
        <v>1771</v>
      </c>
      <c r="K154" s="6">
        <v>3947</v>
      </c>
      <c r="L154" s="6">
        <v>178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2</v>
      </c>
      <c r="E155" s="9" t="s">
        <v>226</v>
      </c>
      <c r="F155" s="9" t="s">
        <v>6</v>
      </c>
      <c r="G155" s="9" t="s">
        <v>30</v>
      </c>
      <c r="H155" s="6">
        <v>5282</v>
      </c>
      <c r="I155" s="6">
        <v>3489</v>
      </c>
      <c r="J155" s="6">
        <v>2173</v>
      </c>
      <c r="K155" s="6">
        <v>1778</v>
      </c>
      <c r="L155" s="6">
        <v>15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2</v>
      </c>
      <c r="E156" s="9" t="s">
        <v>226</v>
      </c>
      <c r="F156" s="9" t="s">
        <v>234</v>
      </c>
      <c r="G156" s="9" t="s">
        <v>30</v>
      </c>
      <c r="H156" s="6">
        <v>1245</v>
      </c>
      <c r="I156" s="6">
        <v>823</v>
      </c>
      <c r="J156" s="6">
        <v>533</v>
      </c>
      <c r="K156" s="6">
        <v>419</v>
      </c>
      <c r="L156" s="6">
        <v>3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2</v>
      </c>
      <c r="E157" s="9" t="s">
        <v>226</v>
      </c>
      <c r="F157" s="9" t="s">
        <v>235</v>
      </c>
      <c r="G157" s="9" t="s">
        <v>30</v>
      </c>
      <c r="H157" s="6">
        <v>4037</v>
      </c>
      <c r="I157" s="6">
        <v>2666</v>
      </c>
      <c r="J157" s="6">
        <v>1640</v>
      </c>
      <c r="K157" s="6">
        <v>1359</v>
      </c>
      <c r="L157" s="6">
        <v>12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2</v>
      </c>
      <c r="E158" s="9" t="s">
        <v>226</v>
      </c>
      <c r="F158" s="9" t="s">
        <v>235</v>
      </c>
      <c r="G158" s="9" t="s">
        <v>236</v>
      </c>
      <c r="H158" s="6">
        <v>27</v>
      </c>
      <c r="I158" s="6">
        <v>10</v>
      </c>
      <c r="J158" s="6">
        <v>8</v>
      </c>
      <c r="K158" s="6">
        <v>17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2</v>
      </c>
      <c r="E159" s="9" t="s">
        <v>226</v>
      </c>
      <c r="F159" s="9" t="s">
        <v>235</v>
      </c>
      <c r="G159" s="9" t="s">
        <v>237</v>
      </c>
      <c r="H159" s="6">
        <v>34</v>
      </c>
      <c r="I159" s="6">
        <v>26</v>
      </c>
      <c r="J159" s="6">
        <v>23</v>
      </c>
      <c r="K159" s="6">
        <v>8</v>
      </c>
      <c r="L159" s="10" t="s">
        <v>55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2</v>
      </c>
      <c r="E160" s="9" t="s">
        <v>226</v>
      </c>
      <c r="F160" s="9" t="s">
        <v>235</v>
      </c>
      <c r="G160" s="9" t="s">
        <v>238</v>
      </c>
      <c r="H160" s="6">
        <v>16</v>
      </c>
      <c r="I160" s="6">
        <v>12</v>
      </c>
      <c r="J160" s="6">
        <v>10</v>
      </c>
      <c r="K160" s="6">
        <v>4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2</v>
      </c>
      <c r="E161" s="9" t="s">
        <v>226</v>
      </c>
      <c r="F161" s="9" t="s">
        <v>235</v>
      </c>
      <c r="G161" s="9" t="s">
        <v>239</v>
      </c>
      <c r="H161" s="6">
        <v>37</v>
      </c>
      <c r="I161" s="6">
        <v>28</v>
      </c>
      <c r="J161" s="6">
        <v>23</v>
      </c>
      <c r="K161" s="6">
        <v>9</v>
      </c>
      <c r="L161" s="10" t="s">
        <v>55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2</v>
      </c>
      <c r="E162" s="9" t="s">
        <v>226</v>
      </c>
      <c r="F162" s="9" t="s">
        <v>235</v>
      </c>
      <c r="G162" s="9" t="s">
        <v>240</v>
      </c>
      <c r="H162" s="6">
        <v>19</v>
      </c>
      <c r="I162" s="6">
        <v>17</v>
      </c>
      <c r="J162" s="6">
        <v>15</v>
      </c>
      <c r="K162" s="6">
        <v>2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2</v>
      </c>
      <c r="E163" s="9" t="s">
        <v>226</v>
      </c>
      <c r="F163" s="9" t="s">
        <v>235</v>
      </c>
      <c r="G163" s="9" t="s">
        <v>241</v>
      </c>
      <c r="H163" s="6">
        <v>19</v>
      </c>
      <c r="I163" s="6">
        <v>17</v>
      </c>
      <c r="J163" s="6">
        <v>16</v>
      </c>
      <c r="K163" s="6">
        <v>2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2</v>
      </c>
      <c r="E164" s="9" t="s">
        <v>226</v>
      </c>
      <c r="F164" s="9" t="s">
        <v>235</v>
      </c>
      <c r="G164" s="9" t="s">
        <v>242</v>
      </c>
      <c r="H164" s="6">
        <v>26</v>
      </c>
      <c r="I164" s="6">
        <v>23</v>
      </c>
      <c r="J164" s="6">
        <v>17</v>
      </c>
      <c r="K164" s="6">
        <v>2</v>
      </c>
      <c r="L164" s="6">
        <v>1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2</v>
      </c>
      <c r="E165" s="9" t="s">
        <v>226</v>
      </c>
      <c r="F165" s="9" t="s">
        <v>235</v>
      </c>
      <c r="G165" s="9" t="s">
        <v>243</v>
      </c>
      <c r="H165" s="6">
        <v>15</v>
      </c>
      <c r="I165" s="6">
        <v>13</v>
      </c>
      <c r="J165" s="6">
        <v>11</v>
      </c>
      <c r="K165" s="6">
        <v>2</v>
      </c>
      <c r="L165" s="10" t="s">
        <v>55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2</v>
      </c>
      <c r="E166" s="9" t="s">
        <v>226</v>
      </c>
      <c r="F166" s="9" t="s">
        <v>235</v>
      </c>
      <c r="G166" s="9" t="s">
        <v>244</v>
      </c>
      <c r="H166" s="6">
        <v>16</v>
      </c>
      <c r="I166" s="6">
        <v>11</v>
      </c>
      <c r="J166" s="6">
        <v>11</v>
      </c>
      <c r="K166" s="6">
        <v>5</v>
      </c>
      <c r="L166" s="10" t="s">
        <v>55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2</v>
      </c>
      <c r="E167" s="9" t="s">
        <v>226</v>
      </c>
      <c r="F167" s="9" t="s">
        <v>235</v>
      </c>
      <c r="G167" s="9" t="s">
        <v>245</v>
      </c>
      <c r="H167" s="6">
        <v>21</v>
      </c>
      <c r="I167" s="6">
        <v>21</v>
      </c>
      <c r="J167" s="6">
        <v>18</v>
      </c>
      <c r="K167" s="10" t="s">
        <v>55</v>
      </c>
      <c r="L167" s="10" t="s">
        <v>55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2</v>
      </c>
      <c r="E168" s="9" t="s">
        <v>226</v>
      </c>
      <c r="F168" s="9" t="s">
        <v>235</v>
      </c>
      <c r="G168" s="9" t="s">
        <v>246</v>
      </c>
      <c r="H168" s="6">
        <v>19</v>
      </c>
      <c r="I168" s="6">
        <v>18</v>
      </c>
      <c r="J168" s="6">
        <v>17</v>
      </c>
      <c r="K168" s="6">
        <v>1</v>
      </c>
      <c r="L168" s="10" t="s">
        <v>55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2</v>
      </c>
      <c r="E169" s="9" t="s">
        <v>226</v>
      </c>
      <c r="F169" s="9" t="s">
        <v>235</v>
      </c>
      <c r="G169" s="9" t="s">
        <v>247</v>
      </c>
      <c r="H169" s="6">
        <v>15</v>
      </c>
      <c r="I169" s="6">
        <v>11</v>
      </c>
      <c r="J169" s="6">
        <v>7</v>
      </c>
      <c r="K169" s="6">
        <v>4</v>
      </c>
      <c r="L169" s="10" t="s">
        <v>55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2</v>
      </c>
      <c r="E170" s="9" t="s">
        <v>226</v>
      </c>
      <c r="F170" s="9" t="s">
        <v>235</v>
      </c>
      <c r="G170" s="9" t="s">
        <v>248</v>
      </c>
      <c r="H170" s="6">
        <v>25</v>
      </c>
      <c r="I170" s="6">
        <v>19</v>
      </c>
      <c r="J170" s="6">
        <v>16</v>
      </c>
      <c r="K170" s="6">
        <v>6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2</v>
      </c>
      <c r="E171" s="9" t="s">
        <v>226</v>
      </c>
      <c r="F171" s="9" t="s">
        <v>235</v>
      </c>
      <c r="G171" s="9" t="s">
        <v>249</v>
      </c>
      <c r="H171" s="6">
        <v>21</v>
      </c>
      <c r="I171" s="6">
        <v>19</v>
      </c>
      <c r="J171" s="6">
        <v>14</v>
      </c>
      <c r="K171" s="6">
        <v>2</v>
      </c>
      <c r="L171" s="10" t="s">
        <v>55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2</v>
      </c>
      <c r="E172" s="9" t="s">
        <v>226</v>
      </c>
      <c r="F172" s="9" t="s">
        <v>235</v>
      </c>
      <c r="G172" s="9" t="s">
        <v>250</v>
      </c>
      <c r="H172" s="6">
        <v>24</v>
      </c>
      <c r="I172" s="6">
        <v>19</v>
      </c>
      <c r="J172" s="6">
        <v>16</v>
      </c>
      <c r="K172" s="6">
        <v>5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2</v>
      </c>
      <c r="E173" s="9" t="s">
        <v>226</v>
      </c>
      <c r="F173" s="9" t="s">
        <v>235</v>
      </c>
      <c r="G173" s="9" t="s">
        <v>251</v>
      </c>
      <c r="H173" s="6">
        <v>24</v>
      </c>
      <c r="I173" s="6">
        <v>19</v>
      </c>
      <c r="J173" s="6">
        <v>15</v>
      </c>
      <c r="K173" s="6">
        <v>5</v>
      </c>
      <c r="L173" s="10" t="s">
        <v>55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2</v>
      </c>
      <c r="E174" s="9" t="s">
        <v>226</v>
      </c>
      <c r="F174" s="9" t="s">
        <v>235</v>
      </c>
      <c r="G174" s="9" t="s">
        <v>252</v>
      </c>
      <c r="H174" s="6">
        <v>25</v>
      </c>
      <c r="I174" s="6">
        <v>20</v>
      </c>
      <c r="J174" s="6">
        <v>17</v>
      </c>
      <c r="K174" s="6">
        <v>5</v>
      </c>
      <c r="L174" s="10" t="s">
        <v>55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2</v>
      </c>
      <c r="E175" s="9" t="s">
        <v>226</v>
      </c>
      <c r="F175" s="9" t="s">
        <v>235</v>
      </c>
      <c r="G175" s="9" t="s">
        <v>253</v>
      </c>
      <c r="H175" s="6">
        <v>21</v>
      </c>
      <c r="I175" s="6">
        <v>15</v>
      </c>
      <c r="J175" s="6">
        <v>14</v>
      </c>
      <c r="K175" s="6">
        <v>6</v>
      </c>
      <c r="L175" s="10" t="s">
        <v>55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2</v>
      </c>
      <c r="E176" s="9" t="s">
        <v>226</v>
      </c>
      <c r="F176" s="9" t="s">
        <v>235</v>
      </c>
      <c r="G176" s="9" t="s">
        <v>254</v>
      </c>
      <c r="H176" s="6">
        <v>31</v>
      </c>
      <c r="I176" s="6">
        <v>19</v>
      </c>
      <c r="J176" s="6">
        <v>17</v>
      </c>
      <c r="K176" s="6">
        <v>12</v>
      </c>
      <c r="L176" s="10" t="s">
        <v>55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2</v>
      </c>
      <c r="E177" s="9" t="s">
        <v>226</v>
      </c>
      <c r="F177" s="9" t="s">
        <v>235</v>
      </c>
      <c r="G177" s="9" t="s">
        <v>255</v>
      </c>
      <c r="H177" s="6">
        <v>29</v>
      </c>
      <c r="I177" s="6">
        <v>19</v>
      </c>
      <c r="J177" s="6">
        <v>18</v>
      </c>
      <c r="K177" s="6">
        <v>10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2</v>
      </c>
      <c r="E178" s="9" t="s">
        <v>226</v>
      </c>
      <c r="F178" s="9" t="s">
        <v>235</v>
      </c>
      <c r="G178" s="9" t="s">
        <v>256</v>
      </c>
      <c r="H178" s="6">
        <v>3573</v>
      </c>
      <c r="I178" s="6">
        <v>2310</v>
      </c>
      <c r="J178" s="6">
        <v>1337</v>
      </c>
      <c r="K178" s="6">
        <v>1252</v>
      </c>
      <c r="L178" s="6">
        <v>11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2</v>
      </c>
      <c r="E179" s="9" t="s">
        <v>227</v>
      </c>
      <c r="F179" s="9" t="s">
        <v>6</v>
      </c>
      <c r="G179" s="9" t="s">
        <v>30</v>
      </c>
      <c r="H179" s="6">
        <v>3258</v>
      </c>
      <c r="I179" s="6">
        <v>1962</v>
      </c>
      <c r="J179" s="6">
        <v>1823</v>
      </c>
      <c r="K179" s="6">
        <v>1292</v>
      </c>
      <c r="L179" s="6">
        <v>4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2</v>
      </c>
      <c r="E180" s="9" t="s">
        <v>227</v>
      </c>
      <c r="F180" s="9" t="s">
        <v>234</v>
      </c>
      <c r="G180" s="9" t="s">
        <v>30</v>
      </c>
      <c r="H180" s="6">
        <v>761</v>
      </c>
      <c r="I180" s="6">
        <v>453</v>
      </c>
      <c r="J180" s="6">
        <v>434</v>
      </c>
      <c r="K180" s="6">
        <v>307</v>
      </c>
      <c r="L180" s="6">
        <v>1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2</v>
      </c>
      <c r="E181" s="9" t="s">
        <v>227</v>
      </c>
      <c r="F181" s="9" t="s">
        <v>235</v>
      </c>
      <c r="G181" s="9" t="s">
        <v>30</v>
      </c>
      <c r="H181" s="6">
        <v>2497</v>
      </c>
      <c r="I181" s="6">
        <v>1509</v>
      </c>
      <c r="J181" s="6">
        <v>1389</v>
      </c>
      <c r="K181" s="6">
        <v>985</v>
      </c>
      <c r="L181" s="6">
        <v>3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2</v>
      </c>
      <c r="E182" s="9" t="s">
        <v>227</v>
      </c>
      <c r="F182" s="9" t="s">
        <v>235</v>
      </c>
      <c r="G182" s="9" t="s">
        <v>236</v>
      </c>
      <c r="H182" s="6">
        <v>25</v>
      </c>
      <c r="I182" s="6">
        <v>9</v>
      </c>
      <c r="J182" s="6">
        <v>8</v>
      </c>
      <c r="K182" s="6">
        <v>16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2</v>
      </c>
      <c r="E183" s="9" t="s">
        <v>227</v>
      </c>
      <c r="F183" s="9" t="s">
        <v>235</v>
      </c>
      <c r="G183" s="9" t="s">
        <v>237</v>
      </c>
      <c r="H183" s="6">
        <v>32</v>
      </c>
      <c r="I183" s="6">
        <v>24</v>
      </c>
      <c r="J183" s="6">
        <v>22</v>
      </c>
      <c r="K183" s="6">
        <v>8</v>
      </c>
      <c r="L183" s="10" t="s">
        <v>55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2</v>
      </c>
      <c r="E184" s="9" t="s">
        <v>227</v>
      </c>
      <c r="F184" s="9" t="s">
        <v>235</v>
      </c>
      <c r="G184" s="9" t="s">
        <v>238</v>
      </c>
      <c r="H184" s="6">
        <v>12</v>
      </c>
      <c r="I184" s="6">
        <v>8</v>
      </c>
      <c r="J184" s="6">
        <v>8</v>
      </c>
      <c r="K184" s="6">
        <v>4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2</v>
      </c>
      <c r="E185" s="9" t="s">
        <v>227</v>
      </c>
      <c r="F185" s="9" t="s">
        <v>235</v>
      </c>
      <c r="G185" s="9" t="s">
        <v>239</v>
      </c>
      <c r="H185" s="6">
        <v>31</v>
      </c>
      <c r="I185" s="6">
        <v>24</v>
      </c>
      <c r="J185" s="6">
        <v>22</v>
      </c>
      <c r="K185" s="6">
        <v>7</v>
      </c>
      <c r="L185" s="10" t="s">
        <v>55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2</v>
      </c>
      <c r="E186" s="9" t="s">
        <v>227</v>
      </c>
      <c r="F186" s="9" t="s">
        <v>235</v>
      </c>
      <c r="G186" s="9" t="s">
        <v>240</v>
      </c>
      <c r="H186" s="6">
        <v>15</v>
      </c>
      <c r="I186" s="6">
        <v>13</v>
      </c>
      <c r="J186" s="6">
        <v>12</v>
      </c>
      <c r="K186" s="6">
        <v>2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2</v>
      </c>
      <c r="E187" s="9" t="s">
        <v>227</v>
      </c>
      <c r="F187" s="9" t="s">
        <v>235</v>
      </c>
      <c r="G187" s="9" t="s">
        <v>241</v>
      </c>
      <c r="H187" s="6">
        <v>16</v>
      </c>
      <c r="I187" s="6">
        <v>14</v>
      </c>
      <c r="J187" s="6">
        <v>13</v>
      </c>
      <c r="K187" s="6">
        <v>2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2</v>
      </c>
      <c r="E188" s="9" t="s">
        <v>227</v>
      </c>
      <c r="F188" s="9" t="s">
        <v>235</v>
      </c>
      <c r="G188" s="9" t="s">
        <v>242</v>
      </c>
      <c r="H188" s="6">
        <v>21</v>
      </c>
      <c r="I188" s="6">
        <v>19</v>
      </c>
      <c r="J188" s="6">
        <v>17</v>
      </c>
      <c r="K188" s="6">
        <v>2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2</v>
      </c>
      <c r="E189" s="9" t="s">
        <v>227</v>
      </c>
      <c r="F189" s="9" t="s">
        <v>235</v>
      </c>
      <c r="G189" s="9" t="s">
        <v>243</v>
      </c>
      <c r="H189" s="6">
        <v>14</v>
      </c>
      <c r="I189" s="6">
        <v>12</v>
      </c>
      <c r="J189" s="6">
        <v>10</v>
      </c>
      <c r="K189" s="6">
        <v>2</v>
      </c>
      <c r="L189" s="10" t="s">
        <v>55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2</v>
      </c>
      <c r="E190" s="9" t="s">
        <v>227</v>
      </c>
      <c r="F190" s="9" t="s">
        <v>235</v>
      </c>
      <c r="G190" s="9" t="s">
        <v>244</v>
      </c>
      <c r="H190" s="6">
        <v>16</v>
      </c>
      <c r="I190" s="6">
        <v>11</v>
      </c>
      <c r="J190" s="6">
        <v>11</v>
      </c>
      <c r="K190" s="6">
        <v>5</v>
      </c>
      <c r="L190" s="10" t="s">
        <v>55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2</v>
      </c>
      <c r="E191" s="9" t="s">
        <v>227</v>
      </c>
      <c r="F191" s="9" t="s">
        <v>235</v>
      </c>
      <c r="G191" s="9" t="s">
        <v>245</v>
      </c>
      <c r="H191" s="6">
        <v>17</v>
      </c>
      <c r="I191" s="6">
        <v>17</v>
      </c>
      <c r="J191" s="6">
        <v>17</v>
      </c>
      <c r="K191" s="10" t="s">
        <v>55</v>
      </c>
      <c r="L191" s="10" t="s">
        <v>55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2</v>
      </c>
      <c r="E192" s="9" t="s">
        <v>227</v>
      </c>
      <c r="F192" s="9" t="s">
        <v>235</v>
      </c>
      <c r="G192" s="9" t="s">
        <v>246</v>
      </c>
      <c r="H192" s="6">
        <v>14</v>
      </c>
      <c r="I192" s="6">
        <v>14</v>
      </c>
      <c r="J192" s="6">
        <v>13</v>
      </c>
      <c r="K192" s="10" t="s">
        <v>55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2</v>
      </c>
      <c r="E193" s="9" t="s">
        <v>227</v>
      </c>
      <c r="F193" s="9" t="s">
        <v>235</v>
      </c>
      <c r="G193" s="9" t="s">
        <v>247</v>
      </c>
      <c r="H193" s="6">
        <v>9</v>
      </c>
      <c r="I193" s="6">
        <v>6</v>
      </c>
      <c r="J193" s="6">
        <v>6</v>
      </c>
      <c r="K193" s="6">
        <v>3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2</v>
      </c>
      <c r="E194" s="9" t="s">
        <v>227</v>
      </c>
      <c r="F194" s="9" t="s">
        <v>235</v>
      </c>
      <c r="G194" s="9" t="s">
        <v>248</v>
      </c>
      <c r="H194" s="6">
        <v>23</v>
      </c>
      <c r="I194" s="6">
        <v>18</v>
      </c>
      <c r="J194" s="6">
        <v>15</v>
      </c>
      <c r="K194" s="6">
        <v>5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2</v>
      </c>
      <c r="E195" s="9" t="s">
        <v>227</v>
      </c>
      <c r="F195" s="9" t="s">
        <v>235</v>
      </c>
      <c r="G195" s="9" t="s">
        <v>249</v>
      </c>
      <c r="H195" s="6">
        <v>18</v>
      </c>
      <c r="I195" s="6">
        <v>16</v>
      </c>
      <c r="J195" s="6">
        <v>13</v>
      </c>
      <c r="K195" s="6">
        <v>2</v>
      </c>
      <c r="L195" s="10" t="s">
        <v>55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2</v>
      </c>
      <c r="E196" s="9" t="s">
        <v>227</v>
      </c>
      <c r="F196" s="9" t="s">
        <v>235</v>
      </c>
      <c r="G196" s="9" t="s">
        <v>250</v>
      </c>
      <c r="H196" s="6">
        <v>22</v>
      </c>
      <c r="I196" s="6">
        <v>17</v>
      </c>
      <c r="J196" s="6">
        <v>15</v>
      </c>
      <c r="K196" s="6">
        <v>5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2</v>
      </c>
      <c r="E197" s="9" t="s">
        <v>227</v>
      </c>
      <c r="F197" s="9" t="s">
        <v>235</v>
      </c>
      <c r="G197" s="9" t="s">
        <v>251</v>
      </c>
      <c r="H197" s="6">
        <v>18</v>
      </c>
      <c r="I197" s="6">
        <v>16</v>
      </c>
      <c r="J197" s="6">
        <v>15</v>
      </c>
      <c r="K197" s="6">
        <v>2</v>
      </c>
      <c r="L197" s="10" t="s">
        <v>55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2</v>
      </c>
      <c r="E198" s="9" t="s">
        <v>227</v>
      </c>
      <c r="F198" s="9" t="s">
        <v>235</v>
      </c>
      <c r="G198" s="9" t="s">
        <v>252</v>
      </c>
      <c r="H198" s="6">
        <v>20</v>
      </c>
      <c r="I198" s="6">
        <v>15</v>
      </c>
      <c r="J198" s="6">
        <v>15</v>
      </c>
      <c r="K198" s="6">
        <v>5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2</v>
      </c>
      <c r="E199" s="9" t="s">
        <v>227</v>
      </c>
      <c r="F199" s="9" t="s">
        <v>235</v>
      </c>
      <c r="G199" s="9" t="s">
        <v>253</v>
      </c>
      <c r="H199" s="6">
        <v>20</v>
      </c>
      <c r="I199" s="6">
        <v>15</v>
      </c>
      <c r="J199" s="6">
        <v>14</v>
      </c>
      <c r="K199" s="6">
        <v>5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2</v>
      </c>
      <c r="E200" s="9" t="s">
        <v>227</v>
      </c>
      <c r="F200" s="9" t="s">
        <v>235</v>
      </c>
      <c r="G200" s="9" t="s">
        <v>254</v>
      </c>
      <c r="H200" s="6">
        <v>28</v>
      </c>
      <c r="I200" s="6">
        <v>18</v>
      </c>
      <c r="J200" s="6">
        <v>17</v>
      </c>
      <c r="K200" s="6">
        <v>10</v>
      </c>
      <c r="L200" s="10" t="s">
        <v>55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2</v>
      </c>
      <c r="E201" s="9" t="s">
        <v>227</v>
      </c>
      <c r="F201" s="9" t="s">
        <v>235</v>
      </c>
      <c r="G201" s="9" t="s">
        <v>255</v>
      </c>
      <c r="H201" s="6">
        <v>26</v>
      </c>
      <c r="I201" s="6">
        <v>17</v>
      </c>
      <c r="J201" s="6">
        <v>16</v>
      </c>
      <c r="K201" s="6">
        <v>9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2</v>
      </c>
      <c r="E202" s="9" t="s">
        <v>227</v>
      </c>
      <c r="F202" s="9" t="s">
        <v>235</v>
      </c>
      <c r="G202" s="9" t="s">
        <v>256</v>
      </c>
      <c r="H202" s="6">
        <v>2100</v>
      </c>
      <c r="I202" s="6">
        <v>1206</v>
      </c>
      <c r="J202" s="6">
        <v>1110</v>
      </c>
      <c r="K202" s="6">
        <v>891</v>
      </c>
      <c r="L202" s="6">
        <v>3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2</v>
      </c>
      <c r="E203" s="9" t="s">
        <v>228</v>
      </c>
      <c r="F203" s="9" t="s">
        <v>6</v>
      </c>
      <c r="G203" s="9" t="s">
        <v>30</v>
      </c>
      <c r="H203" s="6">
        <v>4234</v>
      </c>
      <c r="I203" s="6">
        <v>688</v>
      </c>
      <c r="J203" s="6">
        <v>568</v>
      </c>
      <c r="K203" s="6">
        <v>3540</v>
      </c>
      <c r="L203" s="6">
        <v>6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2</v>
      </c>
      <c r="E204" s="9" t="s">
        <v>228</v>
      </c>
      <c r="F204" s="9" t="s">
        <v>234</v>
      </c>
      <c r="G204" s="9" t="s">
        <v>30</v>
      </c>
      <c r="H204" s="6">
        <v>998</v>
      </c>
      <c r="I204" s="6">
        <v>154</v>
      </c>
      <c r="J204" s="6">
        <v>125</v>
      </c>
      <c r="K204" s="6">
        <v>842</v>
      </c>
      <c r="L204" s="6">
        <v>2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2</v>
      </c>
      <c r="E205" s="9" t="s">
        <v>228</v>
      </c>
      <c r="F205" s="9" t="s">
        <v>235</v>
      </c>
      <c r="G205" s="9" t="s">
        <v>30</v>
      </c>
      <c r="H205" s="6">
        <v>3236</v>
      </c>
      <c r="I205" s="6">
        <v>534</v>
      </c>
      <c r="J205" s="6">
        <v>443</v>
      </c>
      <c r="K205" s="6">
        <v>2698</v>
      </c>
      <c r="L205" s="6">
        <v>4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2</v>
      </c>
      <c r="E206" s="9" t="s">
        <v>228</v>
      </c>
      <c r="F206" s="9" t="s">
        <v>235</v>
      </c>
      <c r="G206" s="9" t="s">
        <v>236</v>
      </c>
      <c r="H206" s="6">
        <v>1</v>
      </c>
      <c r="I206" s="10" t="s">
        <v>55</v>
      </c>
      <c r="J206" s="10" t="s">
        <v>55</v>
      </c>
      <c r="K206" s="6">
        <v>1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2</v>
      </c>
      <c r="E207" s="9" t="s">
        <v>228</v>
      </c>
      <c r="F207" s="9" t="s">
        <v>235</v>
      </c>
      <c r="G207" s="9" t="s">
        <v>237</v>
      </c>
      <c r="H207" s="6">
        <v>3</v>
      </c>
      <c r="I207" s="6">
        <v>2</v>
      </c>
      <c r="J207" s="6">
        <v>1</v>
      </c>
      <c r="K207" s="6">
        <v>1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2</v>
      </c>
      <c r="E208" s="9" t="s">
        <v>228</v>
      </c>
      <c r="F208" s="9" t="s">
        <v>235</v>
      </c>
      <c r="G208" s="9" t="s">
        <v>238</v>
      </c>
      <c r="H208" s="6">
        <v>2</v>
      </c>
      <c r="I208" s="6">
        <v>1</v>
      </c>
      <c r="J208" s="6">
        <v>1</v>
      </c>
      <c r="K208" s="6">
        <v>1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2</v>
      </c>
      <c r="E209" s="9" t="s">
        <v>228</v>
      </c>
      <c r="F209" s="9" t="s">
        <v>235</v>
      </c>
      <c r="G209" s="9" t="s">
        <v>239</v>
      </c>
      <c r="H209" s="10" t="s">
        <v>55</v>
      </c>
      <c r="I209" s="10" t="s">
        <v>55</v>
      </c>
      <c r="J209" s="10" t="s">
        <v>55</v>
      </c>
      <c r="K209" s="10" t="s">
        <v>55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2</v>
      </c>
      <c r="E210" s="9" t="s">
        <v>228</v>
      </c>
      <c r="F210" s="9" t="s">
        <v>235</v>
      </c>
      <c r="G210" s="9" t="s">
        <v>240</v>
      </c>
      <c r="H210" s="6">
        <v>2</v>
      </c>
      <c r="I210" s="10" t="s">
        <v>55</v>
      </c>
      <c r="J210" s="10" t="s">
        <v>55</v>
      </c>
      <c r="K210" s="6">
        <v>2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2</v>
      </c>
      <c r="E211" s="9" t="s">
        <v>228</v>
      </c>
      <c r="F211" s="9" t="s">
        <v>235</v>
      </c>
      <c r="G211" s="9" t="s">
        <v>241</v>
      </c>
      <c r="H211" s="6">
        <v>2</v>
      </c>
      <c r="I211" s="6">
        <v>2</v>
      </c>
      <c r="J211" s="6">
        <v>2</v>
      </c>
      <c r="K211" s="10" t="s">
        <v>55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2</v>
      </c>
      <c r="E212" s="9" t="s">
        <v>228</v>
      </c>
      <c r="F212" s="9" t="s">
        <v>235</v>
      </c>
      <c r="G212" s="9" t="s">
        <v>242</v>
      </c>
      <c r="H212" s="6">
        <v>3</v>
      </c>
      <c r="I212" s="6">
        <v>3</v>
      </c>
      <c r="J212" s="6">
        <v>3</v>
      </c>
      <c r="K212" s="10" t="s">
        <v>55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2</v>
      </c>
      <c r="E213" s="9" t="s">
        <v>228</v>
      </c>
      <c r="F213" s="9" t="s">
        <v>235</v>
      </c>
      <c r="G213" s="9" t="s">
        <v>243</v>
      </c>
      <c r="H213" s="6">
        <v>1</v>
      </c>
      <c r="I213" s="10" t="s">
        <v>55</v>
      </c>
      <c r="J213" s="10" t="s">
        <v>55</v>
      </c>
      <c r="K213" s="6">
        <v>1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2</v>
      </c>
      <c r="E214" s="9" t="s">
        <v>228</v>
      </c>
      <c r="F214" s="9" t="s">
        <v>235</v>
      </c>
      <c r="G214" s="9" t="s">
        <v>244</v>
      </c>
      <c r="H214" s="10" t="s">
        <v>55</v>
      </c>
      <c r="I214" s="10" t="s">
        <v>55</v>
      </c>
      <c r="J214" s="10" t="s">
        <v>55</v>
      </c>
      <c r="K214" s="10" t="s">
        <v>55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2</v>
      </c>
      <c r="E215" s="9" t="s">
        <v>228</v>
      </c>
      <c r="F215" s="9" t="s">
        <v>235</v>
      </c>
      <c r="G215" s="9" t="s">
        <v>245</v>
      </c>
      <c r="H215" s="10" t="s">
        <v>55</v>
      </c>
      <c r="I215" s="10" t="s">
        <v>55</v>
      </c>
      <c r="J215" s="10" t="s">
        <v>55</v>
      </c>
      <c r="K215" s="10" t="s">
        <v>55</v>
      </c>
      <c r="L215" s="10" t="s">
        <v>55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2</v>
      </c>
      <c r="E216" s="9" t="s">
        <v>228</v>
      </c>
      <c r="F216" s="9" t="s">
        <v>235</v>
      </c>
      <c r="G216" s="9" t="s">
        <v>246</v>
      </c>
      <c r="H216" s="10" t="s">
        <v>55</v>
      </c>
      <c r="I216" s="10" t="s">
        <v>55</v>
      </c>
      <c r="J216" s="10" t="s">
        <v>55</v>
      </c>
      <c r="K216" s="10" t="s">
        <v>55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2</v>
      </c>
      <c r="E217" s="9" t="s">
        <v>228</v>
      </c>
      <c r="F217" s="9" t="s">
        <v>235</v>
      </c>
      <c r="G217" s="9" t="s">
        <v>247</v>
      </c>
      <c r="H217" s="10" t="s">
        <v>55</v>
      </c>
      <c r="I217" s="10" t="s">
        <v>55</v>
      </c>
      <c r="J217" s="10" t="s">
        <v>55</v>
      </c>
      <c r="K217" s="10" t="s">
        <v>55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2</v>
      </c>
      <c r="E218" s="9" t="s">
        <v>228</v>
      </c>
      <c r="F218" s="9" t="s">
        <v>235</v>
      </c>
      <c r="G218" s="9" t="s">
        <v>248</v>
      </c>
      <c r="H218" s="6">
        <v>1</v>
      </c>
      <c r="I218" s="6">
        <v>1</v>
      </c>
      <c r="J218" s="6">
        <v>1</v>
      </c>
      <c r="K218" s="10" t="s">
        <v>55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2</v>
      </c>
      <c r="E219" s="9" t="s">
        <v>228</v>
      </c>
      <c r="F219" s="9" t="s">
        <v>235</v>
      </c>
      <c r="G219" s="9" t="s">
        <v>249</v>
      </c>
      <c r="H219" s="10" t="s">
        <v>55</v>
      </c>
      <c r="I219" s="10" t="s">
        <v>55</v>
      </c>
      <c r="J219" s="10" t="s">
        <v>55</v>
      </c>
      <c r="K219" s="10" t="s">
        <v>55</v>
      </c>
      <c r="L219" s="10" t="s">
        <v>55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2</v>
      </c>
      <c r="E220" s="9" t="s">
        <v>228</v>
      </c>
      <c r="F220" s="9" t="s">
        <v>235</v>
      </c>
      <c r="G220" s="9" t="s">
        <v>250</v>
      </c>
      <c r="H220" s="10" t="s">
        <v>55</v>
      </c>
      <c r="I220" s="10" t="s">
        <v>55</v>
      </c>
      <c r="J220" s="10" t="s">
        <v>55</v>
      </c>
      <c r="K220" s="10" t="s">
        <v>55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2</v>
      </c>
      <c r="E221" s="9" t="s">
        <v>228</v>
      </c>
      <c r="F221" s="9" t="s">
        <v>235</v>
      </c>
      <c r="G221" s="9" t="s">
        <v>251</v>
      </c>
      <c r="H221" s="6">
        <v>3</v>
      </c>
      <c r="I221" s="6">
        <v>1</v>
      </c>
      <c r="J221" s="6">
        <v>1</v>
      </c>
      <c r="K221" s="6">
        <v>2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2</v>
      </c>
      <c r="E222" s="9" t="s">
        <v>228</v>
      </c>
      <c r="F222" s="9" t="s">
        <v>235</v>
      </c>
      <c r="G222" s="9" t="s">
        <v>252</v>
      </c>
      <c r="H222" s="6">
        <v>1</v>
      </c>
      <c r="I222" s="6">
        <v>1</v>
      </c>
      <c r="J222" s="6">
        <v>1</v>
      </c>
      <c r="K222" s="10" t="s">
        <v>55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2</v>
      </c>
      <c r="E223" s="9" t="s">
        <v>228</v>
      </c>
      <c r="F223" s="9" t="s">
        <v>235</v>
      </c>
      <c r="G223" s="9" t="s">
        <v>253</v>
      </c>
      <c r="H223" s="6">
        <v>1</v>
      </c>
      <c r="I223" s="6">
        <v>1</v>
      </c>
      <c r="J223" s="6">
        <v>1</v>
      </c>
      <c r="K223" s="10" t="s">
        <v>55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2</v>
      </c>
      <c r="E224" s="9" t="s">
        <v>228</v>
      </c>
      <c r="F224" s="9" t="s">
        <v>235</v>
      </c>
      <c r="G224" s="9" t="s">
        <v>254</v>
      </c>
      <c r="H224" s="10" t="s">
        <v>55</v>
      </c>
      <c r="I224" s="10" t="s">
        <v>55</v>
      </c>
      <c r="J224" s="10" t="s">
        <v>55</v>
      </c>
      <c r="K224" s="10" t="s">
        <v>55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2</v>
      </c>
      <c r="E225" s="9" t="s">
        <v>228</v>
      </c>
      <c r="F225" s="9" t="s">
        <v>235</v>
      </c>
      <c r="G225" s="9" t="s">
        <v>255</v>
      </c>
      <c r="H225" s="6">
        <v>4</v>
      </c>
      <c r="I225" s="6">
        <v>3</v>
      </c>
      <c r="J225" s="6">
        <v>3</v>
      </c>
      <c r="K225" s="6">
        <v>1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2</v>
      </c>
      <c r="E226" s="9" t="s">
        <v>228</v>
      </c>
      <c r="F226" s="9" t="s">
        <v>235</v>
      </c>
      <c r="G226" s="9" t="s">
        <v>256</v>
      </c>
      <c r="H226" s="6">
        <v>3212</v>
      </c>
      <c r="I226" s="6">
        <v>519</v>
      </c>
      <c r="J226" s="6">
        <v>429</v>
      </c>
      <c r="K226" s="6">
        <v>2689</v>
      </c>
      <c r="L226" s="6">
        <v>4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2</v>
      </c>
      <c r="E227" s="9" t="s">
        <v>18</v>
      </c>
      <c r="F227" s="9" t="s">
        <v>6</v>
      </c>
      <c r="G227" s="9" t="s">
        <v>30</v>
      </c>
      <c r="H227" s="6">
        <v>367</v>
      </c>
      <c r="I227" s="6">
        <v>12</v>
      </c>
      <c r="J227" s="6">
        <v>7</v>
      </c>
      <c r="K227" s="6">
        <v>9</v>
      </c>
      <c r="L227" s="6">
        <v>346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2</v>
      </c>
      <c r="E228" s="9" t="s">
        <v>18</v>
      </c>
      <c r="F228" s="9" t="s">
        <v>234</v>
      </c>
      <c r="G228" s="9" t="s">
        <v>30</v>
      </c>
      <c r="H228" s="6">
        <v>125</v>
      </c>
      <c r="I228" s="6">
        <v>4</v>
      </c>
      <c r="J228" s="6">
        <v>2</v>
      </c>
      <c r="K228" s="6">
        <v>3</v>
      </c>
      <c r="L228" s="6">
        <v>118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2</v>
      </c>
      <c r="E229" s="9" t="s">
        <v>18</v>
      </c>
      <c r="F229" s="9" t="s">
        <v>235</v>
      </c>
      <c r="G229" s="9" t="s">
        <v>30</v>
      </c>
      <c r="H229" s="6">
        <v>242</v>
      </c>
      <c r="I229" s="6">
        <v>8</v>
      </c>
      <c r="J229" s="6">
        <v>5</v>
      </c>
      <c r="K229" s="6">
        <v>6</v>
      </c>
      <c r="L229" s="6">
        <v>228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2</v>
      </c>
      <c r="E230" s="9" t="s">
        <v>18</v>
      </c>
      <c r="F230" s="9" t="s">
        <v>235</v>
      </c>
      <c r="G230" s="9" t="s">
        <v>236</v>
      </c>
      <c r="H230" s="6">
        <v>5</v>
      </c>
      <c r="I230" s="10" t="s">
        <v>55</v>
      </c>
      <c r="J230" s="10" t="s">
        <v>55</v>
      </c>
      <c r="K230" s="10" t="s">
        <v>55</v>
      </c>
      <c r="L230" s="6">
        <v>5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2</v>
      </c>
      <c r="E231" s="9" t="s">
        <v>18</v>
      </c>
      <c r="F231" s="9" t="s">
        <v>235</v>
      </c>
      <c r="G231" s="9" t="s">
        <v>237</v>
      </c>
      <c r="H231" s="6">
        <v>6</v>
      </c>
      <c r="I231" s="10" t="s">
        <v>55</v>
      </c>
      <c r="J231" s="10" t="s">
        <v>55</v>
      </c>
      <c r="K231" s="10" t="s">
        <v>55</v>
      </c>
      <c r="L231" s="6">
        <v>6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2</v>
      </c>
      <c r="E232" s="9" t="s">
        <v>18</v>
      </c>
      <c r="F232" s="9" t="s">
        <v>235</v>
      </c>
      <c r="G232" s="9" t="s">
        <v>238</v>
      </c>
      <c r="H232" s="6">
        <v>6</v>
      </c>
      <c r="I232" s="10" t="s">
        <v>55</v>
      </c>
      <c r="J232" s="10" t="s">
        <v>55</v>
      </c>
      <c r="K232" s="10" t="s">
        <v>55</v>
      </c>
      <c r="L232" s="6">
        <v>6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2</v>
      </c>
      <c r="E233" s="9" t="s">
        <v>18</v>
      </c>
      <c r="F233" s="9" t="s">
        <v>235</v>
      </c>
      <c r="G233" s="9" t="s">
        <v>239</v>
      </c>
      <c r="H233" s="6">
        <v>3</v>
      </c>
      <c r="I233" s="10" t="s">
        <v>55</v>
      </c>
      <c r="J233" s="10" t="s">
        <v>55</v>
      </c>
      <c r="K233" s="10" t="s">
        <v>55</v>
      </c>
      <c r="L233" s="6">
        <v>3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2</v>
      </c>
      <c r="E234" s="9" t="s">
        <v>18</v>
      </c>
      <c r="F234" s="9" t="s">
        <v>235</v>
      </c>
      <c r="G234" s="9" t="s">
        <v>240</v>
      </c>
      <c r="H234" s="6">
        <v>2</v>
      </c>
      <c r="I234" s="10" t="s">
        <v>55</v>
      </c>
      <c r="J234" s="10" t="s">
        <v>55</v>
      </c>
      <c r="K234" s="10" t="s">
        <v>55</v>
      </c>
      <c r="L234" s="6">
        <v>2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2</v>
      </c>
      <c r="E235" s="9" t="s">
        <v>18</v>
      </c>
      <c r="F235" s="9" t="s">
        <v>235</v>
      </c>
      <c r="G235" s="9" t="s">
        <v>241</v>
      </c>
      <c r="H235" s="6">
        <v>4</v>
      </c>
      <c r="I235" s="10" t="s">
        <v>55</v>
      </c>
      <c r="J235" s="10" t="s">
        <v>55</v>
      </c>
      <c r="K235" s="10" t="s">
        <v>55</v>
      </c>
      <c r="L235" s="6">
        <v>4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2</v>
      </c>
      <c r="E236" s="9" t="s">
        <v>18</v>
      </c>
      <c r="F236" s="9" t="s">
        <v>235</v>
      </c>
      <c r="G236" s="9" t="s">
        <v>242</v>
      </c>
      <c r="H236" s="6">
        <v>3</v>
      </c>
      <c r="I236" s="10" t="s">
        <v>55</v>
      </c>
      <c r="J236" s="10" t="s">
        <v>55</v>
      </c>
      <c r="K236" s="10" t="s">
        <v>55</v>
      </c>
      <c r="L236" s="6">
        <v>3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2</v>
      </c>
      <c r="E237" s="9" t="s">
        <v>18</v>
      </c>
      <c r="F237" s="9" t="s">
        <v>235</v>
      </c>
      <c r="G237" s="9" t="s">
        <v>243</v>
      </c>
      <c r="H237" s="6">
        <v>2</v>
      </c>
      <c r="I237" s="10" t="s">
        <v>55</v>
      </c>
      <c r="J237" s="10" t="s">
        <v>55</v>
      </c>
      <c r="K237" s="10" t="s">
        <v>55</v>
      </c>
      <c r="L237" s="6">
        <v>2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2</v>
      </c>
      <c r="E238" s="9" t="s">
        <v>18</v>
      </c>
      <c r="F238" s="9" t="s">
        <v>235</v>
      </c>
      <c r="G238" s="9" t="s">
        <v>244</v>
      </c>
      <c r="H238" s="6">
        <v>1</v>
      </c>
      <c r="I238" s="10" t="s">
        <v>55</v>
      </c>
      <c r="J238" s="10" t="s">
        <v>55</v>
      </c>
      <c r="K238" s="10" t="s">
        <v>55</v>
      </c>
      <c r="L238" s="6">
        <v>1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2</v>
      </c>
      <c r="E239" s="9" t="s">
        <v>18</v>
      </c>
      <c r="F239" s="9" t="s">
        <v>235</v>
      </c>
      <c r="G239" s="9" t="s">
        <v>245</v>
      </c>
      <c r="H239" s="10" t="s">
        <v>55</v>
      </c>
      <c r="I239" s="10" t="s">
        <v>55</v>
      </c>
      <c r="J239" s="10" t="s">
        <v>55</v>
      </c>
      <c r="K239" s="10" t="s">
        <v>55</v>
      </c>
      <c r="L239" s="10" t="s">
        <v>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2</v>
      </c>
      <c r="E240" s="9" t="s">
        <v>18</v>
      </c>
      <c r="F240" s="9" t="s">
        <v>235</v>
      </c>
      <c r="G240" s="9" t="s">
        <v>246</v>
      </c>
      <c r="H240" s="6">
        <v>3</v>
      </c>
      <c r="I240" s="10" t="s">
        <v>55</v>
      </c>
      <c r="J240" s="10" t="s">
        <v>55</v>
      </c>
      <c r="K240" s="10" t="s">
        <v>55</v>
      </c>
      <c r="L240" s="6">
        <v>3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2</v>
      </c>
      <c r="E241" s="9" t="s">
        <v>18</v>
      </c>
      <c r="F241" s="9" t="s">
        <v>235</v>
      </c>
      <c r="G241" s="9" t="s">
        <v>247</v>
      </c>
      <c r="H241" s="6">
        <v>2</v>
      </c>
      <c r="I241" s="10" t="s">
        <v>55</v>
      </c>
      <c r="J241" s="10" t="s">
        <v>55</v>
      </c>
      <c r="K241" s="10" t="s">
        <v>55</v>
      </c>
      <c r="L241" s="6">
        <v>2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2</v>
      </c>
      <c r="E242" s="9" t="s">
        <v>18</v>
      </c>
      <c r="F242" s="9" t="s">
        <v>235</v>
      </c>
      <c r="G242" s="9" t="s">
        <v>248</v>
      </c>
      <c r="H242" s="6">
        <v>2</v>
      </c>
      <c r="I242" s="10" t="s">
        <v>55</v>
      </c>
      <c r="J242" s="10" t="s">
        <v>55</v>
      </c>
      <c r="K242" s="10" t="s">
        <v>55</v>
      </c>
      <c r="L242" s="6">
        <v>2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2</v>
      </c>
      <c r="E243" s="9" t="s">
        <v>18</v>
      </c>
      <c r="F243" s="9" t="s">
        <v>235</v>
      </c>
      <c r="G243" s="9" t="s">
        <v>249</v>
      </c>
      <c r="H243" s="6">
        <v>4</v>
      </c>
      <c r="I243" s="10" t="s">
        <v>55</v>
      </c>
      <c r="J243" s="10" t="s">
        <v>55</v>
      </c>
      <c r="K243" s="10" t="s">
        <v>55</v>
      </c>
      <c r="L243" s="6">
        <v>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2</v>
      </c>
      <c r="E244" s="9" t="s">
        <v>18</v>
      </c>
      <c r="F244" s="9" t="s">
        <v>235</v>
      </c>
      <c r="G244" s="9" t="s">
        <v>250</v>
      </c>
      <c r="H244" s="6">
        <v>1</v>
      </c>
      <c r="I244" s="10" t="s">
        <v>55</v>
      </c>
      <c r="J244" s="10" t="s">
        <v>55</v>
      </c>
      <c r="K244" s="10" t="s">
        <v>55</v>
      </c>
      <c r="L244" s="6">
        <v>1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2</v>
      </c>
      <c r="E245" s="9" t="s">
        <v>18</v>
      </c>
      <c r="F245" s="9" t="s">
        <v>235</v>
      </c>
      <c r="G245" s="9" t="s">
        <v>251</v>
      </c>
      <c r="H245" s="6">
        <v>3</v>
      </c>
      <c r="I245" s="10" t="s">
        <v>55</v>
      </c>
      <c r="J245" s="10" t="s">
        <v>55</v>
      </c>
      <c r="K245" s="10" t="s">
        <v>55</v>
      </c>
      <c r="L245" s="6">
        <v>3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2</v>
      </c>
      <c r="E246" s="9" t="s">
        <v>18</v>
      </c>
      <c r="F246" s="9" t="s">
        <v>235</v>
      </c>
      <c r="G246" s="9" t="s">
        <v>252</v>
      </c>
      <c r="H246" s="6">
        <v>2</v>
      </c>
      <c r="I246" s="10" t="s">
        <v>55</v>
      </c>
      <c r="J246" s="10" t="s">
        <v>55</v>
      </c>
      <c r="K246" s="10" t="s">
        <v>55</v>
      </c>
      <c r="L246" s="6">
        <v>2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2</v>
      </c>
      <c r="E247" s="9" t="s">
        <v>18</v>
      </c>
      <c r="F247" s="9" t="s">
        <v>235</v>
      </c>
      <c r="G247" s="9" t="s">
        <v>253</v>
      </c>
      <c r="H247" s="6">
        <v>5</v>
      </c>
      <c r="I247" s="10" t="s">
        <v>55</v>
      </c>
      <c r="J247" s="10" t="s">
        <v>55</v>
      </c>
      <c r="K247" s="10" t="s">
        <v>55</v>
      </c>
      <c r="L247" s="6">
        <v>5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2</v>
      </c>
      <c r="E248" s="9" t="s">
        <v>18</v>
      </c>
      <c r="F248" s="9" t="s">
        <v>235</v>
      </c>
      <c r="G248" s="9" t="s">
        <v>254</v>
      </c>
      <c r="H248" s="6">
        <v>7</v>
      </c>
      <c r="I248" s="10" t="s">
        <v>55</v>
      </c>
      <c r="J248" s="10" t="s">
        <v>55</v>
      </c>
      <c r="K248" s="10" t="s">
        <v>55</v>
      </c>
      <c r="L248" s="6">
        <v>7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2</v>
      </c>
      <c r="E249" s="9" t="s">
        <v>18</v>
      </c>
      <c r="F249" s="9" t="s">
        <v>235</v>
      </c>
      <c r="G249" s="9" t="s">
        <v>255</v>
      </c>
      <c r="H249" s="6">
        <v>4</v>
      </c>
      <c r="I249" s="10" t="s">
        <v>55</v>
      </c>
      <c r="J249" s="10" t="s">
        <v>55</v>
      </c>
      <c r="K249" s="10" t="s">
        <v>55</v>
      </c>
      <c r="L249" s="6">
        <v>4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2</v>
      </c>
      <c r="E250" s="9" t="s">
        <v>18</v>
      </c>
      <c r="F250" s="9" t="s">
        <v>235</v>
      </c>
      <c r="G250" s="9" t="s">
        <v>256</v>
      </c>
      <c r="H250" s="6">
        <v>177</v>
      </c>
      <c r="I250" s="6">
        <v>8</v>
      </c>
      <c r="J250" s="6">
        <v>5</v>
      </c>
      <c r="K250" s="6">
        <v>6</v>
      </c>
      <c r="L250" s="6">
        <v>163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2</v>
      </c>
      <c r="E251" s="9" t="s">
        <v>6</v>
      </c>
      <c r="F251" s="9" t="s">
        <v>6</v>
      </c>
      <c r="G251" s="9" t="s">
        <v>30</v>
      </c>
      <c r="H251" s="6">
        <v>858</v>
      </c>
      <c r="I251" s="6">
        <v>366</v>
      </c>
      <c r="J251" s="6">
        <v>225</v>
      </c>
      <c r="K251" s="6">
        <v>461</v>
      </c>
      <c r="L251" s="6">
        <v>31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2</v>
      </c>
      <c r="E252" s="9" t="s">
        <v>6</v>
      </c>
      <c r="F252" s="9" t="s">
        <v>234</v>
      </c>
      <c r="G252" s="9" t="s">
        <v>30</v>
      </c>
      <c r="H252" s="6">
        <v>208</v>
      </c>
      <c r="I252" s="6">
        <v>86</v>
      </c>
      <c r="J252" s="6">
        <v>54</v>
      </c>
      <c r="K252" s="6">
        <v>112</v>
      </c>
      <c r="L252" s="6">
        <v>10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2</v>
      </c>
      <c r="E253" s="9" t="s">
        <v>6</v>
      </c>
      <c r="F253" s="9" t="s">
        <v>235</v>
      </c>
      <c r="G253" s="9" t="s">
        <v>30</v>
      </c>
      <c r="H253" s="6">
        <v>650</v>
      </c>
      <c r="I253" s="6">
        <v>280</v>
      </c>
      <c r="J253" s="6">
        <v>171</v>
      </c>
      <c r="K253" s="6">
        <v>349</v>
      </c>
      <c r="L253" s="6">
        <v>21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2</v>
      </c>
      <c r="E254" s="9" t="s">
        <v>6</v>
      </c>
      <c r="F254" s="9" t="s">
        <v>235</v>
      </c>
      <c r="G254" s="9" t="s">
        <v>236</v>
      </c>
      <c r="H254" s="6">
        <v>1</v>
      </c>
      <c r="I254" s="10" t="s">
        <v>55</v>
      </c>
      <c r="J254" s="10" t="s">
        <v>55</v>
      </c>
      <c r="K254" s="6">
        <v>1</v>
      </c>
      <c r="L254" s="10" t="s">
        <v>55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2</v>
      </c>
      <c r="E255" s="9" t="s">
        <v>6</v>
      </c>
      <c r="F255" s="9" t="s">
        <v>235</v>
      </c>
      <c r="G255" s="9" t="s">
        <v>237</v>
      </c>
      <c r="H255" s="6">
        <v>1</v>
      </c>
      <c r="I255" s="6">
        <v>1</v>
      </c>
      <c r="J255" s="6">
        <v>1</v>
      </c>
      <c r="K255" s="10" t="s">
        <v>55</v>
      </c>
      <c r="L255" s="10" t="s">
        <v>55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2</v>
      </c>
      <c r="E256" s="9" t="s">
        <v>6</v>
      </c>
      <c r="F256" s="9" t="s">
        <v>235</v>
      </c>
      <c r="G256" s="9" t="s">
        <v>238</v>
      </c>
      <c r="H256" s="6">
        <v>6</v>
      </c>
      <c r="I256" s="6">
        <v>2</v>
      </c>
      <c r="J256" s="6">
        <v>2</v>
      </c>
      <c r="K256" s="6">
        <v>1</v>
      </c>
      <c r="L256" s="6">
        <v>3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2</v>
      </c>
      <c r="E257" s="9" t="s">
        <v>6</v>
      </c>
      <c r="F257" s="9" t="s">
        <v>235</v>
      </c>
      <c r="G257" s="9" t="s">
        <v>239</v>
      </c>
      <c r="H257" s="6">
        <v>3</v>
      </c>
      <c r="I257" s="6">
        <v>2</v>
      </c>
      <c r="J257" s="10" t="s">
        <v>55</v>
      </c>
      <c r="K257" s="10" t="s">
        <v>55</v>
      </c>
      <c r="L257" s="6">
        <v>1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2</v>
      </c>
      <c r="E258" s="9" t="s">
        <v>6</v>
      </c>
      <c r="F258" s="9" t="s">
        <v>235</v>
      </c>
      <c r="G258" s="9" t="s">
        <v>240</v>
      </c>
      <c r="H258" s="6">
        <v>3</v>
      </c>
      <c r="I258" s="6">
        <v>3</v>
      </c>
      <c r="J258" s="6">
        <v>2</v>
      </c>
      <c r="K258" s="10" t="s">
        <v>55</v>
      </c>
      <c r="L258" s="10" t="s">
        <v>55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2</v>
      </c>
      <c r="E259" s="9" t="s">
        <v>6</v>
      </c>
      <c r="F259" s="9" t="s">
        <v>235</v>
      </c>
      <c r="G259" s="9" t="s">
        <v>241</v>
      </c>
      <c r="H259" s="6">
        <v>3</v>
      </c>
      <c r="I259" s="6">
        <v>3</v>
      </c>
      <c r="J259" s="6">
        <v>2</v>
      </c>
      <c r="K259" s="10" t="s">
        <v>55</v>
      </c>
      <c r="L259" s="10" t="s">
        <v>55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2</v>
      </c>
      <c r="E260" s="9" t="s">
        <v>6</v>
      </c>
      <c r="F260" s="9" t="s">
        <v>235</v>
      </c>
      <c r="G260" s="9" t="s">
        <v>242</v>
      </c>
      <c r="H260" s="6">
        <v>5</v>
      </c>
      <c r="I260" s="6">
        <v>5</v>
      </c>
      <c r="J260" s="6">
        <v>4</v>
      </c>
      <c r="K260" s="10" t="s">
        <v>55</v>
      </c>
      <c r="L260" s="10" t="s">
        <v>55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2</v>
      </c>
      <c r="E261" s="9" t="s">
        <v>6</v>
      </c>
      <c r="F261" s="9" t="s">
        <v>235</v>
      </c>
      <c r="G261" s="9" t="s">
        <v>243</v>
      </c>
      <c r="H261" s="10" t="s">
        <v>55</v>
      </c>
      <c r="I261" s="10" t="s">
        <v>55</v>
      </c>
      <c r="J261" s="10" t="s">
        <v>55</v>
      </c>
      <c r="K261" s="10" t="s">
        <v>55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2</v>
      </c>
      <c r="E262" s="9" t="s">
        <v>6</v>
      </c>
      <c r="F262" s="9" t="s">
        <v>235</v>
      </c>
      <c r="G262" s="9" t="s">
        <v>244</v>
      </c>
      <c r="H262" s="6">
        <v>2</v>
      </c>
      <c r="I262" s="6">
        <v>1</v>
      </c>
      <c r="J262" s="6">
        <v>1</v>
      </c>
      <c r="K262" s="6">
        <v>1</v>
      </c>
      <c r="L262" s="10" t="s">
        <v>55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2</v>
      </c>
      <c r="E263" s="9" t="s">
        <v>6</v>
      </c>
      <c r="F263" s="9" t="s">
        <v>235</v>
      </c>
      <c r="G263" s="9" t="s">
        <v>245</v>
      </c>
      <c r="H263" s="6">
        <v>1</v>
      </c>
      <c r="I263" s="6">
        <v>1</v>
      </c>
      <c r="J263" s="10" t="s">
        <v>55</v>
      </c>
      <c r="K263" s="10" t="s">
        <v>55</v>
      </c>
      <c r="L263" s="10" t="s">
        <v>55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2</v>
      </c>
      <c r="E264" s="9" t="s">
        <v>6</v>
      </c>
      <c r="F264" s="9" t="s">
        <v>235</v>
      </c>
      <c r="G264" s="9" t="s">
        <v>246</v>
      </c>
      <c r="H264" s="10" t="s">
        <v>55</v>
      </c>
      <c r="I264" s="10" t="s">
        <v>55</v>
      </c>
      <c r="J264" s="10" t="s">
        <v>55</v>
      </c>
      <c r="K264" s="10" t="s">
        <v>55</v>
      </c>
      <c r="L264" s="10" t="s">
        <v>55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2</v>
      </c>
      <c r="E265" s="9" t="s">
        <v>6</v>
      </c>
      <c r="F265" s="9" t="s">
        <v>235</v>
      </c>
      <c r="G265" s="9" t="s">
        <v>247</v>
      </c>
      <c r="H265" s="6">
        <v>1</v>
      </c>
      <c r="I265" s="10" t="s">
        <v>55</v>
      </c>
      <c r="J265" s="10" t="s">
        <v>55</v>
      </c>
      <c r="K265" s="10" t="s">
        <v>55</v>
      </c>
      <c r="L265" s="6">
        <v>1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2</v>
      </c>
      <c r="E266" s="9" t="s">
        <v>6</v>
      </c>
      <c r="F266" s="9" t="s">
        <v>235</v>
      </c>
      <c r="G266" s="9" t="s">
        <v>248</v>
      </c>
      <c r="H266" s="6">
        <v>2</v>
      </c>
      <c r="I266" s="6">
        <v>2</v>
      </c>
      <c r="J266" s="6">
        <v>2</v>
      </c>
      <c r="K266" s="10" t="s">
        <v>55</v>
      </c>
      <c r="L266" s="10" t="s">
        <v>55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2</v>
      </c>
      <c r="E267" s="9" t="s">
        <v>6</v>
      </c>
      <c r="F267" s="9" t="s">
        <v>235</v>
      </c>
      <c r="G267" s="9" t="s">
        <v>249</v>
      </c>
      <c r="H267" s="6">
        <v>1</v>
      </c>
      <c r="I267" s="6">
        <v>1</v>
      </c>
      <c r="J267" s="6">
        <v>1</v>
      </c>
      <c r="K267" s="10" t="s">
        <v>55</v>
      </c>
      <c r="L267" s="10" t="s">
        <v>55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2</v>
      </c>
      <c r="E268" s="9" t="s">
        <v>6</v>
      </c>
      <c r="F268" s="9" t="s">
        <v>235</v>
      </c>
      <c r="G268" s="9" t="s">
        <v>250</v>
      </c>
      <c r="H268" s="6">
        <v>2</v>
      </c>
      <c r="I268" s="6">
        <v>2</v>
      </c>
      <c r="J268" s="10" t="s">
        <v>55</v>
      </c>
      <c r="K268" s="10" t="s">
        <v>55</v>
      </c>
      <c r="L268" s="10" t="s">
        <v>55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2</v>
      </c>
      <c r="E269" s="9" t="s">
        <v>6</v>
      </c>
      <c r="F269" s="9" t="s">
        <v>235</v>
      </c>
      <c r="G269" s="9" t="s">
        <v>251</v>
      </c>
      <c r="H269" s="6">
        <v>1</v>
      </c>
      <c r="I269" s="6">
        <v>1</v>
      </c>
      <c r="J269" s="6">
        <v>1</v>
      </c>
      <c r="K269" s="10" t="s">
        <v>55</v>
      </c>
      <c r="L269" s="10" t="s">
        <v>55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2</v>
      </c>
      <c r="E270" s="9" t="s">
        <v>6</v>
      </c>
      <c r="F270" s="9" t="s">
        <v>235</v>
      </c>
      <c r="G270" s="9" t="s">
        <v>252</v>
      </c>
      <c r="H270" s="6">
        <v>2</v>
      </c>
      <c r="I270" s="6">
        <v>1</v>
      </c>
      <c r="J270" s="6">
        <v>1</v>
      </c>
      <c r="K270" s="10" t="s">
        <v>55</v>
      </c>
      <c r="L270" s="6">
        <v>1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2</v>
      </c>
      <c r="E271" s="9" t="s">
        <v>6</v>
      </c>
      <c r="F271" s="9" t="s">
        <v>235</v>
      </c>
      <c r="G271" s="9" t="s">
        <v>253</v>
      </c>
      <c r="H271" s="6">
        <v>1</v>
      </c>
      <c r="I271" s="6">
        <v>1</v>
      </c>
      <c r="J271" s="6">
        <v>1</v>
      </c>
      <c r="K271" s="10" t="s">
        <v>55</v>
      </c>
      <c r="L271" s="10" t="s">
        <v>55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2</v>
      </c>
      <c r="E272" s="9" t="s">
        <v>6</v>
      </c>
      <c r="F272" s="9" t="s">
        <v>235</v>
      </c>
      <c r="G272" s="9" t="s">
        <v>254</v>
      </c>
      <c r="H272" s="6">
        <v>1</v>
      </c>
      <c r="I272" s="6">
        <v>1</v>
      </c>
      <c r="J272" s="6">
        <v>1</v>
      </c>
      <c r="K272" s="10" t="s">
        <v>55</v>
      </c>
      <c r="L272" s="10" t="s">
        <v>55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2</v>
      </c>
      <c r="E273" s="9" t="s">
        <v>6</v>
      </c>
      <c r="F273" s="9" t="s">
        <v>235</v>
      </c>
      <c r="G273" s="9" t="s">
        <v>255</v>
      </c>
      <c r="H273" s="6">
        <v>1</v>
      </c>
      <c r="I273" s="6">
        <v>1</v>
      </c>
      <c r="J273" s="6">
        <v>1</v>
      </c>
      <c r="K273" s="10" t="s">
        <v>55</v>
      </c>
      <c r="L273" s="10" t="s">
        <v>55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2</v>
      </c>
      <c r="E274" s="9" t="s">
        <v>6</v>
      </c>
      <c r="F274" s="9" t="s">
        <v>235</v>
      </c>
      <c r="G274" s="9" t="s">
        <v>256</v>
      </c>
      <c r="H274" s="6">
        <v>613</v>
      </c>
      <c r="I274" s="6">
        <v>252</v>
      </c>
      <c r="J274" s="6">
        <v>151</v>
      </c>
      <c r="K274" s="6">
        <v>346</v>
      </c>
      <c r="L274" s="6">
        <v>15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2</v>
      </c>
      <c r="E275" s="9" t="s">
        <v>226</v>
      </c>
      <c r="F275" s="9" t="s">
        <v>6</v>
      </c>
      <c r="G275" s="9" t="s">
        <v>30</v>
      </c>
      <c r="H275" s="6">
        <v>446</v>
      </c>
      <c r="I275" s="6">
        <v>297</v>
      </c>
      <c r="J275" s="6">
        <v>166</v>
      </c>
      <c r="K275" s="6">
        <v>148</v>
      </c>
      <c r="L275" s="6">
        <v>1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2</v>
      </c>
      <c r="E276" s="9" t="s">
        <v>226</v>
      </c>
      <c r="F276" s="9" t="s">
        <v>234</v>
      </c>
      <c r="G276" s="9" t="s">
        <v>30</v>
      </c>
      <c r="H276" s="6">
        <v>112</v>
      </c>
      <c r="I276" s="6">
        <v>71</v>
      </c>
      <c r="J276" s="6">
        <v>40</v>
      </c>
      <c r="K276" s="6">
        <v>41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2</v>
      </c>
      <c r="E277" s="9" t="s">
        <v>226</v>
      </c>
      <c r="F277" s="9" t="s">
        <v>235</v>
      </c>
      <c r="G277" s="9" t="s">
        <v>30</v>
      </c>
      <c r="H277" s="6">
        <v>334</v>
      </c>
      <c r="I277" s="6">
        <v>226</v>
      </c>
      <c r="J277" s="6">
        <v>126</v>
      </c>
      <c r="K277" s="6">
        <v>107</v>
      </c>
      <c r="L277" s="6">
        <v>1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2</v>
      </c>
      <c r="E278" s="9" t="s">
        <v>226</v>
      </c>
      <c r="F278" s="9" t="s">
        <v>235</v>
      </c>
      <c r="G278" s="9" t="s">
        <v>236</v>
      </c>
      <c r="H278" s="6">
        <v>1</v>
      </c>
      <c r="I278" s="10" t="s">
        <v>55</v>
      </c>
      <c r="J278" s="10" t="s">
        <v>55</v>
      </c>
      <c r="K278" s="6">
        <v>1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2</v>
      </c>
      <c r="E279" s="9" t="s">
        <v>226</v>
      </c>
      <c r="F279" s="9" t="s">
        <v>235</v>
      </c>
      <c r="G279" s="9" t="s">
        <v>237</v>
      </c>
      <c r="H279" s="6">
        <v>1</v>
      </c>
      <c r="I279" s="6">
        <v>1</v>
      </c>
      <c r="J279" s="6">
        <v>1</v>
      </c>
      <c r="K279" s="10" t="s">
        <v>55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2</v>
      </c>
      <c r="E280" s="9" t="s">
        <v>226</v>
      </c>
      <c r="F280" s="9" t="s">
        <v>235</v>
      </c>
      <c r="G280" s="9" t="s">
        <v>238</v>
      </c>
      <c r="H280" s="6">
        <v>3</v>
      </c>
      <c r="I280" s="6">
        <v>2</v>
      </c>
      <c r="J280" s="6">
        <v>2</v>
      </c>
      <c r="K280" s="6">
        <v>1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2</v>
      </c>
      <c r="E281" s="9" t="s">
        <v>226</v>
      </c>
      <c r="F281" s="9" t="s">
        <v>235</v>
      </c>
      <c r="G281" s="9" t="s">
        <v>239</v>
      </c>
      <c r="H281" s="6">
        <v>2</v>
      </c>
      <c r="I281" s="6">
        <v>2</v>
      </c>
      <c r="J281" s="10" t="s">
        <v>55</v>
      </c>
      <c r="K281" s="10" t="s">
        <v>55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2</v>
      </c>
      <c r="E282" s="9" t="s">
        <v>226</v>
      </c>
      <c r="F282" s="9" t="s">
        <v>235</v>
      </c>
      <c r="G282" s="9" t="s">
        <v>240</v>
      </c>
      <c r="H282" s="6">
        <v>3</v>
      </c>
      <c r="I282" s="6">
        <v>3</v>
      </c>
      <c r="J282" s="6">
        <v>2</v>
      </c>
      <c r="K282" s="10" t="s">
        <v>55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2</v>
      </c>
      <c r="E283" s="9" t="s">
        <v>226</v>
      </c>
      <c r="F283" s="9" t="s">
        <v>235</v>
      </c>
      <c r="G283" s="9" t="s">
        <v>241</v>
      </c>
      <c r="H283" s="6">
        <v>3</v>
      </c>
      <c r="I283" s="6">
        <v>3</v>
      </c>
      <c r="J283" s="6">
        <v>2</v>
      </c>
      <c r="K283" s="10" t="s">
        <v>55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2</v>
      </c>
      <c r="E284" s="9" t="s">
        <v>226</v>
      </c>
      <c r="F284" s="9" t="s">
        <v>235</v>
      </c>
      <c r="G284" s="9" t="s">
        <v>242</v>
      </c>
      <c r="H284" s="6">
        <v>5</v>
      </c>
      <c r="I284" s="6">
        <v>5</v>
      </c>
      <c r="J284" s="6">
        <v>4</v>
      </c>
      <c r="K284" s="10" t="s">
        <v>55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2</v>
      </c>
      <c r="E285" s="9" t="s">
        <v>226</v>
      </c>
      <c r="F285" s="9" t="s">
        <v>235</v>
      </c>
      <c r="G285" s="9" t="s">
        <v>243</v>
      </c>
      <c r="H285" s="10" t="s">
        <v>55</v>
      </c>
      <c r="I285" s="10" t="s">
        <v>55</v>
      </c>
      <c r="J285" s="10" t="s">
        <v>55</v>
      </c>
      <c r="K285" s="10" t="s">
        <v>55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2</v>
      </c>
      <c r="E286" s="9" t="s">
        <v>226</v>
      </c>
      <c r="F286" s="9" t="s">
        <v>235</v>
      </c>
      <c r="G286" s="9" t="s">
        <v>244</v>
      </c>
      <c r="H286" s="6">
        <v>2</v>
      </c>
      <c r="I286" s="6">
        <v>1</v>
      </c>
      <c r="J286" s="6">
        <v>1</v>
      </c>
      <c r="K286" s="6">
        <v>1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2</v>
      </c>
      <c r="E287" s="9" t="s">
        <v>226</v>
      </c>
      <c r="F287" s="9" t="s">
        <v>235</v>
      </c>
      <c r="G287" s="9" t="s">
        <v>245</v>
      </c>
      <c r="H287" s="6">
        <v>1</v>
      </c>
      <c r="I287" s="6">
        <v>1</v>
      </c>
      <c r="J287" s="10" t="s">
        <v>55</v>
      </c>
      <c r="K287" s="10" t="s">
        <v>55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2</v>
      </c>
      <c r="E288" s="9" t="s">
        <v>226</v>
      </c>
      <c r="F288" s="9" t="s">
        <v>235</v>
      </c>
      <c r="G288" s="9" t="s">
        <v>246</v>
      </c>
      <c r="H288" s="10" t="s">
        <v>55</v>
      </c>
      <c r="I288" s="10" t="s">
        <v>55</v>
      </c>
      <c r="J288" s="10" t="s">
        <v>55</v>
      </c>
      <c r="K288" s="10" t="s">
        <v>55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2</v>
      </c>
      <c r="E289" s="9" t="s">
        <v>226</v>
      </c>
      <c r="F289" s="9" t="s">
        <v>235</v>
      </c>
      <c r="G289" s="9" t="s">
        <v>247</v>
      </c>
      <c r="H289" s="10" t="s">
        <v>55</v>
      </c>
      <c r="I289" s="10" t="s">
        <v>55</v>
      </c>
      <c r="J289" s="10" t="s">
        <v>55</v>
      </c>
      <c r="K289" s="10" t="s">
        <v>55</v>
      </c>
      <c r="L289" s="10" t="s">
        <v>5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2</v>
      </c>
      <c r="E290" s="9" t="s">
        <v>226</v>
      </c>
      <c r="F290" s="9" t="s">
        <v>235</v>
      </c>
      <c r="G290" s="9" t="s">
        <v>248</v>
      </c>
      <c r="H290" s="6">
        <v>2</v>
      </c>
      <c r="I290" s="6">
        <v>2</v>
      </c>
      <c r="J290" s="6">
        <v>2</v>
      </c>
      <c r="K290" s="10" t="s">
        <v>55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2</v>
      </c>
      <c r="E291" s="9" t="s">
        <v>226</v>
      </c>
      <c r="F291" s="9" t="s">
        <v>235</v>
      </c>
      <c r="G291" s="9" t="s">
        <v>249</v>
      </c>
      <c r="H291" s="6">
        <v>1</v>
      </c>
      <c r="I291" s="6">
        <v>1</v>
      </c>
      <c r="J291" s="6">
        <v>1</v>
      </c>
      <c r="K291" s="10" t="s">
        <v>55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2</v>
      </c>
      <c r="E292" s="9" t="s">
        <v>226</v>
      </c>
      <c r="F292" s="9" t="s">
        <v>235</v>
      </c>
      <c r="G292" s="9" t="s">
        <v>250</v>
      </c>
      <c r="H292" s="6">
        <v>2</v>
      </c>
      <c r="I292" s="6">
        <v>2</v>
      </c>
      <c r="J292" s="10" t="s">
        <v>55</v>
      </c>
      <c r="K292" s="10" t="s">
        <v>55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2</v>
      </c>
      <c r="E293" s="9" t="s">
        <v>226</v>
      </c>
      <c r="F293" s="9" t="s">
        <v>235</v>
      </c>
      <c r="G293" s="9" t="s">
        <v>251</v>
      </c>
      <c r="H293" s="6">
        <v>1</v>
      </c>
      <c r="I293" s="6">
        <v>1</v>
      </c>
      <c r="J293" s="6">
        <v>1</v>
      </c>
      <c r="K293" s="10" t="s">
        <v>55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2</v>
      </c>
      <c r="E294" s="9" t="s">
        <v>226</v>
      </c>
      <c r="F294" s="9" t="s">
        <v>235</v>
      </c>
      <c r="G294" s="9" t="s">
        <v>252</v>
      </c>
      <c r="H294" s="6">
        <v>1</v>
      </c>
      <c r="I294" s="6">
        <v>1</v>
      </c>
      <c r="J294" s="6">
        <v>1</v>
      </c>
      <c r="K294" s="10" t="s">
        <v>55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2</v>
      </c>
      <c r="E295" s="9" t="s">
        <v>226</v>
      </c>
      <c r="F295" s="9" t="s">
        <v>235</v>
      </c>
      <c r="G295" s="9" t="s">
        <v>253</v>
      </c>
      <c r="H295" s="6">
        <v>1</v>
      </c>
      <c r="I295" s="6">
        <v>1</v>
      </c>
      <c r="J295" s="6">
        <v>1</v>
      </c>
      <c r="K295" s="10" t="s">
        <v>55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2</v>
      </c>
      <c r="E296" s="9" t="s">
        <v>226</v>
      </c>
      <c r="F296" s="9" t="s">
        <v>235</v>
      </c>
      <c r="G296" s="9" t="s">
        <v>254</v>
      </c>
      <c r="H296" s="6">
        <v>1</v>
      </c>
      <c r="I296" s="6">
        <v>1</v>
      </c>
      <c r="J296" s="6">
        <v>1</v>
      </c>
      <c r="K296" s="10" t="s">
        <v>55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2</v>
      </c>
      <c r="E297" s="9" t="s">
        <v>226</v>
      </c>
      <c r="F297" s="9" t="s">
        <v>235</v>
      </c>
      <c r="G297" s="9" t="s">
        <v>255</v>
      </c>
      <c r="H297" s="6">
        <v>1</v>
      </c>
      <c r="I297" s="6">
        <v>1</v>
      </c>
      <c r="J297" s="6">
        <v>1</v>
      </c>
      <c r="K297" s="10" t="s">
        <v>55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2</v>
      </c>
      <c r="E298" s="9" t="s">
        <v>226</v>
      </c>
      <c r="F298" s="9" t="s">
        <v>235</v>
      </c>
      <c r="G298" s="9" t="s">
        <v>256</v>
      </c>
      <c r="H298" s="6">
        <v>303</v>
      </c>
      <c r="I298" s="6">
        <v>198</v>
      </c>
      <c r="J298" s="6">
        <v>106</v>
      </c>
      <c r="K298" s="6">
        <v>104</v>
      </c>
      <c r="L298" s="6">
        <v>1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2</v>
      </c>
      <c r="E299" s="9" t="s">
        <v>227</v>
      </c>
      <c r="F299" s="9" t="s">
        <v>6</v>
      </c>
      <c r="G299" s="9" t="s">
        <v>30</v>
      </c>
      <c r="H299" s="6">
        <v>279</v>
      </c>
      <c r="I299" s="6">
        <v>161</v>
      </c>
      <c r="J299" s="6">
        <v>142</v>
      </c>
      <c r="K299" s="6">
        <v>118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2</v>
      </c>
      <c r="E300" s="9" t="s">
        <v>227</v>
      </c>
      <c r="F300" s="9" t="s">
        <v>234</v>
      </c>
      <c r="G300" s="9" t="s">
        <v>30</v>
      </c>
      <c r="H300" s="6">
        <v>73</v>
      </c>
      <c r="I300" s="6">
        <v>37</v>
      </c>
      <c r="J300" s="6">
        <v>33</v>
      </c>
      <c r="K300" s="6">
        <v>36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2</v>
      </c>
      <c r="E301" s="9" t="s">
        <v>227</v>
      </c>
      <c r="F301" s="9" t="s">
        <v>235</v>
      </c>
      <c r="G301" s="9" t="s">
        <v>30</v>
      </c>
      <c r="H301" s="6">
        <v>206</v>
      </c>
      <c r="I301" s="6">
        <v>124</v>
      </c>
      <c r="J301" s="6">
        <v>109</v>
      </c>
      <c r="K301" s="6">
        <v>82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2</v>
      </c>
      <c r="E302" s="9" t="s">
        <v>227</v>
      </c>
      <c r="F302" s="9" t="s">
        <v>235</v>
      </c>
      <c r="G302" s="9" t="s">
        <v>236</v>
      </c>
      <c r="H302" s="6">
        <v>1</v>
      </c>
      <c r="I302" s="10" t="s">
        <v>55</v>
      </c>
      <c r="J302" s="10" t="s">
        <v>55</v>
      </c>
      <c r="K302" s="6">
        <v>1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2</v>
      </c>
      <c r="E303" s="9" t="s">
        <v>227</v>
      </c>
      <c r="F303" s="9" t="s">
        <v>235</v>
      </c>
      <c r="G303" s="9" t="s">
        <v>237</v>
      </c>
      <c r="H303" s="10" t="s">
        <v>55</v>
      </c>
      <c r="I303" s="10" t="s">
        <v>55</v>
      </c>
      <c r="J303" s="10" t="s">
        <v>55</v>
      </c>
      <c r="K303" s="10" t="s">
        <v>55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2</v>
      </c>
      <c r="E304" s="9" t="s">
        <v>227</v>
      </c>
      <c r="F304" s="9" t="s">
        <v>235</v>
      </c>
      <c r="G304" s="9" t="s">
        <v>238</v>
      </c>
      <c r="H304" s="6">
        <v>3</v>
      </c>
      <c r="I304" s="6">
        <v>2</v>
      </c>
      <c r="J304" s="6">
        <v>2</v>
      </c>
      <c r="K304" s="6">
        <v>1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2</v>
      </c>
      <c r="E305" s="9" t="s">
        <v>227</v>
      </c>
      <c r="F305" s="9" t="s">
        <v>235</v>
      </c>
      <c r="G305" s="9" t="s">
        <v>239</v>
      </c>
      <c r="H305" s="6">
        <v>1</v>
      </c>
      <c r="I305" s="6">
        <v>1</v>
      </c>
      <c r="J305" s="10" t="s">
        <v>55</v>
      </c>
      <c r="K305" s="10" t="s">
        <v>55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2</v>
      </c>
      <c r="E306" s="9" t="s">
        <v>227</v>
      </c>
      <c r="F306" s="9" t="s">
        <v>235</v>
      </c>
      <c r="G306" s="9" t="s">
        <v>240</v>
      </c>
      <c r="H306" s="6">
        <v>2</v>
      </c>
      <c r="I306" s="6">
        <v>2</v>
      </c>
      <c r="J306" s="6">
        <v>2</v>
      </c>
      <c r="K306" s="10" t="s">
        <v>55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2</v>
      </c>
      <c r="E307" s="9" t="s">
        <v>227</v>
      </c>
      <c r="F307" s="9" t="s">
        <v>235</v>
      </c>
      <c r="G307" s="9" t="s">
        <v>241</v>
      </c>
      <c r="H307" s="6">
        <v>3</v>
      </c>
      <c r="I307" s="6">
        <v>3</v>
      </c>
      <c r="J307" s="6">
        <v>2</v>
      </c>
      <c r="K307" s="10" t="s">
        <v>55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2</v>
      </c>
      <c r="E308" s="9" t="s">
        <v>227</v>
      </c>
      <c r="F308" s="9" t="s">
        <v>235</v>
      </c>
      <c r="G308" s="9" t="s">
        <v>242</v>
      </c>
      <c r="H308" s="6">
        <v>5</v>
      </c>
      <c r="I308" s="6">
        <v>5</v>
      </c>
      <c r="J308" s="6">
        <v>4</v>
      </c>
      <c r="K308" s="10" t="s">
        <v>55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2</v>
      </c>
      <c r="E309" s="9" t="s">
        <v>227</v>
      </c>
      <c r="F309" s="9" t="s">
        <v>235</v>
      </c>
      <c r="G309" s="9" t="s">
        <v>243</v>
      </c>
      <c r="H309" s="10" t="s">
        <v>55</v>
      </c>
      <c r="I309" s="10" t="s">
        <v>55</v>
      </c>
      <c r="J309" s="10" t="s">
        <v>55</v>
      </c>
      <c r="K309" s="10" t="s">
        <v>55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2</v>
      </c>
      <c r="E310" s="9" t="s">
        <v>227</v>
      </c>
      <c r="F310" s="9" t="s">
        <v>235</v>
      </c>
      <c r="G310" s="9" t="s">
        <v>244</v>
      </c>
      <c r="H310" s="6">
        <v>2</v>
      </c>
      <c r="I310" s="6">
        <v>1</v>
      </c>
      <c r="J310" s="6">
        <v>1</v>
      </c>
      <c r="K310" s="6">
        <v>1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2</v>
      </c>
      <c r="E311" s="9" t="s">
        <v>227</v>
      </c>
      <c r="F311" s="9" t="s">
        <v>235</v>
      </c>
      <c r="G311" s="9" t="s">
        <v>245</v>
      </c>
      <c r="H311" s="10" t="s">
        <v>55</v>
      </c>
      <c r="I311" s="10" t="s">
        <v>55</v>
      </c>
      <c r="J311" s="10" t="s">
        <v>55</v>
      </c>
      <c r="K311" s="10" t="s">
        <v>55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2</v>
      </c>
      <c r="E312" s="9" t="s">
        <v>227</v>
      </c>
      <c r="F312" s="9" t="s">
        <v>235</v>
      </c>
      <c r="G312" s="9" t="s">
        <v>246</v>
      </c>
      <c r="H312" s="10" t="s">
        <v>55</v>
      </c>
      <c r="I312" s="10" t="s">
        <v>55</v>
      </c>
      <c r="J312" s="10" t="s">
        <v>55</v>
      </c>
      <c r="K312" s="10" t="s">
        <v>55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2</v>
      </c>
      <c r="E313" s="9" t="s">
        <v>227</v>
      </c>
      <c r="F313" s="9" t="s">
        <v>235</v>
      </c>
      <c r="G313" s="9" t="s">
        <v>247</v>
      </c>
      <c r="H313" s="10" t="s">
        <v>55</v>
      </c>
      <c r="I313" s="10" t="s">
        <v>55</v>
      </c>
      <c r="J313" s="10" t="s">
        <v>55</v>
      </c>
      <c r="K313" s="10" t="s">
        <v>55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2</v>
      </c>
      <c r="E314" s="9" t="s">
        <v>227</v>
      </c>
      <c r="F314" s="9" t="s">
        <v>235</v>
      </c>
      <c r="G314" s="9" t="s">
        <v>248</v>
      </c>
      <c r="H314" s="6">
        <v>2</v>
      </c>
      <c r="I314" s="6">
        <v>2</v>
      </c>
      <c r="J314" s="6">
        <v>2</v>
      </c>
      <c r="K314" s="10" t="s">
        <v>55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2</v>
      </c>
      <c r="E315" s="9" t="s">
        <v>227</v>
      </c>
      <c r="F315" s="9" t="s">
        <v>235</v>
      </c>
      <c r="G315" s="9" t="s">
        <v>249</v>
      </c>
      <c r="H315" s="6">
        <v>1</v>
      </c>
      <c r="I315" s="6">
        <v>1</v>
      </c>
      <c r="J315" s="6">
        <v>1</v>
      </c>
      <c r="K315" s="10" t="s">
        <v>55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2</v>
      </c>
      <c r="E316" s="9" t="s">
        <v>227</v>
      </c>
      <c r="F316" s="9" t="s">
        <v>235</v>
      </c>
      <c r="G316" s="9" t="s">
        <v>250</v>
      </c>
      <c r="H316" s="6">
        <v>1</v>
      </c>
      <c r="I316" s="6">
        <v>1</v>
      </c>
      <c r="J316" s="10" t="s">
        <v>55</v>
      </c>
      <c r="K316" s="10" t="s">
        <v>55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2</v>
      </c>
      <c r="E317" s="9" t="s">
        <v>227</v>
      </c>
      <c r="F317" s="9" t="s">
        <v>235</v>
      </c>
      <c r="G317" s="9" t="s">
        <v>251</v>
      </c>
      <c r="H317" s="6">
        <v>1</v>
      </c>
      <c r="I317" s="6">
        <v>1</v>
      </c>
      <c r="J317" s="6">
        <v>1</v>
      </c>
      <c r="K317" s="10" t="s">
        <v>55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2</v>
      </c>
      <c r="E318" s="9" t="s">
        <v>227</v>
      </c>
      <c r="F318" s="9" t="s">
        <v>235</v>
      </c>
      <c r="G318" s="9" t="s">
        <v>252</v>
      </c>
      <c r="H318" s="10" t="s">
        <v>55</v>
      </c>
      <c r="I318" s="10" t="s">
        <v>55</v>
      </c>
      <c r="J318" s="10" t="s">
        <v>55</v>
      </c>
      <c r="K318" s="10" t="s">
        <v>55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2</v>
      </c>
      <c r="E319" s="9" t="s">
        <v>227</v>
      </c>
      <c r="F319" s="9" t="s">
        <v>235</v>
      </c>
      <c r="G319" s="9" t="s">
        <v>253</v>
      </c>
      <c r="H319" s="6">
        <v>1</v>
      </c>
      <c r="I319" s="6">
        <v>1</v>
      </c>
      <c r="J319" s="6">
        <v>1</v>
      </c>
      <c r="K319" s="10" t="s">
        <v>55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2</v>
      </c>
      <c r="E320" s="9" t="s">
        <v>227</v>
      </c>
      <c r="F320" s="9" t="s">
        <v>235</v>
      </c>
      <c r="G320" s="9" t="s">
        <v>254</v>
      </c>
      <c r="H320" s="6">
        <v>1</v>
      </c>
      <c r="I320" s="6">
        <v>1</v>
      </c>
      <c r="J320" s="6">
        <v>1</v>
      </c>
      <c r="K320" s="10" t="s">
        <v>55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2</v>
      </c>
      <c r="E321" s="9" t="s">
        <v>227</v>
      </c>
      <c r="F321" s="9" t="s">
        <v>235</v>
      </c>
      <c r="G321" s="9" t="s">
        <v>255</v>
      </c>
      <c r="H321" s="10" t="s">
        <v>55</v>
      </c>
      <c r="I321" s="10" t="s">
        <v>55</v>
      </c>
      <c r="J321" s="10" t="s">
        <v>55</v>
      </c>
      <c r="K321" s="10" t="s">
        <v>55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2</v>
      </c>
      <c r="E322" s="9" t="s">
        <v>227</v>
      </c>
      <c r="F322" s="9" t="s">
        <v>235</v>
      </c>
      <c r="G322" s="9" t="s">
        <v>256</v>
      </c>
      <c r="H322" s="6">
        <v>182</v>
      </c>
      <c r="I322" s="6">
        <v>103</v>
      </c>
      <c r="J322" s="6">
        <v>92</v>
      </c>
      <c r="K322" s="6">
        <v>79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2</v>
      </c>
      <c r="E323" s="9" t="s">
        <v>228</v>
      </c>
      <c r="F323" s="9" t="s">
        <v>6</v>
      </c>
      <c r="G323" s="9" t="s">
        <v>30</v>
      </c>
      <c r="H323" s="6">
        <v>382</v>
      </c>
      <c r="I323" s="6">
        <v>69</v>
      </c>
      <c r="J323" s="6">
        <v>59</v>
      </c>
      <c r="K323" s="6">
        <v>312</v>
      </c>
      <c r="L323" s="6">
        <v>1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2</v>
      </c>
      <c r="E324" s="9" t="s">
        <v>228</v>
      </c>
      <c r="F324" s="9" t="s">
        <v>234</v>
      </c>
      <c r="G324" s="9" t="s">
        <v>30</v>
      </c>
      <c r="H324" s="6">
        <v>86</v>
      </c>
      <c r="I324" s="6">
        <v>15</v>
      </c>
      <c r="J324" s="6">
        <v>14</v>
      </c>
      <c r="K324" s="6">
        <v>71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2</v>
      </c>
      <c r="E325" s="9" t="s">
        <v>228</v>
      </c>
      <c r="F325" s="9" t="s">
        <v>235</v>
      </c>
      <c r="G325" s="9" t="s">
        <v>30</v>
      </c>
      <c r="H325" s="6">
        <v>296</v>
      </c>
      <c r="I325" s="6">
        <v>54</v>
      </c>
      <c r="J325" s="6">
        <v>45</v>
      </c>
      <c r="K325" s="6">
        <v>241</v>
      </c>
      <c r="L325" s="6">
        <v>1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2</v>
      </c>
      <c r="E326" s="9" t="s">
        <v>228</v>
      </c>
      <c r="F326" s="9" t="s">
        <v>235</v>
      </c>
      <c r="G326" s="9" t="s">
        <v>236</v>
      </c>
      <c r="H326" s="10" t="s">
        <v>55</v>
      </c>
      <c r="I326" s="10" t="s">
        <v>55</v>
      </c>
      <c r="J326" s="10" t="s">
        <v>55</v>
      </c>
      <c r="K326" s="10" t="s">
        <v>55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2</v>
      </c>
      <c r="E327" s="9" t="s">
        <v>228</v>
      </c>
      <c r="F327" s="9" t="s">
        <v>235</v>
      </c>
      <c r="G327" s="9" t="s">
        <v>237</v>
      </c>
      <c r="H327" s="10" t="s">
        <v>55</v>
      </c>
      <c r="I327" s="10" t="s">
        <v>55</v>
      </c>
      <c r="J327" s="10" t="s">
        <v>55</v>
      </c>
      <c r="K327" s="10" t="s">
        <v>55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2</v>
      </c>
      <c r="E328" s="9" t="s">
        <v>228</v>
      </c>
      <c r="F328" s="9" t="s">
        <v>235</v>
      </c>
      <c r="G328" s="9" t="s">
        <v>238</v>
      </c>
      <c r="H328" s="10" t="s">
        <v>55</v>
      </c>
      <c r="I328" s="10" t="s">
        <v>55</v>
      </c>
      <c r="J328" s="10" t="s">
        <v>55</v>
      </c>
      <c r="K328" s="10" t="s">
        <v>55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2</v>
      </c>
      <c r="E329" s="9" t="s">
        <v>228</v>
      </c>
      <c r="F329" s="9" t="s">
        <v>235</v>
      </c>
      <c r="G329" s="9" t="s">
        <v>239</v>
      </c>
      <c r="H329" s="10" t="s">
        <v>55</v>
      </c>
      <c r="I329" s="10" t="s">
        <v>55</v>
      </c>
      <c r="J329" s="10" t="s">
        <v>55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2</v>
      </c>
      <c r="E330" s="9" t="s">
        <v>228</v>
      </c>
      <c r="F330" s="9" t="s">
        <v>235</v>
      </c>
      <c r="G330" s="9" t="s">
        <v>240</v>
      </c>
      <c r="H330" s="10" t="s">
        <v>55</v>
      </c>
      <c r="I330" s="10" t="s">
        <v>55</v>
      </c>
      <c r="J330" s="10" t="s">
        <v>55</v>
      </c>
      <c r="K330" s="10" t="s">
        <v>55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2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2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2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2</v>
      </c>
      <c r="E334" s="9" t="s">
        <v>228</v>
      </c>
      <c r="F334" s="9" t="s">
        <v>235</v>
      </c>
      <c r="G334" s="9" t="s">
        <v>244</v>
      </c>
      <c r="H334" s="10" t="s">
        <v>55</v>
      </c>
      <c r="I334" s="10" t="s">
        <v>55</v>
      </c>
      <c r="J334" s="10" t="s">
        <v>55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2</v>
      </c>
      <c r="E335" s="9" t="s">
        <v>228</v>
      </c>
      <c r="F335" s="9" t="s">
        <v>235</v>
      </c>
      <c r="G335" s="9" t="s">
        <v>245</v>
      </c>
      <c r="H335" s="10" t="s">
        <v>55</v>
      </c>
      <c r="I335" s="10" t="s">
        <v>55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2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2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2</v>
      </c>
      <c r="E338" s="9" t="s">
        <v>228</v>
      </c>
      <c r="F338" s="9" t="s">
        <v>235</v>
      </c>
      <c r="G338" s="9" t="s">
        <v>248</v>
      </c>
      <c r="H338" s="10" t="s">
        <v>55</v>
      </c>
      <c r="I338" s="10" t="s">
        <v>55</v>
      </c>
      <c r="J338" s="10" t="s">
        <v>55</v>
      </c>
      <c r="K338" s="10" t="s">
        <v>55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2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2</v>
      </c>
      <c r="E340" s="9" t="s">
        <v>228</v>
      </c>
      <c r="F340" s="9" t="s">
        <v>235</v>
      </c>
      <c r="G340" s="9" t="s">
        <v>250</v>
      </c>
      <c r="H340" s="10" t="s">
        <v>55</v>
      </c>
      <c r="I340" s="10" t="s">
        <v>55</v>
      </c>
      <c r="J340" s="10" t="s">
        <v>55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2</v>
      </c>
      <c r="E341" s="9" t="s">
        <v>228</v>
      </c>
      <c r="F341" s="9" t="s">
        <v>235</v>
      </c>
      <c r="G341" s="9" t="s">
        <v>251</v>
      </c>
      <c r="H341" s="10" t="s">
        <v>55</v>
      </c>
      <c r="I341" s="10" t="s">
        <v>55</v>
      </c>
      <c r="J341" s="10" t="s">
        <v>55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2</v>
      </c>
      <c r="E342" s="9" t="s">
        <v>228</v>
      </c>
      <c r="F342" s="9" t="s">
        <v>235</v>
      </c>
      <c r="G342" s="9" t="s">
        <v>252</v>
      </c>
      <c r="H342" s="10" t="s">
        <v>55</v>
      </c>
      <c r="I342" s="10" t="s">
        <v>55</v>
      </c>
      <c r="J342" s="10" t="s">
        <v>55</v>
      </c>
      <c r="K342" s="10" t="s">
        <v>55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2</v>
      </c>
      <c r="E343" s="9" t="s">
        <v>228</v>
      </c>
      <c r="F343" s="9" t="s">
        <v>235</v>
      </c>
      <c r="G343" s="9" t="s">
        <v>253</v>
      </c>
      <c r="H343" s="10" t="s">
        <v>55</v>
      </c>
      <c r="I343" s="10" t="s">
        <v>55</v>
      </c>
      <c r="J343" s="10" t="s">
        <v>55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2</v>
      </c>
      <c r="E344" s="9" t="s">
        <v>228</v>
      </c>
      <c r="F344" s="9" t="s">
        <v>235</v>
      </c>
      <c r="G344" s="9" t="s">
        <v>254</v>
      </c>
      <c r="H344" s="10" t="s">
        <v>55</v>
      </c>
      <c r="I344" s="10" t="s">
        <v>55</v>
      </c>
      <c r="J344" s="10" t="s">
        <v>55</v>
      </c>
      <c r="K344" s="10" t="s">
        <v>55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2</v>
      </c>
      <c r="E345" s="9" t="s">
        <v>228</v>
      </c>
      <c r="F345" s="9" t="s">
        <v>235</v>
      </c>
      <c r="G345" s="9" t="s">
        <v>255</v>
      </c>
      <c r="H345" s="10" t="s">
        <v>55</v>
      </c>
      <c r="I345" s="10" t="s">
        <v>55</v>
      </c>
      <c r="J345" s="10" t="s">
        <v>55</v>
      </c>
      <c r="K345" s="10" t="s">
        <v>55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2</v>
      </c>
      <c r="E346" s="9" t="s">
        <v>228</v>
      </c>
      <c r="F346" s="9" t="s">
        <v>235</v>
      </c>
      <c r="G346" s="9" t="s">
        <v>256</v>
      </c>
      <c r="H346" s="6">
        <v>296</v>
      </c>
      <c r="I346" s="6">
        <v>54</v>
      </c>
      <c r="J346" s="6">
        <v>45</v>
      </c>
      <c r="K346" s="6">
        <v>241</v>
      </c>
      <c r="L346" s="6">
        <v>1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2</v>
      </c>
      <c r="E347" s="9" t="s">
        <v>18</v>
      </c>
      <c r="F347" s="9" t="s">
        <v>6</v>
      </c>
      <c r="G347" s="9" t="s">
        <v>30</v>
      </c>
      <c r="H347" s="6">
        <v>30</v>
      </c>
      <c r="I347" s="10" t="s">
        <v>55</v>
      </c>
      <c r="J347" s="10" t="s">
        <v>55</v>
      </c>
      <c r="K347" s="6">
        <v>1</v>
      </c>
      <c r="L347" s="6">
        <v>29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2</v>
      </c>
      <c r="E348" s="9" t="s">
        <v>18</v>
      </c>
      <c r="F348" s="9" t="s">
        <v>234</v>
      </c>
      <c r="G348" s="9" t="s">
        <v>30</v>
      </c>
      <c r="H348" s="6">
        <v>10</v>
      </c>
      <c r="I348" s="10" t="s">
        <v>55</v>
      </c>
      <c r="J348" s="10" t="s">
        <v>55</v>
      </c>
      <c r="K348" s="10" t="s">
        <v>55</v>
      </c>
      <c r="L348" s="6">
        <v>10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2</v>
      </c>
      <c r="E349" s="9" t="s">
        <v>18</v>
      </c>
      <c r="F349" s="9" t="s">
        <v>235</v>
      </c>
      <c r="G349" s="9" t="s">
        <v>30</v>
      </c>
      <c r="H349" s="6">
        <v>20</v>
      </c>
      <c r="I349" s="10" t="s">
        <v>55</v>
      </c>
      <c r="J349" s="10" t="s">
        <v>55</v>
      </c>
      <c r="K349" s="6">
        <v>1</v>
      </c>
      <c r="L349" s="6">
        <v>19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2</v>
      </c>
      <c r="E350" s="9" t="s">
        <v>18</v>
      </c>
      <c r="F350" s="9" t="s">
        <v>235</v>
      </c>
      <c r="G350" s="9" t="s">
        <v>236</v>
      </c>
      <c r="H350" s="10" t="s">
        <v>55</v>
      </c>
      <c r="I350" s="10" t="s">
        <v>55</v>
      </c>
      <c r="J350" s="10" t="s">
        <v>55</v>
      </c>
      <c r="K350" s="10" t="s">
        <v>55</v>
      </c>
      <c r="L350" s="10" t="s">
        <v>55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2</v>
      </c>
      <c r="E351" s="9" t="s">
        <v>18</v>
      </c>
      <c r="F351" s="9" t="s">
        <v>235</v>
      </c>
      <c r="G351" s="9" t="s">
        <v>237</v>
      </c>
      <c r="H351" s="10" t="s">
        <v>55</v>
      </c>
      <c r="I351" s="10" t="s">
        <v>55</v>
      </c>
      <c r="J351" s="10" t="s">
        <v>55</v>
      </c>
      <c r="K351" s="10" t="s">
        <v>55</v>
      </c>
      <c r="L351" s="10" t="s">
        <v>55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2</v>
      </c>
      <c r="E352" s="9" t="s">
        <v>18</v>
      </c>
      <c r="F352" s="9" t="s">
        <v>235</v>
      </c>
      <c r="G352" s="9" t="s">
        <v>238</v>
      </c>
      <c r="H352" s="6">
        <v>3</v>
      </c>
      <c r="I352" s="10" t="s">
        <v>55</v>
      </c>
      <c r="J352" s="10" t="s">
        <v>55</v>
      </c>
      <c r="K352" s="10" t="s">
        <v>55</v>
      </c>
      <c r="L352" s="6">
        <v>3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2</v>
      </c>
      <c r="E353" s="9" t="s">
        <v>18</v>
      </c>
      <c r="F353" s="9" t="s">
        <v>235</v>
      </c>
      <c r="G353" s="9" t="s">
        <v>239</v>
      </c>
      <c r="H353" s="6">
        <v>1</v>
      </c>
      <c r="I353" s="10" t="s">
        <v>55</v>
      </c>
      <c r="J353" s="10" t="s">
        <v>55</v>
      </c>
      <c r="K353" s="10" t="s">
        <v>55</v>
      </c>
      <c r="L353" s="6">
        <v>1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2</v>
      </c>
      <c r="E354" s="9" t="s">
        <v>18</v>
      </c>
      <c r="F354" s="9" t="s">
        <v>235</v>
      </c>
      <c r="G354" s="9" t="s">
        <v>240</v>
      </c>
      <c r="H354" s="10" t="s">
        <v>55</v>
      </c>
      <c r="I354" s="10" t="s">
        <v>55</v>
      </c>
      <c r="J354" s="10" t="s">
        <v>55</v>
      </c>
      <c r="K354" s="10" t="s">
        <v>55</v>
      </c>
      <c r="L354" s="10" t="s">
        <v>55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2</v>
      </c>
      <c r="E355" s="9" t="s">
        <v>18</v>
      </c>
      <c r="F355" s="9" t="s">
        <v>235</v>
      </c>
      <c r="G355" s="9" t="s">
        <v>241</v>
      </c>
      <c r="H355" s="10" t="s">
        <v>55</v>
      </c>
      <c r="I355" s="10" t="s">
        <v>55</v>
      </c>
      <c r="J355" s="10" t="s">
        <v>55</v>
      </c>
      <c r="K355" s="10" t="s">
        <v>55</v>
      </c>
      <c r="L355" s="10" t="s">
        <v>55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2</v>
      </c>
      <c r="E356" s="9" t="s">
        <v>18</v>
      </c>
      <c r="F356" s="9" t="s">
        <v>235</v>
      </c>
      <c r="G356" s="9" t="s">
        <v>242</v>
      </c>
      <c r="H356" s="10" t="s">
        <v>55</v>
      </c>
      <c r="I356" s="10" t="s">
        <v>55</v>
      </c>
      <c r="J356" s="10" t="s">
        <v>55</v>
      </c>
      <c r="K356" s="10" t="s">
        <v>55</v>
      </c>
      <c r="L356" s="10" t="s">
        <v>55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2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2</v>
      </c>
      <c r="E358" s="9" t="s">
        <v>18</v>
      </c>
      <c r="F358" s="9" t="s">
        <v>235</v>
      </c>
      <c r="G358" s="9" t="s">
        <v>244</v>
      </c>
      <c r="H358" s="10" t="s">
        <v>55</v>
      </c>
      <c r="I358" s="10" t="s">
        <v>55</v>
      </c>
      <c r="J358" s="10" t="s">
        <v>55</v>
      </c>
      <c r="K358" s="10" t="s">
        <v>55</v>
      </c>
      <c r="L358" s="10" t="s">
        <v>55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2</v>
      </c>
      <c r="E359" s="9" t="s">
        <v>18</v>
      </c>
      <c r="F359" s="9" t="s">
        <v>235</v>
      </c>
      <c r="G359" s="9" t="s">
        <v>245</v>
      </c>
      <c r="H359" s="10" t="s">
        <v>55</v>
      </c>
      <c r="I359" s="10" t="s">
        <v>55</v>
      </c>
      <c r="J359" s="10" t="s">
        <v>55</v>
      </c>
      <c r="K359" s="10" t="s">
        <v>55</v>
      </c>
      <c r="L359" s="10" t="s">
        <v>55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2</v>
      </c>
      <c r="E360" s="9" t="s">
        <v>18</v>
      </c>
      <c r="F360" s="9" t="s">
        <v>235</v>
      </c>
      <c r="G360" s="9" t="s">
        <v>246</v>
      </c>
      <c r="H360" s="10" t="s">
        <v>55</v>
      </c>
      <c r="I360" s="10" t="s">
        <v>55</v>
      </c>
      <c r="J360" s="10" t="s">
        <v>55</v>
      </c>
      <c r="K360" s="10" t="s">
        <v>55</v>
      </c>
      <c r="L360" s="10" t="s">
        <v>55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2</v>
      </c>
      <c r="E361" s="9" t="s">
        <v>18</v>
      </c>
      <c r="F361" s="9" t="s">
        <v>235</v>
      </c>
      <c r="G361" s="9" t="s">
        <v>247</v>
      </c>
      <c r="H361" s="6">
        <v>1</v>
      </c>
      <c r="I361" s="10" t="s">
        <v>55</v>
      </c>
      <c r="J361" s="10" t="s">
        <v>55</v>
      </c>
      <c r="K361" s="10" t="s">
        <v>55</v>
      </c>
      <c r="L361" s="6">
        <v>1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2</v>
      </c>
      <c r="E362" s="9" t="s">
        <v>18</v>
      </c>
      <c r="F362" s="9" t="s">
        <v>235</v>
      </c>
      <c r="G362" s="9" t="s">
        <v>248</v>
      </c>
      <c r="H362" s="10" t="s">
        <v>55</v>
      </c>
      <c r="I362" s="10" t="s">
        <v>55</v>
      </c>
      <c r="J362" s="10" t="s">
        <v>55</v>
      </c>
      <c r="K362" s="10" t="s">
        <v>55</v>
      </c>
      <c r="L362" s="10" t="s">
        <v>55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2</v>
      </c>
      <c r="E363" s="9" t="s">
        <v>18</v>
      </c>
      <c r="F363" s="9" t="s">
        <v>235</v>
      </c>
      <c r="G363" s="9" t="s">
        <v>249</v>
      </c>
      <c r="H363" s="10" t="s">
        <v>55</v>
      </c>
      <c r="I363" s="10" t="s">
        <v>55</v>
      </c>
      <c r="J363" s="10" t="s">
        <v>55</v>
      </c>
      <c r="K363" s="10" t="s">
        <v>55</v>
      </c>
      <c r="L363" s="10" t="s">
        <v>55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2</v>
      </c>
      <c r="E364" s="9" t="s">
        <v>18</v>
      </c>
      <c r="F364" s="9" t="s">
        <v>235</v>
      </c>
      <c r="G364" s="9" t="s">
        <v>250</v>
      </c>
      <c r="H364" s="10" t="s">
        <v>55</v>
      </c>
      <c r="I364" s="10" t="s">
        <v>55</v>
      </c>
      <c r="J364" s="10" t="s">
        <v>55</v>
      </c>
      <c r="K364" s="10" t="s">
        <v>55</v>
      </c>
      <c r="L364" s="10" t="s">
        <v>55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2</v>
      </c>
      <c r="E365" s="9" t="s">
        <v>18</v>
      </c>
      <c r="F365" s="9" t="s">
        <v>235</v>
      </c>
      <c r="G365" s="9" t="s">
        <v>251</v>
      </c>
      <c r="H365" s="10" t="s">
        <v>55</v>
      </c>
      <c r="I365" s="10" t="s">
        <v>55</v>
      </c>
      <c r="J365" s="10" t="s">
        <v>55</v>
      </c>
      <c r="K365" s="10" t="s">
        <v>55</v>
      </c>
      <c r="L365" s="10" t="s">
        <v>55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2</v>
      </c>
      <c r="E366" s="9" t="s">
        <v>18</v>
      </c>
      <c r="F366" s="9" t="s">
        <v>235</v>
      </c>
      <c r="G366" s="9" t="s">
        <v>252</v>
      </c>
      <c r="H366" s="6">
        <v>1</v>
      </c>
      <c r="I366" s="10" t="s">
        <v>55</v>
      </c>
      <c r="J366" s="10" t="s">
        <v>55</v>
      </c>
      <c r="K366" s="10" t="s">
        <v>55</v>
      </c>
      <c r="L366" s="6">
        <v>1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2</v>
      </c>
      <c r="E367" s="9" t="s">
        <v>18</v>
      </c>
      <c r="F367" s="9" t="s">
        <v>235</v>
      </c>
      <c r="G367" s="9" t="s">
        <v>253</v>
      </c>
      <c r="H367" s="10" t="s">
        <v>55</v>
      </c>
      <c r="I367" s="10" t="s">
        <v>55</v>
      </c>
      <c r="J367" s="10" t="s">
        <v>55</v>
      </c>
      <c r="K367" s="10" t="s">
        <v>55</v>
      </c>
      <c r="L367" s="10" t="s">
        <v>55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2</v>
      </c>
      <c r="E368" s="9" t="s">
        <v>18</v>
      </c>
      <c r="F368" s="9" t="s">
        <v>235</v>
      </c>
      <c r="G368" s="9" t="s">
        <v>254</v>
      </c>
      <c r="H368" s="10" t="s">
        <v>55</v>
      </c>
      <c r="I368" s="10" t="s">
        <v>55</v>
      </c>
      <c r="J368" s="10" t="s">
        <v>55</v>
      </c>
      <c r="K368" s="10" t="s">
        <v>55</v>
      </c>
      <c r="L368" s="10" t="s">
        <v>55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2</v>
      </c>
      <c r="E369" s="9" t="s">
        <v>18</v>
      </c>
      <c r="F369" s="9" t="s">
        <v>235</v>
      </c>
      <c r="G369" s="9" t="s">
        <v>255</v>
      </c>
      <c r="H369" s="10" t="s">
        <v>55</v>
      </c>
      <c r="I369" s="10" t="s">
        <v>55</v>
      </c>
      <c r="J369" s="10" t="s">
        <v>55</v>
      </c>
      <c r="K369" s="10" t="s">
        <v>55</v>
      </c>
      <c r="L369" s="10" t="s">
        <v>55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2</v>
      </c>
      <c r="E370" s="9" t="s">
        <v>18</v>
      </c>
      <c r="F370" s="9" t="s">
        <v>235</v>
      </c>
      <c r="G370" s="9" t="s">
        <v>256</v>
      </c>
      <c r="H370" s="6">
        <v>14</v>
      </c>
      <c r="I370" s="10" t="s">
        <v>55</v>
      </c>
      <c r="J370" s="10" t="s">
        <v>55</v>
      </c>
      <c r="K370" s="6">
        <v>1</v>
      </c>
      <c r="L370" s="6">
        <v>1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7D72C70E-344B-4E8F-AB3E-8EC977F8418F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3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4</v>
      </c>
      <c r="E11" s="5" t="s">
        <v>6</v>
      </c>
      <c r="F11" s="5" t="s">
        <v>6</v>
      </c>
      <c r="G11" s="5" t="s">
        <v>30</v>
      </c>
      <c r="H11" s="6">
        <v>1951546</v>
      </c>
      <c r="I11" s="6">
        <v>1337110</v>
      </c>
      <c r="J11" s="6">
        <v>1145837</v>
      </c>
      <c r="K11" s="6">
        <v>536588</v>
      </c>
      <c r="L11" s="6">
        <v>77848</v>
      </c>
    </row>
    <row r="12" spans="1:12">
      <c r="A12" s="9" t="s">
        <v>27</v>
      </c>
      <c r="B12" s="9" t="s">
        <v>28</v>
      </c>
      <c r="C12" s="9" t="s">
        <v>29</v>
      </c>
      <c r="D12" s="9" t="s">
        <v>264</v>
      </c>
      <c r="E12" s="9" t="s">
        <v>6</v>
      </c>
      <c r="F12" s="9" t="s">
        <v>234</v>
      </c>
      <c r="G12" s="9" t="s">
        <v>30</v>
      </c>
      <c r="H12" s="6">
        <v>27119</v>
      </c>
      <c r="I12" s="6">
        <v>19781</v>
      </c>
      <c r="J12" s="6">
        <v>17186</v>
      </c>
      <c r="K12" s="6">
        <v>6341</v>
      </c>
      <c r="L12" s="6">
        <v>997</v>
      </c>
    </row>
    <row r="13" spans="1:12">
      <c r="A13" s="9" t="s">
        <v>27</v>
      </c>
      <c r="B13" s="9" t="s">
        <v>28</v>
      </c>
      <c r="C13" s="9" t="s">
        <v>29</v>
      </c>
      <c r="D13" s="9" t="s">
        <v>264</v>
      </c>
      <c r="E13" s="9" t="s">
        <v>6</v>
      </c>
      <c r="F13" s="9" t="s">
        <v>235</v>
      </c>
      <c r="G13" s="9" t="s">
        <v>30</v>
      </c>
      <c r="H13" s="6">
        <v>1924427</v>
      </c>
      <c r="I13" s="6">
        <v>1317329</v>
      </c>
      <c r="J13" s="6">
        <v>1128651</v>
      </c>
      <c r="K13" s="6">
        <v>530247</v>
      </c>
      <c r="L13" s="6">
        <v>76851</v>
      </c>
    </row>
    <row r="14" spans="1:12">
      <c r="A14" s="9" t="s">
        <v>27</v>
      </c>
      <c r="B14" s="9" t="s">
        <v>28</v>
      </c>
      <c r="C14" s="9" t="s">
        <v>29</v>
      </c>
      <c r="D14" s="9" t="s">
        <v>264</v>
      </c>
      <c r="E14" s="9" t="s">
        <v>6</v>
      </c>
      <c r="F14" s="9" t="s">
        <v>235</v>
      </c>
      <c r="G14" s="9" t="s">
        <v>236</v>
      </c>
      <c r="H14" s="6">
        <v>54167</v>
      </c>
      <c r="I14" s="6">
        <v>26001</v>
      </c>
      <c r="J14" s="6">
        <v>22850</v>
      </c>
      <c r="K14" s="6">
        <v>24617</v>
      </c>
      <c r="L14" s="6">
        <v>3549</v>
      </c>
    </row>
    <row r="15" spans="1:12">
      <c r="A15" s="9" t="s">
        <v>27</v>
      </c>
      <c r="B15" s="9" t="s">
        <v>28</v>
      </c>
      <c r="C15" s="9" t="s">
        <v>29</v>
      </c>
      <c r="D15" s="9" t="s">
        <v>264</v>
      </c>
      <c r="E15" s="9" t="s">
        <v>6</v>
      </c>
      <c r="F15" s="9" t="s">
        <v>235</v>
      </c>
      <c r="G15" s="9" t="s">
        <v>237</v>
      </c>
      <c r="H15" s="6">
        <v>55887</v>
      </c>
      <c r="I15" s="6">
        <v>34285</v>
      </c>
      <c r="J15" s="6">
        <v>30264</v>
      </c>
      <c r="K15" s="6">
        <v>18103</v>
      </c>
      <c r="L15" s="6">
        <v>3499</v>
      </c>
    </row>
    <row r="16" spans="1:12">
      <c r="A16" s="9" t="s">
        <v>27</v>
      </c>
      <c r="B16" s="9" t="s">
        <v>28</v>
      </c>
      <c r="C16" s="9" t="s">
        <v>29</v>
      </c>
      <c r="D16" s="9" t="s">
        <v>264</v>
      </c>
      <c r="E16" s="9" t="s">
        <v>6</v>
      </c>
      <c r="F16" s="9" t="s">
        <v>235</v>
      </c>
      <c r="G16" s="9" t="s">
        <v>238</v>
      </c>
      <c r="H16" s="6">
        <v>50832</v>
      </c>
      <c r="I16" s="6">
        <v>34481</v>
      </c>
      <c r="J16" s="6">
        <v>30422</v>
      </c>
      <c r="K16" s="6">
        <v>13347</v>
      </c>
      <c r="L16" s="6">
        <v>3004</v>
      </c>
    </row>
    <row r="17" spans="1:12">
      <c r="A17" s="9" t="s">
        <v>27</v>
      </c>
      <c r="B17" s="9" t="s">
        <v>28</v>
      </c>
      <c r="C17" s="9" t="s">
        <v>29</v>
      </c>
      <c r="D17" s="9" t="s">
        <v>264</v>
      </c>
      <c r="E17" s="9" t="s">
        <v>6</v>
      </c>
      <c r="F17" s="9" t="s">
        <v>235</v>
      </c>
      <c r="G17" s="9" t="s">
        <v>239</v>
      </c>
      <c r="H17" s="6">
        <v>46471</v>
      </c>
      <c r="I17" s="6">
        <v>33709</v>
      </c>
      <c r="J17" s="6">
        <v>29774</v>
      </c>
      <c r="K17" s="6">
        <v>10277</v>
      </c>
      <c r="L17" s="6">
        <v>2485</v>
      </c>
    </row>
    <row r="18" spans="1:12">
      <c r="A18" s="9" t="s">
        <v>27</v>
      </c>
      <c r="B18" s="9" t="s">
        <v>28</v>
      </c>
      <c r="C18" s="9" t="s">
        <v>29</v>
      </c>
      <c r="D18" s="9" t="s">
        <v>264</v>
      </c>
      <c r="E18" s="9" t="s">
        <v>6</v>
      </c>
      <c r="F18" s="9" t="s">
        <v>235</v>
      </c>
      <c r="G18" s="9" t="s">
        <v>240</v>
      </c>
      <c r="H18" s="6">
        <v>45181</v>
      </c>
      <c r="I18" s="6">
        <v>34254</v>
      </c>
      <c r="J18" s="6">
        <v>30302</v>
      </c>
      <c r="K18" s="6">
        <v>8546</v>
      </c>
      <c r="L18" s="6">
        <v>2381</v>
      </c>
    </row>
    <row r="19" spans="1:12">
      <c r="A19" s="9" t="s">
        <v>27</v>
      </c>
      <c r="B19" s="9" t="s">
        <v>28</v>
      </c>
      <c r="C19" s="9" t="s">
        <v>29</v>
      </c>
      <c r="D19" s="9" t="s">
        <v>264</v>
      </c>
      <c r="E19" s="9" t="s">
        <v>6</v>
      </c>
      <c r="F19" s="9" t="s">
        <v>235</v>
      </c>
      <c r="G19" s="9" t="s">
        <v>241</v>
      </c>
      <c r="H19" s="6">
        <v>44550</v>
      </c>
      <c r="I19" s="6">
        <v>34517</v>
      </c>
      <c r="J19" s="6">
        <v>30608</v>
      </c>
      <c r="K19" s="6">
        <v>7814</v>
      </c>
      <c r="L19" s="6">
        <v>2219</v>
      </c>
    </row>
    <row r="20" spans="1:12">
      <c r="A20" s="9" t="s">
        <v>27</v>
      </c>
      <c r="B20" s="9" t="s">
        <v>28</v>
      </c>
      <c r="C20" s="9" t="s">
        <v>29</v>
      </c>
      <c r="D20" s="9" t="s">
        <v>264</v>
      </c>
      <c r="E20" s="9" t="s">
        <v>6</v>
      </c>
      <c r="F20" s="9" t="s">
        <v>235</v>
      </c>
      <c r="G20" s="9" t="s">
        <v>242</v>
      </c>
      <c r="H20" s="6">
        <v>44372</v>
      </c>
      <c r="I20" s="6">
        <v>34965</v>
      </c>
      <c r="J20" s="6">
        <v>30954</v>
      </c>
      <c r="K20" s="6">
        <v>7204</v>
      </c>
      <c r="L20" s="6">
        <v>2203</v>
      </c>
    </row>
    <row r="21" spans="1:12">
      <c r="A21" s="9" t="s">
        <v>27</v>
      </c>
      <c r="B21" s="9" t="s">
        <v>28</v>
      </c>
      <c r="C21" s="9" t="s">
        <v>29</v>
      </c>
      <c r="D21" s="9" t="s">
        <v>264</v>
      </c>
      <c r="E21" s="9" t="s">
        <v>6</v>
      </c>
      <c r="F21" s="9" t="s">
        <v>235</v>
      </c>
      <c r="G21" s="9" t="s">
        <v>243</v>
      </c>
      <c r="H21" s="6">
        <v>45478</v>
      </c>
      <c r="I21" s="6">
        <v>36278</v>
      </c>
      <c r="J21" s="6">
        <v>32300</v>
      </c>
      <c r="K21" s="6">
        <v>7181</v>
      </c>
      <c r="L21" s="6">
        <v>2019</v>
      </c>
    </row>
    <row r="22" spans="1:12">
      <c r="A22" s="9" t="s">
        <v>27</v>
      </c>
      <c r="B22" s="9" t="s">
        <v>28</v>
      </c>
      <c r="C22" s="9" t="s">
        <v>29</v>
      </c>
      <c r="D22" s="9" t="s">
        <v>264</v>
      </c>
      <c r="E22" s="9" t="s">
        <v>6</v>
      </c>
      <c r="F22" s="9" t="s">
        <v>235</v>
      </c>
      <c r="G22" s="9" t="s">
        <v>244</v>
      </c>
      <c r="H22" s="6">
        <v>45747</v>
      </c>
      <c r="I22" s="6">
        <v>37212</v>
      </c>
      <c r="J22" s="6">
        <v>33246</v>
      </c>
      <c r="K22" s="6">
        <v>6483</v>
      </c>
      <c r="L22" s="6">
        <v>2052</v>
      </c>
    </row>
    <row r="23" spans="1:12">
      <c r="A23" s="9" t="s">
        <v>27</v>
      </c>
      <c r="B23" s="9" t="s">
        <v>28</v>
      </c>
      <c r="C23" s="9" t="s">
        <v>29</v>
      </c>
      <c r="D23" s="9" t="s">
        <v>264</v>
      </c>
      <c r="E23" s="9" t="s">
        <v>6</v>
      </c>
      <c r="F23" s="9" t="s">
        <v>235</v>
      </c>
      <c r="G23" s="9" t="s">
        <v>245</v>
      </c>
      <c r="H23" s="6">
        <v>47288</v>
      </c>
      <c r="I23" s="6">
        <v>38673</v>
      </c>
      <c r="J23" s="6">
        <v>34451</v>
      </c>
      <c r="K23" s="6">
        <v>6505</v>
      </c>
      <c r="L23" s="6">
        <v>2110</v>
      </c>
    </row>
    <row r="24" spans="1:12">
      <c r="A24" s="9" t="s">
        <v>27</v>
      </c>
      <c r="B24" s="9" t="s">
        <v>28</v>
      </c>
      <c r="C24" s="9" t="s">
        <v>29</v>
      </c>
      <c r="D24" s="9" t="s">
        <v>264</v>
      </c>
      <c r="E24" s="9" t="s">
        <v>6</v>
      </c>
      <c r="F24" s="9" t="s">
        <v>235</v>
      </c>
      <c r="G24" s="9" t="s">
        <v>246</v>
      </c>
      <c r="H24" s="6">
        <v>47825</v>
      </c>
      <c r="I24" s="6">
        <v>39161</v>
      </c>
      <c r="J24" s="6">
        <v>34838</v>
      </c>
      <c r="K24" s="6">
        <v>6469</v>
      </c>
      <c r="L24" s="6">
        <v>2195</v>
      </c>
    </row>
    <row r="25" spans="1:12">
      <c r="A25" s="9" t="s">
        <v>27</v>
      </c>
      <c r="B25" s="9" t="s">
        <v>28</v>
      </c>
      <c r="C25" s="9" t="s">
        <v>29</v>
      </c>
      <c r="D25" s="9" t="s">
        <v>264</v>
      </c>
      <c r="E25" s="9" t="s">
        <v>6</v>
      </c>
      <c r="F25" s="9" t="s">
        <v>235</v>
      </c>
      <c r="G25" s="9" t="s">
        <v>247</v>
      </c>
      <c r="H25" s="6">
        <v>49425</v>
      </c>
      <c r="I25" s="6">
        <v>40635</v>
      </c>
      <c r="J25" s="6">
        <v>36299</v>
      </c>
      <c r="K25" s="6">
        <v>6660</v>
      </c>
      <c r="L25" s="6">
        <v>2130</v>
      </c>
    </row>
    <row r="26" spans="1:12">
      <c r="A26" s="9" t="s">
        <v>27</v>
      </c>
      <c r="B26" s="9" t="s">
        <v>28</v>
      </c>
      <c r="C26" s="9" t="s">
        <v>29</v>
      </c>
      <c r="D26" s="9" t="s">
        <v>264</v>
      </c>
      <c r="E26" s="9" t="s">
        <v>6</v>
      </c>
      <c r="F26" s="9" t="s">
        <v>235</v>
      </c>
      <c r="G26" s="9" t="s">
        <v>248</v>
      </c>
      <c r="H26" s="6">
        <v>51093</v>
      </c>
      <c r="I26" s="6">
        <v>42192</v>
      </c>
      <c r="J26" s="6">
        <v>37758</v>
      </c>
      <c r="K26" s="6">
        <v>6779</v>
      </c>
      <c r="L26" s="6">
        <v>2122</v>
      </c>
    </row>
    <row r="27" spans="1:12">
      <c r="A27" s="9" t="s">
        <v>27</v>
      </c>
      <c r="B27" s="9" t="s">
        <v>28</v>
      </c>
      <c r="C27" s="9" t="s">
        <v>29</v>
      </c>
      <c r="D27" s="9" t="s">
        <v>264</v>
      </c>
      <c r="E27" s="9" t="s">
        <v>6</v>
      </c>
      <c r="F27" s="9" t="s">
        <v>235</v>
      </c>
      <c r="G27" s="9" t="s">
        <v>249</v>
      </c>
      <c r="H27" s="6">
        <v>51891</v>
      </c>
      <c r="I27" s="6">
        <v>42980</v>
      </c>
      <c r="J27" s="6">
        <v>38495</v>
      </c>
      <c r="K27" s="6">
        <v>6769</v>
      </c>
      <c r="L27" s="6">
        <v>2142</v>
      </c>
    </row>
    <row r="28" spans="1:12">
      <c r="A28" s="9" t="s">
        <v>27</v>
      </c>
      <c r="B28" s="9" t="s">
        <v>28</v>
      </c>
      <c r="C28" s="9" t="s">
        <v>29</v>
      </c>
      <c r="D28" s="9" t="s">
        <v>264</v>
      </c>
      <c r="E28" s="9" t="s">
        <v>6</v>
      </c>
      <c r="F28" s="9" t="s">
        <v>235</v>
      </c>
      <c r="G28" s="9" t="s">
        <v>250</v>
      </c>
      <c r="H28" s="6">
        <v>51949</v>
      </c>
      <c r="I28" s="6">
        <v>43234</v>
      </c>
      <c r="J28" s="6">
        <v>38780</v>
      </c>
      <c r="K28" s="6">
        <v>6686</v>
      </c>
      <c r="L28" s="6">
        <v>2029</v>
      </c>
    </row>
    <row r="29" spans="1:12">
      <c r="A29" s="9" t="s">
        <v>27</v>
      </c>
      <c r="B29" s="9" t="s">
        <v>28</v>
      </c>
      <c r="C29" s="9" t="s">
        <v>29</v>
      </c>
      <c r="D29" s="9" t="s">
        <v>264</v>
      </c>
      <c r="E29" s="9" t="s">
        <v>6</v>
      </c>
      <c r="F29" s="9" t="s">
        <v>235</v>
      </c>
      <c r="G29" s="9" t="s">
        <v>251</v>
      </c>
      <c r="H29" s="6">
        <v>52205</v>
      </c>
      <c r="I29" s="6">
        <v>43313</v>
      </c>
      <c r="J29" s="6">
        <v>38938</v>
      </c>
      <c r="K29" s="6">
        <v>6858</v>
      </c>
      <c r="L29" s="6">
        <v>2034</v>
      </c>
    </row>
    <row r="30" spans="1:12">
      <c r="A30" s="9" t="s">
        <v>27</v>
      </c>
      <c r="B30" s="9" t="s">
        <v>28</v>
      </c>
      <c r="C30" s="9" t="s">
        <v>29</v>
      </c>
      <c r="D30" s="9" t="s">
        <v>264</v>
      </c>
      <c r="E30" s="9" t="s">
        <v>6</v>
      </c>
      <c r="F30" s="9" t="s">
        <v>235</v>
      </c>
      <c r="G30" s="9" t="s">
        <v>252</v>
      </c>
      <c r="H30" s="6">
        <v>54600</v>
      </c>
      <c r="I30" s="6">
        <v>45201</v>
      </c>
      <c r="J30" s="6">
        <v>40562</v>
      </c>
      <c r="K30" s="6">
        <v>7315</v>
      </c>
      <c r="L30" s="6">
        <v>2084</v>
      </c>
    </row>
    <row r="31" spans="1:12">
      <c r="A31" s="9" t="s">
        <v>27</v>
      </c>
      <c r="B31" s="9" t="s">
        <v>28</v>
      </c>
      <c r="C31" s="9" t="s">
        <v>29</v>
      </c>
      <c r="D31" s="9" t="s">
        <v>264</v>
      </c>
      <c r="E31" s="9" t="s">
        <v>6</v>
      </c>
      <c r="F31" s="9" t="s">
        <v>235</v>
      </c>
      <c r="G31" s="9" t="s">
        <v>253</v>
      </c>
      <c r="H31" s="6">
        <v>56207</v>
      </c>
      <c r="I31" s="6">
        <v>46443</v>
      </c>
      <c r="J31" s="6">
        <v>41578</v>
      </c>
      <c r="K31" s="6">
        <v>7628</v>
      </c>
      <c r="L31" s="6">
        <v>2136</v>
      </c>
    </row>
    <row r="32" spans="1:12">
      <c r="A32" s="9" t="s">
        <v>27</v>
      </c>
      <c r="B32" s="9" t="s">
        <v>28</v>
      </c>
      <c r="C32" s="9" t="s">
        <v>29</v>
      </c>
      <c r="D32" s="9" t="s">
        <v>264</v>
      </c>
      <c r="E32" s="9" t="s">
        <v>6</v>
      </c>
      <c r="F32" s="9" t="s">
        <v>235</v>
      </c>
      <c r="G32" s="9" t="s">
        <v>254</v>
      </c>
      <c r="H32" s="6">
        <v>52148</v>
      </c>
      <c r="I32" s="6">
        <v>42503</v>
      </c>
      <c r="J32" s="6">
        <v>38121</v>
      </c>
      <c r="K32" s="6">
        <v>7416</v>
      </c>
      <c r="L32" s="6">
        <v>2229</v>
      </c>
    </row>
    <row r="33" spans="1:12">
      <c r="A33" s="9" t="s">
        <v>27</v>
      </c>
      <c r="B33" s="9" t="s">
        <v>28</v>
      </c>
      <c r="C33" s="9" t="s">
        <v>29</v>
      </c>
      <c r="D33" s="9" t="s">
        <v>264</v>
      </c>
      <c r="E33" s="9" t="s">
        <v>6</v>
      </c>
      <c r="F33" s="9" t="s">
        <v>235</v>
      </c>
      <c r="G33" s="9" t="s">
        <v>255</v>
      </c>
      <c r="H33" s="6">
        <v>45709</v>
      </c>
      <c r="I33" s="6">
        <v>36524</v>
      </c>
      <c r="J33" s="6">
        <v>32689</v>
      </c>
      <c r="K33" s="6">
        <v>7145</v>
      </c>
      <c r="L33" s="6">
        <v>2040</v>
      </c>
    </row>
    <row r="34" spans="1:12">
      <c r="A34" s="9" t="s">
        <v>27</v>
      </c>
      <c r="B34" s="9" t="s">
        <v>28</v>
      </c>
      <c r="C34" s="9" t="s">
        <v>29</v>
      </c>
      <c r="D34" s="9" t="s">
        <v>264</v>
      </c>
      <c r="E34" s="9" t="s">
        <v>6</v>
      </c>
      <c r="F34" s="9" t="s">
        <v>235</v>
      </c>
      <c r="G34" s="9" t="s">
        <v>256</v>
      </c>
      <c r="H34" s="6">
        <v>931402</v>
      </c>
      <c r="I34" s="6">
        <v>550768</v>
      </c>
      <c r="J34" s="6">
        <v>445422</v>
      </c>
      <c r="K34" s="6">
        <v>350445</v>
      </c>
      <c r="L34" s="6">
        <v>30189</v>
      </c>
    </row>
    <row r="35" spans="1:12">
      <c r="A35" s="9" t="s">
        <v>27</v>
      </c>
      <c r="B35" s="9" t="s">
        <v>28</v>
      </c>
      <c r="C35" s="9" t="s">
        <v>29</v>
      </c>
      <c r="D35" s="9" t="s">
        <v>264</v>
      </c>
      <c r="E35" s="9" t="s">
        <v>226</v>
      </c>
      <c r="F35" s="9" t="s">
        <v>6</v>
      </c>
      <c r="G35" s="9" t="s">
        <v>30</v>
      </c>
      <c r="H35" s="6">
        <v>1627591</v>
      </c>
      <c r="I35" s="6">
        <v>1268205</v>
      </c>
      <c r="J35" s="6">
        <v>1083969</v>
      </c>
      <c r="K35" s="6">
        <v>356345</v>
      </c>
      <c r="L35" s="6">
        <v>3041</v>
      </c>
    </row>
    <row r="36" spans="1:12">
      <c r="A36" s="9" t="s">
        <v>27</v>
      </c>
      <c r="B36" s="9" t="s">
        <v>28</v>
      </c>
      <c r="C36" s="9" t="s">
        <v>29</v>
      </c>
      <c r="D36" s="9" t="s">
        <v>264</v>
      </c>
      <c r="E36" s="9" t="s">
        <v>226</v>
      </c>
      <c r="F36" s="9" t="s">
        <v>234</v>
      </c>
      <c r="G36" s="9" t="s">
        <v>30</v>
      </c>
      <c r="H36" s="6">
        <v>24971</v>
      </c>
      <c r="I36" s="6">
        <v>19242</v>
      </c>
      <c r="J36" s="6">
        <v>16695</v>
      </c>
      <c r="K36" s="6">
        <v>5606</v>
      </c>
      <c r="L36" s="6">
        <v>123</v>
      </c>
    </row>
    <row r="37" spans="1:12">
      <c r="A37" s="9" t="s">
        <v>27</v>
      </c>
      <c r="B37" s="9" t="s">
        <v>28</v>
      </c>
      <c r="C37" s="9" t="s">
        <v>29</v>
      </c>
      <c r="D37" s="9" t="s">
        <v>264</v>
      </c>
      <c r="E37" s="9" t="s">
        <v>226</v>
      </c>
      <c r="F37" s="9" t="s">
        <v>235</v>
      </c>
      <c r="G37" s="9" t="s">
        <v>30</v>
      </c>
      <c r="H37" s="6">
        <v>1602620</v>
      </c>
      <c r="I37" s="6">
        <v>1248963</v>
      </c>
      <c r="J37" s="6">
        <v>1067274</v>
      </c>
      <c r="K37" s="6">
        <v>350739</v>
      </c>
      <c r="L37" s="6">
        <v>2918</v>
      </c>
    </row>
    <row r="38" spans="1:12">
      <c r="A38" s="9" t="s">
        <v>27</v>
      </c>
      <c r="B38" s="9" t="s">
        <v>28</v>
      </c>
      <c r="C38" s="9" t="s">
        <v>29</v>
      </c>
      <c r="D38" s="9" t="s">
        <v>264</v>
      </c>
      <c r="E38" s="9" t="s">
        <v>226</v>
      </c>
      <c r="F38" s="9" t="s">
        <v>235</v>
      </c>
      <c r="G38" s="9" t="s">
        <v>236</v>
      </c>
      <c r="H38" s="6">
        <v>49510</v>
      </c>
      <c r="I38" s="6">
        <v>25592</v>
      </c>
      <c r="J38" s="6">
        <v>22481</v>
      </c>
      <c r="K38" s="6">
        <v>23754</v>
      </c>
      <c r="L38" s="6">
        <v>164</v>
      </c>
    </row>
    <row r="39" spans="1:12">
      <c r="A39" s="9" t="s">
        <v>27</v>
      </c>
      <c r="B39" s="9" t="s">
        <v>28</v>
      </c>
      <c r="C39" s="9" t="s">
        <v>29</v>
      </c>
      <c r="D39" s="9" t="s">
        <v>264</v>
      </c>
      <c r="E39" s="9" t="s">
        <v>226</v>
      </c>
      <c r="F39" s="9" t="s">
        <v>235</v>
      </c>
      <c r="G39" s="9" t="s">
        <v>237</v>
      </c>
      <c r="H39" s="6">
        <v>51538</v>
      </c>
      <c r="I39" s="6">
        <v>33836</v>
      </c>
      <c r="J39" s="6">
        <v>29869</v>
      </c>
      <c r="K39" s="6">
        <v>17541</v>
      </c>
      <c r="L39" s="6">
        <v>161</v>
      </c>
    </row>
    <row r="40" spans="1:12">
      <c r="A40" s="9" t="s">
        <v>27</v>
      </c>
      <c r="B40" s="9" t="s">
        <v>28</v>
      </c>
      <c r="C40" s="9" t="s">
        <v>29</v>
      </c>
      <c r="D40" s="9" t="s">
        <v>264</v>
      </c>
      <c r="E40" s="9" t="s">
        <v>226</v>
      </c>
      <c r="F40" s="9" t="s">
        <v>235</v>
      </c>
      <c r="G40" s="9" t="s">
        <v>238</v>
      </c>
      <c r="H40" s="6">
        <v>47137</v>
      </c>
      <c r="I40" s="6">
        <v>34081</v>
      </c>
      <c r="J40" s="6">
        <v>30052</v>
      </c>
      <c r="K40" s="6">
        <v>12942</v>
      </c>
      <c r="L40" s="6">
        <v>114</v>
      </c>
    </row>
    <row r="41" spans="1:12">
      <c r="A41" s="9" t="s">
        <v>27</v>
      </c>
      <c r="B41" s="9" t="s">
        <v>28</v>
      </c>
      <c r="C41" s="9" t="s">
        <v>29</v>
      </c>
      <c r="D41" s="9" t="s">
        <v>264</v>
      </c>
      <c r="E41" s="9" t="s">
        <v>226</v>
      </c>
      <c r="F41" s="9" t="s">
        <v>235</v>
      </c>
      <c r="G41" s="9" t="s">
        <v>239</v>
      </c>
      <c r="H41" s="6">
        <v>43332</v>
      </c>
      <c r="I41" s="6">
        <v>33264</v>
      </c>
      <c r="J41" s="6">
        <v>29374</v>
      </c>
      <c r="K41" s="6">
        <v>9979</v>
      </c>
      <c r="L41" s="6">
        <v>89</v>
      </c>
    </row>
    <row r="42" spans="1:12">
      <c r="A42" s="9" t="s">
        <v>27</v>
      </c>
      <c r="B42" s="9" t="s">
        <v>28</v>
      </c>
      <c r="C42" s="9" t="s">
        <v>29</v>
      </c>
      <c r="D42" s="9" t="s">
        <v>264</v>
      </c>
      <c r="E42" s="9" t="s">
        <v>226</v>
      </c>
      <c r="F42" s="9" t="s">
        <v>235</v>
      </c>
      <c r="G42" s="9" t="s">
        <v>240</v>
      </c>
      <c r="H42" s="6">
        <v>42201</v>
      </c>
      <c r="I42" s="6">
        <v>33853</v>
      </c>
      <c r="J42" s="6">
        <v>29956</v>
      </c>
      <c r="K42" s="6">
        <v>8279</v>
      </c>
      <c r="L42" s="6">
        <v>69</v>
      </c>
    </row>
    <row r="43" spans="1:12">
      <c r="A43" s="9" t="s">
        <v>27</v>
      </c>
      <c r="B43" s="9" t="s">
        <v>28</v>
      </c>
      <c r="C43" s="9" t="s">
        <v>29</v>
      </c>
      <c r="D43" s="9" t="s">
        <v>264</v>
      </c>
      <c r="E43" s="9" t="s">
        <v>226</v>
      </c>
      <c r="F43" s="9" t="s">
        <v>235</v>
      </c>
      <c r="G43" s="9" t="s">
        <v>241</v>
      </c>
      <c r="H43" s="6">
        <v>41741</v>
      </c>
      <c r="I43" s="6">
        <v>34113</v>
      </c>
      <c r="J43" s="6">
        <v>30236</v>
      </c>
      <c r="K43" s="6">
        <v>7541</v>
      </c>
      <c r="L43" s="6">
        <v>87</v>
      </c>
    </row>
    <row r="44" spans="1:12">
      <c r="A44" s="9" t="s">
        <v>27</v>
      </c>
      <c r="B44" s="9" t="s">
        <v>28</v>
      </c>
      <c r="C44" s="9" t="s">
        <v>29</v>
      </c>
      <c r="D44" s="9" t="s">
        <v>264</v>
      </c>
      <c r="E44" s="9" t="s">
        <v>226</v>
      </c>
      <c r="F44" s="9" t="s">
        <v>235</v>
      </c>
      <c r="G44" s="9" t="s">
        <v>242</v>
      </c>
      <c r="H44" s="6">
        <v>41646</v>
      </c>
      <c r="I44" s="6">
        <v>34594</v>
      </c>
      <c r="J44" s="6">
        <v>30615</v>
      </c>
      <c r="K44" s="6">
        <v>6977</v>
      </c>
      <c r="L44" s="6">
        <v>75</v>
      </c>
    </row>
    <row r="45" spans="1:12">
      <c r="A45" s="9" t="s">
        <v>27</v>
      </c>
      <c r="B45" s="9" t="s">
        <v>28</v>
      </c>
      <c r="C45" s="9" t="s">
        <v>29</v>
      </c>
      <c r="D45" s="9" t="s">
        <v>264</v>
      </c>
      <c r="E45" s="9" t="s">
        <v>226</v>
      </c>
      <c r="F45" s="9" t="s">
        <v>235</v>
      </c>
      <c r="G45" s="9" t="s">
        <v>243</v>
      </c>
      <c r="H45" s="6">
        <v>42814</v>
      </c>
      <c r="I45" s="6">
        <v>35797</v>
      </c>
      <c r="J45" s="6">
        <v>31849</v>
      </c>
      <c r="K45" s="6">
        <v>6944</v>
      </c>
      <c r="L45" s="6">
        <v>73</v>
      </c>
    </row>
    <row r="46" spans="1:12">
      <c r="A46" s="9" t="s">
        <v>27</v>
      </c>
      <c r="B46" s="9" t="s">
        <v>28</v>
      </c>
      <c r="C46" s="9" t="s">
        <v>29</v>
      </c>
      <c r="D46" s="9" t="s">
        <v>264</v>
      </c>
      <c r="E46" s="9" t="s">
        <v>226</v>
      </c>
      <c r="F46" s="9" t="s">
        <v>235</v>
      </c>
      <c r="G46" s="9" t="s">
        <v>244</v>
      </c>
      <c r="H46" s="6">
        <v>43037</v>
      </c>
      <c r="I46" s="6">
        <v>36744</v>
      </c>
      <c r="J46" s="6">
        <v>32813</v>
      </c>
      <c r="K46" s="6">
        <v>6238</v>
      </c>
      <c r="L46" s="6">
        <v>55</v>
      </c>
    </row>
    <row r="47" spans="1:12">
      <c r="A47" s="9" t="s">
        <v>27</v>
      </c>
      <c r="B47" s="9" t="s">
        <v>28</v>
      </c>
      <c r="C47" s="9" t="s">
        <v>29</v>
      </c>
      <c r="D47" s="9" t="s">
        <v>264</v>
      </c>
      <c r="E47" s="9" t="s">
        <v>226</v>
      </c>
      <c r="F47" s="9" t="s">
        <v>235</v>
      </c>
      <c r="G47" s="9" t="s">
        <v>245</v>
      </c>
      <c r="H47" s="6">
        <v>44547</v>
      </c>
      <c r="I47" s="6">
        <v>38193</v>
      </c>
      <c r="J47" s="6">
        <v>34005</v>
      </c>
      <c r="K47" s="6">
        <v>6291</v>
      </c>
      <c r="L47" s="6">
        <v>63</v>
      </c>
    </row>
    <row r="48" spans="1:12">
      <c r="A48" s="9" t="s">
        <v>27</v>
      </c>
      <c r="B48" s="9" t="s">
        <v>28</v>
      </c>
      <c r="C48" s="9" t="s">
        <v>29</v>
      </c>
      <c r="D48" s="9" t="s">
        <v>264</v>
      </c>
      <c r="E48" s="9" t="s">
        <v>226</v>
      </c>
      <c r="F48" s="9" t="s">
        <v>235</v>
      </c>
      <c r="G48" s="9" t="s">
        <v>246</v>
      </c>
      <c r="H48" s="6">
        <v>44974</v>
      </c>
      <c r="I48" s="6">
        <v>38643</v>
      </c>
      <c r="J48" s="6">
        <v>34360</v>
      </c>
      <c r="K48" s="6">
        <v>6258</v>
      </c>
      <c r="L48" s="6">
        <v>73</v>
      </c>
    </row>
    <row r="49" spans="1:12">
      <c r="A49" s="9" t="s">
        <v>27</v>
      </c>
      <c r="B49" s="9" t="s">
        <v>28</v>
      </c>
      <c r="C49" s="9" t="s">
        <v>29</v>
      </c>
      <c r="D49" s="9" t="s">
        <v>264</v>
      </c>
      <c r="E49" s="9" t="s">
        <v>226</v>
      </c>
      <c r="F49" s="9" t="s">
        <v>235</v>
      </c>
      <c r="G49" s="9" t="s">
        <v>247</v>
      </c>
      <c r="H49" s="6">
        <v>46557</v>
      </c>
      <c r="I49" s="6">
        <v>40057</v>
      </c>
      <c r="J49" s="6">
        <v>35763</v>
      </c>
      <c r="K49" s="6">
        <v>6429</v>
      </c>
      <c r="L49" s="6">
        <v>71</v>
      </c>
    </row>
    <row r="50" spans="1:12">
      <c r="A50" s="9" t="s">
        <v>27</v>
      </c>
      <c r="B50" s="9" t="s">
        <v>28</v>
      </c>
      <c r="C50" s="9" t="s">
        <v>29</v>
      </c>
      <c r="D50" s="9" t="s">
        <v>264</v>
      </c>
      <c r="E50" s="9" t="s">
        <v>226</v>
      </c>
      <c r="F50" s="9" t="s">
        <v>235</v>
      </c>
      <c r="G50" s="9" t="s">
        <v>248</v>
      </c>
      <c r="H50" s="6">
        <v>48248</v>
      </c>
      <c r="I50" s="6">
        <v>41628</v>
      </c>
      <c r="J50" s="6">
        <v>37237</v>
      </c>
      <c r="K50" s="6">
        <v>6540</v>
      </c>
      <c r="L50" s="6">
        <v>80</v>
      </c>
    </row>
    <row r="51" spans="1:12">
      <c r="A51" s="9" t="s">
        <v>27</v>
      </c>
      <c r="B51" s="9" t="s">
        <v>28</v>
      </c>
      <c r="C51" s="9" t="s">
        <v>29</v>
      </c>
      <c r="D51" s="9" t="s">
        <v>264</v>
      </c>
      <c r="E51" s="9" t="s">
        <v>226</v>
      </c>
      <c r="F51" s="9" t="s">
        <v>235</v>
      </c>
      <c r="G51" s="9" t="s">
        <v>249</v>
      </c>
      <c r="H51" s="6">
        <v>48955</v>
      </c>
      <c r="I51" s="6">
        <v>42345</v>
      </c>
      <c r="J51" s="6">
        <v>37896</v>
      </c>
      <c r="K51" s="6">
        <v>6543</v>
      </c>
      <c r="L51" s="6">
        <v>67</v>
      </c>
    </row>
    <row r="52" spans="1:12">
      <c r="A52" s="9" t="s">
        <v>27</v>
      </c>
      <c r="B52" s="9" t="s">
        <v>28</v>
      </c>
      <c r="C52" s="9" t="s">
        <v>29</v>
      </c>
      <c r="D52" s="9" t="s">
        <v>264</v>
      </c>
      <c r="E52" s="9" t="s">
        <v>226</v>
      </c>
      <c r="F52" s="9" t="s">
        <v>235</v>
      </c>
      <c r="G52" s="9" t="s">
        <v>250</v>
      </c>
      <c r="H52" s="6">
        <v>49040</v>
      </c>
      <c r="I52" s="6">
        <v>42567</v>
      </c>
      <c r="J52" s="6">
        <v>38156</v>
      </c>
      <c r="K52" s="6">
        <v>6416</v>
      </c>
      <c r="L52" s="6">
        <v>57</v>
      </c>
    </row>
    <row r="53" spans="1:12">
      <c r="A53" s="9" t="s">
        <v>27</v>
      </c>
      <c r="B53" s="9" t="s">
        <v>28</v>
      </c>
      <c r="C53" s="9" t="s">
        <v>29</v>
      </c>
      <c r="D53" s="9" t="s">
        <v>264</v>
      </c>
      <c r="E53" s="9" t="s">
        <v>226</v>
      </c>
      <c r="F53" s="9" t="s">
        <v>235</v>
      </c>
      <c r="G53" s="9" t="s">
        <v>251</v>
      </c>
      <c r="H53" s="6">
        <v>49212</v>
      </c>
      <c r="I53" s="6">
        <v>42599</v>
      </c>
      <c r="J53" s="6">
        <v>38262</v>
      </c>
      <c r="K53" s="6">
        <v>6558</v>
      </c>
      <c r="L53" s="6">
        <v>55</v>
      </c>
    </row>
    <row r="54" spans="1:12">
      <c r="A54" s="9" t="s">
        <v>27</v>
      </c>
      <c r="B54" s="9" t="s">
        <v>28</v>
      </c>
      <c r="C54" s="9" t="s">
        <v>29</v>
      </c>
      <c r="D54" s="9" t="s">
        <v>264</v>
      </c>
      <c r="E54" s="9" t="s">
        <v>226</v>
      </c>
      <c r="F54" s="9" t="s">
        <v>235</v>
      </c>
      <c r="G54" s="9" t="s">
        <v>252</v>
      </c>
      <c r="H54" s="6">
        <v>51488</v>
      </c>
      <c r="I54" s="6">
        <v>44414</v>
      </c>
      <c r="J54" s="6">
        <v>39829</v>
      </c>
      <c r="K54" s="6">
        <v>6995</v>
      </c>
      <c r="L54" s="6">
        <v>79</v>
      </c>
    </row>
    <row r="55" spans="1:12">
      <c r="A55" s="9" t="s">
        <v>27</v>
      </c>
      <c r="B55" s="9" t="s">
        <v>28</v>
      </c>
      <c r="C55" s="9" t="s">
        <v>29</v>
      </c>
      <c r="D55" s="9" t="s">
        <v>264</v>
      </c>
      <c r="E55" s="9" t="s">
        <v>226</v>
      </c>
      <c r="F55" s="9" t="s">
        <v>235</v>
      </c>
      <c r="G55" s="9" t="s">
        <v>253</v>
      </c>
      <c r="H55" s="6">
        <v>52881</v>
      </c>
      <c r="I55" s="6">
        <v>45550</v>
      </c>
      <c r="J55" s="6">
        <v>40739</v>
      </c>
      <c r="K55" s="6">
        <v>7263</v>
      </c>
      <c r="L55" s="6">
        <v>68</v>
      </c>
    </row>
    <row r="56" spans="1:12">
      <c r="A56" s="9" t="s">
        <v>27</v>
      </c>
      <c r="B56" s="9" t="s">
        <v>28</v>
      </c>
      <c r="C56" s="9" t="s">
        <v>29</v>
      </c>
      <c r="D56" s="9" t="s">
        <v>264</v>
      </c>
      <c r="E56" s="9" t="s">
        <v>226</v>
      </c>
      <c r="F56" s="9" t="s">
        <v>235</v>
      </c>
      <c r="G56" s="9" t="s">
        <v>254</v>
      </c>
      <c r="H56" s="6">
        <v>48740</v>
      </c>
      <c r="I56" s="6">
        <v>41602</v>
      </c>
      <c r="J56" s="6">
        <v>37280</v>
      </c>
      <c r="K56" s="6">
        <v>7068</v>
      </c>
      <c r="L56" s="6">
        <v>70</v>
      </c>
    </row>
    <row r="57" spans="1:12">
      <c r="A57" s="9" t="s">
        <v>27</v>
      </c>
      <c r="B57" s="9" t="s">
        <v>28</v>
      </c>
      <c r="C57" s="9" t="s">
        <v>29</v>
      </c>
      <c r="D57" s="9" t="s">
        <v>264</v>
      </c>
      <c r="E57" s="9" t="s">
        <v>226</v>
      </c>
      <c r="F57" s="9" t="s">
        <v>235</v>
      </c>
      <c r="G57" s="9" t="s">
        <v>255</v>
      </c>
      <c r="H57" s="6">
        <v>42478</v>
      </c>
      <c r="I57" s="6">
        <v>35643</v>
      </c>
      <c r="J57" s="6">
        <v>31852</v>
      </c>
      <c r="K57" s="6">
        <v>6775</v>
      </c>
      <c r="L57" s="6">
        <v>60</v>
      </c>
    </row>
    <row r="58" spans="1:12">
      <c r="A58" s="9" t="s">
        <v>27</v>
      </c>
      <c r="B58" s="9" t="s">
        <v>28</v>
      </c>
      <c r="C58" s="9" t="s">
        <v>29</v>
      </c>
      <c r="D58" s="9" t="s">
        <v>264</v>
      </c>
      <c r="E58" s="9" t="s">
        <v>226</v>
      </c>
      <c r="F58" s="9" t="s">
        <v>235</v>
      </c>
      <c r="G58" s="9" t="s">
        <v>256</v>
      </c>
      <c r="H58" s="6">
        <v>672544</v>
      </c>
      <c r="I58" s="6">
        <v>493848</v>
      </c>
      <c r="J58" s="6">
        <v>394650</v>
      </c>
      <c r="K58" s="6">
        <v>177408</v>
      </c>
      <c r="L58" s="6">
        <v>1288</v>
      </c>
    </row>
    <row r="59" spans="1:12">
      <c r="A59" s="9" t="s">
        <v>27</v>
      </c>
      <c r="B59" s="9" t="s">
        <v>28</v>
      </c>
      <c r="C59" s="9" t="s">
        <v>29</v>
      </c>
      <c r="D59" s="9" t="s">
        <v>264</v>
      </c>
      <c r="E59" s="9" t="s">
        <v>227</v>
      </c>
      <c r="F59" s="9" t="s">
        <v>6</v>
      </c>
      <c r="G59" s="9" t="s">
        <v>30</v>
      </c>
      <c r="H59" s="6">
        <v>1326515</v>
      </c>
      <c r="I59" s="6">
        <v>1022503</v>
      </c>
      <c r="J59" s="6">
        <v>978795</v>
      </c>
      <c r="K59" s="6">
        <v>302067</v>
      </c>
      <c r="L59" s="6">
        <v>1945</v>
      </c>
    </row>
    <row r="60" spans="1:12">
      <c r="A60" s="9" t="s">
        <v>27</v>
      </c>
      <c r="B60" s="9" t="s">
        <v>28</v>
      </c>
      <c r="C60" s="9" t="s">
        <v>29</v>
      </c>
      <c r="D60" s="9" t="s">
        <v>264</v>
      </c>
      <c r="E60" s="9" t="s">
        <v>227</v>
      </c>
      <c r="F60" s="9" t="s">
        <v>234</v>
      </c>
      <c r="G60" s="9" t="s">
        <v>30</v>
      </c>
      <c r="H60" s="6">
        <v>20558</v>
      </c>
      <c r="I60" s="6">
        <v>15724</v>
      </c>
      <c r="J60" s="6">
        <v>15033</v>
      </c>
      <c r="K60" s="6">
        <v>4745</v>
      </c>
      <c r="L60" s="6">
        <v>89</v>
      </c>
    </row>
    <row r="61" spans="1:12">
      <c r="A61" s="9" t="s">
        <v>27</v>
      </c>
      <c r="B61" s="9" t="s">
        <v>28</v>
      </c>
      <c r="C61" s="9" t="s">
        <v>29</v>
      </c>
      <c r="D61" s="9" t="s">
        <v>264</v>
      </c>
      <c r="E61" s="9" t="s">
        <v>227</v>
      </c>
      <c r="F61" s="9" t="s">
        <v>235</v>
      </c>
      <c r="G61" s="9" t="s">
        <v>30</v>
      </c>
      <c r="H61" s="6">
        <v>1305957</v>
      </c>
      <c r="I61" s="6">
        <v>1006779</v>
      </c>
      <c r="J61" s="6">
        <v>963762</v>
      </c>
      <c r="K61" s="6">
        <v>297322</v>
      </c>
      <c r="L61" s="6">
        <v>1856</v>
      </c>
    </row>
    <row r="62" spans="1:12">
      <c r="A62" s="9" t="s">
        <v>27</v>
      </c>
      <c r="B62" s="9" t="s">
        <v>28</v>
      </c>
      <c r="C62" s="9" t="s">
        <v>29</v>
      </c>
      <c r="D62" s="9" t="s">
        <v>264</v>
      </c>
      <c r="E62" s="9" t="s">
        <v>227</v>
      </c>
      <c r="F62" s="9" t="s">
        <v>235</v>
      </c>
      <c r="G62" s="9" t="s">
        <v>236</v>
      </c>
      <c r="H62" s="6">
        <v>42997</v>
      </c>
      <c r="I62" s="6">
        <v>21944</v>
      </c>
      <c r="J62" s="6">
        <v>20798</v>
      </c>
      <c r="K62" s="6">
        <v>20929</v>
      </c>
      <c r="L62" s="6">
        <v>124</v>
      </c>
    </row>
    <row r="63" spans="1:12">
      <c r="A63" s="9" t="s">
        <v>27</v>
      </c>
      <c r="B63" s="9" t="s">
        <v>28</v>
      </c>
      <c r="C63" s="9" t="s">
        <v>29</v>
      </c>
      <c r="D63" s="9" t="s">
        <v>264</v>
      </c>
      <c r="E63" s="9" t="s">
        <v>227</v>
      </c>
      <c r="F63" s="9" t="s">
        <v>235</v>
      </c>
      <c r="G63" s="9" t="s">
        <v>237</v>
      </c>
      <c r="H63" s="6">
        <v>44742</v>
      </c>
      <c r="I63" s="6">
        <v>29061</v>
      </c>
      <c r="J63" s="6">
        <v>27698</v>
      </c>
      <c r="K63" s="6">
        <v>15578</v>
      </c>
      <c r="L63" s="6">
        <v>103</v>
      </c>
    </row>
    <row r="64" spans="1:12">
      <c r="A64" s="9" t="s">
        <v>27</v>
      </c>
      <c r="B64" s="9" t="s">
        <v>28</v>
      </c>
      <c r="C64" s="9" t="s">
        <v>29</v>
      </c>
      <c r="D64" s="9" t="s">
        <v>264</v>
      </c>
      <c r="E64" s="9" t="s">
        <v>227</v>
      </c>
      <c r="F64" s="9" t="s">
        <v>235</v>
      </c>
      <c r="G64" s="9" t="s">
        <v>238</v>
      </c>
      <c r="H64" s="6">
        <v>40650</v>
      </c>
      <c r="I64" s="6">
        <v>29004</v>
      </c>
      <c r="J64" s="6">
        <v>27627</v>
      </c>
      <c r="K64" s="6">
        <v>11565</v>
      </c>
      <c r="L64" s="6">
        <v>81</v>
      </c>
    </row>
    <row r="65" spans="1:12">
      <c r="A65" s="9" t="s">
        <v>27</v>
      </c>
      <c r="B65" s="9" t="s">
        <v>28</v>
      </c>
      <c r="C65" s="9" t="s">
        <v>29</v>
      </c>
      <c r="D65" s="9" t="s">
        <v>264</v>
      </c>
      <c r="E65" s="9" t="s">
        <v>227</v>
      </c>
      <c r="F65" s="9" t="s">
        <v>235</v>
      </c>
      <c r="G65" s="9" t="s">
        <v>239</v>
      </c>
      <c r="H65" s="6">
        <v>37319</v>
      </c>
      <c r="I65" s="6">
        <v>28346</v>
      </c>
      <c r="J65" s="6">
        <v>27069</v>
      </c>
      <c r="K65" s="6">
        <v>8919</v>
      </c>
      <c r="L65" s="6">
        <v>54</v>
      </c>
    </row>
    <row r="66" spans="1:12">
      <c r="A66" s="9" t="s">
        <v>27</v>
      </c>
      <c r="B66" s="9" t="s">
        <v>28</v>
      </c>
      <c r="C66" s="9" t="s">
        <v>29</v>
      </c>
      <c r="D66" s="9" t="s">
        <v>264</v>
      </c>
      <c r="E66" s="9" t="s">
        <v>227</v>
      </c>
      <c r="F66" s="9" t="s">
        <v>235</v>
      </c>
      <c r="G66" s="9" t="s">
        <v>240</v>
      </c>
      <c r="H66" s="6">
        <v>36353</v>
      </c>
      <c r="I66" s="6">
        <v>28918</v>
      </c>
      <c r="J66" s="6">
        <v>27631</v>
      </c>
      <c r="K66" s="6">
        <v>7384</v>
      </c>
      <c r="L66" s="6">
        <v>51</v>
      </c>
    </row>
    <row r="67" spans="1:12">
      <c r="A67" s="9" t="s">
        <v>27</v>
      </c>
      <c r="B67" s="9" t="s">
        <v>28</v>
      </c>
      <c r="C67" s="9" t="s">
        <v>29</v>
      </c>
      <c r="D67" s="9" t="s">
        <v>264</v>
      </c>
      <c r="E67" s="9" t="s">
        <v>227</v>
      </c>
      <c r="F67" s="9" t="s">
        <v>235</v>
      </c>
      <c r="G67" s="9" t="s">
        <v>241</v>
      </c>
      <c r="H67" s="6">
        <v>35717</v>
      </c>
      <c r="I67" s="6">
        <v>28984</v>
      </c>
      <c r="J67" s="6">
        <v>27745</v>
      </c>
      <c r="K67" s="6">
        <v>6668</v>
      </c>
      <c r="L67" s="6">
        <v>65</v>
      </c>
    </row>
    <row r="68" spans="1:12">
      <c r="A68" s="9" t="s">
        <v>27</v>
      </c>
      <c r="B68" s="9" t="s">
        <v>28</v>
      </c>
      <c r="C68" s="9" t="s">
        <v>29</v>
      </c>
      <c r="D68" s="9" t="s">
        <v>264</v>
      </c>
      <c r="E68" s="9" t="s">
        <v>227</v>
      </c>
      <c r="F68" s="9" t="s">
        <v>235</v>
      </c>
      <c r="G68" s="9" t="s">
        <v>242</v>
      </c>
      <c r="H68" s="6">
        <v>35602</v>
      </c>
      <c r="I68" s="6">
        <v>29311</v>
      </c>
      <c r="J68" s="6">
        <v>28062</v>
      </c>
      <c r="K68" s="6">
        <v>6245</v>
      </c>
      <c r="L68" s="6">
        <v>46</v>
      </c>
    </row>
    <row r="69" spans="1:12">
      <c r="A69" s="9" t="s">
        <v>27</v>
      </c>
      <c r="B69" s="9" t="s">
        <v>28</v>
      </c>
      <c r="C69" s="9" t="s">
        <v>29</v>
      </c>
      <c r="D69" s="9" t="s">
        <v>264</v>
      </c>
      <c r="E69" s="9" t="s">
        <v>227</v>
      </c>
      <c r="F69" s="9" t="s">
        <v>235</v>
      </c>
      <c r="G69" s="9" t="s">
        <v>243</v>
      </c>
      <c r="H69" s="6">
        <v>36684</v>
      </c>
      <c r="I69" s="6">
        <v>30469</v>
      </c>
      <c r="J69" s="6">
        <v>29231</v>
      </c>
      <c r="K69" s="6">
        <v>6171</v>
      </c>
      <c r="L69" s="6">
        <v>44</v>
      </c>
    </row>
    <row r="70" spans="1:12">
      <c r="A70" s="9" t="s">
        <v>27</v>
      </c>
      <c r="B70" s="9" t="s">
        <v>28</v>
      </c>
      <c r="C70" s="9" t="s">
        <v>29</v>
      </c>
      <c r="D70" s="9" t="s">
        <v>264</v>
      </c>
      <c r="E70" s="9" t="s">
        <v>227</v>
      </c>
      <c r="F70" s="9" t="s">
        <v>235</v>
      </c>
      <c r="G70" s="9" t="s">
        <v>244</v>
      </c>
      <c r="H70" s="6">
        <v>36792</v>
      </c>
      <c r="I70" s="6">
        <v>31218</v>
      </c>
      <c r="J70" s="6">
        <v>30064</v>
      </c>
      <c r="K70" s="6">
        <v>5538</v>
      </c>
      <c r="L70" s="6">
        <v>36</v>
      </c>
    </row>
    <row r="71" spans="1:12">
      <c r="A71" s="9" t="s">
        <v>27</v>
      </c>
      <c r="B71" s="9" t="s">
        <v>28</v>
      </c>
      <c r="C71" s="9" t="s">
        <v>29</v>
      </c>
      <c r="D71" s="9" t="s">
        <v>264</v>
      </c>
      <c r="E71" s="9" t="s">
        <v>227</v>
      </c>
      <c r="F71" s="9" t="s">
        <v>235</v>
      </c>
      <c r="G71" s="9" t="s">
        <v>245</v>
      </c>
      <c r="H71" s="6">
        <v>38166</v>
      </c>
      <c r="I71" s="6">
        <v>32501</v>
      </c>
      <c r="J71" s="6">
        <v>31251</v>
      </c>
      <c r="K71" s="6">
        <v>5622</v>
      </c>
      <c r="L71" s="6">
        <v>43</v>
      </c>
    </row>
    <row r="72" spans="1:12">
      <c r="A72" s="9" t="s">
        <v>27</v>
      </c>
      <c r="B72" s="9" t="s">
        <v>28</v>
      </c>
      <c r="C72" s="9" t="s">
        <v>29</v>
      </c>
      <c r="D72" s="9" t="s">
        <v>264</v>
      </c>
      <c r="E72" s="9" t="s">
        <v>227</v>
      </c>
      <c r="F72" s="9" t="s">
        <v>235</v>
      </c>
      <c r="G72" s="9" t="s">
        <v>246</v>
      </c>
      <c r="H72" s="6">
        <v>38214</v>
      </c>
      <c r="I72" s="6">
        <v>32623</v>
      </c>
      <c r="J72" s="6">
        <v>31407</v>
      </c>
      <c r="K72" s="6">
        <v>5545</v>
      </c>
      <c r="L72" s="6">
        <v>46</v>
      </c>
    </row>
    <row r="73" spans="1:12">
      <c r="A73" s="9" t="s">
        <v>27</v>
      </c>
      <c r="B73" s="9" t="s">
        <v>28</v>
      </c>
      <c r="C73" s="9" t="s">
        <v>29</v>
      </c>
      <c r="D73" s="9" t="s">
        <v>264</v>
      </c>
      <c r="E73" s="9" t="s">
        <v>227</v>
      </c>
      <c r="F73" s="9" t="s">
        <v>235</v>
      </c>
      <c r="G73" s="9" t="s">
        <v>247</v>
      </c>
      <c r="H73" s="6">
        <v>39602</v>
      </c>
      <c r="I73" s="6">
        <v>33883</v>
      </c>
      <c r="J73" s="6">
        <v>32666</v>
      </c>
      <c r="K73" s="6">
        <v>5674</v>
      </c>
      <c r="L73" s="6">
        <v>45</v>
      </c>
    </row>
    <row r="74" spans="1:12">
      <c r="A74" s="9" t="s">
        <v>27</v>
      </c>
      <c r="B74" s="9" t="s">
        <v>28</v>
      </c>
      <c r="C74" s="9" t="s">
        <v>29</v>
      </c>
      <c r="D74" s="9" t="s">
        <v>264</v>
      </c>
      <c r="E74" s="9" t="s">
        <v>227</v>
      </c>
      <c r="F74" s="9" t="s">
        <v>235</v>
      </c>
      <c r="G74" s="9" t="s">
        <v>248</v>
      </c>
      <c r="H74" s="6">
        <v>41205</v>
      </c>
      <c r="I74" s="6">
        <v>35362</v>
      </c>
      <c r="J74" s="6">
        <v>34109</v>
      </c>
      <c r="K74" s="6">
        <v>5794</v>
      </c>
      <c r="L74" s="6">
        <v>49</v>
      </c>
    </row>
    <row r="75" spans="1:12">
      <c r="A75" s="9" t="s">
        <v>27</v>
      </c>
      <c r="B75" s="9" t="s">
        <v>28</v>
      </c>
      <c r="C75" s="9" t="s">
        <v>29</v>
      </c>
      <c r="D75" s="9" t="s">
        <v>264</v>
      </c>
      <c r="E75" s="9" t="s">
        <v>227</v>
      </c>
      <c r="F75" s="9" t="s">
        <v>235</v>
      </c>
      <c r="G75" s="9" t="s">
        <v>249</v>
      </c>
      <c r="H75" s="6">
        <v>41839</v>
      </c>
      <c r="I75" s="6">
        <v>36009</v>
      </c>
      <c r="J75" s="6">
        <v>34703</v>
      </c>
      <c r="K75" s="6">
        <v>5781</v>
      </c>
      <c r="L75" s="6">
        <v>49</v>
      </c>
    </row>
    <row r="76" spans="1:12">
      <c r="A76" s="9" t="s">
        <v>27</v>
      </c>
      <c r="B76" s="9" t="s">
        <v>28</v>
      </c>
      <c r="C76" s="9" t="s">
        <v>29</v>
      </c>
      <c r="D76" s="9" t="s">
        <v>264</v>
      </c>
      <c r="E76" s="9" t="s">
        <v>227</v>
      </c>
      <c r="F76" s="9" t="s">
        <v>235</v>
      </c>
      <c r="G76" s="9" t="s">
        <v>250</v>
      </c>
      <c r="H76" s="6">
        <v>41829</v>
      </c>
      <c r="I76" s="6">
        <v>36148</v>
      </c>
      <c r="J76" s="6">
        <v>34942</v>
      </c>
      <c r="K76" s="6">
        <v>5635</v>
      </c>
      <c r="L76" s="6">
        <v>46</v>
      </c>
    </row>
    <row r="77" spans="1:12">
      <c r="A77" s="9" t="s">
        <v>27</v>
      </c>
      <c r="B77" s="9" t="s">
        <v>28</v>
      </c>
      <c r="C77" s="9" t="s">
        <v>29</v>
      </c>
      <c r="D77" s="9" t="s">
        <v>264</v>
      </c>
      <c r="E77" s="9" t="s">
        <v>227</v>
      </c>
      <c r="F77" s="9" t="s">
        <v>235</v>
      </c>
      <c r="G77" s="9" t="s">
        <v>251</v>
      </c>
      <c r="H77" s="6">
        <v>42076</v>
      </c>
      <c r="I77" s="6">
        <v>36211</v>
      </c>
      <c r="J77" s="6">
        <v>34972</v>
      </c>
      <c r="K77" s="6">
        <v>5838</v>
      </c>
      <c r="L77" s="6">
        <v>27</v>
      </c>
    </row>
    <row r="78" spans="1:12">
      <c r="A78" s="9" t="s">
        <v>27</v>
      </c>
      <c r="B78" s="9" t="s">
        <v>28</v>
      </c>
      <c r="C78" s="9" t="s">
        <v>29</v>
      </c>
      <c r="D78" s="9" t="s">
        <v>264</v>
      </c>
      <c r="E78" s="9" t="s">
        <v>227</v>
      </c>
      <c r="F78" s="9" t="s">
        <v>235</v>
      </c>
      <c r="G78" s="9" t="s">
        <v>252</v>
      </c>
      <c r="H78" s="6">
        <v>43994</v>
      </c>
      <c r="I78" s="6">
        <v>37720</v>
      </c>
      <c r="J78" s="6">
        <v>36402</v>
      </c>
      <c r="K78" s="6">
        <v>6230</v>
      </c>
      <c r="L78" s="6">
        <v>44</v>
      </c>
    </row>
    <row r="79" spans="1:12">
      <c r="A79" s="9" t="s">
        <v>27</v>
      </c>
      <c r="B79" s="9" t="s">
        <v>28</v>
      </c>
      <c r="C79" s="9" t="s">
        <v>29</v>
      </c>
      <c r="D79" s="9" t="s">
        <v>264</v>
      </c>
      <c r="E79" s="9" t="s">
        <v>227</v>
      </c>
      <c r="F79" s="9" t="s">
        <v>235</v>
      </c>
      <c r="G79" s="9" t="s">
        <v>253</v>
      </c>
      <c r="H79" s="6">
        <v>45000</v>
      </c>
      <c r="I79" s="6">
        <v>38484</v>
      </c>
      <c r="J79" s="6">
        <v>37152</v>
      </c>
      <c r="K79" s="6">
        <v>6472</v>
      </c>
      <c r="L79" s="6">
        <v>44</v>
      </c>
    </row>
    <row r="80" spans="1:12">
      <c r="A80" s="9" t="s">
        <v>27</v>
      </c>
      <c r="B80" s="9" t="s">
        <v>28</v>
      </c>
      <c r="C80" s="9" t="s">
        <v>29</v>
      </c>
      <c r="D80" s="9" t="s">
        <v>264</v>
      </c>
      <c r="E80" s="9" t="s">
        <v>227</v>
      </c>
      <c r="F80" s="9" t="s">
        <v>235</v>
      </c>
      <c r="G80" s="9" t="s">
        <v>254</v>
      </c>
      <c r="H80" s="6">
        <v>41552</v>
      </c>
      <c r="I80" s="6">
        <v>35234</v>
      </c>
      <c r="J80" s="6">
        <v>34072</v>
      </c>
      <c r="K80" s="6">
        <v>6271</v>
      </c>
      <c r="L80" s="6">
        <v>47</v>
      </c>
    </row>
    <row r="81" spans="1:12">
      <c r="A81" s="9" t="s">
        <v>27</v>
      </c>
      <c r="B81" s="9" t="s">
        <v>28</v>
      </c>
      <c r="C81" s="9" t="s">
        <v>29</v>
      </c>
      <c r="D81" s="9" t="s">
        <v>264</v>
      </c>
      <c r="E81" s="9" t="s">
        <v>227</v>
      </c>
      <c r="F81" s="9" t="s">
        <v>235</v>
      </c>
      <c r="G81" s="9" t="s">
        <v>255</v>
      </c>
      <c r="H81" s="6">
        <v>36079</v>
      </c>
      <c r="I81" s="6">
        <v>30061</v>
      </c>
      <c r="J81" s="6">
        <v>28976</v>
      </c>
      <c r="K81" s="6">
        <v>5982</v>
      </c>
      <c r="L81" s="6">
        <v>36</v>
      </c>
    </row>
    <row r="82" spans="1:12">
      <c r="A82" s="9" t="s">
        <v>27</v>
      </c>
      <c r="B82" s="9" t="s">
        <v>28</v>
      </c>
      <c r="C82" s="9" t="s">
        <v>29</v>
      </c>
      <c r="D82" s="9" t="s">
        <v>264</v>
      </c>
      <c r="E82" s="9" t="s">
        <v>227</v>
      </c>
      <c r="F82" s="9" t="s">
        <v>235</v>
      </c>
      <c r="G82" s="9" t="s">
        <v>256</v>
      </c>
      <c r="H82" s="6">
        <v>509545</v>
      </c>
      <c r="I82" s="6">
        <v>365288</v>
      </c>
      <c r="J82" s="6">
        <v>347185</v>
      </c>
      <c r="K82" s="6">
        <v>143481</v>
      </c>
      <c r="L82" s="6">
        <v>776</v>
      </c>
    </row>
    <row r="83" spans="1:12">
      <c r="A83" s="9" t="s">
        <v>27</v>
      </c>
      <c r="B83" s="9" t="s">
        <v>28</v>
      </c>
      <c r="C83" s="9" t="s">
        <v>29</v>
      </c>
      <c r="D83" s="9" t="s">
        <v>264</v>
      </c>
      <c r="E83" s="9" t="s">
        <v>228</v>
      </c>
      <c r="F83" s="9" t="s">
        <v>6</v>
      </c>
      <c r="G83" s="9" t="s">
        <v>30</v>
      </c>
      <c r="H83" s="6">
        <v>246970</v>
      </c>
      <c r="I83" s="6">
        <v>67319</v>
      </c>
      <c r="J83" s="6">
        <v>60654</v>
      </c>
      <c r="K83" s="6">
        <v>179220</v>
      </c>
      <c r="L83" s="6">
        <v>431</v>
      </c>
    </row>
    <row r="84" spans="1:12">
      <c r="A84" s="9" t="s">
        <v>27</v>
      </c>
      <c r="B84" s="9" t="s">
        <v>28</v>
      </c>
      <c r="C84" s="9" t="s">
        <v>29</v>
      </c>
      <c r="D84" s="9" t="s">
        <v>264</v>
      </c>
      <c r="E84" s="9" t="s">
        <v>228</v>
      </c>
      <c r="F84" s="9" t="s">
        <v>234</v>
      </c>
      <c r="G84" s="9" t="s">
        <v>30</v>
      </c>
      <c r="H84" s="6">
        <v>1232</v>
      </c>
      <c r="I84" s="6">
        <v>502</v>
      </c>
      <c r="J84" s="6">
        <v>461</v>
      </c>
      <c r="K84" s="6">
        <v>724</v>
      </c>
      <c r="L84" s="6">
        <v>6</v>
      </c>
    </row>
    <row r="85" spans="1:12">
      <c r="A85" s="9" t="s">
        <v>27</v>
      </c>
      <c r="B85" s="9" t="s">
        <v>28</v>
      </c>
      <c r="C85" s="9" t="s">
        <v>29</v>
      </c>
      <c r="D85" s="9" t="s">
        <v>264</v>
      </c>
      <c r="E85" s="9" t="s">
        <v>228</v>
      </c>
      <c r="F85" s="9" t="s">
        <v>235</v>
      </c>
      <c r="G85" s="9" t="s">
        <v>30</v>
      </c>
      <c r="H85" s="6">
        <v>245738</v>
      </c>
      <c r="I85" s="6">
        <v>66817</v>
      </c>
      <c r="J85" s="6">
        <v>60193</v>
      </c>
      <c r="K85" s="6">
        <v>178496</v>
      </c>
      <c r="L85" s="6">
        <v>425</v>
      </c>
    </row>
    <row r="86" spans="1:12">
      <c r="A86" s="9" t="s">
        <v>27</v>
      </c>
      <c r="B86" s="9" t="s">
        <v>28</v>
      </c>
      <c r="C86" s="9" t="s">
        <v>29</v>
      </c>
      <c r="D86" s="9" t="s">
        <v>264</v>
      </c>
      <c r="E86" s="9" t="s">
        <v>228</v>
      </c>
      <c r="F86" s="9" t="s">
        <v>235</v>
      </c>
      <c r="G86" s="9" t="s">
        <v>236</v>
      </c>
      <c r="H86" s="6">
        <v>1224</v>
      </c>
      <c r="I86" s="6">
        <v>376</v>
      </c>
      <c r="J86" s="6">
        <v>346</v>
      </c>
      <c r="K86" s="6">
        <v>833</v>
      </c>
      <c r="L86" s="6">
        <v>15</v>
      </c>
    </row>
    <row r="87" spans="1:12">
      <c r="A87" s="9" t="s">
        <v>27</v>
      </c>
      <c r="B87" s="9" t="s">
        <v>28</v>
      </c>
      <c r="C87" s="9" t="s">
        <v>29</v>
      </c>
      <c r="D87" s="9" t="s">
        <v>264</v>
      </c>
      <c r="E87" s="9" t="s">
        <v>228</v>
      </c>
      <c r="F87" s="9" t="s">
        <v>235</v>
      </c>
      <c r="G87" s="9" t="s">
        <v>237</v>
      </c>
      <c r="H87" s="6">
        <v>956</v>
      </c>
      <c r="I87" s="6">
        <v>423</v>
      </c>
      <c r="J87" s="6">
        <v>377</v>
      </c>
      <c r="K87" s="6">
        <v>529</v>
      </c>
      <c r="L87" s="6">
        <v>4</v>
      </c>
    </row>
    <row r="88" spans="1:12">
      <c r="A88" s="9" t="s">
        <v>27</v>
      </c>
      <c r="B88" s="9" t="s">
        <v>28</v>
      </c>
      <c r="C88" s="9" t="s">
        <v>29</v>
      </c>
      <c r="D88" s="9" t="s">
        <v>264</v>
      </c>
      <c r="E88" s="9" t="s">
        <v>228</v>
      </c>
      <c r="F88" s="9" t="s">
        <v>235</v>
      </c>
      <c r="G88" s="9" t="s">
        <v>238</v>
      </c>
      <c r="H88" s="6">
        <v>770</v>
      </c>
      <c r="I88" s="6">
        <v>381</v>
      </c>
      <c r="J88" s="6">
        <v>354</v>
      </c>
      <c r="K88" s="6">
        <v>383</v>
      </c>
      <c r="L88" s="6">
        <v>6</v>
      </c>
    </row>
    <row r="89" spans="1:12">
      <c r="A89" s="9" t="s">
        <v>27</v>
      </c>
      <c r="B89" s="9" t="s">
        <v>28</v>
      </c>
      <c r="C89" s="9" t="s">
        <v>29</v>
      </c>
      <c r="D89" s="9" t="s">
        <v>264</v>
      </c>
      <c r="E89" s="9" t="s">
        <v>228</v>
      </c>
      <c r="F89" s="9" t="s">
        <v>235</v>
      </c>
      <c r="G89" s="9" t="s">
        <v>239</v>
      </c>
      <c r="H89" s="6">
        <v>702</v>
      </c>
      <c r="I89" s="6">
        <v>412</v>
      </c>
      <c r="J89" s="6">
        <v>375</v>
      </c>
      <c r="K89" s="6">
        <v>286</v>
      </c>
      <c r="L89" s="6">
        <v>4</v>
      </c>
    </row>
    <row r="90" spans="1:12">
      <c r="A90" s="9" t="s">
        <v>27</v>
      </c>
      <c r="B90" s="9" t="s">
        <v>28</v>
      </c>
      <c r="C90" s="9" t="s">
        <v>29</v>
      </c>
      <c r="D90" s="9" t="s">
        <v>264</v>
      </c>
      <c r="E90" s="9" t="s">
        <v>228</v>
      </c>
      <c r="F90" s="9" t="s">
        <v>235</v>
      </c>
      <c r="G90" s="9" t="s">
        <v>240</v>
      </c>
      <c r="H90" s="6">
        <v>628</v>
      </c>
      <c r="I90" s="6">
        <v>373</v>
      </c>
      <c r="J90" s="6">
        <v>328</v>
      </c>
      <c r="K90" s="6">
        <v>249</v>
      </c>
      <c r="L90" s="6">
        <v>6</v>
      </c>
    </row>
    <row r="91" spans="1:12">
      <c r="A91" s="9" t="s">
        <v>27</v>
      </c>
      <c r="B91" s="9" t="s">
        <v>28</v>
      </c>
      <c r="C91" s="9" t="s">
        <v>29</v>
      </c>
      <c r="D91" s="9" t="s">
        <v>264</v>
      </c>
      <c r="E91" s="9" t="s">
        <v>228</v>
      </c>
      <c r="F91" s="9" t="s">
        <v>235</v>
      </c>
      <c r="G91" s="9" t="s">
        <v>241</v>
      </c>
      <c r="H91" s="6">
        <v>642</v>
      </c>
      <c r="I91" s="6">
        <v>384</v>
      </c>
      <c r="J91" s="6">
        <v>357</v>
      </c>
      <c r="K91" s="6">
        <v>254</v>
      </c>
      <c r="L91" s="6">
        <v>4</v>
      </c>
    </row>
    <row r="92" spans="1:12">
      <c r="A92" s="9" t="s">
        <v>27</v>
      </c>
      <c r="B92" s="9" t="s">
        <v>28</v>
      </c>
      <c r="C92" s="9" t="s">
        <v>29</v>
      </c>
      <c r="D92" s="9" t="s">
        <v>264</v>
      </c>
      <c r="E92" s="9" t="s">
        <v>228</v>
      </c>
      <c r="F92" s="9" t="s">
        <v>235</v>
      </c>
      <c r="G92" s="9" t="s">
        <v>242</v>
      </c>
      <c r="H92" s="6">
        <v>579</v>
      </c>
      <c r="I92" s="6">
        <v>354</v>
      </c>
      <c r="J92" s="6">
        <v>327</v>
      </c>
      <c r="K92" s="6">
        <v>221</v>
      </c>
      <c r="L92" s="6">
        <v>4</v>
      </c>
    </row>
    <row r="93" spans="1:12">
      <c r="A93" s="9" t="s">
        <v>27</v>
      </c>
      <c r="B93" s="9" t="s">
        <v>28</v>
      </c>
      <c r="C93" s="9" t="s">
        <v>29</v>
      </c>
      <c r="D93" s="9" t="s">
        <v>264</v>
      </c>
      <c r="E93" s="9" t="s">
        <v>228</v>
      </c>
      <c r="F93" s="9" t="s">
        <v>235</v>
      </c>
      <c r="G93" s="9" t="s">
        <v>243</v>
      </c>
      <c r="H93" s="6">
        <v>683</v>
      </c>
      <c r="I93" s="6">
        <v>455</v>
      </c>
      <c r="J93" s="6">
        <v>431</v>
      </c>
      <c r="K93" s="6">
        <v>222</v>
      </c>
      <c r="L93" s="6">
        <v>6</v>
      </c>
    </row>
    <row r="94" spans="1:12">
      <c r="A94" s="9" t="s">
        <v>27</v>
      </c>
      <c r="B94" s="9" t="s">
        <v>28</v>
      </c>
      <c r="C94" s="9" t="s">
        <v>29</v>
      </c>
      <c r="D94" s="9" t="s">
        <v>264</v>
      </c>
      <c r="E94" s="9" t="s">
        <v>228</v>
      </c>
      <c r="F94" s="9" t="s">
        <v>235</v>
      </c>
      <c r="G94" s="9" t="s">
        <v>244</v>
      </c>
      <c r="H94" s="6">
        <v>687</v>
      </c>
      <c r="I94" s="6">
        <v>448</v>
      </c>
      <c r="J94" s="6">
        <v>417</v>
      </c>
      <c r="K94" s="6">
        <v>236</v>
      </c>
      <c r="L94" s="6">
        <v>3</v>
      </c>
    </row>
    <row r="95" spans="1:12">
      <c r="A95" s="9" t="s">
        <v>27</v>
      </c>
      <c r="B95" s="9" t="s">
        <v>28</v>
      </c>
      <c r="C95" s="9" t="s">
        <v>29</v>
      </c>
      <c r="D95" s="9" t="s">
        <v>264</v>
      </c>
      <c r="E95" s="9" t="s">
        <v>228</v>
      </c>
      <c r="F95" s="9" t="s">
        <v>235</v>
      </c>
      <c r="G95" s="9" t="s">
        <v>245</v>
      </c>
      <c r="H95" s="6">
        <v>668</v>
      </c>
      <c r="I95" s="6">
        <v>461</v>
      </c>
      <c r="J95" s="6">
        <v>431</v>
      </c>
      <c r="K95" s="6">
        <v>203</v>
      </c>
      <c r="L95" s="6">
        <v>4</v>
      </c>
    </row>
    <row r="96" spans="1:12">
      <c r="A96" s="9" t="s">
        <v>27</v>
      </c>
      <c r="B96" s="9" t="s">
        <v>28</v>
      </c>
      <c r="C96" s="9" t="s">
        <v>29</v>
      </c>
      <c r="D96" s="9" t="s">
        <v>264</v>
      </c>
      <c r="E96" s="9" t="s">
        <v>228</v>
      </c>
      <c r="F96" s="9" t="s">
        <v>235</v>
      </c>
      <c r="G96" s="9" t="s">
        <v>246</v>
      </c>
      <c r="H96" s="6">
        <v>711</v>
      </c>
      <c r="I96" s="6">
        <v>504</v>
      </c>
      <c r="J96" s="6">
        <v>470</v>
      </c>
      <c r="K96" s="6">
        <v>200</v>
      </c>
      <c r="L96" s="6">
        <v>7</v>
      </c>
    </row>
    <row r="97" spans="1:12">
      <c r="A97" s="9" t="s">
        <v>27</v>
      </c>
      <c r="B97" s="9" t="s">
        <v>28</v>
      </c>
      <c r="C97" s="9" t="s">
        <v>29</v>
      </c>
      <c r="D97" s="9" t="s">
        <v>264</v>
      </c>
      <c r="E97" s="9" t="s">
        <v>228</v>
      </c>
      <c r="F97" s="9" t="s">
        <v>235</v>
      </c>
      <c r="G97" s="9" t="s">
        <v>247</v>
      </c>
      <c r="H97" s="6">
        <v>773</v>
      </c>
      <c r="I97" s="6">
        <v>546</v>
      </c>
      <c r="J97" s="6">
        <v>509</v>
      </c>
      <c r="K97" s="6">
        <v>224</v>
      </c>
      <c r="L97" s="6">
        <v>3</v>
      </c>
    </row>
    <row r="98" spans="1:12">
      <c r="A98" s="9" t="s">
        <v>27</v>
      </c>
      <c r="B98" s="9" t="s">
        <v>28</v>
      </c>
      <c r="C98" s="9" t="s">
        <v>29</v>
      </c>
      <c r="D98" s="9" t="s">
        <v>264</v>
      </c>
      <c r="E98" s="9" t="s">
        <v>228</v>
      </c>
      <c r="F98" s="9" t="s">
        <v>235</v>
      </c>
      <c r="G98" s="9" t="s">
        <v>248</v>
      </c>
      <c r="H98" s="6">
        <v>781</v>
      </c>
      <c r="I98" s="6">
        <v>544</v>
      </c>
      <c r="J98" s="6">
        <v>504</v>
      </c>
      <c r="K98" s="6">
        <v>231</v>
      </c>
      <c r="L98" s="6">
        <v>6</v>
      </c>
    </row>
    <row r="99" spans="1:12">
      <c r="A99" s="9" t="s">
        <v>27</v>
      </c>
      <c r="B99" s="9" t="s">
        <v>28</v>
      </c>
      <c r="C99" s="9" t="s">
        <v>29</v>
      </c>
      <c r="D99" s="9" t="s">
        <v>264</v>
      </c>
      <c r="E99" s="9" t="s">
        <v>228</v>
      </c>
      <c r="F99" s="9" t="s">
        <v>235</v>
      </c>
      <c r="G99" s="9" t="s">
        <v>249</v>
      </c>
      <c r="H99" s="6">
        <v>824</v>
      </c>
      <c r="I99" s="6">
        <v>605</v>
      </c>
      <c r="J99" s="6">
        <v>574</v>
      </c>
      <c r="K99" s="6">
        <v>217</v>
      </c>
      <c r="L99" s="6">
        <v>2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4</v>
      </c>
      <c r="E100" s="9" t="s">
        <v>228</v>
      </c>
      <c r="F100" s="9" t="s">
        <v>235</v>
      </c>
      <c r="G100" s="9" t="s">
        <v>250</v>
      </c>
      <c r="H100" s="6">
        <v>891</v>
      </c>
      <c r="I100" s="6">
        <v>627</v>
      </c>
      <c r="J100" s="6">
        <v>592</v>
      </c>
      <c r="K100" s="6">
        <v>261</v>
      </c>
      <c r="L100" s="6">
        <v>3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4</v>
      </c>
      <c r="E101" s="9" t="s">
        <v>228</v>
      </c>
      <c r="F101" s="9" t="s">
        <v>235</v>
      </c>
      <c r="G101" s="9" t="s">
        <v>251</v>
      </c>
      <c r="H101" s="6">
        <v>977</v>
      </c>
      <c r="I101" s="6">
        <v>679</v>
      </c>
      <c r="J101" s="6">
        <v>649</v>
      </c>
      <c r="K101" s="6">
        <v>292</v>
      </c>
      <c r="L101" s="6">
        <v>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4</v>
      </c>
      <c r="E102" s="9" t="s">
        <v>228</v>
      </c>
      <c r="F102" s="9" t="s">
        <v>235</v>
      </c>
      <c r="G102" s="9" t="s">
        <v>252</v>
      </c>
      <c r="H102" s="6">
        <v>1069</v>
      </c>
      <c r="I102" s="6">
        <v>750</v>
      </c>
      <c r="J102" s="6">
        <v>704</v>
      </c>
      <c r="K102" s="6">
        <v>313</v>
      </c>
      <c r="L102" s="6">
        <v>6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4</v>
      </c>
      <c r="E103" s="9" t="s">
        <v>228</v>
      </c>
      <c r="F103" s="9" t="s">
        <v>235</v>
      </c>
      <c r="G103" s="9" t="s">
        <v>253</v>
      </c>
      <c r="H103" s="6">
        <v>1202</v>
      </c>
      <c r="I103" s="6">
        <v>845</v>
      </c>
      <c r="J103" s="6">
        <v>797</v>
      </c>
      <c r="K103" s="6">
        <v>350</v>
      </c>
      <c r="L103" s="6">
        <v>7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4</v>
      </c>
      <c r="E104" s="9" t="s">
        <v>228</v>
      </c>
      <c r="F104" s="9" t="s">
        <v>235</v>
      </c>
      <c r="G104" s="9" t="s">
        <v>254</v>
      </c>
      <c r="H104" s="6">
        <v>1206</v>
      </c>
      <c r="I104" s="6">
        <v>865</v>
      </c>
      <c r="J104" s="6">
        <v>811</v>
      </c>
      <c r="K104" s="6">
        <v>338</v>
      </c>
      <c r="L104" s="6">
        <v>3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4</v>
      </c>
      <c r="E105" s="9" t="s">
        <v>228</v>
      </c>
      <c r="F105" s="9" t="s">
        <v>235</v>
      </c>
      <c r="G105" s="9" t="s">
        <v>255</v>
      </c>
      <c r="H105" s="6">
        <v>1212</v>
      </c>
      <c r="I105" s="6">
        <v>847</v>
      </c>
      <c r="J105" s="6">
        <v>806</v>
      </c>
      <c r="K105" s="6">
        <v>360</v>
      </c>
      <c r="L105" s="6">
        <v>5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4</v>
      </c>
      <c r="E106" s="9" t="s">
        <v>228</v>
      </c>
      <c r="F106" s="9" t="s">
        <v>235</v>
      </c>
      <c r="G106" s="9" t="s">
        <v>256</v>
      </c>
      <c r="H106" s="6">
        <v>228553</v>
      </c>
      <c r="I106" s="6">
        <v>55938</v>
      </c>
      <c r="J106" s="6">
        <v>50034</v>
      </c>
      <c r="K106" s="6">
        <v>172294</v>
      </c>
      <c r="L106" s="6">
        <v>321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4</v>
      </c>
      <c r="E107" s="9" t="s">
        <v>18</v>
      </c>
      <c r="F107" s="9" t="s">
        <v>6</v>
      </c>
      <c r="G107" s="9" t="s">
        <v>30</v>
      </c>
      <c r="H107" s="6">
        <v>76985</v>
      </c>
      <c r="I107" s="6">
        <v>1586</v>
      </c>
      <c r="J107" s="6">
        <v>1214</v>
      </c>
      <c r="K107" s="6">
        <v>1023</v>
      </c>
      <c r="L107" s="6">
        <v>74376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4</v>
      </c>
      <c r="E108" s="9" t="s">
        <v>18</v>
      </c>
      <c r="F108" s="9" t="s">
        <v>234</v>
      </c>
      <c r="G108" s="9" t="s">
        <v>30</v>
      </c>
      <c r="H108" s="6">
        <v>916</v>
      </c>
      <c r="I108" s="6">
        <v>37</v>
      </c>
      <c r="J108" s="6">
        <v>30</v>
      </c>
      <c r="K108" s="6">
        <v>11</v>
      </c>
      <c r="L108" s="6">
        <v>868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4</v>
      </c>
      <c r="E109" s="9" t="s">
        <v>18</v>
      </c>
      <c r="F109" s="9" t="s">
        <v>235</v>
      </c>
      <c r="G109" s="9" t="s">
        <v>30</v>
      </c>
      <c r="H109" s="6">
        <v>76069</v>
      </c>
      <c r="I109" s="6">
        <v>1549</v>
      </c>
      <c r="J109" s="6">
        <v>1184</v>
      </c>
      <c r="K109" s="6">
        <v>1012</v>
      </c>
      <c r="L109" s="6">
        <v>73508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4</v>
      </c>
      <c r="E110" s="9" t="s">
        <v>18</v>
      </c>
      <c r="F110" s="9" t="s">
        <v>235</v>
      </c>
      <c r="G110" s="9" t="s">
        <v>236</v>
      </c>
      <c r="H110" s="6">
        <v>3433</v>
      </c>
      <c r="I110" s="6">
        <v>33</v>
      </c>
      <c r="J110" s="6">
        <v>23</v>
      </c>
      <c r="K110" s="6">
        <v>30</v>
      </c>
      <c r="L110" s="6">
        <v>3370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4</v>
      </c>
      <c r="E111" s="9" t="s">
        <v>18</v>
      </c>
      <c r="F111" s="9" t="s">
        <v>235</v>
      </c>
      <c r="G111" s="9" t="s">
        <v>237</v>
      </c>
      <c r="H111" s="6">
        <v>3393</v>
      </c>
      <c r="I111" s="6">
        <v>26</v>
      </c>
      <c r="J111" s="6">
        <v>18</v>
      </c>
      <c r="K111" s="6">
        <v>33</v>
      </c>
      <c r="L111" s="6">
        <v>3334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4</v>
      </c>
      <c r="E112" s="9" t="s">
        <v>18</v>
      </c>
      <c r="F112" s="9" t="s">
        <v>235</v>
      </c>
      <c r="G112" s="9" t="s">
        <v>238</v>
      </c>
      <c r="H112" s="6">
        <v>2925</v>
      </c>
      <c r="I112" s="6">
        <v>19</v>
      </c>
      <c r="J112" s="6">
        <v>16</v>
      </c>
      <c r="K112" s="6">
        <v>22</v>
      </c>
      <c r="L112" s="6">
        <v>2884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4</v>
      </c>
      <c r="E113" s="9" t="s">
        <v>18</v>
      </c>
      <c r="F113" s="9" t="s">
        <v>235</v>
      </c>
      <c r="G113" s="9" t="s">
        <v>239</v>
      </c>
      <c r="H113" s="6">
        <v>2437</v>
      </c>
      <c r="I113" s="6">
        <v>33</v>
      </c>
      <c r="J113" s="6">
        <v>25</v>
      </c>
      <c r="K113" s="6">
        <v>12</v>
      </c>
      <c r="L113" s="6">
        <v>2392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4</v>
      </c>
      <c r="E114" s="9" t="s">
        <v>18</v>
      </c>
      <c r="F114" s="9" t="s">
        <v>235</v>
      </c>
      <c r="G114" s="9" t="s">
        <v>240</v>
      </c>
      <c r="H114" s="6">
        <v>2352</v>
      </c>
      <c r="I114" s="6">
        <v>28</v>
      </c>
      <c r="J114" s="6">
        <v>18</v>
      </c>
      <c r="K114" s="6">
        <v>18</v>
      </c>
      <c r="L114" s="6">
        <v>2306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4</v>
      </c>
      <c r="E115" s="9" t="s">
        <v>18</v>
      </c>
      <c r="F115" s="9" t="s">
        <v>235</v>
      </c>
      <c r="G115" s="9" t="s">
        <v>241</v>
      </c>
      <c r="H115" s="6">
        <v>2167</v>
      </c>
      <c r="I115" s="6">
        <v>20</v>
      </c>
      <c r="J115" s="6">
        <v>15</v>
      </c>
      <c r="K115" s="6">
        <v>19</v>
      </c>
      <c r="L115" s="6">
        <v>2128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4</v>
      </c>
      <c r="E116" s="9" t="s">
        <v>18</v>
      </c>
      <c r="F116" s="9" t="s">
        <v>235</v>
      </c>
      <c r="G116" s="9" t="s">
        <v>242</v>
      </c>
      <c r="H116" s="6">
        <v>2147</v>
      </c>
      <c r="I116" s="6">
        <v>17</v>
      </c>
      <c r="J116" s="6">
        <v>12</v>
      </c>
      <c r="K116" s="6">
        <v>6</v>
      </c>
      <c r="L116" s="6">
        <v>2124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4</v>
      </c>
      <c r="E117" s="9" t="s">
        <v>18</v>
      </c>
      <c r="F117" s="9" t="s">
        <v>235</v>
      </c>
      <c r="G117" s="9" t="s">
        <v>243</v>
      </c>
      <c r="H117" s="6">
        <v>1981</v>
      </c>
      <c r="I117" s="6">
        <v>26</v>
      </c>
      <c r="J117" s="6">
        <v>20</v>
      </c>
      <c r="K117" s="6">
        <v>15</v>
      </c>
      <c r="L117" s="6">
        <v>194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4</v>
      </c>
      <c r="E118" s="9" t="s">
        <v>18</v>
      </c>
      <c r="F118" s="9" t="s">
        <v>235</v>
      </c>
      <c r="G118" s="9" t="s">
        <v>244</v>
      </c>
      <c r="H118" s="6">
        <v>2023</v>
      </c>
      <c r="I118" s="6">
        <v>20</v>
      </c>
      <c r="J118" s="6">
        <v>16</v>
      </c>
      <c r="K118" s="6">
        <v>9</v>
      </c>
      <c r="L118" s="6">
        <v>1994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4</v>
      </c>
      <c r="E119" s="9" t="s">
        <v>18</v>
      </c>
      <c r="F119" s="9" t="s">
        <v>235</v>
      </c>
      <c r="G119" s="9" t="s">
        <v>245</v>
      </c>
      <c r="H119" s="6">
        <v>2073</v>
      </c>
      <c r="I119" s="6">
        <v>19</v>
      </c>
      <c r="J119" s="6">
        <v>15</v>
      </c>
      <c r="K119" s="6">
        <v>11</v>
      </c>
      <c r="L119" s="6">
        <v>2043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4</v>
      </c>
      <c r="E120" s="9" t="s">
        <v>18</v>
      </c>
      <c r="F120" s="9" t="s">
        <v>235</v>
      </c>
      <c r="G120" s="9" t="s">
        <v>246</v>
      </c>
      <c r="H120" s="6">
        <v>2140</v>
      </c>
      <c r="I120" s="6">
        <v>14</v>
      </c>
      <c r="J120" s="6">
        <v>8</v>
      </c>
      <c r="K120" s="6">
        <v>11</v>
      </c>
      <c r="L120" s="6">
        <v>2115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4</v>
      </c>
      <c r="E121" s="9" t="s">
        <v>18</v>
      </c>
      <c r="F121" s="9" t="s">
        <v>235</v>
      </c>
      <c r="G121" s="9" t="s">
        <v>247</v>
      </c>
      <c r="H121" s="6">
        <v>2095</v>
      </c>
      <c r="I121" s="6">
        <v>32</v>
      </c>
      <c r="J121" s="6">
        <v>27</v>
      </c>
      <c r="K121" s="6">
        <v>7</v>
      </c>
      <c r="L121" s="6">
        <v>2056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4</v>
      </c>
      <c r="E122" s="9" t="s">
        <v>18</v>
      </c>
      <c r="F122" s="9" t="s">
        <v>235</v>
      </c>
      <c r="G122" s="9" t="s">
        <v>248</v>
      </c>
      <c r="H122" s="6">
        <v>2064</v>
      </c>
      <c r="I122" s="6">
        <v>20</v>
      </c>
      <c r="J122" s="6">
        <v>17</v>
      </c>
      <c r="K122" s="6">
        <v>8</v>
      </c>
      <c r="L122" s="6">
        <v>2036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4</v>
      </c>
      <c r="E123" s="9" t="s">
        <v>18</v>
      </c>
      <c r="F123" s="9" t="s">
        <v>235</v>
      </c>
      <c r="G123" s="9" t="s">
        <v>249</v>
      </c>
      <c r="H123" s="6">
        <v>2112</v>
      </c>
      <c r="I123" s="6">
        <v>30</v>
      </c>
      <c r="J123" s="6">
        <v>25</v>
      </c>
      <c r="K123" s="6">
        <v>9</v>
      </c>
      <c r="L123" s="6">
        <v>2073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4</v>
      </c>
      <c r="E124" s="9" t="s">
        <v>18</v>
      </c>
      <c r="F124" s="9" t="s">
        <v>235</v>
      </c>
      <c r="G124" s="9" t="s">
        <v>250</v>
      </c>
      <c r="H124" s="6">
        <v>2018</v>
      </c>
      <c r="I124" s="6">
        <v>40</v>
      </c>
      <c r="J124" s="6">
        <v>32</v>
      </c>
      <c r="K124" s="6">
        <v>9</v>
      </c>
      <c r="L124" s="6">
        <v>1969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4</v>
      </c>
      <c r="E125" s="9" t="s">
        <v>18</v>
      </c>
      <c r="F125" s="9" t="s">
        <v>235</v>
      </c>
      <c r="G125" s="9" t="s">
        <v>251</v>
      </c>
      <c r="H125" s="6">
        <v>2016</v>
      </c>
      <c r="I125" s="6">
        <v>35</v>
      </c>
      <c r="J125" s="6">
        <v>27</v>
      </c>
      <c r="K125" s="6">
        <v>8</v>
      </c>
      <c r="L125" s="6">
        <v>1973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4</v>
      </c>
      <c r="E126" s="9" t="s">
        <v>18</v>
      </c>
      <c r="F126" s="9" t="s">
        <v>235</v>
      </c>
      <c r="G126" s="9" t="s">
        <v>252</v>
      </c>
      <c r="H126" s="6">
        <v>2043</v>
      </c>
      <c r="I126" s="6">
        <v>37</v>
      </c>
      <c r="J126" s="6">
        <v>29</v>
      </c>
      <c r="K126" s="6">
        <v>7</v>
      </c>
      <c r="L126" s="6">
        <v>1999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4</v>
      </c>
      <c r="E127" s="9" t="s">
        <v>18</v>
      </c>
      <c r="F127" s="9" t="s">
        <v>235</v>
      </c>
      <c r="G127" s="9" t="s">
        <v>253</v>
      </c>
      <c r="H127" s="6">
        <v>2124</v>
      </c>
      <c r="I127" s="6">
        <v>48</v>
      </c>
      <c r="J127" s="6">
        <v>42</v>
      </c>
      <c r="K127" s="6">
        <v>15</v>
      </c>
      <c r="L127" s="6">
        <v>2061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4</v>
      </c>
      <c r="E128" s="9" t="s">
        <v>18</v>
      </c>
      <c r="F128" s="9" t="s">
        <v>235</v>
      </c>
      <c r="G128" s="9" t="s">
        <v>254</v>
      </c>
      <c r="H128" s="6">
        <v>2202</v>
      </c>
      <c r="I128" s="6">
        <v>36</v>
      </c>
      <c r="J128" s="6">
        <v>30</v>
      </c>
      <c r="K128" s="6">
        <v>10</v>
      </c>
      <c r="L128" s="6">
        <v>2156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4</v>
      </c>
      <c r="E129" s="9" t="s">
        <v>18</v>
      </c>
      <c r="F129" s="9" t="s">
        <v>235</v>
      </c>
      <c r="G129" s="9" t="s">
        <v>255</v>
      </c>
      <c r="H129" s="6">
        <v>2019</v>
      </c>
      <c r="I129" s="6">
        <v>34</v>
      </c>
      <c r="J129" s="6">
        <v>31</v>
      </c>
      <c r="K129" s="6">
        <v>10</v>
      </c>
      <c r="L129" s="6">
        <v>1975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4</v>
      </c>
      <c r="E130" s="9" t="s">
        <v>18</v>
      </c>
      <c r="F130" s="9" t="s">
        <v>235</v>
      </c>
      <c r="G130" s="9" t="s">
        <v>256</v>
      </c>
      <c r="H130" s="6">
        <v>30305</v>
      </c>
      <c r="I130" s="6">
        <v>982</v>
      </c>
      <c r="J130" s="6">
        <v>738</v>
      </c>
      <c r="K130" s="6">
        <v>743</v>
      </c>
      <c r="L130" s="6">
        <v>28580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4</v>
      </c>
      <c r="E131" s="9" t="s">
        <v>6</v>
      </c>
      <c r="F131" s="9" t="s">
        <v>6</v>
      </c>
      <c r="G131" s="9" t="s">
        <v>30</v>
      </c>
      <c r="H131" s="6">
        <v>36635</v>
      </c>
      <c r="I131" s="6">
        <v>27040</v>
      </c>
      <c r="J131" s="6">
        <v>20964</v>
      </c>
      <c r="K131" s="6">
        <v>8648</v>
      </c>
      <c r="L131" s="6">
        <v>947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4</v>
      </c>
      <c r="E132" s="9" t="s">
        <v>6</v>
      </c>
      <c r="F132" s="9" t="s">
        <v>234</v>
      </c>
      <c r="G132" s="9" t="s">
        <v>30</v>
      </c>
      <c r="H132" s="6">
        <v>734</v>
      </c>
      <c r="I132" s="6">
        <v>588</v>
      </c>
      <c r="J132" s="6">
        <v>446</v>
      </c>
      <c r="K132" s="6">
        <v>126</v>
      </c>
      <c r="L132" s="6">
        <v>20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4</v>
      </c>
      <c r="E133" s="9" t="s">
        <v>6</v>
      </c>
      <c r="F133" s="9" t="s">
        <v>235</v>
      </c>
      <c r="G133" s="9" t="s">
        <v>30</v>
      </c>
      <c r="H133" s="6">
        <v>35901</v>
      </c>
      <c r="I133" s="6">
        <v>26452</v>
      </c>
      <c r="J133" s="6">
        <v>20518</v>
      </c>
      <c r="K133" s="6">
        <v>8522</v>
      </c>
      <c r="L133" s="6">
        <v>927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4</v>
      </c>
      <c r="E134" s="9" t="s">
        <v>6</v>
      </c>
      <c r="F134" s="9" t="s">
        <v>235</v>
      </c>
      <c r="G134" s="9" t="s">
        <v>236</v>
      </c>
      <c r="H134" s="6">
        <v>1292</v>
      </c>
      <c r="I134" s="6">
        <v>704</v>
      </c>
      <c r="J134" s="6">
        <v>594</v>
      </c>
      <c r="K134" s="6">
        <v>530</v>
      </c>
      <c r="L134" s="6">
        <v>58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4</v>
      </c>
      <c r="E135" s="9" t="s">
        <v>6</v>
      </c>
      <c r="F135" s="9" t="s">
        <v>235</v>
      </c>
      <c r="G135" s="9" t="s">
        <v>237</v>
      </c>
      <c r="H135" s="6">
        <v>1261</v>
      </c>
      <c r="I135" s="6">
        <v>966</v>
      </c>
      <c r="J135" s="6">
        <v>797</v>
      </c>
      <c r="K135" s="6">
        <v>249</v>
      </c>
      <c r="L135" s="6">
        <v>46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4</v>
      </c>
      <c r="E136" s="9" t="s">
        <v>6</v>
      </c>
      <c r="F136" s="9" t="s">
        <v>235</v>
      </c>
      <c r="G136" s="9" t="s">
        <v>238</v>
      </c>
      <c r="H136" s="6">
        <v>1107</v>
      </c>
      <c r="I136" s="6">
        <v>916</v>
      </c>
      <c r="J136" s="6">
        <v>760</v>
      </c>
      <c r="K136" s="6">
        <v>142</v>
      </c>
      <c r="L136" s="6">
        <v>49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4</v>
      </c>
      <c r="E137" s="9" t="s">
        <v>6</v>
      </c>
      <c r="F137" s="9" t="s">
        <v>235</v>
      </c>
      <c r="G137" s="9" t="s">
        <v>239</v>
      </c>
      <c r="H137" s="6">
        <v>974</v>
      </c>
      <c r="I137" s="6">
        <v>817</v>
      </c>
      <c r="J137" s="6">
        <v>682</v>
      </c>
      <c r="K137" s="6">
        <v>125</v>
      </c>
      <c r="L137" s="6">
        <v>32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4</v>
      </c>
      <c r="E138" s="9" t="s">
        <v>6</v>
      </c>
      <c r="F138" s="9" t="s">
        <v>235</v>
      </c>
      <c r="G138" s="9" t="s">
        <v>240</v>
      </c>
      <c r="H138" s="6">
        <v>877</v>
      </c>
      <c r="I138" s="6">
        <v>748</v>
      </c>
      <c r="J138" s="6">
        <v>615</v>
      </c>
      <c r="K138" s="6">
        <v>104</v>
      </c>
      <c r="L138" s="6">
        <v>25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4</v>
      </c>
      <c r="E139" s="9" t="s">
        <v>6</v>
      </c>
      <c r="F139" s="9" t="s">
        <v>235</v>
      </c>
      <c r="G139" s="9" t="s">
        <v>241</v>
      </c>
      <c r="H139" s="6">
        <v>867</v>
      </c>
      <c r="I139" s="6">
        <v>756</v>
      </c>
      <c r="J139" s="6">
        <v>629</v>
      </c>
      <c r="K139" s="6">
        <v>85</v>
      </c>
      <c r="L139" s="6">
        <v>26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4</v>
      </c>
      <c r="E140" s="9" t="s">
        <v>6</v>
      </c>
      <c r="F140" s="9" t="s">
        <v>235</v>
      </c>
      <c r="G140" s="9" t="s">
        <v>242</v>
      </c>
      <c r="H140" s="6">
        <v>807</v>
      </c>
      <c r="I140" s="6">
        <v>703</v>
      </c>
      <c r="J140" s="6">
        <v>591</v>
      </c>
      <c r="K140" s="6">
        <v>80</v>
      </c>
      <c r="L140" s="6">
        <v>24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4</v>
      </c>
      <c r="E141" s="9" t="s">
        <v>6</v>
      </c>
      <c r="F141" s="9" t="s">
        <v>235</v>
      </c>
      <c r="G141" s="9" t="s">
        <v>243</v>
      </c>
      <c r="H141" s="6">
        <v>893</v>
      </c>
      <c r="I141" s="6">
        <v>779</v>
      </c>
      <c r="J141" s="6">
        <v>642</v>
      </c>
      <c r="K141" s="6">
        <v>91</v>
      </c>
      <c r="L141" s="6">
        <v>23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4</v>
      </c>
      <c r="E142" s="9" t="s">
        <v>6</v>
      </c>
      <c r="F142" s="9" t="s">
        <v>235</v>
      </c>
      <c r="G142" s="9" t="s">
        <v>244</v>
      </c>
      <c r="H142" s="6">
        <v>914</v>
      </c>
      <c r="I142" s="6">
        <v>815</v>
      </c>
      <c r="J142" s="6">
        <v>686</v>
      </c>
      <c r="K142" s="6">
        <v>81</v>
      </c>
      <c r="L142" s="6">
        <v>18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4</v>
      </c>
      <c r="E143" s="9" t="s">
        <v>6</v>
      </c>
      <c r="F143" s="9" t="s">
        <v>235</v>
      </c>
      <c r="G143" s="9" t="s">
        <v>245</v>
      </c>
      <c r="H143" s="6">
        <v>881</v>
      </c>
      <c r="I143" s="6">
        <v>768</v>
      </c>
      <c r="J143" s="6">
        <v>649</v>
      </c>
      <c r="K143" s="6">
        <v>86</v>
      </c>
      <c r="L143" s="6">
        <v>27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4</v>
      </c>
      <c r="E144" s="9" t="s">
        <v>6</v>
      </c>
      <c r="F144" s="9" t="s">
        <v>235</v>
      </c>
      <c r="G144" s="9" t="s">
        <v>246</v>
      </c>
      <c r="H144" s="6">
        <v>935</v>
      </c>
      <c r="I144" s="6">
        <v>828</v>
      </c>
      <c r="J144" s="6">
        <v>677</v>
      </c>
      <c r="K144" s="6">
        <v>74</v>
      </c>
      <c r="L144" s="6">
        <v>33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4</v>
      </c>
      <c r="E145" s="9" t="s">
        <v>6</v>
      </c>
      <c r="F145" s="9" t="s">
        <v>235</v>
      </c>
      <c r="G145" s="9" t="s">
        <v>247</v>
      </c>
      <c r="H145" s="6">
        <v>894</v>
      </c>
      <c r="I145" s="6">
        <v>781</v>
      </c>
      <c r="J145" s="6">
        <v>621</v>
      </c>
      <c r="K145" s="6">
        <v>84</v>
      </c>
      <c r="L145" s="6">
        <v>29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4</v>
      </c>
      <c r="E146" s="9" t="s">
        <v>6</v>
      </c>
      <c r="F146" s="9" t="s">
        <v>235</v>
      </c>
      <c r="G146" s="9" t="s">
        <v>248</v>
      </c>
      <c r="H146" s="6">
        <v>910</v>
      </c>
      <c r="I146" s="6">
        <v>812</v>
      </c>
      <c r="J146" s="6">
        <v>680</v>
      </c>
      <c r="K146" s="6">
        <v>77</v>
      </c>
      <c r="L146" s="6">
        <v>21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4</v>
      </c>
      <c r="E147" s="9" t="s">
        <v>6</v>
      </c>
      <c r="F147" s="9" t="s">
        <v>235</v>
      </c>
      <c r="G147" s="9" t="s">
        <v>249</v>
      </c>
      <c r="H147" s="6">
        <v>876</v>
      </c>
      <c r="I147" s="6">
        <v>765</v>
      </c>
      <c r="J147" s="6">
        <v>626</v>
      </c>
      <c r="K147" s="6">
        <v>75</v>
      </c>
      <c r="L147" s="6">
        <v>36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4</v>
      </c>
      <c r="E148" s="9" t="s">
        <v>6</v>
      </c>
      <c r="F148" s="9" t="s">
        <v>235</v>
      </c>
      <c r="G148" s="9" t="s">
        <v>250</v>
      </c>
      <c r="H148" s="6">
        <v>878</v>
      </c>
      <c r="I148" s="6">
        <v>756</v>
      </c>
      <c r="J148" s="6">
        <v>615</v>
      </c>
      <c r="K148" s="6">
        <v>94</v>
      </c>
      <c r="L148" s="6">
        <v>28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4</v>
      </c>
      <c r="E149" s="9" t="s">
        <v>6</v>
      </c>
      <c r="F149" s="9" t="s">
        <v>235</v>
      </c>
      <c r="G149" s="9" t="s">
        <v>251</v>
      </c>
      <c r="H149" s="6">
        <v>893</v>
      </c>
      <c r="I149" s="6">
        <v>755</v>
      </c>
      <c r="J149" s="6">
        <v>636</v>
      </c>
      <c r="K149" s="6">
        <v>120</v>
      </c>
      <c r="L149" s="6">
        <v>18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4</v>
      </c>
      <c r="E150" s="9" t="s">
        <v>6</v>
      </c>
      <c r="F150" s="9" t="s">
        <v>235</v>
      </c>
      <c r="G150" s="9" t="s">
        <v>252</v>
      </c>
      <c r="H150" s="6">
        <v>874</v>
      </c>
      <c r="I150" s="6">
        <v>756</v>
      </c>
      <c r="J150" s="6">
        <v>622</v>
      </c>
      <c r="K150" s="6">
        <v>100</v>
      </c>
      <c r="L150" s="6">
        <v>18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4</v>
      </c>
      <c r="E151" s="9" t="s">
        <v>6</v>
      </c>
      <c r="F151" s="9" t="s">
        <v>235</v>
      </c>
      <c r="G151" s="9" t="s">
        <v>253</v>
      </c>
      <c r="H151" s="6">
        <v>980</v>
      </c>
      <c r="I151" s="6">
        <v>866</v>
      </c>
      <c r="J151" s="6">
        <v>711</v>
      </c>
      <c r="K151" s="6">
        <v>94</v>
      </c>
      <c r="L151" s="6">
        <v>20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4</v>
      </c>
      <c r="E152" s="9" t="s">
        <v>6</v>
      </c>
      <c r="F152" s="9" t="s">
        <v>235</v>
      </c>
      <c r="G152" s="9" t="s">
        <v>254</v>
      </c>
      <c r="H152" s="6">
        <v>831</v>
      </c>
      <c r="I152" s="6">
        <v>695</v>
      </c>
      <c r="J152" s="6">
        <v>544</v>
      </c>
      <c r="K152" s="6">
        <v>110</v>
      </c>
      <c r="L152" s="6">
        <v>26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4</v>
      </c>
      <c r="E153" s="9" t="s">
        <v>6</v>
      </c>
      <c r="F153" s="9" t="s">
        <v>235</v>
      </c>
      <c r="G153" s="9" t="s">
        <v>255</v>
      </c>
      <c r="H153" s="6">
        <v>696</v>
      </c>
      <c r="I153" s="6">
        <v>589</v>
      </c>
      <c r="J153" s="6">
        <v>468</v>
      </c>
      <c r="K153" s="6">
        <v>84</v>
      </c>
      <c r="L153" s="6">
        <v>23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4</v>
      </c>
      <c r="E154" s="9" t="s">
        <v>6</v>
      </c>
      <c r="F154" s="9" t="s">
        <v>235</v>
      </c>
      <c r="G154" s="9" t="s">
        <v>256</v>
      </c>
      <c r="H154" s="6">
        <v>17261</v>
      </c>
      <c r="I154" s="6">
        <v>10877</v>
      </c>
      <c r="J154" s="6">
        <v>7673</v>
      </c>
      <c r="K154" s="6">
        <v>6037</v>
      </c>
      <c r="L154" s="6">
        <v>347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4</v>
      </c>
      <c r="E155" s="9" t="s">
        <v>226</v>
      </c>
      <c r="F155" s="9" t="s">
        <v>6</v>
      </c>
      <c r="G155" s="9" t="s">
        <v>30</v>
      </c>
      <c r="H155" s="6">
        <v>31067</v>
      </c>
      <c r="I155" s="6">
        <v>25757</v>
      </c>
      <c r="J155" s="6">
        <v>19825</v>
      </c>
      <c r="K155" s="6">
        <v>5273</v>
      </c>
      <c r="L155" s="6">
        <v>37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4</v>
      </c>
      <c r="E156" s="9" t="s">
        <v>226</v>
      </c>
      <c r="F156" s="9" t="s">
        <v>234</v>
      </c>
      <c r="G156" s="9" t="s">
        <v>30</v>
      </c>
      <c r="H156" s="6">
        <v>691</v>
      </c>
      <c r="I156" s="6">
        <v>578</v>
      </c>
      <c r="J156" s="6">
        <v>436</v>
      </c>
      <c r="K156" s="6">
        <v>112</v>
      </c>
      <c r="L156" s="6">
        <v>1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4</v>
      </c>
      <c r="E157" s="9" t="s">
        <v>226</v>
      </c>
      <c r="F157" s="9" t="s">
        <v>235</v>
      </c>
      <c r="G157" s="9" t="s">
        <v>30</v>
      </c>
      <c r="H157" s="6">
        <v>30376</v>
      </c>
      <c r="I157" s="6">
        <v>25179</v>
      </c>
      <c r="J157" s="6">
        <v>19389</v>
      </c>
      <c r="K157" s="6">
        <v>5161</v>
      </c>
      <c r="L157" s="6">
        <v>36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4</v>
      </c>
      <c r="E158" s="9" t="s">
        <v>226</v>
      </c>
      <c r="F158" s="9" t="s">
        <v>235</v>
      </c>
      <c r="G158" s="9" t="s">
        <v>236</v>
      </c>
      <c r="H158" s="6">
        <v>1205</v>
      </c>
      <c r="I158" s="6">
        <v>699</v>
      </c>
      <c r="J158" s="6">
        <v>589</v>
      </c>
      <c r="K158" s="6">
        <v>506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4</v>
      </c>
      <c r="E159" s="9" t="s">
        <v>226</v>
      </c>
      <c r="F159" s="9" t="s">
        <v>235</v>
      </c>
      <c r="G159" s="9" t="s">
        <v>237</v>
      </c>
      <c r="H159" s="6">
        <v>1180</v>
      </c>
      <c r="I159" s="6">
        <v>948</v>
      </c>
      <c r="J159" s="6">
        <v>782</v>
      </c>
      <c r="K159" s="6">
        <v>230</v>
      </c>
      <c r="L159" s="6">
        <v>2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4</v>
      </c>
      <c r="E160" s="9" t="s">
        <v>226</v>
      </c>
      <c r="F160" s="9" t="s">
        <v>235</v>
      </c>
      <c r="G160" s="9" t="s">
        <v>238</v>
      </c>
      <c r="H160" s="6">
        <v>1043</v>
      </c>
      <c r="I160" s="6">
        <v>904</v>
      </c>
      <c r="J160" s="6">
        <v>748</v>
      </c>
      <c r="K160" s="6">
        <v>139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4</v>
      </c>
      <c r="E161" s="9" t="s">
        <v>226</v>
      </c>
      <c r="F161" s="9" t="s">
        <v>235</v>
      </c>
      <c r="G161" s="9" t="s">
        <v>239</v>
      </c>
      <c r="H161" s="6">
        <v>922</v>
      </c>
      <c r="I161" s="6">
        <v>799</v>
      </c>
      <c r="J161" s="6">
        <v>665</v>
      </c>
      <c r="K161" s="6">
        <v>122</v>
      </c>
      <c r="L161" s="6">
        <v>1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4</v>
      </c>
      <c r="E162" s="9" t="s">
        <v>226</v>
      </c>
      <c r="F162" s="9" t="s">
        <v>235</v>
      </c>
      <c r="G162" s="9" t="s">
        <v>240</v>
      </c>
      <c r="H162" s="6">
        <v>828</v>
      </c>
      <c r="I162" s="6">
        <v>734</v>
      </c>
      <c r="J162" s="6">
        <v>606</v>
      </c>
      <c r="K162" s="6">
        <v>94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4</v>
      </c>
      <c r="E163" s="9" t="s">
        <v>226</v>
      </c>
      <c r="F163" s="9" t="s">
        <v>235</v>
      </c>
      <c r="G163" s="9" t="s">
        <v>241</v>
      </c>
      <c r="H163" s="6">
        <v>833</v>
      </c>
      <c r="I163" s="6">
        <v>751</v>
      </c>
      <c r="J163" s="6">
        <v>625</v>
      </c>
      <c r="K163" s="6">
        <v>82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4</v>
      </c>
      <c r="E164" s="9" t="s">
        <v>226</v>
      </c>
      <c r="F164" s="9" t="s">
        <v>235</v>
      </c>
      <c r="G164" s="9" t="s">
        <v>242</v>
      </c>
      <c r="H164" s="6">
        <v>773</v>
      </c>
      <c r="I164" s="6">
        <v>698</v>
      </c>
      <c r="J164" s="6">
        <v>586</v>
      </c>
      <c r="K164" s="6">
        <v>75</v>
      </c>
      <c r="L164" s="10" t="s">
        <v>55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4</v>
      </c>
      <c r="E165" s="9" t="s">
        <v>226</v>
      </c>
      <c r="F165" s="9" t="s">
        <v>235</v>
      </c>
      <c r="G165" s="9" t="s">
        <v>243</v>
      </c>
      <c r="H165" s="6">
        <v>866</v>
      </c>
      <c r="I165" s="6">
        <v>773</v>
      </c>
      <c r="J165" s="6">
        <v>636</v>
      </c>
      <c r="K165" s="6">
        <v>90</v>
      </c>
      <c r="L165" s="6">
        <v>3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4</v>
      </c>
      <c r="E166" s="9" t="s">
        <v>226</v>
      </c>
      <c r="F166" s="9" t="s">
        <v>235</v>
      </c>
      <c r="G166" s="9" t="s">
        <v>244</v>
      </c>
      <c r="H166" s="6">
        <v>889</v>
      </c>
      <c r="I166" s="6">
        <v>809</v>
      </c>
      <c r="J166" s="6">
        <v>681</v>
      </c>
      <c r="K166" s="6">
        <v>79</v>
      </c>
      <c r="L166" s="6">
        <v>1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4</v>
      </c>
      <c r="E167" s="9" t="s">
        <v>226</v>
      </c>
      <c r="F167" s="9" t="s">
        <v>235</v>
      </c>
      <c r="G167" s="9" t="s">
        <v>245</v>
      </c>
      <c r="H167" s="6">
        <v>838</v>
      </c>
      <c r="I167" s="6">
        <v>753</v>
      </c>
      <c r="J167" s="6">
        <v>638</v>
      </c>
      <c r="K167" s="6">
        <v>84</v>
      </c>
      <c r="L167" s="6">
        <v>1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4</v>
      </c>
      <c r="E168" s="9" t="s">
        <v>226</v>
      </c>
      <c r="F168" s="9" t="s">
        <v>235</v>
      </c>
      <c r="G168" s="9" t="s">
        <v>246</v>
      </c>
      <c r="H168" s="6">
        <v>885</v>
      </c>
      <c r="I168" s="6">
        <v>814</v>
      </c>
      <c r="J168" s="6">
        <v>665</v>
      </c>
      <c r="K168" s="6">
        <v>70</v>
      </c>
      <c r="L168" s="6">
        <v>1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4</v>
      </c>
      <c r="E169" s="9" t="s">
        <v>226</v>
      </c>
      <c r="F169" s="9" t="s">
        <v>235</v>
      </c>
      <c r="G169" s="9" t="s">
        <v>247</v>
      </c>
      <c r="H169" s="6">
        <v>855</v>
      </c>
      <c r="I169" s="6">
        <v>771</v>
      </c>
      <c r="J169" s="6">
        <v>611</v>
      </c>
      <c r="K169" s="6">
        <v>83</v>
      </c>
      <c r="L169" s="6">
        <v>1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4</v>
      </c>
      <c r="E170" s="9" t="s">
        <v>226</v>
      </c>
      <c r="F170" s="9" t="s">
        <v>235</v>
      </c>
      <c r="G170" s="9" t="s">
        <v>248</v>
      </c>
      <c r="H170" s="6">
        <v>868</v>
      </c>
      <c r="I170" s="6">
        <v>796</v>
      </c>
      <c r="J170" s="6">
        <v>666</v>
      </c>
      <c r="K170" s="6">
        <v>72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4</v>
      </c>
      <c r="E171" s="9" t="s">
        <v>226</v>
      </c>
      <c r="F171" s="9" t="s">
        <v>235</v>
      </c>
      <c r="G171" s="9" t="s">
        <v>249</v>
      </c>
      <c r="H171" s="6">
        <v>831</v>
      </c>
      <c r="I171" s="6">
        <v>758</v>
      </c>
      <c r="J171" s="6">
        <v>619</v>
      </c>
      <c r="K171" s="6">
        <v>72</v>
      </c>
      <c r="L171" s="6">
        <v>1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4</v>
      </c>
      <c r="E172" s="9" t="s">
        <v>226</v>
      </c>
      <c r="F172" s="9" t="s">
        <v>235</v>
      </c>
      <c r="G172" s="9" t="s">
        <v>250</v>
      </c>
      <c r="H172" s="6">
        <v>838</v>
      </c>
      <c r="I172" s="6">
        <v>747</v>
      </c>
      <c r="J172" s="6">
        <v>606</v>
      </c>
      <c r="K172" s="6">
        <v>91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4</v>
      </c>
      <c r="E173" s="9" t="s">
        <v>226</v>
      </c>
      <c r="F173" s="9" t="s">
        <v>235</v>
      </c>
      <c r="G173" s="9" t="s">
        <v>251</v>
      </c>
      <c r="H173" s="6">
        <v>856</v>
      </c>
      <c r="I173" s="6">
        <v>742</v>
      </c>
      <c r="J173" s="6">
        <v>624</v>
      </c>
      <c r="K173" s="6">
        <v>113</v>
      </c>
      <c r="L173" s="6">
        <v>1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4</v>
      </c>
      <c r="E174" s="9" t="s">
        <v>226</v>
      </c>
      <c r="F174" s="9" t="s">
        <v>235</v>
      </c>
      <c r="G174" s="9" t="s">
        <v>252</v>
      </c>
      <c r="H174" s="6">
        <v>842</v>
      </c>
      <c r="I174" s="6">
        <v>745</v>
      </c>
      <c r="J174" s="6">
        <v>612</v>
      </c>
      <c r="K174" s="6">
        <v>96</v>
      </c>
      <c r="L174" s="6">
        <v>1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4</v>
      </c>
      <c r="E175" s="9" t="s">
        <v>226</v>
      </c>
      <c r="F175" s="9" t="s">
        <v>235</v>
      </c>
      <c r="G175" s="9" t="s">
        <v>253</v>
      </c>
      <c r="H175" s="6">
        <v>933</v>
      </c>
      <c r="I175" s="6">
        <v>845</v>
      </c>
      <c r="J175" s="6">
        <v>690</v>
      </c>
      <c r="K175" s="6">
        <v>87</v>
      </c>
      <c r="L175" s="6">
        <v>1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4</v>
      </c>
      <c r="E176" s="9" t="s">
        <v>226</v>
      </c>
      <c r="F176" s="9" t="s">
        <v>235</v>
      </c>
      <c r="G176" s="9" t="s">
        <v>254</v>
      </c>
      <c r="H176" s="6">
        <v>785</v>
      </c>
      <c r="I176" s="6">
        <v>683</v>
      </c>
      <c r="J176" s="6">
        <v>533</v>
      </c>
      <c r="K176" s="6">
        <v>101</v>
      </c>
      <c r="L176" s="6">
        <v>1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4</v>
      </c>
      <c r="E177" s="9" t="s">
        <v>226</v>
      </c>
      <c r="F177" s="9" t="s">
        <v>235</v>
      </c>
      <c r="G177" s="9" t="s">
        <v>255</v>
      </c>
      <c r="H177" s="6">
        <v>647</v>
      </c>
      <c r="I177" s="6">
        <v>574</v>
      </c>
      <c r="J177" s="6">
        <v>455</v>
      </c>
      <c r="K177" s="6">
        <v>73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4</v>
      </c>
      <c r="E178" s="9" t="s">
        <v>226</v>
      </c>
      <c r="F178" s="9" t="s">
        <v>235</v>
      </c>
      <c r="G178" s="9" t="s">
        <v>256</v>
      </c>
      <c r="H178" s="6">
        <v>12659</v>
      </c>
      <c r="I178" s="6">
        <v>9836</v>
      </c>
      <c r="J178" s="6">
        <v>6752</v>
      </c>
      <c r="K178" s="6">
        <v>2802</v>
      </c>
      <c r="L178" s="6">
        <v>21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4</v>
      </c>
      <c r="E179" s="9" t="s">
        <v>227</v>
      </c>
      <c r="F179" s="9" t="s">
        <v>6</v>
      </c>
      <c r="G179" s="9" t="s">
        <v>30</v>
      </c>
      <c r="H179" s="6">
        <v>22246</v>
      </c>
      <c r="I179" s="6">
        <v>18045</v>
      </c>
      <c r="J179" s="6">
        <v>17285</v>
      </c>
      <c r="K179" s="6">
        <v>4183</v>
      </c>
      <c r="L179" s="6">
        <v>18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4</v>
      </c>
      <c r="E180" s="9" t="s">
        <v>227</v>
      </c>
      <c r="F180" s="9" t="s">
        <v>234</v>
      </c>
      <c r="G180" s="9" t="s">
        <v>30</v>
      </c>
      <c r="H180" s="6">
        <v>470</v>
      </c>
      <c r="I180" s="6">
        <v>383</v>
      </c>
      <c r="J180" s="6">
        <v>370</v>
      </c>
      <c r="K180" s="6">
        <v>86</v>
      </c>
      <c r="L180" s="6">
        <v>1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4</v>
      </c>
      <c r="E181" s="9" t="s">
        <v>227</v>
      </c>
      <c r="F181" s="9" t="s">
        <v>235</v>
      </c>
      <c r="G181" s="9" t="s">
        <v>30</v>
      </c>
      <c r="H181" s="6">
        <v>21776</v>
      </c>
      <c r="I181" s="6">
        <v>17662</v>
      </c>
      <c r="J181" s="6">
        <v>16915</v>
      </c>
      <c r="K181" s="6">
        <v>4097</v>
      </c>
      <c r="L181" s="6">
        <v>17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4</v>
      </c>
      <c r="E182" s="9" t="s">
        <v>227</v>
      </c>
      <c r="F182" s="9" t="s">
        <v>235</v>
      </c>
      <c r="G182" s="9" t="s">
        <v>236</v>
      </c>
      <c r="H182" s="6">
        <v>960</v>
      </c>
      <c r="I182" s="6">
        <v>550</v>
      </c>
      <c r="J182" s="6">
        <v>534</v>
      </c>
      <c r="K182" s="6">
        <v>410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4</v>
      </c>
      <c r="E183" s="9" t="s">
        <v>227</v>
      </c>
      <c r="F183" s="9" t="s">
        <v>235</v>
      </c>
      <c r="G183" s="9" t="s">
        <v>237</v>
      </c>
      <c r="H183" s="6">
        <v>916</v>
      </c>
      <c r="I183" s="6">
        <v>727</v>
      </c>
      <c r="J183" s="6">
        <v>700</v>
      </c>
      <c r="K183" s="6">
        <v>187</v>
      </c>
      <c r="L183" s="6">
        <v>2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4</v>
      </c>
      <c r="E184" s="9" t="s">
        <v>227</v>
      </c>
      <c r="F184" s="9" t="s">
        <v>235</v>
      </c>
      <c r="G184" s="9" t="s">
        <v>238</v>
      </c>
      <c r="H184" s="6">
        <v>810</v>
      </c>
      <c r="I184" s="6">
        <v>694</v>
      </c>
      <c r="J184" s="6">
        <v>660</v>
      </c>
      <c r="K184" s="6">
        <v>116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4</v>
      </c>
      <c r="E185" s="9" t="s">
        <v>227</v>
      </c>
      <c r="F185" s="9" t="s">
        <v>235</v>
      </c>
      <c r="G185" s="9" t="s">
        <v>239</v>
      </c>
      <c r="H185" s="6">
        <v>711</v>
      </c>
      <c r="I185" s="6">
        <v>610</v>
      </c>
      <c r="J185" s="6">
        <v>587</v>
      </c>
      <c r="K185" s="6">
        <v>100</v>
      </c>
      <c r="L185" s="6">
        <v>1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4</v>
      </c>
      <c r="E186" s="9" t="s">
        <v>227</v>
      </c>
      <c r="F186" s="9" t="s">
        <v>235</v>
      </c>
      <c r="G186" s="9" t="s">
        <v>240</v>
      </c>
      <c r="H186" s="6">
        <v>646</v>
      </c>
      <c r="I186" s="6">
        <v>564</v>
      </c>
      <c r="J186" s="6">
        <v>542</v>
      </c>
      <c r="K186" s="6">
        <v>82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4</v>
      </c>
      <c r="E187" s="9" t="s">
        <v>227</v>
      </c>
      <c r="F187" s="9" t="s">
        <v>235</v>
      </c>
      <c r="G187" s="9" t="s">
        <v>241</v>
      </c>
      <c r="H187" s="6">
        <v>633</v>
      </c>
      <c r="I187" s="6">
        <v>569</v>
      </c>
      <c r="J187" s="6">
        <v>553</v>
      </c>
      <c r="K187" s="6">
        <v>64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4</v>
      </c>
      <c r="E188" s="9" t="s">
        <v>227</v>
      </c>
      <c r="F188" s="9" t="s">
        <v>235</v>
      </c>
      <c r="G188" s="9" t="s">
        <v>242</v>
      </c>
      <c r="H188" s="6">
        <v>606</v>
      </c>
      <c r="I188" s="6">
        <v>538</v>
      </c>
      <c r="J188" s="6">
        <v>526</v>
      </c>
      <c r="K188" s="6">
        <v>68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4</v>
      </c>
      <c r="E189" s="9" t="s">
        <v>227</v>
      </c>
      <c r="F189" s="9" t="s">
        <v>235</v>
      </c>
      <c r="G189" s="9" t="s">
        <v>243</v>
      </c>
      <c r="H189" s="6">
        <v>671</v>
      </c>
      <c r="I189" s="6">
        <v>595</v>
      </c>
      <c r="J189" s="6">
        <v>572</v>
      </c>
      <c r="K189" s="6">
        <v>75</v>
      </c>
      <c r="L189" s="6">
        <v>1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4</v>
      </c>
      <c r="E190" s="9" t="s">
        <v>227</v>
      </c>
      <c r="F190" s="9" t="s">
        <v>235</v>
      </c>
      <c r="G190" s="9" t="s">
        <v>244</v>
      </c>
      <c r="H190" s="6">
        <v>703</v>
      </c>
      <c r="I190" s="6">
        <v>636</v>
      </c>
      <c r="J190" s="6">
        <v>616</v>
      </c>
      <c r="K190" s="6">
        <v>66</v>
      </c>
      <c r="L190" s="6">
        <v>1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4</v>
      </c>
      <c r="E191" s="9" t="s">
        <v>227</v>
      </c>
      <c r="F191" s="9" t="s">
        <v>235</v>
      </c>
      <c r="G191" s="9" t="s">
        <v>245</v>
      </c>
      <c r="H191" s="6">
        <v>654</v>
      </c>
      <c r="I191" s="6">
        <v>581</v>
      </c>
      <c r="J191" s="6">
        <v>562</v>
      </c>
      <c r="K191" s="6">
        <v>72</v>
      </c>
      <c r="L191" s="6">
        <v>1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4</v>
      </c>
      <c r="E192" s="9" t="s">
        <v>227</v>
      </c>
      <c r="F192" s="9" t="s">
        <v>235</v>
      </c>
      <c r="G192" s="9" t="s">
        <v>246</v>
      </c>
      <c r="H192" s="6">
        <v>674</v>
      </c>
      <c r="I192" s="6">
        <v>612</v>
      </c>
      <c r="J192" s="6">
        <v>592</v>
      </c>
      <c r="K192" s="6">
        <v>62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4</v>
      </c>
      <c r="E193" s="9" t="s">
        <v>227</v>
      </c>
      <c r="F193" s="9" t="s">
        <v>235</v>
      </c>
      <c r="G193" s="9" t="s">
        <v>247</v>
      </c>
      <c r="H193" s="6">
        <v>640</v>
      </c>
      <c r="I193" s="6">
        <v>565</v>
      </c>
      <c r="J193" s="6">
        <v>546</v>
      </c>
      <c r="K193" s="6">
        <v>75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4</v>
      </c>
      <c r="E194" s="9" t="s">
        <v>227</v>
      </c>
      <c r="F194" s="9" t="s">
        <v>235</v>
      </c>
      <c r="G194" s="9" t="s">
        <v>248</v>
      </c>
      <c r="H194" s="6">
        <v>672</v>
      </c>
      <c r="I194" s="6">
        <v>609</v>
      </c>
      <c r="J194" s="6">
        <v>588</v>
      </c>
      <c r="K194" s="6">
        <v>63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4</v>
      </c>
      <c r="E195" s="9" t="s">
        <v>227</v>
      </c>
      <c r="F195" s="9" t="s">
        <v>235</v>
      </c>
      <c r="G195" s="9" t="s">
        <v>249</v>
      </c>
      <c r="H195" s="6">
        <v>642</v>
      </c>
      <c r="I195" s="6">
        <v>579</v>
      </c>
      <c r="J195" s="6">
        <v>552</v>
      </c>
      <c r="K195" s="6">
        <v>62</v>
      </c>
      <c r="L195" s="6">
        <v>1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4</v>
      </c>
      <c r="E196" s="9" t="s">
        <v>227</v>
      </c>
      <c r="F196" s="9" t="s">
        <v>235</v>
      </c>
      <c r="G196" s="9" t="s">
        <v>250</v>
      </c>
      <c r="H196" s="6">
        <v>634</v>
      </c>
      <c r="I196" s="6">
        <v>560</v>
      </c>
      <c r="J196" s="6">
        <v>538</v>
      </c>
      <c r="K196" s="6">
        <v>74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4</v>
      </c>
      <c r="E197" s="9" t="s">
        <v>227</v>
      </c>
      <c r="F197" s="9" t="s">
        <v>235</v>
      </c>
      <c r="G197" s="9" t="s">
        <v>251</v>
      </c>
      <c r="H197" s="6">
        <v>655</v>
      </c>
      <c r="I197" s="6">
        <v>567</v>
      </c>
      <c r="J197" s="6">
        <v>549</v>
      </c>
      <c r="K197" s="6">
        <v>87</v>
      </c>
      <c r="L197" s="6">
        <v>1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4</v>
      </c>
      <c r="E198" s="9" t="s">
        <v>227</v>
      </c>
      <c r="F198" s="9" t="s">
        <v>235</v>
      </c>
      <c r="G198" s="9" t="s">
        <v>252</v>
      </c>
      <c r="H198" s="6">
        <v>649</v>
      </c>
      <c r="I198" s="6">
        <v>566</v>
      </c>
      <c r="J198" s="6">
        <v>541</v>
      </c>
      <c r="K198" s="6">
        <v>83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4</v>
      </c>
      <c r="E199" s="9" t="s">
        <v>227</v>
      </c>
      <c r="F199" s="9" t="s">
        <v>235</v>
      </c>
      <c r="G199" s="9" t="s">
        <v>253</v>
      </c>
      <c r="H199" s="6">
        <v>714</v>
      </c>
      <c r="I199" s="6">
        <v>638</v>
      </c>
      <c r="J199" s="6">
        <v>605</v>
      </c>
      <c r="K199" s="6">
        <v>76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4</v>
      </c>
      <c r="E200" s="9" t="s">
        <v>227</v>
      </c>
      <c r="F200" s="9" t="s">
        <v>235</v>
      </c>
      <c r="G200" s="9" t="s">
        <v>254</v>
      </c>
      <c r="H200" s="6">
        <v>558</v>
      </c>
      <c r="I200" s="6">
        <v>476</v>
      </c>
      <c r="J200" s="6">
        <v>459</v>
      </c>
      <c r="K200" s="6">
        <v>81</v>
      </c>
      <c r="L200" s="6">
        <v>1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4</v>
      </c>
      <c r="E201" s="9" t="s">
        <v>227</v>
      </c>
      <c r="F201" s="9" t="s">
        <v>235</v>
      </c>
      <c r="G201" s="9" t="s">
        <v>255</v>
      </c>
      <c r="H201" s="6">
        <v>482</v>
      </c>
      <c r="I201" s="6">
        <v>418</v>
      </c>
      <c r="J201" s="6">
        <v>400</v>
      </c>
      <c r="K201" s="6">
        <v>64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4</v>
      </c>
      <c r="E202" s="9" t="s">
        <v>227</v>
      </c>
      <c r="F202" s="9" t="s">
        <v>235</v>
      </c>
      <c r="G202" s="9" t="s">
        <v>256</v>
      </c>
      <c r="H202" s="6">
        <v>8146</v>
      </c>
      <c r="I202" s="6">
        <v>6008</v>
      </c>
      <c r="J202" s="6">
        <v>5693</v>
      </c>
      <c r="K202" s="6">
        <v>2130</v>
      </c>
      <c r="L202" s="6">
        <v>8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4</v>
      </c>
      <c r="E203" s="9" t="s">
        <v>228</v>
      </c>
      <c r="F203" s="9" t="s">
        <v>6</v>
      </c>
      <c r="G203" s="9" t="s">
        <v>30</v>
      </c>
      <c r="H203" s="6">
        <v>4631</v>
      </c>
      <c r="I203" s="6">
        <v>1261</v>
      </c>
      <c r="J203" s="6">
        <v>1124</v>
      </c>
      <c r="K203" s="6">
        <v>3364</v>
      </c>
      <c r="L203" s="6">
        <v>6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4</v>
      </c>
      <c r="E204" s="9" t="s">
        <v>228</v>
      </c>
      <c r="F204" s="9" t="s">
        <v>234</v>
      </c>
      <c r="G204" s="9" t="s">
        <v>30</v>
      </c>
      <c r="H204" s="6">
        <v>23</v>
      </c>
      <c r="I204" s="6">
        <v>9</v>
      </c>
      <c r="J204" s="6">
        <v>9</v>
      </c>
      <c r="K204" s="6">
        <v>14</v>
      </c>
      <c r="L204" s="10" t="s">
        <v>55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4</v>
      </c>
      <c r="E205" s="9" t="s">
        <v>228</v>
      </c>
      <c r="F205" s="9" t="s">
        <v>235</v>
      </c>
      <c r="G205" s="9" t="s">
        <v>30</v>
      </c>
      <c r="H205" s="6">
        <v>4608</v>
      </c>
      <c r="I205" s="6">
        <v>1252</v>
      </c>
      <c r="J205" s="6">
        <v>1115</v>
      </c>
      <c r="K205" s="6">
        <v>3350</v>
      </c>
      <c r="L205" s="6">
        <v>6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4</v>
      </c>
      <c r="E206" s="9" t="s">
        <v>228</v>
      </c>
      <c r="F206" s="9" t="s">
        <v>235</v>
      </c>
      <c r="G206" s="9" t="s">
        <v>236</v>
      </c>
      <c r="H206" s="6">
        <v>28</v>
      </c>
      <c r="I206" s="6">
        <v>5</v>
      </c>
      <c r="J206" s="6">
        <v>5</v>
      </c>
      <c r="K206" s="6">
        <v>23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4</v>
      </c>
      <c r="E207" s="9" t="s">
        <v>228</v>
      </c>
      <c r="F207" s="9" t="s">
        <v>235</v>
      </c>
      <c r="G207" s="9" t="s">
        <v>237</v>
      </c>
      <c r="H207" s="6">
        <v>35</v>
      </c>
      <c r="I207" s="6">
        <v>17</v>
      </c>
      <c r="J207" s="6">
        <v>14</v>
      </c>
      <c r="K207" s="6">
        <v>18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4</v>
      </c>
      <c r="E208" s="9" t="s">
        <v>228</v>
      </c>
      <c r="F208" s="9" t="s">
        <v>235</v>
      </c>
      <c r="G208" s="9" t="s">
        <v>238</v>
      </c>
      <c r="H208" s="6">
        <v>13</v>
      </c>
      <c r="I208" s="6">
        <v>10</v>
      </c>
      <c r="J208" s="6">
        <v>10</v>
      </c>
      <c r="K208" s="6">
        <v>3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4</v>
      </c>
      <c r="E209" s="9" t="s">
        <v>228</v>
      </c>
      <c r="F209" s="9" t="s">
        <v>235</v>
      </c>
      <c r="G209" s="9" t="s">
        <v>239</v>
      </c>
      <c r="H209" s="6">
        <v>20</v>
      </c>
      <c r="I209" s="6">
        <v>17</v>
      </c>
      <c r="J209" s="6">
        <v>17</v>
      </c>
      <c r="K209" s="6">
        <v>3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4</v>
      </c>
      <c r="E210" s="9" t="s">
        <v>228</v>
      </c>
      <c r="F210" s="9" t="s">
        <v>235</v>
      </c>
      <c r="G210" s="9" t="s">
        <v>240</v>
      </c>
      <c r="H210" s="6">
        <v>24</v>
      </c>
      <c r="I210" s="6">
        <v>14</v>
      </c>
      <c r="J210" s="6">
        <v>9</v>
      </c>
      <c r="K210" s="6">
        <v>10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4</v>
      </c>
      <c r="E211" s="9" t="s">
        <v>228</v>
      </c>
      <c r="F211" s="9" t="s">
        <v>235</v>
      </c>
      <c r="G211" s="9" t="s">
        <v>241</v>
      </c>
      <c r="H211" s="6">
        <v>8</v>
      </c>
      <c r="I211" s="6">
        <v>5</v>
      </c>
      <c r="J211" s="6">
        <v>4</v>
      </c>
      <c r="K211" s="6">
        <v>3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4</v>
      </c>
      <c r="E212" s="9" t="s">
        <v>228</v>
      </c>
      <c r="F212" s="9" t="s">
        <v>235</v>
      </c>
      <c r="G212" s="9" t="s">
        <v>242</v>
      </c>
      <c r="H212" s="6">
        <v>10</v>
      </c>
      <c r="I212" s="6">
        <v>5</v>
      </c>
      <c r="J212" s="6">
        <v>5</v>
      </c>
      <c r="K212" s="6">
        <v>5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4</v>
      </c>
      <c r="E213" s="9" t="s">
        <v>228</v>
      </c>
      <c r="F213" s="9" t="s">
        <v>235</v>
      </c>
      <c r="G213" s="9" t="s">
        <v>243</v>
      </c>
      <c r="H213" s="6">
        <v>7</v>
      </c>
      <c r="I213" s="6">
        <v>6</v>
      </c>
      <c r="J213" s="6">
        <v>6</v>
      </c>
      <c r="K213" s="6">
        <v>1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4</v>
      </c>
      <c r="E214" s="9" t="s">
        <v>228</v>
      </c>
      <c r="F214" s="9" t="s">
        <v>235</v>
      </c>
      <c r="G214" s="9" t="s">
        <v>244</v>
      </c>
      <c r="H214" s="6">
        <v>8</v>
      </c>
      <c r="I214" s="6">
        <v>6</v>
      </c>
      <c r="J214" s="6">
        <v>5</v>
      </c>
      <c r="K214" s="6">
        <v>2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4</v>
      </c>
      <c r="E215" s="9" t="s">
        <v>228</v>
      </c>
      <c r="F215" s="9" t="s">
        <v>235</v>
      </c>
      <c r="G215" s="9" t="s">
        <v>245</v>
      </c>
      <c r="H215" s="6">
        <v>17</v>
      </c>
      <c r="I215" s="6">
        <v>14</v>
      </c>
      <c r="J215" s="6">
        <v>10</v>
      </c>
      <c r="K215" s="6">
        <v>2</v>
      </c>
      <c r="L215" s="6">
        <v>1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4</v>
      </c>
      <c r="E216" s="9" t="s">
        <v>228</v>
      </c>
      <c r="F216" s="9" t="s">
        <v>235</v>
      </c>
      <c r="G216" s="9" t="s">
        <v>246</v>
      </c>
      <c r="H216" s="6">
        <v>18</v>
      </c>
      <c r="I216" s="6">
        <v>14</v>
      </c>
      <c r="J216" s="6">
        <v>12</v>
      </c>
      <c r="K216" s="6">
        <v>4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4</v>
      </c>
      <c r="E217" s="9" t="s">
        <v>228</v>
      </c>
      <c r="F217" s="9" t="s">
        <v>235</v>
      </c>
      <c r="G217" s="9" t="s">
        <v>247</v>
      </c>
      <c r="H217" s="6">
        <v>11</v>
      </c>
      <c r="I217" s="6">
        <v>10</v>
      </c>
      <c r="J217" s="6">
        <v>10</v>
      </c>
      <c r="K217" s="6">
        <v>1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4</v>
      </c>
      <c r="E218" s="9" t="s">
        <v>228</v>
      </c>
      <c r="F218" s="9" t="s">
        <v>235</v>
      </c>
      <c r="G218" s="9" t="s">
        <v>248</v>
      </c>
      <c r="H218" s="6">
        <v>21</v>
      </c>
      <c r="I218" s="6">
        <v>16</v>
      </c>
      <c r="J218" s="6">
        <v>14</v>
      </c>
      <c r="K218" s="6">
        <v>5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4</v>
      </c>
      <c r="E219" s="9" t="s">
        <v>228</v>
      </c>
      <c r="F219" s="9" t="s">
        <v>235</v>
      </c>
      <c r="G219" s="9" t="s">
        <v>249</v>
      </c>
      <c r="H219" s="6">
        <v>10</v>
      </c>
      <c r="I219" s="6">
        <v>7</v>
      </c>
      <c r="J219" s="6">
        <v>7</v>
      </c>
      <c r="K219" s="6">
        <v>2</v>
      </c>
      <c r="L219" s="6">
        <v>1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4</v>
      </c>
      <c r="E220" s="9" t="s">
        <v>228</v>
      </c>
      <c r="F220" s="9" t="s">
        <v>235</v>
      </c>
      <c r="G220" s="9" t="s">
        <v>250</v>
      </c>
      <c r="H220" s="6">
        <v>12</v>
      </c>
      <c r="I220" s="6">
        <v>9</v>
      </c>
      <c r="J220" s="6">
        <v>9</v>
      </c>
      <c r="K220" s="6">
        <v>3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4</v>
      </c>
      <c r="E221" s="9" t="s">
        <v>228</v>
      </c>
      <c r="F221" s="9" t="s">
        <v>235</v>
      </c>
      <c r="G221" s="9" t="s">
        <v>251</v>
      </c>
      <c r="H221" s="6">
        <v>20</v>
      </c>
      <c r="I221" s="6">
        <v>13</v>
      </c>
      <c r="J221" s="6">
        <v>12</v>
      </c>
      <c r="K221" s="6">
        <v>7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4</v>
      </c>
      <c r="E222" s="9" t="s">
        <v>228</v>
      </c>
      <c r="F222" s="9" t="s">
        <v>235</v>
      </c>
      <c r="G222" s="9" t="s">
        <v>252</v>
      </c>
      <c r="H222" s="6">
        <v>15</v>
      </c>
      <c r="I222" s="6">
        <v>11</v>
      </c>
      <c r="J222" s="6">
        <v>10</v>
      </c>
      <c r="K222" s="6">
        <v>4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4</v>
      </c>
      <c r="E223" s="9" t="s">
        <v>228</v>
      </c>
      <c r="F223" s="9" t="s">
        <v>235</v>
      </c>
      <c r="G223" s="9" t="s">
        <v>253</v>
      </c>
      <c r="H223" s="6">
        <v>27</v>
      </c>
      <c r="I223" s="6">
        <v>21</v>
      </c>
      <c r="J223" s="6">
        <v>21</v>
      </c>
      <c r="K223" s="6">
        <v>6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4</v>
      </c>
      <c r="E224" s="9" t="s">
        <v>228</v>
      </c>
      <c r="F224" s="9" t="s">
        <v>235</v>
      </c>
      <c r="G224" s="9" t="s">
        <v>254</v>
      </c>
      <c r="H224" s="6">
        <v>21</v>
      </c>
      <c r="I224" s="6">
        <v>12</v>
      </c>
      <c r="J224" s="6">
        <v>11</v>
      </c>
      <c r="K224" s="6">
        <v>9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4</v>
      </c>
      <c r="E225" s="9" t="s">
        <v>228</v>
      </c>
      <c r="F225" s="9" t="s">
        <v>235</v>
      </c>
      <c r="G225" s="9" t="s">
        <v>255</v>
      </c>
      <c r="H225" s="6">
        <v>26</v>
      </c>
      <c r="I225" s="6">
        <v>15</v>
      </c>
      <c r="J225" s="6">
        <v>13</v>
      </c>
      <c r="K225" s="6">
        <v>11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4</v>
      </c>
      <c r="E226" s="9" t="s">
        <v>228</v>
      </c>
      <c r="F226" s="9" t="s">
        <v>235</v>
      </c>
      <c r="G226" s="9" t="s">
        <v>256</v>
      </c>
      <c r="H226" s="6">
        <v>4257</v>
      </c>
      <c r="I226" s="6">
        <v>1025</v>
      </c>
      <c r="J226" s="6">
        <v>911</v>
      </c>
      <c r="K226" s="6">
        <v>3228</v>
      </c>
      <c r="L226" s="6">
        <v>4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4</v>
      </c>
      <c r="E227" s="9" t="s">
        <v>18</v>
      </c>
      <c r="F227" s="9" t="s">
        <v>6</v>
      </c>
      <c r="G227" s="9" t="s">
        <v>30</v>
      </c>
      <c r="H227" s="6">
        <v>937</v>
      </c>
      <c r="I227" s="6">
        <v>22</v>
      </c>
      <c r="J227" s="6">
        <v>15</v>
      </c>
      <c r="K227" s="6">
        <v>11</v>
      </c>
      <c r="L227" s="6">
        <v>904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4</v>
      </c>
      <c r="E228" s="9" t="s">
        <v>18</v>
      </c>
      <c r="F228" s="9" t="s">
        <v>234</v>
      </c>
      <c r="G228" s="9" t="s">
        <v>30</v>
      </c>
      <c r="H228" s="6">
        <v>20</v>
      </c>
      <c r="I228" s="6">
        <v>1</v>
      </c>
      <c r="J228" s="6">
        <v>1</v>
      </c>
      <c r="K228" s="10" t="s">
        <v>55</v>
      </c>
      <c r="L228" s="6">
        <v>19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4</v>
      </c>
      <c r="E229" s="9" t="s">
        <v>18</v>
      </c>
      <c r="F229" s="9" t="s">
        <v>235</v>
      </c>
      <c r="G229" s="9" t="s">
        <v>30</v>
      </c>
      <c r="H229" s="6">
        <v>917</v>
      </c>
      <c r="I229" s="6">
        <v>21</v>
      </c>
      <c r="J229" s="6">
        <v>14</v>
      </c>
      <c r="K229" s="6">
        <v>11</v>
      </c>
      <c r="L229" s="6">
        <v>885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4</v>
      </c>
      <c r="E230" s="9" t="s">
        <v>18</v>
      </c>
      <c r="F230" s="9" t="s">
        <v>235</v>
      </c>
      <c r="G230" s="9" t="s">
        <v>236</v>
      </c>
      <c r="H230" s="6">
        <v>59</v>
      </c>
      <c r="I230" s="10" t="s">
        <v>55</v>
      </c>
      <c r="J230" s="10" t="s">
        <v>55</v>
      </c>
      <c r="K230" s="6">
        <v>1</v>
      </c>
      <c r="L230" s="6">
        <v>58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4</v>
      </c>
      <c r="E231" s="9" t="s">
        <v>18</v>
      </c>
      <c r="F231" s="9" t="s">
        <v>235</v>
      </c>
      <c r="G231" s="9" t="s">
        <v>237</v>
      </c>
      <c r="H231" s="6">
        <v>46</v>
      </c>
      <c r="I231" s="6">
        <v>1</v>
      </c>
      <c r="J231" s="6">
        <v>1</v>
      </c>
      <c r="K231" s="6">
        <v>1</v>
      </c>
      <c r="L231" s="6">
        <v>44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4</v>
      </c>
      <c r="E232" s="9" t="s">
        <v>18</v>
      </c>
      <c r="F232" s="9" t="s">
        <v>235</v>
      </c>
      <c r="G232" s="9" t="s">
        <v>238</v>
      </c>
      <c r="H232" s="6">
        <v>51</v>
      </c>
      <c r="I232" s="6">
        <v>2</v>
      </c>
      <c r="J232" s="6">
        <v>2</v>
      </c>
      <c r="K232" s="10" t="s">
        <v>55</v>
      </c>
      <c r="L232" s="6">
        <v>49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4</v>
      </c>
      <c r="E233" s="9" t="s">
        <v>18</v>
      </c>
      <c r="F233" s="9" t="s">
        <v>235</v>
      </c>
      <c r="G233" s="9" t="s">
        <v>239</v>
      </c>
      <c r="H233" s="6">
        <v>32</v>
      </c>
      <c r="I233" s="6">
        <v>1</v>
      </c>
      <c r="J233" s="10" t="s">
        <v>55</v>
      </c>
      <c r="K233" s="10" t="s">
        <v>55</v>
      </c>
      <c r="L233" s="6">
        <v>31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4</v>
      </c>
      <c r="E234" s="9" t="s">
        <v>18</v>
      </c>
      <c r="F234" s="9" t="s">
        <v>235</v>
      </c>
      <c r="G234" s="9" t="s">
        <v>240</v>
      </c>
      <c r="H234" s="6">
        <v>25</v>
      </c>
      <c r="I234" s="10" t="s">
        <v>55</v>
      </c>
      <c r="J234" s="10" t="s">
        <v>55</v>
      </c>
      <c r="K234" s="10" t="s">
        <v>55</v>
      </c>
      <c r="L234" s="6">
        <v>25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4</v>
      </c>
      <c r="E235" s="9" t="s">
        <v>18</v>
      </c>
      <c r="F235" s="9" t="s">
        <v>235</v>
      </c>
      <c r="G235" s="9" t="s">
        <v>241</v>
      </c>
      <c r="H235" s="6">
        <v>26</v>
      </c>
      <c r="I235" s="10" t="s">
        <v>55</v>
      </c>
      <c r="J235" s="10" t="s">
        <v>55</v>
      </c>
      <c r="K235" s="10" t="s">
        <v>55</v>
      </c>
      <c r="L235" s="6">
        <v>26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4</v>
      </c>
      <c r="E236" s="9" t="s">
        <v>18</v>
      </c>
      <c r="F236" s="9" t="s">
        <v>235</v>
      </c>
      <c r="G236" s="9" t="s">
        <v>242</v>
      </c>
      <c r="H236" s="6">
        <v>24</v>
      </c>
      <c r="I236" s="10" t="s">
        <v>55</v>
      </c>
      <c r="J236" s="10" t="s">
        <v>55</v>
      </c>
      <c r="K236" s="10" t="s">
        <v>55</v>
      </c>
      <c r="L236" s="6">
        <v>24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4</v>
      </c>
      <c r="E237" s="9" t="s">
        <v>18</v>
      </c>
      <c r="F237" s="9" t="s">
        <v>235</v>
      </c>
      <c r="G237" s="9" t="s">
        <v>243</v>
      </c>
      <c r="H237" s="6">
        <v>20</v>
      </c>
      <c r="I237" s="10" t="s">
        <v>55</v>
      </c>
      <c r="J237" s="10" t="s">
        <v>55</v>
      </c>
      <c r="K237" s="10" t="s">
        <v>55</v>
      </c>
      <c r="L237" s="6">
        <v>20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4</v>
      </c>
      <c r="E238" s="9" t="s">
        <v>18</v>
      </c>
      <c r="F238" s="9" t="s">
        <v>235</v>
      </c>
      <c r="G238" s="9" t="s">
        <v>244</v>
      </c>
      <c r="H238" s="6">
        <v>17</v>
      </c>
      <c r="I238" s="10" t="s">
        <v>55</v>
      </c>
      <c r="J238" s="10" t="s">
        <v>55</v>
      </c>
      <c r="K238" s="10" t="s">
        <v>55</v>
      </c>
      <c r="L238" s="6">
        <v>17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4</v>
      </c>
      <c r="E239" s="9" t="s">
        <v>18</v>
      </c>
      <c r="F239" s="9" t="s">
        <v>235</v>
      </c>
      <c r="G239" s="9" t="s">
        <v>245</v>
      </c>
      <c r="H239" s="6">
        <v>26</v>
      </c>
      <c r="I239" s="6">
        <v>1</v>
      </c>
      <c r="J239" s="6">
        <v>1</v>
      </c>
      <c r="K239" s="10" t="s">
        <v>55</v>
      </c>
      <c r="L239" s="6">
        <v>2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4</v>
      </c>
      <c r="E240" s="9" t="s">
        <v>18</v>
      </c>
      <c r="F240" s="9" t="s">
        <v>235</v>
      </c>
      <c r="G240" s="9" t="s">
        <v>246</v>
      </c>
      <c r="H240" s="6">
        <v>32</v>
      </c>
      <c r="I240" s="10" t="s">
        <v>55</v>
      </c>
      <c r="J240" s="10" t="s">
        <v>55</v>
      </c>
      <c r="K240" s="10" t="s">
        <v>55</v>
      </c>
      <c r="L240" s="6">
        <v>32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4</v>
      </c>
      <c r="E241" s="9" t="s">
        <v>18</v>
      </c>
      <c r="F241" s="9" t="s">
        <v>235</v>
      </c>
      <c r="G241" s="9" t="s">
        <v>247</v>
      </c>
      <c r="H241" s="6">
        <v>28</v>
      </c>
      <c r="I241" s="10" t="s">
        <v>55</v>
      </c>
      <c r="J241" s="10" t="s">
        <v>55</v>
      </c>
      <c r="K241" s="10" t="s">
        <v>55</v>
      </c>
      <c r="L241" s="6">
        <v>28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4</v>
      </c>
      <c r="E242" s="9" t="s">
        <v>18</v>
      </c>
      <c r="F242" s="9" t="s">
        <v>235</v>
      </c>
      <c r="G242" s="9" t="s">
        <v>248</v>
      </c>
      <c r="H242" s="6">
        <v>21</v>
      </c>
      <c r="I242" s="10" t="s">
        <v>55</v>
      </c>
      <c r="J242" s="10" t="s">
        <v>55</v>
      </c>
      <c r="K242" s="10" t="s">
        <v>55</v>
      </c>
      <c r="L242" s="6">
        <v>21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4</v>
      </c>
      <c r="E243" s="9" t="s">
        <v>18</v>
      </c>
      <c r="F243" s="9" t="s">
        <v>235</v>
      </c>
      <c r="G243" s="9" t="s">
        <v>249</v>
      </c>
      <c r="H243" s="6">
        <v>35</v>
      </c>
      <c r="I243" s="10" t="s">
        <v>55</v>
      </c>
      <c r="J243" s="10" t="s">
        <v>55</v>
      </c>
      <c r="K243" s="6">
        <v>1</v>
      </c>
      <c r="L243" s="6">
        <v>3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4</v>
      </c>
      <c r="E244" s="9" t="s">
        <v>18</v>
      </c>
      <c r="F244" s="9" t="s">
        <v>235</v>
      </c>
      <c r="G244" s="9" t="s">
        <v>250</v>
      </c>
      <c r="H244" s="6">
        <v>28</v>
      </c>
      <c r="I244" s="10" t="s">
        <v>55</v>
      </c>
      <c r="J244" s="10" t="s">
        <v>55</v>
      </c>
      <c r="K244" s="10" t="s">
        <v>55</v>
      </c>
      <c r="L244" s="6">
        <v>28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4</v>
      </c>
      <c r="E245" s="9" t="s">
        <v>18</v>
      </c>
      <c r="F245" s="9" t="s">
        <v>235</v>
      </c>
      <c r="G245" s="9" t="s">
        <v>251</v>
      </c>
      <c r="H245" s="6">
        <v>17</v>
      </c>
      <c r="I245" s="10" t="s">
        <v>55</v>
      </c>
      <c r="J245" s="10" t="s">
        <v>55</v>
      </c>
      <c r="K245" s="10" t="s">
        <v>55</v>
      </c>
      <c r="L245" s="6">
        <v>17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4</v>
      </c>
      <c r="E246" s="9" t="s">
        <v>18</v>
      </c>
      <c r="F246" s="9" t="s">
        <v>235</v>
      </c>
      <c r="G246" s="9" t="s">
        <v>252</v>
      </c>
      <c r="H246" s="6">
        <v>17</v>
      </c>
      <c r="I246" s="10" t="s">
        <v>55</v>
      </c>
      <c r="J246" s="10" t="s">
        <v>55</v>
      </c>
      <c r="K246" s="10" t="s">
        <v>55</v>
      </c>
      <c r="L246" s="6">
        <v>17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4</v>
      </c>
      <c r="E247" s="9" t="s">
        <v>18</v>
      </c>
      <c r="F247" s="9" t="s">
        <v>235</v>
      </c>
      <c r="G247" s="9" t="s">
        <v>253</v>
      </c>
      <c r="H247" s="6">
        <v>20</v>
      </c>
      <c r="I247" s="10" t="s">
        <v>55</v>
      </c>
      <c r="J247" s="10" t="s">
        <v>55</v>
      </c>
      <c r="K247" s="6">
        <v>1</v>
      </c>
      <c r="L247" s="6">
        <v>19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4</v>
      </c>
      <c r="E248" s="9" t="s">
        <v>18</v>
      </c>
      <c r="F248" s="9" t="s">
        <v>235</v>
      </c>
      <c r="G248" s="9" t="s">
        <v>254</v>
      </c>
      <c r="H248" s="6">
        <v>25</v>
      </c>
      <c r="I248" s="10" t="s">
        <v>55</v>
      </c>
      <c r="J248" s="10" t="s">
        <v>55</v>
      </c>
      <c r="K248" s="10" t="s">
        <v>55</v>
      </c>
      <c r="L248" s="6">
        <v>25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4</v>
      </c>
      <c r="E249" s="9" t="s">
        <v>18</v>
      </c>
      <c r="F249" s="9" t="s">
        <v>235</v>
      </c>
      <c r="G249" s="9" t="s">
        <v>255</v>
      </c>
      <c r="H249" s="6">
        <v>23</v>
      </c>
      <c r="I249" s="10" t="s">
        <v>55</v>
      </c>
      <c r="J249" s="10" t="s">
        <v>55</v>
      </c>
      <c r="K249" s="10" t="s">
        <v>55</v>
      </c>
      <c r="L249" s="6">
        <v>23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4</v>
      </c>
      <c r="E250" s="9" t="s">
        <v>18</v>
      </c>
      <c r="F250" s="9" t="s">
        <v>235</v>
      </c>
      <c r="G250" s="9" t="s">
        <v>256</v>
      </c>
      <c r="H250" s="6">
        <v>345</v>
      </c>
      <c r="I250" s="6">
        <v>16</v>
      </c>
      <c r="J250" s="6">
        <v>10</v>
      </c>
      <c r="K250" s="6">
        <v>7</v>
      </c>
      <c r="L250" s="6">
        <v>322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4</v>
      </c>
      <c r="E251" s="9" t="s">
        <v>6</v>
      </c>
      <c r="F251" s="9" t="s">
        <v>6</v>
      </c>
      <c r="G251" s="9" t="s">
        <v>30</v>
      </c>
      <c r="H251" s="6">
        <v>3501</v>
      </c>
      <c r="I251" s="6">
        <v>2644</v>
      </c>
      <c r="J251" s="6">
        <v>1878</v>
      </c>
      <c r="K251" s="6">
        <v>746</v>
      </c>
      <c r="L251" s="6">
        <v>111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4</v>
      </c>
      <c r="E252" s="9" t="s">
        <v>6</v>
      </c>
      <c r="F252" s="9" t="s">
        <v>234</v>
      </c>
      <c r="G252" s="9" t="s">
        <v>30</v>
      </c>
      <c r="H252" s="6">
        <v>138</v>
      </c>
      <c r="I252" s="6">
        <v>119</v>
      </c>
      <c r="J252" s="6">
        <v>70</v>
      </c>
      <c r="K252" s="6">
        <v>17</v>
      </c>
      <c r="L252" s="6">
        <v>2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4</v>
      </c>
      <c r="E253" s="9" t="s">
        <v>6</v>
      </c>
      <c r="F253" s="9" t="s">
        <v>235</v>
      </c>
      <c r="G253" s="9" t="s">
        <v>30</v>
      </c>
      <c r="H253" s="6">
        <v>3363</v>
      </c>
      <c r="I253" s="6">
        <v>2525</v>
      </c>
      <c r="J253" s="6">
        <v>1808</v>
      </c>
      <c r="K253" s="6">
        <v>729</v>
      </c>
      <c r="L253" s="6">
        <v>109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4</v>
      </c>
      <c r="E254" s="9" t="s">
        <v>6</v>
      </c>
      <c r="F254" s="9" t="s">
        <v>235</v>
      </c>
      <c r="G254" s="9" t="s">
        <v>236</v>
      </c>
      <c r="H254" s="6">
        <v>92</v>
      </c>
      <c r="I254" s="6">
        <v>47</v>
      </c>
      <c r="J254" s="6">
        <v>37</v>
      </c>
      <c r="K254" s="6">
        <v>39</v>
      </c>
      <c r="L254" s="6">
        <v>6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4</v>
      </c>
      <c r="E255" s="9" t="s">
        <v>6</v>
      </c>
      <c r="F255" s="9" t="s">
        <v>235</v>
      </c>
      <c r="G255" s="9" t="s">
        <v>237</v>
      </c>
      <c r="H255" s="6">
        <v>128</v>
      </c>
      <c r="I255" s="6">
        <v>100</v>
      </c>
      <c r="J255" s="6">
        <v>83</v>
      </c>
      <c r="K255" s="6">
        <v>25</v>
      </c>
      <c r="L255" s="6">
        <v>3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4</v>
      </c>
      <c r="E256" s="9" t="s">
        <v>6</v>
      </c>
      <c r="F256" s="9" t="s">
        <v>235</v>
      </c>
      <c r="G256" s="9" t="s">
        <v>238</v>
      </c>
      <c r="H256" s="6">
        <v>106</v>
      </c>
      <c r="I256" s="6">
        <v>89</v>
      </c>
      <c r="J256" s="6">
        <v>69</v>
      </c>
      <c r="K256" s="6">
        <v>12</v>
      </c>
      <c r="L256" s="6">
        <v>5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4</v>
      </c>
      <c r="E257" s="9" t="s">
        <v>6</v>
      </c>
      <c r="F257" s="9" t="s">
        <v>235</v>
      </c>
      <c r="G257" s="9" t="s">
        <v>239</v>
      </c>
      <c r="H257" s="6">
        <v>91</v>
      </c>
      <c r="I257" s="6">
        <v>77</v>
      </c>
      <c r="J257" s="6">
        <v>63</v>
      </c>
      <c r="K257" s="6">
        <v>10</v>
      </c>
      <c r="L257" s="6">
        <v>4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4</v>
      </c>
      <c r="E258" s="9" t="s">
        <v>6</v>
      </c>
      <c r="F258" s="9" t="s">
        <v>235</v>
      </c>
      <c r="G258" s="9" t="s">
        <v>240</v>
      </c>
      <c r="H258" s="6">
        <v>99</v>
      </c>
      <c r="I258" s="6">
        <v>87</v>
      </c>
      <c r="J258" s="6">
        <v>62</v>
      </c>
      <c r="K258" s="6">
        <v>9</v>
      </c>
      <c r="L258" s="6">
        <v>3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4</v>
      </c>
      <c r="E259" s="9" t="s">
        <v>6</v>
      </c>
      <c r="F259" s="9" t="s">
        <v>235</v>
      </c>
      <c r="G259" s="9" t="s">
        <v>241</v>
      </c>
      <c r="H259" s="6">
        <v>79</v>
      </c>
      <c r="I259" s="6">
        <v>67</v>
      </c>
      <c r="J259" s="6">
        <v>58</v>
      </c>
      <c r="K259" s="6">
        <v>7</v>
      </c>
      <c r="L259" s="6">
        <v>5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4</v>
      </c>
      <c r="E260" s="9" t="s">
        <v>6</v>
      </c>
      <c r="F260" s="9" t="s">
        <v>235</v>
      </c>
      <c r="G260" s="9" t="s">
        <v>242</v>
      </c>
      <c r="H260" s="6">
        <v>86</v>
      </c>
      <c r="I260" s="6">
        <v>75</v>
      </c>
      <c r="J260" s="6">
        <v>63</v>
      </c>
      <c r="K260" s="6">
        <v>7</v>
      </c>
      <c r="L260" s="6">
        <v>4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4</v>
      </c>
      <c r="E261" s="9" t="s">
        <v>6</v>
      </c>
      <c r="F261" s="9" t="s">
        <v>235</v>
      </c>
      <c r="G261" s="9" t="s">
        <v>243</v>
      </c>
      <c r="H261" s="6">
        <v>86</v>
      </c>
      <c r="I261" s="6">
        <v>76</v>
      </c>
      <c r="J261" s="6">
        <v>62</v>
      </c>
      <c r="K261" s="6">
        <v>10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4</v>
      </c>
      <c r="E262" s="9" t="s">
        <v>6</v>
      </c>
      <c r="F262" s="9" t="s">
        <v>235</v>
      </c>
      <c r="G262" s="9" t="s">
        <v>244</v>
      </c>
      <c r="H262" s="6">
        <v>82</v>
      </c>
      <c r="I262" s="6">
        <v>74</v>
      </c>
      <c r="J262" s="6">
        <v>65</v>
      </c>
      <c r="K262" s="6">
        <v>7</v>
      </c>
      <c r="L262" s="6">
        <v>1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4</v>
      </c>
      <c r="E263" s="9" t="s">
        <v>6</v>
      </c>
      <c r="F263" s="9" t="s">
        <v>235</v>
      </c>
      <c r="G263" s="9" t="s">
        <v>245</v>
      </c>
      <c r="H263" s="6">
        <v>77</v>
      </c>
      <c r="I263" s="6">
        <v>69</v>
      </c>
      <c r="J263" s="6">
        <v>52</v>
      </c>
      <c r="K263" s="6">
        <v>6</v>
      </c>
      <c r="L263" s="6">
        <v>2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4</v>
      </c>
      <c r="E264" s="9" t="s">
        <v>6</v>
      </c>
      <c r="F264" s="9" t="s">
        <v>235</v>
      </c>
      <c r="G264" s="9" t="s">
        <v>246</v>
      </c>
      <c r="H264" s="6">
        <v>91</v>
      </c>
      <c r="I264" s="6">
        <v>82</v>
      </c>
      <c r="J264" s="6">
        <v>62</v>
      </c>
      <c r="K264" s="6">
        <v>6</v>
      </c>
      <c r="L264" s="6">
        <v>3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4</v>
      </c>
      <c r="E265" s="9" t="s">
        <v>6</v>
      </c>
      <c r="F265" s="9" t="s">
        <v>235</v>
      </c>
      <c r="G265" s="9" t="s">
        <v>247</v>
      </c>
      <c r="H265" s="6">
        <v>104</v>
      </c>
      <c r="I265" s="6">
        <v>89</v>
      </c>
      <c r="J265" s="6">
        <v>71</v>
      </c>
      <c r="K265" s="6">
        <v>8</v>
      </c>
      <c r="L265" s="6">
        <v>7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4</v>
      </c>
      <c r="E266" s="9" t="s">
        <v>6</v>
      </c>
      <c r="F266" s="9" t="s">
        <v>235</v>
      </c>
      <c r="G266" s="9" t="s">
        <v>248</v>
      </c>
      <c r="H266" s="6">
        <v>92</v>
      </c>
      <c r="I266" s="6">
        <v>86</v>
      </c>
      <c r="J266" s="6">
        <v>72</v>
      </c>
      <c r="K266" s="6">
        <v>4</v>
      </c>
      <c r="L266" s="6">
        <v>2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4</v>
      </c>
      <c r="E267" s="9" t="s">
        <v>6</v>
      </c>
      <c r="F267" s="9" t="s">
        <v>235</v>
      </c>
      <c r="G267" s="9" t="s">
        <v>249</v>
      </c>
      <c r="H267" s="6">
        <v>79</v>
      </c>
      <c r="I267" s="6">
        <v>65</v>
      </c>
      <c r="J267" s="6">
        <v>52</v>
      </c>
      <c r="K267" s="6">
        <v>6</v>
      </c>
      <c r="L267" s="6">
        <v>8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4</v>
      </c>
      <c r="E268" s="9" t="s">
        <v>6</v>
      </c>
      <c r="F268" s="9" t="s">
        <v>235</v>
      </c>
      <c r="G268" s="9" t="s">
        <v>250</v>
      </c>
      <c r="H268" s="6">
        <v>84</v>
      </c>
      <c r="I268" s="6">
        <v>71</v>
      </c>
      <c r="J268" s="6">
        <v>52</v>
      </c>
      <c r="K268" s="6">
        <v>10</v>
      </c>
      <c r="L268" s="6">
        <v>3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4</v>
      </c>
      <c r="E269" s="9" t="s">
        <v>6</v>
      </c>
      <c r="F269" s="9" t="s">
        <v>235</v>
      </c>
      <c r="G269" s="9" t="s">
        <v>251</v>
      </c>
      <c r="H269" s="6">
        <v>84</v>
      </c>
      <c r="I269" s="6">
        <v>71</v>
      </c>
      <c r="J269" s="6">
        <v>54</v>
      </c>
      <c r="K269" s="6">
        <v>8</v>
      </c>
      <c r="L269" s="6">
        <v>5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4</v>
      </c>
      <c r="E270" s="9" t="s">
        <v>6</v>
      </c>
      <c r="F270" s="9" t="s">
        <v>235</v>
      </c>
      <c r="G270" s="9" t="s">
        <v>252</v>
      </c>
      <c r="H270" s="6">
        <v>78</v>
      </c>
      <c r="I270" s="6">
        <v>67</v>
      </c>
      <c r="J270" s="6">
        <v>50</v>
      </c>
      <c r="K270" s="6">
        <v>7</v>
      </c>
      <c r="L270" s="6">
        <v>4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4</v>
      </c>
      <c r="E271" s="9" t="s">
        <v>6</v>
      </c>
      <c r="F271" s="9" t="s">
        <v>235</v>
      </c>
      <c r="G271" s="9" t="s">
        <v>253</v>
      </c>
      <c r="H271" s="6">
        <v>81</v>
      </c>
      <c r="I271" s="6">
        <v>74</v>
      </c>
      <c r="J271" s="6">
        <v>55</v>
      </c>
      <c r="K271" s="6">
        <v>5</v>
      </c>
      <c r="L271" s="6">
        <v>2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4</v>
      </c>
      <c r="E272" s="9" t="s">
        <v>6</v>
      </c>
      <c r="F272" s="9" t="s">
        <v>235</v>
      </c>
      <c r="G272" s="9" t="s">
        <v>254</v>
      </c>
      <c r="H272" s="6">
        <v>88</v>
      </c>
      <c r="I272" s="6">
        <v>77</v>
      </c>
      <c r="J272" s="6">
        <v>54</v>
      </c>
      <c r="K272" s="6">
        <v>7</v>
      </c>
      <c r="L272" s="6">
        <v>4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4</v>
      </c>
      <c r="E273" s="9" t="s">
        <v>6</v>
      </c>
      <c r="F273" s="9" t="s">
        <v>235</v>
      </c>
      <c r="G273" s="9" t="s">
        <v>255</v>
      </c>
      <c r="H273" s="6">
        <v>68</v>
      </c>
      <c r="I273" s="6">
        <v>58</v>
      </c>
      <c r="J273" s="6">
        <v>37</v>
      </c>
      <c r="K273" s="6">
        <v>7</v>
      </c>
      <c r="L273" s="6">
        <v>3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4</v>
      </c>
      <c r="E274" s="9" t="s">
        <v>6</v>
      </c>
      <c r="F274" s="9" t="s">
        <v>235</v>
      </c>
      <c r="G274" s="9" t="s">
        <v>256</v>
      </c>
      <c r="H274" s="6">
        <v>1588</v>
      </c>
      <c r="I274" s="6">
        <v>1024</v>
      </c>
      <c r="J274" s="6">
        <v>635</v>
      </c>
      <c r="K274" s="6">
        <v>529</v>
      </c>
      <c r="L274" s="6">
        <v>35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4</v>
      </c>
      <c r="E275" s="9" t="s">
        <v>226</v>
      </c>
      <c r="F275" s="9" t="s">
        <v>6</v>
      </c>
      <c r="G275" s="9" t="s">
        <v>30</v>
      </c>
      <c r="H275" s="6">
        <v>2951</v>
      </c>
      <c r="I275" s="6">
        <v>2516</v>
      </c>
      <c r="J275" s="6">
        <v>1765</v>
      </c>
      <c r="K275" s="6">
        <v>434</v>
      </c>
      <c r="L275" s="6">
        <v>1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4</v>
      </c>
      <c r="E276" s="9" t="s">
        <v>226</v>
      </c>
      <c r="F276" s="9" t="s">
        <v>234</v>
      </c>
      <c r="G276" s="9" t="s">
        <v>30</v>
      </c>
      <c r="H276" s="6">
        <v>132</v>
      </c>
      <c r="I276" s="6">
        <v>117</v>
      </c>
      <c r="J276" s="6">
        <v>68</v>
      </c>
      <c r="K276" s="6">
        <v>15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4</v>
      </c>
      <c r="E277" s="9" t="s">
        <v>226</v>
      </c>
      <c r="F277" s="9" t="s">
        <v>235</v>
      </c>
      <c r="G277" s="9" t="s">
        <v>30</v>
      </c>
      <c r="H277" s="6">
        <v>2819</v>
      </c>
      <c r="I277" s="6">
        <v>2399</v>
      </c>
      <c r="J277" s="6">
        <v>1697</v>
      </c>
      <c r="K277" s="6">
        <v>419</v>
      </c>
      <c r="L277" s="6">
        <v>1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4</v>
      </c>
      <c r="E278" s="9" t="s">
        <v>226</v>
      </c>
      <c r="F278" s="9" t="s">
        <v>235</v>
      </c>
      <c r="G278" s="9" t="s">
        <v>236</v>
      </c>
      <c r="H278" s="6">
        <v>85</v>
      </c>
      <c r="I278" s="6">
        <v>47</v>
      </c>
      <c r="J278" s="6">
        <v>37</v>
      </c>
      <c r="K278" s="6">
        <v>38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4</v>
      </c>
      <c r="E279" s="9" t="s">
        <v>226</v>
      </c>
      <c r="F279" s="9" t="s">
        <v>235</v>
      </c>
      <c r="G279" s="9" t="s">
        <v>237</v>
      </c>
      <c r="H279" s="6">
        <v>118</v>
      </c>
      <c r="I279" s="6">
        <v>97</v>
      </c>
      <c r="J279" s="6">
        <v>80</v>
      </c>
      <c r="K279" s="6">
        <v>21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4</v>
      </c>
      <c r="E280" s="9" t="s">
        <v>226</v>
      </c>
      <c r="F280" s="9" t="s">
        <v>235</v>
      </c>
      <c r="G280" s="9" t="s">
        <v>238</v>
      </c>
      <c r="H280" s="6">
        <v>100</v>
      </c>
      <c r="I280" s="6">
        <v>89</v>
      </c>
      <c r="J280" s="6">
        <v>69</v>
      </c>
      <c r="K280" s="6">
        <v>11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4</v>
      </c>
      <c r="E281" s="9" t="s">
        <v>226</v>
      </c>
      <c r="F281" s="9" t="s">
        <v>235</v>
      </c>
      <c r="G281" s="9" t="s">
        <v>239</v>
      </c>
      <c r="H281" s="6">
        <v>83</v>
      </c>
      <c r="I281" s="6">
        <v>73</v>
      </c>
      <c r="J281" s="6">
        <v>59</v>
      </c>
      <c r="K281" s="6">
        <v>10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4</v>
      </c>
      <c r="E282" s="9" t="s">
        <v>226</v>
      </c>
      <c r="F282" s="9" t="s">
        <v>235</v>
      </c>
      <c r="G282" s="9" t="s">
        <v>240</v>
      </c>
      <c r="H282" s="6">
        <v>92</v>
      </c>
      <c r="I282" s="6">
        <v>85</v>
      </c>
      <c r="J282" s="6">
        <v>62</v>
      </c>
      <c r="K282" s="6">
        <v>7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4</v>
      </c>
      <c r="E283" s="9" t="s">
        <v>226</v>
      </c>
      <c r="F283" s="9" t="s">
        <v>235</v>
      </c>
      <c r="G283" s="9" t="s">
        <v>241</v>
      </c>
      <c r="H283" s="6">
        <v>74</v>
      </c>
      <c r="I283" s="6">
        <v>67</v>
      </c>
      <c r="J283" s="6">
        <v>58</v>
      </c>
      <c r="K283" s="6">
        <v>7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4</v>
      </c>
      <c r="E284" s="9" t="s">
        <v>226</v>
      </c>
      <c r="F284" s="9" t="s">
        <v>235</v>
      </c>
      <c r="G284" s="9" t="s">
        <v>242</v>
      </c>
      <c r="H284" s="6">
        <v>82</v>
      </c>
      <c r="I284" s="6">
        <v>75</v>
      </c>
      <c r="J284" s="6">
        <v>63</v>
      </c>
      <c r="K284" s="6">
        <v>7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4</v>
      </c>
      <c r="E285" s="9" t="s">
        <v>226</v>
      </c>
      <c r="F285" s="9" t="s">
        <v>235</v>
      </c>
      <c r="G285" s="9" t="s">
        <v>243</v>
      </c>
      <c r="H285" s="6">
        <v>86</v>
      </c>
      <c r="I285" s="6">
        <v>76</v>
      </c>
      <c r="J285" s="6">
        <v>62</v>
      </c>
      <c r="K285" s="6">
        <v>10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4</v>
      </c>
      <c r="E286" s="9" t="s">
        <v>226</v>
      </c>
      <c r="F286" s="9" t="s">
        <v>235</v>
      </c>
      <c r="G286" s="9" t="s">
        <v>244</v>
      </c>
      <c r="H286" s="6">
        <v>80</v>
      </c>
      <c r="I286" s="6">
        <v>73</v>
      </c>
      <c r="J286" s="6">
        <v>64</v>
      </c>
      <c r="K286" s="6">
        <v>7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4</v>
      </c>
      <c r="E287" s="9" t="s">
        <v>226</v>
      </c>
      <c r="F287" s="9" t="s">
        <v>235</v>
      </c>
      <c r="G287" s="9" t="s">
        <v>245</v>
      </c>
      <c r="H287" s="6">
        <v>74</v>
      </c>
      <c r="I287" s="6">
        <v>68</v>
      </c>
      <c r="J287" s="6">
        <v>52</v>
      </c>
      <c r="K287" s="6">
        <v>6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4</v>
      </c>
      <c r="E288" s="9" t="s">
        <v>226</v>
      </c>
      <c r="F288" s="9" t="s">
        <v>235</v>
      </c>
      <c r="G288" s="9" t="s">
        <v>246</v>
      </c>
      <c r="H288" s="6">
        <v>88</v>
      </c>
      <c r="I288" s="6">
        <v>82</v>
      </c>
      <c r="J288" s="6">
        <v>62</v>
      </c>
      <c r="K288" s="6">
        <v>6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4</v>
      </c>
      <c r="E289" s="9" t="s">
        <v>226</v>
      </c>
      <c r="F289" s="9" t="s">
        <v>235</v>
      </c>
      <c r="G289" s="9" t="s">
        <v>247</v>
      </c>
      <c r="H289" s="6">
        <v>98</v>
      </c>
      <c r="I289" s="6">
        <v>89</v>
      </c>
      <c r="J289" s="6">
        <v>71</v>
      </c>
      <c r="K289" s="6">
        <v>8</v>
      </c>
      <c r="L289" s="6">
        <v>1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4</v>
      </c>
      <c r="E290" s="9" t="s">
        <v>226</v>
      </c>
      <c r="F290" s="9" t="s">
        <v>235</v>
      </c>
      <c r="G290" s="9" t="s">
        <v>248</v>
      </c>
      <c r="H290" s="6">
        <v>89</v>
      </c>
      <c r="I290" s="6">
        <v>86</v>
      </c>
      <c r="J290" s="6">
        <v>72</v>
      </c>
      <c r="K290" s="6">
        <v>3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4</v>
      </c>
      <c r="E291" s="9" t="s">
        <v>226</v>
      </c>
      <c r="F291" s="9" t="s">
        <v>235</v>
      </c>
      <c r="G291" s="9" t="s">
        <v>249</v>
      </c>
      <c r="H291" s="6">
        <v>71</v>
      </c>
      <c r="I291" s="6">
        <v>65</v>
      </c>
      <c r="J291" s="6">
        <v>52</v>
      </c>
      <c r="K291" s="6">
        <v>6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4</v>
      </c>
      <c r="E292" s="9" t="s">
        <v>226</v>
      </c>
      <c r="F292" s="9" t="s">
        <v>235</v>
      </c>
      <c r="G292" s="9" t="s">
        <v>250</v>
      </c>
      <c r="H292" s="6">
        <v>80</v>
      </c>
      <c r="I292" s="6">
        <v>70</v>
      </c>
      <c r="J292" s="6">
        <v>51</v>
      </c>
      <c r="K292" s="6">
        <v>10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4</v>
      </c>
      <c r="E293" s="9" t="s">
        <v>226</v>
      </c>
      <c r="F293" s="9" t="s">
        <v>235</v>
      </c>
      <c r="G293" s="9" t="s">
        <v>251</v>
      </c>
      <c r="H293" s="6">
        <v>77</v>
      </c>
      <c r="I293" s="6">
        <v>69</v>
      </c>
      <c r="J293" s="6">
        <v>52</v>
      </c>
      <c r="K293" s="6">
        <v>8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4</v>
      </c>
      <c r="E294" s="9" t="s">
        <v>226</v>
      </c>
      <c r="F294" s="9" t="s">
        <v>235</v>
      </c>
      <c r="G294" s="9" t="s">
        <v>252</v>
      </c>
      <c r="H294" s="6">
        <v>73</v>
      </c>
      <c r="I294" s="6">
        <v>67</v>
      </c>
      <c r="J294" s="6">
        <v>50</v>
      </c>
      <c r="K294" s="6">
        <v>6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4</v>
      </c>
      <c r="E295" s="9" t="s">
        <v>226</v>
      </c>
      <c r="F295" s="9" t="s">
        <v>235</v>
      </c>
      <c r="G295" s="9" t="s">
        <v>253</v>
      </c>
      <c r="H295" s="6">
        <v>77</v>
      </c>
      <c r="I295" s="6">
        <v>72</v>
      </c>
      <c r="J295" s="6">
        <v>53</v>
      </c>
      <c r="K295" s="6">
        <v>5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4</v>
      </c>
      <c r="E296" s="9" t="s">
        <v>226</v>
      </c>
      <c r="F296" s="9" t="s">
        <v>235</v>
      </c>
      <c r="G296" s="9" t="s">
        <v>254</v>
      </c>
      <c r="H296" s="6">
        <v>80</v>
      </c>
      <c r="I296" s="6">
        <v>74</v>
      </c>
      <c r="J296" s="6">
        <v>51</v>
      </c>
      <c r="K296" s="6">
        <v>6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4</v>
      </c>
      <c r="E297" s="9" t="s">
        <v>226</v>
      </c>
      <c r="F297" s="9" t="s">
        <v>235</v>
      </c>
      <c r="G297" s="9" t="s">
        <v>255</v>
      </c>
      <c r="H297" s="6">
        <v>63</v>
      </c>
      <c r="I297" s="6">
        <v>57</v>
      </c>
      <c r="J297" s="6">
        <v>36</v>
      </c>
      <c r="K297" s="6">
        <v>6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4</v>
      </c>
      <c r="E298" s="9" t="s">
        <v>226</v>
      </c>
      <c r="F298" s="9" t="s">
        <v>235</v>
      </c>
      <c r="G298" s="9" t="s">
        <v>256</v>
      </c>
      <c r="H298" s="6">
        <v>1149</v>
      </c>
      <c r="I298" s="6">
        <v>918</v>
      </c>
      <c r="J298" s="6">
        <v>541</v>
      </c>
      <c r="K298" s="6">
        <v>231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4</v>
      </c>
      <c r="E299" s="9" t="s">
        <v>227</v>
      </c>
      <c r="F299" s="9" t="s">
        <v>6</v>
      </c>
      <c r="G299" s="9" t="s">
        <v>30</v>
      </c>
      <c r="H299" s="6">
        <v>1972</v>
      </c>
      <c r="I299" s="6">
        <v>1625</v>
      </c>
      <c r="J299" s="6">
        <v>1558</v>
      </c>
      <c r="K299" s="6">
        <v>347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4</v>
      </c>
      <c r="E300" s="9" t="s">
        <v>227</v>
      </c>
      <c r="F300" s="9" t="s">
        <v>234</v>
      </c>
      <c r="G300" s="9" t="s">
        <v>30</v>
      </c>
      <c r="H300" s="6">
        <v>73</v>
      </c>
      <c r="I300" s="6">
        <v>62</v>
      </c>
      <c r="J300" s="6">
        <v>55</v>
      </c>
      <c r="K300" s="6">
        <v>11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4</v>
      </c>
      <c r="E301" s="9" t="s">
        <v>227</v>
      </c>
      <c r="F301" s="9" t="s">
        <v>235</v>
      </c>
      <c r="G301" s="9" t="s">
        <v>30</v>
      </c>
      <c r="H301" s="6">
        <v>1899</v>
      </c>
      <c r="I301" s="6">
        <v>1563</v>
      </c>
      <c r="J301" s="6">
        <v>1503</v>
      </c>
      <c r="K301" s="6">
        <v>336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4</v>
      </c>
      <c r="E302" s="9" t="s">
        <v>227</v>
      </c>
      <c r="F302" s="9" t="s">
        <v>235</v>
      </c>
      <c r="G302" s="9" t="s">
        <v>236</v>
      </c>
      <c r="H302" s="6">
        <v>64</v>
      </c>
      <c r="I302" s="6">
        <v>33</v>
      </c>
      <c r="J302" s="6">
        <v>32</v>
      </c>
      <c r="K302" s="6">
        <v>31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4</v>
      </c>
      <c r="E303" s="9" t="s">
        <v>227</v>
      </c>
      <c r="F303" s="9" t="s">
        <v>235</v>
      </c>
      <c r="G303" s="9" t="s">
        <v>237</v>
      </c>
      <c r="H303" s="6">
        <v>88</v>
      </c>
      <c r="I303" s="6">
        <v>73</v>
      </c>
      <c r="J303" s="6">
        <v>71</v>
      </c>
      <c r="K303" s="6">
        <v>15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4</v>
      </c>
      <c r="E304" s="9" t="s">
        <v>227</v>
      </c>
      <c r="F304" s="9" t="s">
        <v>235</v>
      </c>
      <c r="G304" s="9" t="s">
        <v>238</v>
      </c>
      <c r="H304" s="6">
        <v>71</v>
      </c>
      <c r="I304" s="6">
        <v>63</v>
      </c>
      <c r="J304" s="6">
        <v>59</v>
      </c>
      <c r="K304" s="6">
        <v>8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4</v>
      </c>
      <c r="E305" s="9" t="s">
        <v>227</v>
      </c>
      <c r="F305" s="9" t="s">
        <v>235</v>
      </c>
      <c r="G305" s="9" t="s">
        <v>239</v>
      </c>
      <c r="H305" s="6">
        <v>64</v>
      </c>
      <c r="I305" s="6">
        <v>56</v>
      </c>
      <c r="J305" s="6">
        <v>54</v>
      </c>
      <c r="K305" s="6">
        <v>8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4</v>
      </c>
      <c r="E306" s="9" t="s">
        <v>227</v>
      </c>
      <c r="F306" s="9" t="s">
        <v>235</v>
      </c>
      <c r="G306" s="9" t="s">
        <v>240</v>
      </c>
      <c r="H306" s="6">
        <v>63</v>
      </c>
      <c r="I306" s="6">
        <v>58</v>
      </c>
      <c r="J306" s="6">
        <v>54</v>
      </c>
      <c r="K306" s="6">
        <v>5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4</v>
      </c>
      <c r="E307" s="9" t="s">
        <v>227</v>
      </c>
      <c r="F307" s="9" t="s">
        <v>235</v>
      </c>
      <c r="G307" s="9" t="s">
        <v>241</v>
      </c>
      <c r="H307" s="6">
        <v>58</v>
      </c>
      <c r="I307" s="6">
        <v>51</v>
      </c>
      <c r="J307" s="6">
        <v>50</v>
      </c>
      <c r="K307" s="6">
        <v>7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4</v>
      </c>
      <c r="E308" s="9" t="s">
        <v>227</v>
      </c>
      <c r="F308" s="9" t="s">
        <v>235</v>
      </c>
      <c r="G308" s="9" t="s">
        <v>242</v>
      </c>
      <c r="H308" s="6">
        <v>62</v>
      </c>
      <c r="I308" s="6">
        <v>57</v>
      </c>
      <c r="J308" s="6">
        <v>57</v>
      </c>
      <c r="K308" s="6">
        <v>5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4</v>
      </c>
      <c r="E309" s="9" t="s">
        <v>227</v>
      </c>
      <c r="F309" s="9" t="s">
        <v>235</v>
      </c>
      <c r="G309" s="9" t="s">
        <v>243</v>
      </c>
      <c r="H309" s="6">
        <v>68</v>
      </c>
      <c r="I309" s="6">
        <v>60</v>
      </c>
      <c r="J309" s="6">
        <v>59</v>
      </c>
      <c r="K309" s="6">
        <v>8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4</v>
      </c>
      <c r="E310" s="9" t="s">
        <v>227</v>
      </c>
      <c r="F310" s="9" t="s">
        <v>235</v>
      </c>
      <c r="G310" s="9" t="s">
        <v>244</v>
      </c>
      <c r="H310" s="6">
        <v>67</v>
      </c>
      <c r="I310" s="6">
        <v>62</v>
      </c>
      <c r="J310" s="6">
        <v>61</v>
      </c>
      <c r="K310" s="6">
        <v>5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4</v>
      </c>
      <c r="E311" s="9" t="s">
        <v>227</v>
      </c>
      <c r="F311" s="9" t="s">
        <v>235</v>
      </c>
      <c r="G311" s="9" t="s">
        <v>245</v>
      </c>
      <c r="H311" s="6">
        <v>52</v>
      </c>
      <c r="I311" s="6">
        <v>48</v>
      </c>
      <c r="J311" s="6">
        <v>48</v>
      </c>
      <c r="K311" s="6">
        <v>4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4</v>
      </c>
      <c r="E312" s="9" t="s">
        <v>227</v>
      </c>
      <c r="F312" s="9" t="s">
        <v>235</v>
      </c>
      <c r="G312" s="9" t="s">
        <v>246</v>
      </c>
      <c r="H312" s="6">
        <v>66</v>
      </c>
      <c r="I312" s="6">
        <v>60</v>
      </c>
      <c r="J312" s="6">
        <v>58</v>
      </c>
      <c r="K312" s="6">
        <v>6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4</v>
      </c>
      <c r="E313" s="9" t="s">
        <v>227</v>
      </c>
      <c r="F313" s="9" t="s">
        <v>235</v>
      </c>
      <c r="G313" s="9" t="s">
        <v>247</v>
      </c>
      <c r="H313" s="6">
        <v>76</v>
      </c>
      <c r="I313" s="6">
        <v>69</v>
      </c>
      <c r="J313" s="6">
        <v>67</v>
      </c>
      <c r="K313" s="6">
        <v>7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4</v>
      </c>
      <c r="E314" s="9" t="s">
        <v>227</v>
      </c>
      <c r="F314" s="9" t="s">
        <v>235</v>
      </c>
      <c r="G314" s="9" t="s">
        <v>248</v>
      </c>
      <c r="H314" s="6">
        <v>70</v>
      </c>
      <c r="I314" s="6">
        <v>68</v>
      </c>
      <c r="J314" s="6">
        <v>67</v>
      </c>
      <c r="K314" s="6">
        <v>2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4</v>
      </c>
      <c r="E315" s="9" t="s">
        <v>227</v>
      </c>
      <c r="F315" s="9" t="s">
        <v>235</v>
      </c>
      <c r="G315" s="9" t="s">
        <v>249</v>
      </c>
      <c r="H315" s="6">
        <v>48</v>
      </c>
      <c r="I315" s="6">
        <v>44</v>
      </c>
      <c r="J315" s="6">
        <v>44</v>
      </c>
      <c r="K315" s="6">
        <v>4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4</v>
      </c>
      <c r="E316" s="9" t="s">
        <v>227</v>
      </c>
      <c r="F316" s="9" t="s">
        <v>235</v>
      </c>
      <c r="G316" s="9" t="s">
        <v>250</v>
      </c>
      <c r="H316" s="6">
        <v>54</v>
      </c>
      <c r="I316" s="6">
        <v>46</v>
      </c>
      <c r="J316" s="6">
        <v>46</v>
      </c>
      <c r="K316" s="6">
        <v>8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4</v>
      </c>
      <c r="E317" s="9" t="s">
        <v>227</v>
      </c>
      <c r="F317" s="9" t="s">
        <v>235</v>
      </c>
      <c r="G317" s="9" t="s">
        <v>251</v>
      </c>
      <c r="H317" s="6">
        <v>52</v>
      </c>
      <c r="I317" s="6">
        <v>46</v>
      </c>
      <c r="J317" s="6">
        <v>45</v>
      </c>
      <c r="K317" s="6">
        <v>6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4</v>
      </c>
      <c r="E318" s="9" t="s">
        <v>227</v>
      </c>
      <c r="F318" s="9" t="s">
        <v>235</v>
      </c>
      <c r="G318" s="9" t="s">
        <v>252</v>
      </c>
      <c r="H318" s="6">
        <v>50</v>
      </c>
      <c r="I318" s="6">
        <v>44</v>
      </c>
      <c r="J318" s="6">
        <v>42</v>
      </c>
      <c r="K318" s="6">
        <v>6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4</v>
      </c>
      <c r="E319" s="9" t="s">
        <v>227</v>
      </c>
      <c r="F319" s="9" t="s">
        <v>235</v>
      </c>
      <c r="G319" s="9" t="s">
        <v>253</v>
      </c>
      <c r="H319" s="6">
        <v>58</v>
      </c>
      <c r="I319" s="6">
        <v>53</v>
      </c>
      <c r="J319" s="6">
        <v>48</v>
      </c>
      <c r="K319" s="6">
        <v>5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4</v>
      </c>
      <c r="E320" s="9" t="s">
        <v>227</v>
      </c>
      <c r="F320" s="9" t="s">
        <v>235</v>
      </c>
      <c r="G320" s="9" t="s">
        <v>254</v>
      </c>
      <c r="H320" s="6">
        <v>52</v>
      </c>
      <c r="I320" s="6">
        <v>48</v>
      </c>
      <c r="J320" s="6">
        <v>46</v>
      </c>
      <c r="K320" s="6">
        <v>4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4</v>
      </c>
      <c r="E321" s="9" t="s">
        <v>227</v>
      </c>
      <c r="F321" s="9" t="s">
        <v>235</v>
      </c>
      <c r="G321" s="9" t="s">
        <v>255</v>
      </c>
      <c r="H321" s="6">
        <v>42</v>
      </c>
      <c r="I321" s="6">
        <v>36</v>
      </c>
      <c r="J321" s="6">
        <v>34</v>
      </c>
      <c r="K321" s="6">
        <v>6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4</v>
      </c>
      <c r="E322" s="9" t="s">
        <v>227</v>
      </c>
      <c r="F322" s="9" t="s">
        <v>235</v>
      </c>
      <c r="G322" s="9" t="s">
        <v>256</v>
      </c>
      <c r="H322" s="6">
        <v>674</v>
      </c>
      <c r="I322" s="6">
        <v>488</v>
      </c>
      <c r="J322" s="6">
        <v>461</v>
      </c>
      <c r="K322" s="6">
        <v>186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4</v>
      </c>
      <c r="E323" s="9" t="s">
        <v>228</v>
      </c>
      <c r="F323" s="9" t="s">
        <v>6</v>
      </c>
      <c r="G323" s="9" t="s">
        <v>30</v>
      </c>
      <c r="H323" s="6">
        <v>439</v>
      </c>
      <c r="I323" s="6">
        <v>127</v>
      </c>
      <c r="J323" s="6">
        <v>112</v>
      </c>
      <c r="K323" s="6">
        <v>311</v>
      </c>
      <c r="L323" s="6">
        <v>1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4</v>
      </c>
      <c r="E324" s="9" t="s">
        <v>228</v>
      </c>
      <c r="F324" s="9" t="s">
        <v>234</v>
      </c>
      <c r="G324" s="9" t="s">
        <v>30</v>
      </c>
      <c r="H324" s="6">
        <v>3</v>
      </c>
      <c r="I324" s="6">
        <v>1</v>
      </c>
      <c r="J324" s="6">
        <v>1</v>
      </c>
      <c r="K324" s="6">
        <v>2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4</v>
      </c>
      <c r="E325" s="9" t="s">
        <v>228</v>
      </c>
      <c r="F325" s="9" t="s">
        <v>235</v>
      </c>
      <c r="G325" s="9" t="s">
        <v>30</v>
      </c>
      <c r="H325" s="6">
        <v>436</v>
      </c>
      <c r="I325" s="6">
        <v>126</v>
      </c>
      <c r="J325" s="6">
        <v>111</v>
      </c>
      <c r="K325" s="6">
        <v>309</v>
      </c>
      <c r="L325" s="6">
        <v>1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4</v>
      </c>
      <c r="E326" s="9" t="s">
        <v>228</v>
      </c>
      <c r="F326" s="9" t="s">
        <v>235</v>
      </c>
      <c r="G326" s="9" t="s">
        <v>236</v>
      </c>
      <c r="H326" s="6">
        <v>1</v>
      </c>
      <c r="I326" s="10" t="s">
        <v>55</v>
      </c>
      <c r="J326" s="10" t="s">
        <v>55</v>
      </c>
      <c r="K326" s="6">
        <v>1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4</v>
      </c>
      <c r="E327" s="9" t="s">
        <v>228</v>
      </c>
      <c r="F327" s="9" t="s">
        <v>235</v>
      </c>
      <c r="G327" s="9" t="s">
        <v>237</v>
      </c>
      <c r="H327" s="6">
        <v>7</v>
      </c>
      <c r="I327" s="6">
        <v>3</v>
      </c>
      <c r="J327" s="6">
        <v>3</v>
      </c>
      <c r="K327" s="6">
        <v>4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4</v>
      </c>
      <c r="E328" s="9" t="s">
        <v>228</v>
      </c>
      <c r="F328" s="9" t="s">
        <v>235</v>
      </c>
      <c r="G328" s="9" t="s">
        <v>238</v>
      </c>
      <c r="H328" s="6">
        <v>1</v>
      </c>
      <c r="I328" s="10" t="s">
        <v>55</v>
      </c>
      <c r="J328" s="10" t="s">
        <v>55</v>
      </c>
      <c r="K328" s="6">
        <v>1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4</v>
      </c>
      <c r="E329" s="9" t="s">
        <v>228</v>
      </c>
      <c r="F329" s="9" t="s">
        <v>235</v>
      </c>
      <c r="G329" s="9" t="s">
        <v>239</v>
      </c>
      <c r="H329" s="6">
        <v>4</v>
      </c>
      <c r="I329" s="6">
        <v>4</v>
      </c>
      <c r="J329" s="6">
        <v>4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4</v>
      </c>
      <c r="E330" s="9" t="s">
        <v>228</v>
      </c>
      <c r="F330" s="9" t="s">
        <v>235</v>
      </c>
      <c r="G330" s="9" t="s">
        <v>240</v>
      </c>
      <c r="H330" s="6">
        <v>4</v>
      </c>
      <c r="I330" s="6">
        <v>2</v>
      </c>
      <c r="J330" s="10" t="s">
        <v>55</v>
      </c>
      <c r="K330" s="6">
        <v>2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4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4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4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4</v>
      </c>
      <c r="E334" s="9" t="s">
        <v>228</v>
      </c>
      <c r="F334" s="9" t="s">
        <v>235</v>
      </c>
      <c r="G334" s="9" t="s">
        <v>244</v>
      </c>
      <c r="H334" s="6">
        <v>1</v>
      </c>
      <c r="I334" s="6">
        <v>1</v>
      </c>
      <c r="J334" s="6">
        <v>1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4</v>
      </c>
      <c r="E335" s="9" t="s">
        <v>228</v>
      </c>
      <c r="F335" s="9" t="s">
        <v>235</v>
      </c>
      <c r="G335" s="9" t="s">
        <v>245</v>
      </c>
      <c r="H335" s="6">
        <v>1</v>
      </c>
      <c r="I335" s="6">
        <v>1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4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4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4</v>
      </c>
      <c r="E338" s="9" t="s">
        <v>228</v>
      </c>
      <c r="F338" s="9" t="s">
        <v>235</v>
      </c>
      <c r="G338" s="9" t="s">
        <v>248</v>
      </c>
      <c r="H338" s="6">
        <v>1</v>
      </c>
      <c r="I338" s="10" t="s">
        <v>55</v>
      </c>
      <c r="J338" s="10" t="s">
        <v>55</v>
      </c>
      <c r="K338" s="6">
        <v>1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4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4</v>
      </c>
      <c r="E340" s="9" t="s">
        <v>228</v>
      </c>
      <c r="F340" s="9" t="s">
        <v>235</v>
      </c>
      <c r="G340" s="9" t="s">
        <v>250</v>
      </c>
      <c r="H340" s="6">
        <v>1</v>
      </c>
      <c r="I340" s="6">
        <v>1</v>
      </c>
      <c r="J340" s="6">
        <v>1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4</v>
      </c>
      <c r="E341" s="9" t="s">
        <v>228</v>
      </c>
      <c r="F341" s="9" t="s">
        <v>235</v>
      </c>
      <c r="G341" s="9" t="s">
        <v>251</v>
      </c>
      <c r="H341" s="6">
        <v>2</v>
      </c>
      <c r="I341" s="6">
        <v>2</v>
      </c>
      <c r="J341" s="6">
        <v>2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4</v>
      </c>
      <c r="E342" s="9" t="s">
        <v>228</v>
      </c>
      <c r="F342" s="9" t="s">
        <v>235</v>
      </c>
      <c r="G342" s="9" t="s">
        <v>252</v>
      </c>
      <c r="H342" s="6">
        <v>1</v>
      </c>
      <c r="I342" s="10" t="s">
        <v>55</v>
      </c>
      <c r="J342" s="10" t="s">
        <v>55</v>
      </c>
      <c r="K342" s="6">
        <v>1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4</v>
      </c>
      <c r="E343" s="9" t="s">
        <v>228</v>
      </c>
      <c r="F343" s="9" t="s">
        <v>235</v>
      </c>
      <c r="G343" s="9" t="s">
        <v>253</v>
      </c>
      <c r="H343" s="6">
        <v>2</v>
      </c>
      <c r="I343" s="6">
        <v>2</v>
      </c>
      <c r="J343" s="6">
        <v>2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4</v>
      </c>
      <c r="E344" s="9" t="s">
        <v>228</v>
      </c>
      <c r="F344" s="9" t="s">
        <v>235</v>
      </c>
      <c r="G344" s="9" t="s">
        <v>254</v>
      </c>
      <c r="H344" s="6">
        <v>4</v>
      </c>
      <c r="I344" s="6">
        <v>3</v>
      </c>
      <c r="J344" s="6">
        <v>3</v>
      </c>
      <c r="K344" s="6">
        <v>1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4</v>
      </c>
      <c r="E345" s="9" t="s">
        <v>228</v>
      </c>
      <c r="F345" s="9" t="s">
        <v>235</v>
      </c>
      <c r="G345" s="9" t="s">
        <v>255</v>
      </c>
      <c r="H345" s="6">
        <v>2</v>
      </c>
      <c r="I345" s="6">
        <v>1</v>
      </c>
      <c r="J345" s="6">
        <v>1</v>
      </c>
      <c r="K345" s="6">
        <v>1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4</v>
      </c>
      <c r="E346" s="9" t="s">
        <v>228</v>
      </c>
      <c r="F346" s="9" t="s">
        <v>235</v>
      </c>
      <c r="G346" s="9" t="s">
        <v>256</v>
      </c>
      <c r="H346" s="6">
        <v>404</v>
      </c>
      <c r="I346" s="6">
        <v>106</v>
      </c>
      <c r="J346" s="6">
        <v>94</v>
      </c>
      <c r="K346" s="6">
        <v>297</v>
      </c>
      <c r="L346" s="6">
        <v>1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4</v>
      </c>
      <c r="E347" s="9" t="s">
        <v>18</v>
      </c>
      <c r="F347" s="9" t="s">
        <v>6</v>
      </c>
      <c r="G347" s="9" t="s">
        <v>30</v>
      </c>
      <c r="H347" s="6">
        <v>111</v>
      </c>
      <c r="I347" s="6">
        <v>1</v>
      </c>
      <c r="J347" s="6">
        <v>1</v>
      </c>
      <c r="K347" s="6">
        <v>1</v>
      </c>
      <c r="L347" s="6">
        <v>109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4</v>
      </c>
      <c r="E348" s="9" t="s">
        <v>18</v>
      </c>
      <c r="F348" s="9" t="s">
        <v>234</v>
      </c>
      <c r="G348" s="9" t="s">
        <v>30</v>
      </c>
      <c r="H348" s="6">
        <v>3</v>
      </c>
      <c r="I348" s="6">
        <v>1</v>
      </c>
      <c r="J348" s="6">
        <v>1</v>
      </c>
      <c r="K348" s="10" t="s">
        <v>55</v>
      </c>
      <c r="L348" s="6">
        <v>2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4</v>
      </c>
      <c r="E349" s="9" t="s">
        <v>18</v>
      </c>
      <c r="F349" s="9" t="s">
        <v>235</v>
      </c>
      <c r="G349" s="9" t="s">
        <v>30</v>
      </c>
      <c r="H349" s="6">
        <v>108</v>
      </c>
      <c r="I349" s="10" t="s">
        <v>55</v>
      </c>
      <c r="J349" s="10" t="s">
        <v>55</v>
      </c>
      <c r="K349" s="6">
        <v>1</v>
      </c>
      <c r="L349" s="6">
        <v>107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4</v>
      </c>
      <c r="E350" s="9" t="s">
        <v>18</v>
      </c>
      <c r="F350" s="9" t="s">
        <v>235</v>
      </c>
      <c r="G350" s="9" t="s">
        <v>236</v>
      </c>
      <c r="H350" s="6">
        <v>6</v>
      </c>
      <c r="I350" s="10" t="s">
        <v>55</v>
      </c>
      <c r="J350" s="10" t="s">
        <v>55</v>
      </c>
      <c r="K350" s="10" t="s">
        <v>55</v>
      </c>
      <c r="L350" s="6">
        <v>6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4</v>
      </c>
      <c r="E351" s="9" t="s">
        <v>18</v>
      </c>
      <c r="F351" s="9" t="s">
        <v>235</v>
      </c>
      <c r="G351" s="9" t="s">
        <v>237</v>
      </c>
      <c r="H351" s="6">
        <v>3</v>
      </c>
      <c r="I351" s="10" t="s">
        <v>55</v>
      </c>
      <c r="J351" s="10" t="s">
        <v>55</v>
      </c>
      <c r="K351" s="10" t="s">
        <v>55</v>
      </c>
      <c r="L351" s="6">
        <v>3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4</v>
      </c>
      <c r="E352" s="9" t="s">
        <v>18</v>
      </c>
      <c r="F352" s="9" t="s">
        <v>235</v>
      </c>
      <c r="G352" s="9" t="s">
        <v>238</v>
      </c>
      <c r="H352" s="6">
        <v>5</v>
      </c>
      <c r="I352" s="10" t="s">
        <v>55</v>
      </c>
      <c r="J352" s="10" t="s">
        <v>55</v>
      </c>
      <c r="K352" s="10" t="s">
        <v>55</v>
      </c>
      <c r="L352" s="6">
        <v>5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4</v>
      </c>
      <c r="E353" s="9" t="s">
        <v>18</v>
      </c>
      <c r="F353" s="9" t="s">
        <v>235</v>
      </c>
      <c r="G353" s="9" t="s">
        <v>239</v>
      </c>
      <c r="H353" s="6">
        <v>4</v>
      </c>
      <c r="I353" s="10" t="s">
        <v>55</v>
      </c>
      <c r="J353" s="10" t="s">
        <v>55</v>
      </c>
      <c r="K353" s="10" t="s">
        <v>55</v>
      </c>
      <c r="L353" s="6">
        <v>4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4</v>
      </c>
      <c r="E354" s="9" t="s">
        <v>18</v>
      </c>
      <c r="F354" s="9" t="s">
        <v>235</v>
      </c>
      <c r="G354" s="9" t="s">
        <v>240</v>
      </c>
      <c r="H354" s="6">
        <v>3</v>
      </c>
      <c r="I354" s="10" t="s">
        <v>55</v>
      </c>
      <c r="J354" s="10" t="s">
        <v>55</v>
      </c>
      <c r="K354" s="10" t="s">
        <v>55</v>
      </c>
      <c r="L354" s="6">
        <v>3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4</v>
      </c>
      <c r="E355" s="9" t="s">
        <v>18</v>
      </c>
      <c r="F355" s="9" t="s">
        <v>235</v>
      </c>
      <c r="G355" s="9" t="s">
        <v>241</v>
      </c>
      <c r="H355" s="6">
        <v>5</v>
      </c>
      <c r="I355" s="10" t="s">
        <v>55</v>
      </c>
      <c r="J355" s="10" t="s">
        <v>55</v>
      </c>
      <c r="K355" s="10" t="s">
        <v>55</v>
      </c>
      <c r="L355" s="6">
        <v>5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4</v>
      </c>
      <c r="E356" s="9" t="s">
        <v>18</v>
      </c>
      <c r="F356" s="9" t="s">
        <v>235</v>
      </c>
      <c r="G356" s="9" t="s">
        <v>242</v>
      </c>
      <c r="H356" s="6">
        <v>4</v>
      </c>
      <c r="I356" s="10" t="s">
        <v>55</v>
      </c>
      <c r="J356" s="10" t="s">
        <v>55</v>
      </c>
      <c r="K356" s="10" t="s">
        <v>55</v>
      </c>
      <c r="L356" s="6">
        <v>4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4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4</v>
      </c>
      <c r="E358" s="9" t="s">
        <v>18</v>
      </c>
      <c r="F358" s="9" t="s">
        <v>235</v>
      </c>
      <c r="G358" s="9" t="s">
        <v>244</v>
      </c>
      <c r="H358" s="6">
        <v>1</v>
      </c>
      <c r="I358" s="10" t="s">
        <v>55</v>
      </c>
      <c r="J358" s="10" t="s">
        <v>55</v>
      </c>
      <c r="K358" s="10" t="s">
        <v>55</v>
      </c>
      <c r="L358" s="6">
        <v>1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4</v>
      </c>
      <c r="E359" s="9" t="s">
        <v>18</v>
      </c>
      <c r="F359" s="9" t="s">
        <v>235</v>
      </c>
      <c r="G359" s="9" t="s">
        <v>245</v>
      </c>
      <c r="H359" s="6">
        <v>2</v>
      </c>
      <c r="I359" s="10" t="s">
        <v>55</v>
      </c>
      <c r="J359" s="10" t="s">
        <v>55</v>
      </c>
      <c r="K359" s="10" t="s">
        <v>55</v>
      </c>
      <c r="L359" s="6">
        <v>2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4</v>
      </c>
      <c r="E360" s="9" t="s">
        <v>18</v>
      </c>
      <c r="F360" s="9" t="s">
        <v>235</v>
      </c>
      <c r="G360" s="9" t="s">
        <v>246</v>
      </c>
      <c r="H360" s="6">
        <v>3</v>
      </c>
      <c r="I360" s="10" t="s">
        <v>55</v>
      </c>
      <c r="J360" s="10" t="s">
        <v>55</v>
      </c>
      <c r="K360" s="10" t="s">
        <v>55</v>
      </c>
      <c r="L360" s="6">
        <v>3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4</v>
      </c>
      <c r="E361" s="9" t="s">
        <v>18</v>
      </c>
      <c r="F361" s="9" t="s">
        <v>235</v>
      </c>
      <c r="G361" s="9" t="s">
        <v>247</v>
      </c>
      <c r="H361" s="6">
        <v>6</v>
      </c>
      <c r="I361" s="10" t="s">
        <v>55</v>
      </c>
      <c r="J361" s="10" t="s">
        <v>55</v>
      </c>
      <c r="K361" s="10" t="s">
        <v>55</v>
      </c>
      <c r="L361" s="6">
        <v>6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4</v>
      </c>
      <c r="E362" s="9" t="s">
        <v>18</v>
      </c>
      <c r="F362" s="9" t="s">
        <v>235</v>
      </c>
      <c r="G362" s="9" t="s">
        <v>248</v>
      </c>
      <c r="H362" s="6">
        <v>2</v>
      </c>
      <c r="I362" s="10" t="s">
        <v>55</v>
      </c>
      <c r="J362" s="10" t="s">
        <v>55</v>
      </c>
      <c r="K362" s="10" t="s">
        <v>55</v>
      </c>
      <c r="L362" s="6">
        <v>2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4</v>
      </c>
      <c r="E363" s="9" t="s">
        <v>18</v>
      </c>
      <c r="F363" s="9" t="s">
        <v>235</v>
      </c>
      <c r="G363" s="9" t="s">
        <v>249</v>
      </c>
      <c r="H363" s="6">
        <v>8</v>
      </c>
      <c r="I363" s="10" t="s">
        <v>55</v>
      </c>
      <c r="J363" s="10" t="s">
        <v>55</v>
      </c>
      <c r="K363" s="10" t="s">
        <v>55</v>
      </c>
      <c r="L363" s="6">
        <v>8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4</v>
      </c>
      <c r="E364" s="9" t="s">
        <v>18</v>
      </c>
      <c r="F364" s="9" t="s">
        <v>235</v>
      </c>
      <c r="G364" s="9" t="s">
        <v>250</v>
      </c>
      <c r="H364" s="6">
        <v>3</v>
      </c>
      <c r="I364" s="10" t="s">
        <v>55</v>
      </c>
      <c r="J364" s="10" t="s">
        <v>55</v>
      </c>
      <c r="K364" s="10" t="s">
        <v>55</v>
      </c>
      <c r="L364" s="6">
        <v>3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4</v>
      </c>
      <c r="E365" s="9" t="s">
        <v>18</v>
      </c>
      <c r="F365" s="9" t="s">
        <v>235</v>
      </c>
      <c r="G365" s="9" t="s">
        <v>251</v>
      </c>
      <c r="H365" s="6">
        <v>5</v>
      </c>
      <c r="I365" s="10" t="s">
        <v>55</v>
      </c>
      <c r="J365" s="10" t="s">
        <v>55</v>
      </c>
      <c r="K365" s="10" t="s">
        <v>55</v>
      </c>
      <c r="L365" s="6">
        <v>5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4</v>
      </c>
      <c r="E366" s="9" t="s">
        <v>18</v>
      </c>
      <c r="F366" s="9" t="s">
        <v>235</v>
      </c>
      <c r="G366" s="9" t="s">
        <v>252</v>
      </c>
      <c r="H366" s="6">
        <v>4</v>
      </c>
      <c r="I366" s="10" t="s">
        <v>55</v>
      </c>
      <c r="J366" s="10" t="s">
        <v>55</v>
      </c>
      <c r="K366" s="10" t="s">
        <v>55</v>
      </c>
      <c r="L366" s="6">
        <v>4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4</v>
      </c>
      <c r="E367" s="9" t="s">
        <v>18</v>
      </c>
      <c r="F367" s="9" t="s">
        <v>235</v>
      </c>
      <c r="G367" s="9" t="s">
        <v>253</v>
      </c>
      <c r="H367" s="6">
        <v>2</v>
      </c>
      <c r="I367" s="10" t="s">
        <v>55</v>
      </c>
      <c r="J367" s="10" t="s">
        <v>55</v>
      </c>
      <c r="K367" s="10" t="s">
        <v>55</v>
      </c>
      <c r="L367" s="6">
        <v>2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4</v>
      </c>
      <c r="E368" s="9" t="s">
        <v>18</v>
      </c>
      <c r="F368" s="9" t="s">
        <v>235</v>
      </c>
      <c r="G368" s="9" t="s">
        <v>254</v>
      </c>
      <c r="H368" s="6">
        <v>4</v>
      </c>
      <c r="I368" s="10" t="s">
        <v>55</v>
      </c>
      <c r="J368" s="10" t="s">
        <v>55</v>
      </c>
      <c r="K368" s="10" t="s">
        <v>55</v>
      </c>
      <c r="L368" s="6">
        <v>4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4</v>
      </c>
      <c r="E369" s="9" t="s">
        <v>18</v>
      </c>
      <c r="F369" s="9" t="s">
        <v>235</v>
      </c>
      <c r="G369" s="9" t="s">
        <v>255</v>
      </c>
      <c r="H369" s="6">
        <v>3</v>
      </c>
      <c r="I369" s="10" t="s">
        <v>55</v>
      </c>
      <c r="J369" s="10" t="s">
        <v>55</v>
      </c>
      <c r="K369" s="10" t="s">
        <v>55</v>
      </c>
      <c r="L369" s="6">
        <v>3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4</v>
      </c>
      <c r="E370" s="9" t="s">
        <v>18</v>
      </c>
      <c r="F370" s="9" t="s">
        <v>235</v>
      </c>
      <c r="G370" s="9" t="s">
        <v>256</v>
      </c>
      <c r="H370" s="6">
        <v>35</v>
      </c>
      <c r="I370" s="10" t="s">
        <v>55</v>
      </c>
      <c r="J370" s="10" t="s">
        <v>55</v>
      </c>
      <c r="K370" s="6">
        <v>1</v>
      </c>
      <c r="L370" s="6">
        <v>34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B7B693-A59D-4991-B7B5-158B1B62DC24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5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5" t="s">
        <v>6</v>
      </c>
      <c r="G11" s="5" t="s">
        <v>30</v>
      </c>
      <c r="H11" s="6">
        <v>86381040</v>
      </c>
      <c r="I11" s="6">
        <v>47343195</v>
      </c>
      <c r="J11" s="6">
        <v>41650738</v>
      </c>
      <c r="K11" s="6">
        <v>31448388</v>
      </c>
      <c r="L11" s="6">
        <v>7589457</v>
      </c>
    </row>
    <row r="12" spans="1:12">
      <c r="A12" s="9" t="s">
        <v>27</v>
      </c>
      <c r="B12" s="9" t="s">
        <v>28</v>
      </c>
      <c r="C12" s="9" t="s">
        <v>29</v>
      </c>
      <c r="D12" s="9" t="s">
        <v>6</v>
      </c>
      <c r="E12" s="9" t="s">
        <v>6</v>
      </c>
      <c r="F12" s="9" t="s">
        <v>234</v>
      </c>
      <c r="G12" s="9" t="s">
        <v>30</v>
      </c>
      <c r="H12" s="6">
        <v>25540947</v>
      </c>
      <c r="I12" s="6">
        <v>11059424</v>
      </c>
      <c r="J12" s="6">
        <v>9180961</v>
      </c>
      <c r="K12" s="6">
        <v>12479798</v>
      </c>
      <c r="L12" s="6">
        <v>2001725</v>
      </c>
    </row>
    <row r="13" spans="1:12">
      <c r="A13" s="9" t="s">
        <v>27</v>
      </c>
      <c r="B13" s="9" t="s">
        <v>28</v>
      </c>
      <c r="C13" s="9" t="s">
        <v>29</v>
      </c>
      <c r="D13" s="9" t="s">
        <v>6</v>
      </c>
      <c r="E13" s="9" t="s">
        <v>6</v>
      </c>
      <c r="F13" s="9" t="s">
        <v>235</v>
      </c>
      <c r="G13" s="9" t="s">
        <v>30</v>
      </c>
      <c r="H13" s="6">
        <v>60840093</v>
      </c>
      <c r="I13" s="6">
        <v>36283771</v>
      </c>
      <c r="J13" s="6">
        <v>32469777</v>
      </c>
      <c r="K13" s="6">
        <v>18968590</v>
      </c>
      <c r="L13" s="6">
        <v>5587732</v>
      </c>
    </row>
    <row r="14" spans="1:12">
      <c r="A14" s="9" t="s">
        <v>27</v>
      </c>
      <c r="B14" s="9" t="s">
        <v>28</v>
      </c>
      <c r="C14" s="9" t="s">
        <v>29</v>
      </c>
      <c r="D14" s="9" t="s">
        <v>6</v>
      </c>
      <c r="E14" s="9" t="s">
        <v>6</v>
      </c>
      <c r="F14" s="9" t="s">
        <v>235</v>
      </c>
      <c r="G14" s="9" t="s">
        <v>236</v>
      </c>
      <c r="H14" s="6">
        <v>3029860</v>
      </c>
      <c r="I14" s="6">
        <v>1254891</v>
      </c>
      <c r="J14" s="6">
        <v>1157590</v>
      </c>
      <c r="K14" s="6">
        <v>1398116</v>
      </c>
      <c r="L14" s="6">
        <v>376853</v>
      </c>
    </row>
    <row r="15" spans="1:12">
      <c r="A15" s="9" t="s">
        <v>27</v>
      </c>
      <c r="B15" s="9" t="s">
        <v>28</v>
      </c>
      <c r="C15" s="9" t="s">
        <v>29</v>
      </c>
      <c r="D15" s="9" t="s">
        <v>6</v>
      </c>
      <c r="E15" s="9" t="s">
        <v>6</v>
      </c>
      <c r="F15" s="9" t="s">
        <v>235</v>
      </c>
      <c r="G15" s="9" t="s">
        <v>237</v>
      </c>
      <c r="H15" s="6">
        <v>3018271</v>
      </c>
      <c r="I15" s="6">
        <v>1548888</v>
      </c>
      <c r="J15" s="6">
        <v>1426613</v>
      </c>
      <c r="K15" s="6">
        <v>1057752</v>
      </c>
      <c r="L15" s="6">
        <v>411631</v>
      </c>
    </row>
    <row r="16" spans="1:12">
      <c r="A16" s="9" t="s">
        <v>27</v>
      </c>
      <c r="B16" s="9" t="s">
        <v>28</v>
      </c>
      <c r="C16" s="9" t="s">
        <v>29</v>
      </c>
      <c r="D16" s="9" t="s">
        <v>6</v>
      </c>
      <c r="E16" s="9" t="s">
        <v>6</v>
      </c>
      <c r="F16" s="9" t="s">
        <v>235</v>
      </c>
      <c r="G16" s="9" t="s">
        <v>238</v>
      </c>
      <c r="H16" s="6">
        <v>2708620</v>
      </c>
      <c r="I16" s="6">
        <v>1530701</v>
      </c>
      <c r="J16" s="6">
        <v>1407353</v>
      </c>
      <c r="K16" s="6">
        <v>813055</v>
      </c>
      <c r="L16" s="6">
        <v>364864</v>
      </c>
    </row>
    <row r="17" spans="1:12">
      <c r="A17" s="9" t="s">
        <v>27</v>
      </c>
      <c r="B17" s="9" t="s">
        <v>28</v>
      </c>
      <c r="C17" s="9" t="s">
        <v>29</v>
      </c>
      <c r="D17" s="9" t="s">
        <v>6</v>
      </c>
      <c r="E17" s="9" t="s">
        <v>6</v>
      </c>
      <c r="F17" s="9" t="s">
        <v>235</v>
      </c>
      <c r="G17" s="9" t="s">
        <v>239</v>
      </c>
      <c r="H17" s="6">
        <v>2375029</v>
      </c>
      <c r="I17" s="6">
        <v>1412930</v>
      </c>
      <c r="J17" s="6">
        <v>1293290</v>
      </c>
      <c r="K17" s="6">
        <v>649401</v>
      </c>
      <c r="L17" s="6">
        <v>312698</v>
      </c>
    </row>
    <row r="18" spans="1:12">
      <c r="A18" s="9" t="s">
        <v>27</v>
      </c>
      <c r="B18" s="9" t="s">
        <v>28</v>
      </c>
      <c r="C18" s="9" t="s">
        <v>29</v>
      </c>
      <c r="D18" s="9" t="s">
        <v>6</v>
      </c>
      <c r="E18" s="9" t="s">
        <v>6</v>
      </c>
      <c r="F18" s="9" t="s">
        <v>235</v>
      </c>
      <c r="G18" s="9" t="s">
        <v>240</v>
      </c>
      <c r="H18" s="6">
        <v>2204965</v>
      </c>
      <c r="I18" s="6">
        <v>1383559</v>
      </c>
      <c r="J18" s="6">
        <v>1265967</v>
      </c>
      <c r="K18" s="6">
        <v>541217</v>
      </c>
      <c r="L18" s="6">
        <v>280189</v>
      </c>
    </row>
    <row r="19" spans="1:12">
      <c r="A19" s="9" t="s">
        <v>27</v>
      </c>
      <c r="B19" s="9" t="s">
        <v>28</v>
      </c>
      <c r="C19" s="9" t="s">
        <v>29</v>
      </c>
      <c r="D19" s="9" t="s">
        <v>6</v>
      </c>
      <c r="E19" s="9" t="s">
        <v>6</v>
      </c>
      <c r="F19" s="9" t="s">
        <v>235</v>
      </c>
      <c r="G19" s="9" t="s">
        <v>241</v>
      </c>
      <c r="H19" s="6">
        <v>2081879</v>
      </c>
      <c r="I19" s="6">
        <v>1353797</v>
      </c>
      <c r="J19" s="6">
        <v>1240180</v>
      </c>
      <c r="K19" s="6">
        <v>477659</v>
      </c>
      <c r="L19" s="6">
        <v>250423</v>
      </c>
    </row>
    <row r="20" spans="1:12">
      <c r="A20" s="9" t="s">
        <v>27</v>
      </c>
      <c r="B20" s="9" t="s">
        <v>28</v>
      </c>
      <c r="C20" s="9" t="s">
        <v>29</v>
      </c>
      <c r="D20" s="9" t="s">
        <v>6</v>
      </c>
      <c r="E20" s="9" t="s">
        <v>6</v>
      </c>
      <c r="F20" s="9" t="s">
        <v>235</v>
      </c>
      <c r="G20" s="9" t="s">
        <v>242</v>
      </c>
      <c r="H20" s="6">
        <v>1981237</v>
      </c>
      <c r="I20" s="6">
        <v>1309880</v>
      </c>
      <c r="J20" s="6">
        <v>1201574</v>
      </c>
      <c r="K20" s="6">
        <v>439248</v>
      </c>
      <c r="L20" s="6">
        <v>232109</v>
      </c>
    </row>
    <row r="21" spans="1:12">
      <c r="A21" s="9" t="s">
        <v>27</v>
      </c>
      <c r="B21" s="9" t="s">
        <v>28</v>
      </c>
      <c r="C21" s="9" t="s">
        <v>29</v>
      </c>
      <c r="D21" s="9" t="s">
        <v>6</v>
      </c>
      <c r="E21" s="9" t="s">
        <v>6</v>
      </c>
      <c r="F21" s="9" t="s">
        <v>235</v>
      </c>
      <c r="G21" s="9" t="s">
        <v>243</v>
      </c>
      <c r="H21" s="6">
        <v>1952086</v>
      </c>
      <c r="I21" s="6">
        <v>1322539</v>
      </c>
      <c r="J21" s="6">
        <v>1217289</v>
      </c>
      <c r="K21" s="6">
        <v>409619</v>
      </c>
      <c r="L21" s="6">
        <v>219928</v>
      </c>
    </row>
    <row r="22" spans="1:12">
      <c r="A22" s="9" t="s">
        <v>27</v>
      </c>
      <c r="B22" s="9" t="s">
        <v>28</v>
      </c>
      <c r="C22" s="9" t="s">
        <v>29</v>
      </c>
      <c r="D22" s="9" t="s">
        <v>6</v>
      </c>
      <c r="E22" s="9" t="s">
        <v>6</v>
      </c>
      <c r="F22" s="9" t="s">
        <v>235</v>
      </c>
      <c r="G22" s="9" t="s">
        <v>244</v>
      </c>
      <c r="H22" s="6">
        <v>1882780</v>
      </c>
      <c r="I22" s="6">
        <v>1319911</v>
      </c>
      <c r="J22" s="6">
        <v>1218902</v>
      </c>
      <c r="K22" s="6">
        <v>354416</v>
      </c>
      <c r="L22" s="6">
        <v>208453</v>
      </c>
    </row>
    <row r="23" spans="1:12">
      <c r="A23" s="9" t="s">
        <v>27</v>
      </c>
      <c r="B23" s="9" t="s">
        <v>28</v>
      </c>
      <c r="C23" s="9" t="s">
        <v>29</v>
      </c>
      <c r="D23" s="9" t="s">
        <v>6</v>
      </c>
      <c r="E23" s="9" t="s">
        <v>6</v>
      </c>
      <c r="F23" s="9" t="s">
        <v>235</v>
      </c>
      <c r="G23" s="9" t="s">
        <v>245</v>
      </c>
      <c r="H23" s="6">
        <v>1877057</v>
      </c>
      <c r="I23" s="6">
        <v>1334924</v>
      </c>
      <c r="J23" s="6">
        <v>1234171</v>
      </c>
      <c r="K23" s="6">
        <v>338011</v>
      </c>
      <c r="L23" s="6">
        <v>204122</v>
      </c>
    </row>
    <row r="24" spans="1:12">
      <c r="A24" s="9" t="s">
        <v>27</v>
      </c>
      <c r="B24" s="9" t="s">
        <v>28</v>
      </c>
      <c r="C24" s="9" t="s">
        <v>29</v>
      </c>
      <c r="D24" s="9" t="s">
        <v>6</v>
      </c>
      <c r="E24" s="9" t="s">
        <v>6</v>
      </c>
      <c r="F24" s="9" t="s">
        <v>235</v>
      </c>
      <c r="G24" s="9" t="s">
        <v>246</v>
      </c>
      <c r="H24" s="6">
        <v>1827675</v>
      </c>
      <c r="I24" s="6">
        <v>1313257</v>
      </c>
      <c r="J24" s="6">
        <v>1215881</v>
      </c>
      <c r="K24" s="6">
        <v>319720</v>
      </c>
      <c r="L24" s="6">
        <v>194698</v>
      </c>
    </row>
    <row r="25" spans="1:12">
      <c r="A25" s="9" t="s">
        <v>27</v>
      </c>
      <c r="B25" s="9" t="s">
        <v>28</v>
      </c>
      <c r="C25" s="9" t="s">
        <v>29</v>
      </c>
      <c r="D25" s="9" t="s">
        <v>6</v>
      </c>
      <c r="E25" s="9" t="s">
        <v>6</v>
      </c>
      <c r="F25" s="9" t="s">
        <v>235</v>
      </c>
      <c r="G25" s="9" t="s">
        <v>247</v>
      </c>
      <c r="H25" s="6">
        <v>1802438</v>
      </c>
      <c r="I25" s="6">
        <v>1306313</v>
      </c>
      <c r="J25" s="6">
        <v>1210706</v>
      </c>
      <c r="K25" s="6">
        <v>308050</v>
      </c>
      <c r="L25" s="6">
        <v>188075</v>
      </c>
    </row>
    <row r="26" spans="1:12">
      <c r="A26" s="9" t="s">
        <v>27</v>
      </c>
      <c r="B26" s="9" t="s">
        <v>28</v>
      </c>
      <c r="C26" s="9" t="s">
        <v>29</v>
      </c>
      <c r="D26" s="9" t="s">
        <v>6</v>
      </c>
      <c r="E26" s="9" t="s">
        <v>6</v>
      </c>
      <c r="F26" s="9" t="s">
        <v>235</v>
      </c>
      <c r="G26" s="9" t="s">
        <v>248</v>
      </c>
      <c r="H26" s="6">
        <v>1788673</v>
      </c>
      <c r="I26" s="6">
        <v>1308959</v>
      </c>
      <c r="J26" s="6">
        <v>1213591</v>
      </c>
      <c r="K26" s="6">
        <v>300870</v>
      </c>
      <c r="L26" s="6">
        <v>178844</v>
      </c>
    </row>
    <row r="27" spans="1:12">
      <c r="A27" s="9" t="s">
        <v>27</v>
      </c>
      <c r="B27" s="9" t="s">
        <v>28</v>
      </c>
      <c r="C27" s="9" t="s">
        <v>29</v>
      </c>
      <c r="D27" s="9" t="s">
        <v>6</v>
      </c>
      <c r="E27" s="9" t="s">
        <v>6</v>
      </c>
      <c r="F27" s="9" t="s">
        <v>235</v>
      </c>
      <c r="G27" s="9" t="s">
        <v>249</v>
      </c>
      <c r="H27" s="6">
        <v>1725902</v>
      </c>
      <c r="I27" s="6">
        <v>1272158</v>
      </c>
      <c r="J27" s="6">
        <v>1181696</v>
      </c>
      <c r="K27" s="6">
        <v>284669</v>
      </c>
      <c r="L27" s="6">
        <v>169075</v>
      </c>
    </row>
    <row r="28" spans="1:12">
      <c r="A28" s="9" t="s">
        <v>27</v>
      </c>
      <c r="B28" s="9" t="s">
        <v>28</v>
      </c>
      <c r="C28" s="9" t="s">
        <v>29</v>
      </c>
      <c r="D28" s="9" t="s">
        <v>6</v>
      </c>
      <c r="E28" s="9" t="s">
        <v>6</v>
      </c>
      <c r="F28" s="9" t="s">
        <v>235</v>
      </c>
      <c r="G28" s="9" t="s">
        <v>250</v>
      </c>
      <c r="H28" s="6">
        <v>1653254</v>
      </c>
      <c r="I28" s="6">
        <v>1231545</v>
      </c>
      <c r="J28" s="6">
        <v>1144537</v>
      </c>
      <c r="K28" s="6">
        <v>266227</v>
      </c>
      <c r="L28" s="6">
        <v>155482</v>
      </c>
    </row>
    <row r="29" spans="1:12">
      <c r="A29" s="9" t="s">
        <v>27</v>
      </c>
      <c r="B29" s="9" t="s">
        <v>28</v>
      </c>
      <c r="C29" s="9" t="s">
        <v>29</v>
      </c>
      <c r="D29" s="9" t="s">
        <v>6</v>
      </c>
      <c r="E29" s="9" t="s">
        <v>6</v>
      </c>
      <c r="F29" s="9" t="s">
        <v>235</v>
      </c>
      <c r="G29" s="9" t="s">
        <v>251</v>
      </c>
      <c r="H29" s="6">
        <v>1595217</v>
      </c>
      <c r="I29" s="6">
        <v>1187461</v>
      </c>
      <c r="J29" s="6">
        <v>1103620</v>
      </c>
      <c r="K29" s="6">
        <v>262941</v>
      </c>
      <c r="L29" s="6">
        <v>144815</v>
      </c>
    </row>
    <row r="30" spans="1:12">
      <c r="A30" s="9" t="s">
        <v>27</v>
      </c>
      <c r="B30" s="9" t="s">
        <v>28</v>
      </c>
      <c r="C30" s="9" t="s">
        <v>29</v>
      </c>
      <c r="D30" s="9" t="s">
        <v>6</v>
      </c>
      <c r="E30" s="9" t="s">
        <v>6</v>
      </c>
      <c r="F30" s="9" t="s">
        <v>235</v>
      </c>
      <c r="G30" s="9" t="s">
        <v>252</v>
      </c>
      <c r="H30" s="6">
        <v>1591638</v>
      </c>
      <c r="I30" s="6">
        <v>1182573</v>
      </c>
      <c r="J30" s="6">
        <v>1097996</v>
      </c>
      <c r="K30" s="6">
        <v>266625</v>
      </c>
      <c r="L30" s="6">
        <v>142440</v>
      </c>
    </row>
    <row r="31" spans="1:12">
      <c r="A31" s="9" t="s">
        <v>27</v>
      </c>
      <c r="B31" s="9" t="s">
        <v>28</v>
      </c>
      <c r="C31" s="9" t="s">
        <v>29</v>
      </c>
      <c r="D31" s="9" t="s">
        <v>6</v>
      </c>
      <c r="E31" s="9" t="s">
        <v>6</v>
      </c>
      <c r="F31" s="9" t="s">
        <v>235</v>
      </c>
      <c r="G31" s="9" t="s">
        <v>253</v>
      </c>
      <c r="H31" s="6">
        <v>1565701</v>
      </c>
      <c r="I31" s="6">
        <v>1163105</v>
      </c>
      <c r="J31" s="6">
        <v>1078276</v>
      </c>
      <c r="K31" s="6">
        <v>266242</v>
      </c>
      <c r="L31" s="6">
        <v>136354</v>
      </c>
    </row>
    <row r="32" spans="1:12">
      <c r="A32" s="9" t="s">
        <v>27</v>
      </c>
      <c r="B32" s="9" t="s">
        <v>28</v>
      </c>
      <c r="C32" s="9" t="s">
        <v>29</v>
      </c>
      <c r="D32" s="9" t="s">
        <v>6</v>
      </c>
      <c r="E32" s="9" t="s">
        <v>6</v>
      </c>
      <c r="F32" s="9" t="s">
        <v>235</v>
      </c>
      <c r="G32" s="9" t="s">
        <v>254</v>
      </c>
      <c r="H32" s="6">
        <v>1442316</v>
      </c>
      <c r="I32" s="6">
        <v>1053994</v>
      </c>
      <c r="J32" s="6">
        <v>976840</v>
      </c>
      <c r="K32" s="6">
        <v>258061</v>
      </c>
      <c r="L32" s="6">
        <v>130261</v>
      </c>
    </row>
    <row r="33" spans="1:12">
      <c r="A33" s="9" t="s">
        <v>27</v>
      </c>
      <c r="B33" s="9" t="s">
        <v>28</v>
      </c>
      <c r="C33" s="9" t="s">
        <v>29</v>
      </c>
      <c r="D33" s="9" t="s">
        <v>6</v>
      </c>
      <c r="E33" s="9" t="s">
        <v>6</v>
      </c>
      <c r="F33" s="9" t="s">
        <v>235</v>
      </c>
      <c r="G33" s="9" t="s">
        <v>255</v>
      </c>
      <c r="H33" s="6">
        <v>1270627</v>
      </c>
      <c r="I33" s="6">
        <v>913245</v>
      </c>
      <c r="J33" s="6">
        <v>843929</v>
      </c>
      <c r="K33" s="6">
        <v>240820</v>
      </c>
      <c r="L33" s="6">
        <v>116562</v>
      </c>
    </row>
    <row r="34" spans="1:12">
      <c r="A34" s="9" t="s">
        <v>27</v>
      </c>
      <c r="B34" s="9" t="s">
        <v>28</v>
      </c>
      <c r="C34" s="9" t="s">
        <v>29</v>
      </c>
      <c r="D34" s="9" t="s">
        <v>6</v>
      </c>
      <c r="E34" s="9" t="s">
        <v>6</v>
      </c>
      <c r="F34" s="9" t="s">
        <v>235</v>
      </c>
      <c r="G34" s="9" t="s">
        <v>256</v>
      </c>
      <c r="H34" s="6">
        <v>21464868</v>
      </c>
      <c r="I34" s="6">
        <v>10579141</v>
      </c>
      <c r="J34" s="6">
        <v>8739776</v>
      </c>
      <c r="K34" s="6">
        <v>9715871</v>
      </c>
      <c r="L34" s="6">
        <v>1169856</v>
      </c>
    </row>
    <row r="35" spans="1:12">
      <c r="A35" s="9" t="s">
        <v>27</v>
      </c>
      <c r="B35" s="9" t="s">
        <v>28</v>
      </c>
      <c r="C35" s="9" t="s">
        <v>29</v>
      </c>
      <c r="D35" s="9" t="s">
        <v>6</v>
      </c>
      <c r="E35" s="9" t="s">
        <v>226</v>
      </c>
      <c r="F35" s="9" t="s">
        <v>6</v>
      </c>
      <c r="G35" s="9" t="s">
        <v>30</v>
      </c>
      <c r="H35" s="6">
        <v>62508497</v>
      </c>
      <c r="I35" s="6">
        <v>44226701</v>
      </c>
      <c r="J35" s="6">
        <v>38865247</v>
      </c>
      <c r="K35" s="6">
        <v>18147361</v>
      </c>
      <c r="L35" s="6">
        <v>134435</v>
      </c>
    </row>
    <row r="36" spans="1:12">
      <c r="A36" s="9" t="s">
        <v>27</v>
      </c>
      <c r="B36" s="9" t="s">
        <v>28</v>
      </c>
      <c r="C36" s="9" t="s">
        <v>29</v>
      </c>
      <c r="D36" s="9" t="s">
        <v>6</v>
      </c>
      <c r="E36" s="9" t="s">
        <v>226</v>
      </c>
      <c r="F36" s="9" t="s">
        <v>234</v>
      </c>
      <c r="G36" s="9" t="s">
        <v>30</v>
      </c>
      <c r="H36" s="6">
        <v>14471518</v>
      </c>
      <c r="I36" s="6">
        <v>9638948</v>
      </c>
      <c r="J36" s="6">
        <v>7920361</v>
      </c>
      <c r="K36" s="6">
        <v>4761764</v>
      </c>
      <c r="L36" s="6">
        <v>70806</v>
      </c>
    </row>
    <row r="37" spans="1:12">
      <c r="A37" s="9" t="s">
        <v>27</v>
      </c>
      <c r="B37" s="9" t="s">
        <v>28</v>
      </c>
      <c r="C37" s="9" t="s">
        <v>29</v>
      </c>
      <c r="D37" s="9" t="s">
        <v>6</v>
      </c>
      <c r="E37" s="9" t="s">
        <v>226</v>
      </c>
      <c r="F37" s="9" t="s">
        <v>235</v>
      </c>
      <c r="G37" s="9" t="s">
        <v>30</v>
      </c>
      <c r="H37" s="6">
        <v>48036979</v>
      </c>
      <c r="I37" s="6">
        <v>34587753</v>
      </c>
      <c r="J37" s="6">
        <v>30944886</v>
      </c>
      <c r="K37" s="6">
        <v>13385597</v>
      </c>
      <c r="L37" s="6">
        <v>63629</v>
      </c>
    </row>
    <row r="38" spans="1:12">
      <c r="A38" s="9" t="s">
        <v>27</v>
      </c>
      <c r="B38" s="9" t="s">
        <v>28</v>
      </c>
      <c r="C38" s="9" t="s">
        <v>29</v>
      </c>
      <c r="D38" s="9" t="s">
        <v>6</v>
      </c>
      <c r="E38" s="9" t="s">
        <v>226</v>
      </c>
      <c r="F38" s="9" t="s">
        <v>235</v>
      </c>
      <c r="G38" s="9" t="s">
        <v>236</v>
      </c>
      <c r="H38" s="6">
        <v>2616910</v>
      </c>
      <c r="I38" s="6">
        <v>1241544</v>
      </c>
      <c r="J38" s="6">
        <v>1145440</v>
      </c>
      <c r="K38" s="6">
        <v>1372442</v>
      </c>
      <c r="L38" s="6">
        <v>2924</v>
      </c>
    </row>
    <row r="39" spans="1:12">
      <c r="A39" s="9" t="s">
        <v>27</v>
      </c>
      <c r="B39" s="9" t="s">
        <v>28</v>
      </c>
      <c r="C39" s="9" t="s">
        <v>29</v>
      </c>
      <c r="D39" s="9" t="s">
        <v>6</v>
      </c>
      <c r="E39" s="9" t="s">
        <v>226</v>
      </c>
      <c r="F39" s="9" t="s">
        <v>235</v>
      </c>
      <c r="G39" s="9" t="s">
        <v>237</v>
      </c>
      <c r="H39" s="6">
        <v>2576904</v>
      </c>
      <c r="I39" s="6">
        <v>1534072</v>
      </c>
      <c r="J39" s="6">
        <v>1413017</v>
      </c>
      <c r="K39" s="6">
        <v>1040247</v>
      </c>
      <c r="L39" s="6">
        <v>2585</v>
      </c>
    </row>
    <row r="40" spans="1:12">
      <c r="A40" s="9" t="s">
        <v>27</v>
      </c>
      <c r="B40" s="9" t="s">
        <v>28</v>
      </c>
      <c r="C40" s="9" t="s">
        <v>29</v>
      </c>
      <c r="D40" s="9" t="s">
        <v>6</v>
      </c>
      <c r="E40" s="9" t="s">
        <v>226</v>
      </c>
      <c r="F40" s="9" t="s">
        <v>235</v>
      </c>
      <c r="G40" s="9" t="s">
        <v>238</v>
      </c>
      <c r="H40" s="6">
        <v>2318566</v>
      </c>
      <c r="I40" s="6">
        <v>1516283</v>
      </c>
      <c r="J40" s="6">
        <v>1394057</v>
      </c>
      <c r="K40" s="6">
        <v>800073</v>
      </c>
      <c r="L40" s="6">
        <v>2210</v>
      </c>
    </row>
    <row r="41" spans="1:12">
      <c r="A41" s="9" t="s">
        <v>27</v>
      </c>
      <c r="B41" s="9" t="s">
        <v>28</v>
      </c>
      <c r="C41" s="9" t="s">
        <v>29</v>
      </c>
      <c r="D41" s="9" t="s">
        <v>6</v>
      </c>
      <c r="E41" s="9" t="s">
        <v>226</v>
      </c>
      <c r="F41" s="9" t="s">
        <v>235</v>
      </c>
      <c r="G41" s="9" t="s">
        <v>239</v>
      </c>
      <c r="H41" s="6">
        <v>2039959</v>
      </c>
      <c r="I41" s="6">
        <v>1399161</v>
      </c>
      <c r="J41" s="6">
        <v>1280564</v>
      </c>
      <c r="K41" s="6">
        <v>639035</v>
      </c>
      <c r="L41" s="6">
        <v>1763</v>
      </c>
    </row>
    <row r="42" spans="1:12">
      <c r="A42" s="9" t="s">
        <v>27</v>
      </c>
      <c r="B42" s="9" t="s">
        <v>28</v>
      </c>
      <c r="C42" s="9" t="s">
        <v>29</v>
      </c>
      <c r="D42" s="9" t="s">
        <v>6</v>
      </c>
      <c r="E42" s="9" t="s">
        <v>226</v>
      </c>
      <c r="F42" s="9" t="s">
        <v>235</v>
      </c>
      <c r="G42" s="9" t="s">
        <v>240</v>
      </c>
      <c r="H42" s="6">
        <v>1904115</v>
      </c>
      <c r="I42" s="6">
        <v>1370210</v>
      </c>
      <c r="J42" s="6">
        <v>1253682</v>
      </c>
      <c r="K42" s="6">
        <v>532351</v>
      </c>
      <c r="L42" s="6">
        <v>1554</v>
      </c>
    </row>
    <row r="43" spans="1:12">
      <c r="A43" s="9" t="s">
        <v>27</v>
      </c>
      <c r="B43" s="9" t="s">
        <v>28</v>
      </c>
      <c r="C43" s="9" t="s">
        <v>29</v>
      </c>
      <c r="D43" s="9" t="s">
        <v>6</v>
      </c>
      <c r="E43" s="9" t="s">
        <v>226</v>
      </c>
      <c r="F43" s="9" t="s">
        <v>235</v>
      </c>
      <c r="G43" s="9" t="s">
        <v>241</v>
      </c>
      <c r="H43" s="6">
        <v>1812059</v>
      </c>
      <c r="I43" s="6">
        <v>1340877</v>
      </c>
      <c r="J43" s="6">
        <v>1228273</v>
      </c>
      <c r="K43" s="6">
        <v>469566</v>
      </c>
      <c r="L43" s="6">
        <v>1616</v>
      </c>
    </row>
    <row r="44" spans="1:12">
      <c r="A44" s="9" t="s">
        <v>27</v>
      </c>
      <c r="B44" s="9" t="s">
        <v>28</v>
      </c>
      <c r="C44" s="9" t="s">
        <v>29</v>
      </c>
      <c r="D44" s="9" t="s">
        <v>6</v>
      </c>
      <c r="E44" s="9" t="s">
        <v>226</v>
      </c>
      <c r="F44" s="9" t="s">
        <v>235</v>
      </c>
      <c r="G44" s="9" t="s">
        <v>242</v>
      </c>
      <c r="H44" s="6">
        <v>1728797</v>
      </c>
      <c r="I44" s="6">
        <v>1296334</v>
      </c>
      <c r="J44" s="6">
        <v>1188971</v>
      </c>
      <c r="K44" s="6">
        <v>430966</v>
      </c>
      <c r="L44" s="6">
        <v>1497</v>
      </c>
    </row>
    <row r="45" spans="1:12">
      <c r="A45" s="9" t="s">
        <v>27</v>
      </c>
      <c r="B45" s="9" t="s">
        <v>28</v>
      </c>
      <c r="C45" s="9" t="s">
        <v>29</v>
      </c>
      <c r="D45" s="9" t="s">
        <v>6</v>
      </c>
      <c r="E45" s="9" t="s">
        <v>226</v>
      </c>
      <c r="F45" s="9" t="s">
        <v>235</v>
      </c>
      <c r="G45" s="9" t="s">
        <v>243</v>
      </c>
      <c r="H45" s="6">
        <v>1711480</v>
      </c>
      <c r="I45" s="6">
        <v>1308064</v>
      </c>
      <c r="J45" s="6">
        <v>1203851</v>
      </c>
      <c r="K45" s="6">
        <v>401856</v>
      </c>
      <c r="L45" s="6">
        <v>1560</v>
      </c>
    </row>
    <row r="46" spans="1:12">
      <c r="A46" s="9" t="s">
        <v>27</v>
      </c>
      <c r="B46" s="9" t="s">
        <v>28</v>
      </c>
      <c r="C46" s="9" t="s">
        <v>29</v>
      </c>
      <c r="D46" s="9" t="s">
        <v>6</v>
      </c>
      <c r="E46" s="9" t="s">
        <v>226</v>
      </c>
      <c r="F46" s="9" t="s">
        <v>235</v>
      </c>
      <c r="G46" s="9" t="s">
        <v>244</v>
      </c>
      <c r="H46" s="6">
        <v>1653502</v>
      </c>
      <c r="I46" s="6">
        <v>1305090</v>
      </c>
      <c r="J46" s="6">
        <v>1204898</v>
      </c>
      <c r="K46" s="6">
        <v>347038</v>
      </c>
      <c r="L46" s="6">
        <v>1374</v>
      </c>
    </row>
    <row r="47" spans="1:12">
      <c r="A47" s="9" t="s">
        <v>27</v>
      </c>
      <c r="B47" s="9" t="s">
        <v>28</v>
      </c>
      <c r="C47" s="9" t="s">
        <v>29</v>
      </c>
      <c r="D47" s="9" t="s">
        <v>6</v>
      </c>
      <c r="E47" s="9" t="s">
        <v>226</v>
      </c>
      <c r="F47" s="9" t="s">
        <v>235</v>
      </c>
      <c r="G47" s="9" t="s">
        <v>245</v>
      </c>
      <c r="H47" s="6">
        <v>1652021</v>
      </c>
      <c r="I47" s="6">
        <v>1319847</v>
      </c>
      <c r="J47" s="6">
        <v>1220035</v>
      </c>
      <c r="K47" s="6">
        <v>330888</v>
      </c>
      <c r="L47" s="6">
        <v>1286</v>
      </c>
    </row>
    <row r="48" spans="1:12">
      <c r="A48" s="9" t="s">
        <v>27</v>
      </c>
      <c r="B48" s="9" t="s">
        <v>28</v>
      </c>
      <c r="C48" s="9" t="s">
        <v>29</v>
      </c>
      <c r="D48" s="9" t="s">
        <v>6</v>
      </c>
      <c r="E48" s="9" t="s">
        <v>226</v>
      </c>
      <c r="F48" s="9" t="s">
        <v>235</v>
      </c>
      <c r="G48" s="9" t="s">
        <v>246</v>
      </c>
      <c r="H48" s="6">
        <v>1610754</v>
      </c>
      <c r="I48" s="6">
        <v>1296963</v>
      </c>
      <c r="J48" s="6">
        <v>1200531</v>
      </c>
      <c r="K48" s="6">
        <v>312474</v>
      </c>
      <c r="L48" s="6">
        <v>1317</v>
      </c>
    </row>
    <row r="49" spans="1:12">
      <c r="A49" s="9" t="s">
        <v>27</v>
      </c>
      <c r="B49" s="9" t="s">
        <v>28</v>
      </c>
      <c r="C49" s="9" t="s">
        <v>29</v>
      </c>
      <c r="D49" s="9" t="s">
        <v>6</v>
      </c>
      <c r="E49" s="9" t="s">
        <v>226</v>
      </c>
      <c r="F49" s="9" t="s">
        <v>235</v>
      </c>
      <c r="G49" s="9" t="s">
        <v>247</v>
      </c>
      <c r="H49" s="6">
        <v>1591651</v>
      </c>
      <c r="I49" s="6">
        <v>1289457</v>
      </c>
      <c r="J49" s="6">
        <v>1194895</v>
      </c>
      <c r="K49" s="6">
        <v>300970</v>
      </c>
      <c r="L49" s="6">
        <v>1224</v>
      </c>
    </row>
    <row r="50" spans="1:12">
      <c r="A50" s="9" t="s">
        <v>27</v>
      </c>
      <c r="B50" s="9" t="s">
        <v>28</v>
      </c>
      <c r="C50" s="9" t="s">
        <v>29</v>
      </c>
      <c r="D50" s="9" t="s">
        <v>6</v>
      </c>
      <c r="E50" s="9" t="s">
        <v>226</v>
      </c>
      <c r="F50" s="9" t="s">
        <v>235</v>
      </c>
      <c r="G50" s="9" t="s">
        <v>248</v>
      </c>
      <c r="H50" s="6">
        <v>1586934</v>
      </c>
      <c r="I50" s="6">
        <v>1291845</v>
      </c>
      <c r="J50" s="6">
        <v>1197526</v>
      </c>
      <c r="K50" s="6">
        <v>293704</v>
      </c>
      <c r="L50" s="6">
        <v>1385</v>
      </c>
    </row>
    <row r="51" spans="1:12">
      <c r="A51" s="9" t="s">
        <v>27</v>
      </c>
      <c r="B51" s="9" t="s">
        <v>28</v>
      </c>
      <c r="C51" s="9" t="s">
        <v>29</v>
      </c>
      <c r="D51" s="9" t="s">
        <v>6</v>
      </c>
      <c r="E51" s="9" t="s">
        <v>226</v>
      </c>
      <c r="F51" s="9" t="s">
        <v>235</v>
      </c>
      <c r="G51" s="9" t="s">
        <v>249</v>
      </c>
      <c r="H51" s="6">
        <v>1532551</v>
      </c>
      <c r="I51" s="6">
        <v>1253967</v>
      </c>
      <c r="J51" s="6">
        <v>1164491</v>
      </c>
      <c r="K51" s="6">
        <v>277405</v>
      </c>
      <c r="L51" s="6">
        <v>1179</v>
      </c>
    </row>
    <row r="52" spans="1:12">
      <c r="A52" s="9" t="s">
        <v>27</v>
      </c>
      <c r="B52" s="9" t="s">
        <v>28</v>
      </c>
      <c r="C52" s="9" t="s">
        <v>29</v>
      </c>
      <c r="D52" s="9" t="s">
        <v>6</v>
      </c>
      <c r="E52" s="9" t="s">
        <v>226</v>
      </c>
      <c r="F52" s="9" t="s">
        <v>235</v>
      </c>
      <c r="G52" s="9" t="s">
        <v>250</v>
      </c>
      <c r="H52" s="6">
        <v>1472390</v>
      </c>
      <c r="I52" s="6">
        <v>1212849</v>
      </c>
      <c r="J52" s="6">
        <v>1126963</v>
      </c>
      <c r="K52" s="6">
        <v>258393</v>
      </c>
      <c r="L52" s="6">
        <v>1148</v>
      </c>
    </row>
    <row r="53" spans="1:12">
      <c r="A53" s="9" t="s">
        <v>27</v>
      </c>
      <c r="B53" s="9" t="s">
        <v>28</v>
      </c>
      <c r="C53" s="9" t="s">
        <v>29</v>
      </c>
      <c r="D53" s="9" t="s">
        <v>6</v>
      </c>
      <c r="E53" s="9" t="s">
        <v>226</v>
      </c>
      <c r="F53" s="9" t="s">
        <v>235</v>
      </c>
      <c r="G53" s="9" t="s">
        <v>251</v>
      </c>
      <c r="H53" s="6">
        <v>1424106</v>
      </c>
      <c r="I53" s="6">
        <v>1168288</v>
      </c>
      <c r="J53" s="6">
        <v>1085443</v>
      </c>
      <c r="K53" s="6">
        <v>254741</v>
      </c>
      <c r="L53" s="6">
        <v>1077</v>
      </c>
    </row>
    <row r="54" spans="1:12">
      <c r="A54" s="9" t="s">
        <v>27</v>
      </c>
      <c r="B54" s="9" t="s">
        <v>28</v>
      </c>
      <c r="C54" s="9" t="s">
        <v>29</v>
      </c>
      <c r="D54" s="9" t="s">
        <v>6</v>
      </c>
      <c r="E54" s="9" t="s">
        <v>226</v>
      </c>
      <c r="F54" s="9" t="s">
        <v>235</v>
      </c>
      <c r="G54" s="9" t="s">
        <v>252</v>
      </c>
      <c r="H54" s="6">
        <v>1421010</v>
      </c>
      <c r="I54" s="6">
        <v>1161910</v>
      </c>
      <c r="J54" s="6">
        <v>1078574</v>
      </c>
      <c r="K54" s="6">
        <v>257948</v>
      </c>
      <c r="L54" s="6">
        <v>1152</v>
      </c>
    </row>
    <row r="55" spans="1:12">
      <c r="A55" s="9" t="s">
        <v>27</v>
      </c>
      <c r="B55" s="9" t="s">
        <v>28</v>
      </c>
      <c r="C55" s="9" t="s">
        <v>29</v>
      </c>
      <c r="D55" s="9" t="s">
        <v>6</v>
      </c>
      <c r="E55" s="9" t="s">
        <v>226</v>
      </c>
      <c r="F55" s="9" t="s">
        <v>235</v>
      </c>
      <c r="G55" s="9" t="s">
        <v>253</v>
      </c>
      <c r="H55" s="6">
        <v>1397922</v>
      </c>
      <c r="I55" s="6">
        <v>1139948</v>
      </c>
      <c r="J55" s="6">
        <v>1056485</v>
      </c>
      <c r="K55" s="6">
        <v>256825</v>
      </c>
      <c r="L55" s="6">
        <v>1149</v>
      </c>
    </row>
    <row r="56" spans="1:12">
      <c r="A56" s="9" t="s">
        <v>27</v>
      </c>
      <c r="B56" s="9" t="s">
        <v>28</v>
      </c>
      <c r="C56" s="9" t="s">
        <v>29</v>
      </c>
      <c r="D56" s="9" t="s">
        <v>6</v>
      </c>
      <c r="E56" s="9" t="s">
        <v>226</v>
      </c>
      <c r="F56" s="9" t="s">
        <v>235</v>
      </c>
      <c r="G56" s="9" t="s">
        <v>254</v>
      </c>
      <c r="H56" s="6">
        <v>1279317</v>
      </c>
      <c r="I56" s="6">
        <v>1030180</v>
      </c>
      <c r="J56" s="6">
        <v>954233</v>
      </c>
      <c r="K56" s="6">
        <v>247993</v>
      </c>
      <c r="L56" s="6">
        <v>1144</v>
      </c>
    </row>
    <row r="57" spans="1:12">
      <c r="A57" s="9" t="s">
        <v>27</v>
      </c>
      <c r="B57" s="9" t="s">
        <v>28</v>
      </c>
      <c r="C57" s="9" t="s">
        <v>29</v>
      </c>
      <c r="D57" s="9" t="s">
        <v>6</v>
      </c>
      <c r="E57" s="9" t="s">
        <v>226</v>
      </c>
      <c r="F57" s="9" t="s">
        <v>235</v>
      </c>
      <c r="G57" s="9" t="s">
        <v>255</v>
      </c>
      <c r="H57" s="6">
        <v>1119914</v>
      </c>
      <c r="I57" s="6">
        <v>889224</v>
      </c>
      <c r="J57" s="6">
        <v>821163</v>
      </c>
      <c r="K57" s="6">
        <v>229664</v>
      </c>
      <c r="L57" s="6">
        <v>1026</v>
      </c>
    </row>
    <row r="58" spans="1:12">
      <c r="A58" s="9" t="s">
        <v>27</v>
      </c>
      <c r="B58" s="9" t="s">
        <v>28</v>
      </c>
      <c r="C58" s="9" t="s">
        <v>29</v>
      </c>
      <c r="D58" s="9" t="s">
        <v>6</v>
      </c>
      <c r="E58" s="9" t="s">
        <v>226</v>
      </c>
      <c r="F58" s="9" t="s">
        <v>235</v>
      </c>
      <c r="G58" s="9" t="s">
        <v>256</v>
      </c>
      <c r="H58" s="6">
        <v>13586117</v>
      </c>
      <c r="I58" s="6">
        <v>9221640</v>
      </c>
      <c r="J58" s="6">
        <v>7531794</v>
      </c>
      <c r="K58" s="6">
        <v>4331018</v>
      </c>
      <c r="L58" s="6">
        <v>33459</v>
      </c>
    </row>
    <row r="59" spans="1:12">
      <c r="A59" s="9" t="s">
        <v>27</v>
      </c>
      <c r="B59" s="9" t="s">
        <v>28</v>
      </c>
      <c r="C59" s="9" t="s">
        <v>29</v>
      </c>
      <c r="D59" s="9" t="s">
        <v>6</v>
      </c>
      <c r="E59" s="9" t="s">
        <v>227</v>
      </c>
      <c r="F59" s="9" t="s">
        <v>6</v>
      </c>
      <c r="G59" s="9" t="s">
        <v>30</v>
      </c>
      <c r="H59" s="6">
        <v>53559721</v>
      </c>
      <c r="I59" s="6">
        <v>37485895</v>
      </c>
      <c r="J59" s="6">
        <v>35883458</v>
      </c>
      <c r="K59" s="6">
        <v>15992509</v>
      </c>
      <c r="L59" s="6">
        <v>81317</v>
      </c>
    </row>
    <row r="60" spans="1:12">
      <c r="A60" s="9" t="s">
        <v>27</v>
      </c>
      <c r="B60" s="9" t="s">
        <v>28</v>
      </c>
      <c r="C60" s="9" t="s">
        <v>29</v>
      </c>
      <c r="D60" s="9" t="s">
        <v>6</v>
      </c>
      <c r="E60" s="9" t="s">
        <v>227</v>
      </c>
      <c r="F60" s="9" t="s">
        <v>234</v>
      </c>
      <c r="G60" s="9" t="s">
        <v>30</v>
      </c>
      <c r="H60" s="6">
        <v>11579623</v>
      </c>
      <c r="I60" s="6">
        <v>7567449</v>
      </c>
      <c r="J60" s="6">
        <v>7175318</v>
      </c>
      <c r="K60" s="6">
        <v>3971176</v>
      </c>
      <c r="L60" s="6">
        <v>40998</v>
      </c>
    </row>
    <row r="61" spans="1:12">
      <c r="A61" s="9" t="s">
        <v>27</v>
      </c>
      <c r="B61" s="9" t="s">
        <v>28</v>
      </c>
      <c r="C61" s="9" t="s">
        <v>29</v>
      </c>
      <c r="D61" s="9" t="s">
        <v>6</v>
      </c>
      <c r="E61" s="9" t="s">
        <v>227</v>
      </c>
      <c r="F61" s="9" t="s">
        <v>235</v>
      </c>
      <c r="G61" s="9" t="s">
        <v>30</v>
      </c>
      <c r="H61" s="6">
        <v>41980098</v>
      </c>
      <c r="I61" s="6">
        <v>29918446</v>
      </c>
      <c r="J61" s="6">
        <v>28708140</v>
      </c>
      <c r="K61" s="6">
        <v>12021333</v>
      </c>
      <c r="L61" s="6">
        <v>40319</v>
      </c>
    </row>
    <row r="62" spans="1:12">
      <c r="A62" s="9" t="s">
        <v>27</v>
      </c>
      <c r="B62" s="9" t="s">
        <v>28</v>
      </c>
      <c r="C62" s="9" t="s">
        <v>29</v>
      </c>
      <c r="D62" s="9" t="s">
        <v>6</v>
      </c>
      <c r="E62" s="9" t="s">
        <v>227</v>
      </c>
      <c r="F62" s="9" t="s">
        <v>235</v>
      </c>
      <c r="G62" s="9" t="s">
        <v>236</v>
      </c>
      <c r="H62" s="6">
        <v>2425264</v>
      </c>
      <c r="I62" s="6">
        <v>1142214</v>
      </c>
      <c r="J62" s="6">
        <v>1092225</v>
      </c>
      <c r="K62" s="6">
        <v>1280946</v>
      </c>
      <c r="L62" s="6">
        <v>2104</v>
      </c>
    </row>
    <row r="63" spans="1:12">
      <c r="A63" s="9" t="s">
        <v>27</v>
      </c>
      <c r="B63" s="9" t="s">
        <v>28</v>
      </c>
      <c r="C63" s="9" t="s">
        <v>29</v>
      </c>
      <c r="D63" s="9" t="s">
        <v>6</v>
      </c>
      <c r="E63" s="9" t="s">
        <v>227</v>
      </c>
      <c r="F63" s="9" t="s">
        <v>235</v>
      </c>
      <c r="G63" s="9" t="s">
        <v>237</v>
      </c>
      <c r="H63" s="6">
        <v>2380224</v>
      </c>
      <c r="I63" s="6">
        <v>1401608</v>
      </c>
      <c r="J63" s="6">
        <v>1341915</v>
      </c>
      <c r="K63" s="6">
        <v>976847</v>
      </c>
      <c r="L63" s="6">
        <v>1769</v>
      </c>
    </row>
    <row r="64" spans="1:12">
      <c r="A64" s="9" t="s">
        <v>27</v>
      </c>
      <c r="B64" s="9" t="s">
        <v>28</v>
      </c>
      <c r="C64" s="9" t="s">
        <v>29</v>
      </c>
      <c r="D64" s="9" t="s">
        <v>6</v>
      </c>
      <c r="E64" s="9" t="s">
        <v>227</v>
      </c>
      <c r="F64" s="9" t="s">
        <v>235</v>
      </c>
      <c r="G64" s="9" t="s">
        <v>238</v>
      </c>
      <c r="H64" s="6">
        <v>2135160</v>
      </c>
      <c r="I64" s="6">
        <v>1380250</v>
      </c>
      <c r="J64" s="6">
        <v>1320186</v>
      </c>
      <c r="K64" s="6">
        <v>753456</v>
      </c>
      <c r="L64" s="6">
        <v>1454</v>
      </c>
    </row>
    <row r="65" spans="1:12">
      <c r="A65" s="9" t="s">
        <v>27</v>
      </c>
      <c r="B65" s="9" t="s">
        <v>28</v>
      </c>
      <c r="C65" s="9" t="s">
        <v>29</v>
      </c>
      <c r="D65" s="9" t="s">
        <v>6</v>
      </c>
      <c r="E65" s="9" t="s">
        <v>227</v>
      </c>
      <c r="F65" s="9" t="s">
        <v>235</v>
      </c>
      <c r="G65" s="9" t="s">
        <v>239</v>
      </c>
      <c r="H65" s="6">
        <v>1870518</v>
      </c>
      <c r="I65" s="6">
        <v>1266365</v>
      </c>
      <c r="J65" s="6">
        <v>1209128</v>
      </c>
      <c r="K65" s="6">
        <v>602955</v>
      </c>
      <c r="L65" s="6">
        <v>1198</v>
      </c>
    </row>
    <row r="66" spans="1:12">
      <c r="A66" s="9" t="s">
        <v>27</v>
      </c>
      <c r="B66" s="9" t="s">
        <v>28</v>
      </c>
      <c r="C66" s="9" t="s">
        <v>29</v>
      </c>
      <c r="D66" s="9" t="s">
        <v>6</v>
      </c>
      <c r="E66" s="9" t="s">
        <v>227</v>
      </c>
      <c r="F66" s="9" t="s">
        <v>235</v>
      </c>
      <c r="G66" s="9" t="s">
        <v>240</v>
      </c>
      <c r="H66" s="6">
        <v>1739296</v>
      </c>
      <c r="I66" s="6">
        <v>1236770</v>
      </c>
      <c r="J66" s="6">
        <v>1181119</v>
      </c>
      <c r="K66" s="6">
        <v>501385</v>
      </c>
      <c r="L66" s="6">
        <v>1141</v>
      </c>
    </row>
    <row r="67" spans="1:12">
      <c r="A67" s="9" t="s">
        <v>27</v>
      </c>
      <c r="B67" s="9" t="s">
        <v>28</v>
      </c>
      <c r="C67" s="9" t="s">
        <v>29</v>
      </c>
      <c r="D67" s="9" t="s">
        <v>6</v>
      </c>
      <c r="E67" s="9" t="s">
        <v>227</v>
      </c>
      <c r="F67" s="9" t="s">
        <v>235</v>
      </c>
      <c r="G67" s="9" t="s">
        <v>241</v>
      </c>
      <c r="H67" s="6">
        <v>1651459</v>
      </c>
      <c r="I67" s="6">
        <v>1208648</v>
      </c>
      <c r="J67" s="6">
        <v>1155242</v>
      </c>
      <c r="K67" s="6">
        <v>441664</v>
      </c>
      <c r="L67" s="6">
        <v>1147</v>
      </c>
    </row>
    <row r="68" spans="1:12">
      <c r="A68" s="9" t="s">
        <v>27</v>
      </c>
      <c r="B68" s="9" t="s">
        <v>28</v>
      </c>
      <c r="C68" s="9" t="s">
        <v>29</v>
      </c>
      <c r="D68" s="9" t="s">
        <v>6</v>
      </c>
      <c r="E68" s="9" t="s">
        <v>227</v>
      </c>
      <c r="F68" s="9" t="s">
        <v>235</v>
      </c>
      <c r="G68" s="9" t="s">
        <v>242</v>
      </c>
      <c r="H68" s="6">
        <v>1572696</v>
      </c>
      <c r="I68" s="6">
        <v>1167258</v>
      </c>
      <c r="J68" s="6">
        <v>1117462</v>
      </c>
      <c r="K68" s="6">
        <v>404491</v>
      </c>
      <c r="L68" s="6">
        <v>947</v>
      </c>
    </row>
    <row r="69" spans="1:12">
      <c r="A69" s="9" t="s">
        <v>27</v>
      </c>
      <c r="B69" s="9" t="s">
        <v>28</v>
      </c>
      <c r="C69" s="9" t="s">
        <v>29</v>
      </c>
      <c r="D69" s="9" t="s">
        <v>6</v>
      </c>
      <c r="E69" s="9" t="s">
        <v>227</v>
      </c>
      <c r="F69" s="9" t="s">
        <v>235</v>
      </c>
      <c r="G69" s="9" t="s">
        <v>243</v>
      </c>
      <c r="H69" s="6">
        <v>1554942</v>
      </c>
      <c r="I69" s="6">
        <v>1178451</v>
      </c>
      <c r="J69" s="6">
        <v>1131172</v>
      </c>
      <c r="K69" s="6">
        <v>375448</v>
      </c>
      <c r="L69" s="6">
        <v>1043</v>
      </c>
    </row>
    <row r="70" spans="1:12">
      <c r="A70" s="9" t="s">
        <v>27</v>
      </c>
      <c r="B70" s="9" t="s">
        <v>28</v>
      </c>
      <c r="C70" s="9" t="s">
        <v>29</v>
      </c>
      <c r="D70" s="9" t="s">
        <v>6</v>
      </c>
      <c r="E70" s="9" t="s">
        <v>227</v>
      </c>
      <c r="F70" s="9" t="s">
        <v>235</v>
      </c>
      <c r="G70" s="9" t="s">
        <v>244</v>
      </c>
      <c r="H70" s="6">
        <v>1500560</v>
      </c>
      <c r="I70" s="6">
        <v>1176348</v>
      </c>
      <c r="J70" s="6">
        <v>1132264</v>
      </c>
      <c r="K70" s="6">
        <v>323290</v>
      </c>
      <c r="L70" s="6">
        <v>922</v>
      </c>
    </row>
    <row r="71" spans="1:12">
      <c r="A71" s="9" t="s">
        <v>27</v>
      </c>
      <c r="B71" s="9" t="s">
        <v>28</v>
      </c>
      <c r="C71" s="9" t="s">
        <v>29</v>
      </c>
      <c r="D71" s="9" t="s">
        <v>6</v>
      </c>
      <c r="E71" s="9" t="s">
        <v>227</v>
      </c>
      <c r="F71" s="9" t="s">
        <v>235</v>
      </c>
      <c r="G71" s="9" t="s">
        <v>245</v>
      </c>
      <c r="H71" s="6">
        <v>1497527</v>
      </c>
      <c r="I71" s="6">
        <v>1188647</v>
      </c>
      <c r="J71" s="6">
        <v>1145674</v>
      </c>
      <c r="K71" s="6">
        <v>308004</v>
      </c>
      <c r="L71" s="6">
        <v>876</v>
      </c>
    </row>
    <row r="72" spans="1:12">
      <c r="A72" s="9" t="s">
        <v>27</v>
      </c>
      <c r="B72" s="9" t="s">
        <v>28</v>
      </c>
      <c r="C72" s="9" t="s">
        <v>29</v>
      </c>
      <c r="D72" s="9" t="s">
        <v>6</v>
      </c>
      <c r="E72" s="9" t="s">
        <v>227</v>
      </c>
      <c r="F72" s="9" t="s">
        <v>235</v>
      </c>
      <c r="G72" s="9" t="s">
        <v>246</v>
      </c>
      <c r="H72" s="6">
        <v>1457122</v>
      </c>
      <c r="I72" s="6">
        <v>1166252</v>
      </c>
      <c r="J72" s="6">
        <v>1125377</v>
      </c>
      <c r="K72" s="6">
        <v>289992</v>
      </c>
      <c r="L72" s="6">
        <v>878</v>
      </c>
    </row>
    <row r="73" spans="1:12">
      <c r="A73" s="9" t="s">
        <v>27</v>
      </c>
      <c r="B73" s="9" t="s">
        <v>28</v>
      </c>
      <c r="C73" s="9" t="s">
        <v>29</v>
      </c>
      <c r="D73" s="9" t="s">
        <v>6</v>
      </c>
      <c r="E73" s="9" t="s">
        <v>227</v>
      </c>
      <c r="F73" s="9" t="s">
        <v>235</v>
      </c>
      <c r="G73" s="9" t="s">
        <v>247</v>
      </c>
      <c r="H73" s="6">
        <v>1436923</v>
      </c>
      <c r="I73" s="6">
        <v>1157157</v>
      </c>
      <c r="J73" s="6">
        <v>1118209</v>
      </c>
      <c r="K73" s="6">
        <v>278975</v>
      </c>
      <c r="L73" s="6">
        <v>791</v>
      </c>
    </row>
    <row r="74" spans="1:12">
      <c r="A74" s="9" t="s">
        <v>27</v>
      </c>
      <c r="B74" s="9" t="s">
        <v>28</v>
      </c>
      <c r="C74" s="9" t="s">
        <v>29</v>
      </c>
      <c r="D74" s="9" t="s">
        <v>6</v>
      </c>
      <c r="E74" s="9" t="s">
        <v>227</v>
      </c>
      <c r="F74" s="9" t="s">
        <v>235</v>
      </c>
      <c r="G74" s="9" t="s">
        <v>248</v>
      </c>
      <c r="H74" s="6">
        <v>1431377</v>
      </c>
      <c r="I74" s="6">
        <v>1158593</v>
      </c>
      <c r="J74" s="6">
        <v>1119960</v>
      </c>
      <c r="K74" s="6">
        <v>271842</v>
      </c>
      <c r="L74" s="6">
        <v>942</v>
      </c>
    </row>
    <row r="75" spans="1:12">
      <c r="A75" s="9" t="s">
        <v>27</v>
      </c>
      <c r="B75" s="9" t="s">
        <v>28</v>
      </c>
      <c r="C75" s="9" t="s">
        <v>29</v>
      </c>
      <c r="D75" s="9" t="s">
        <v>6</v>
      </c>
      <c r="E75" s="9" t="s">
        <v>227</v>
      </c>
      <c r="F75" s="9" t="s">
        <v>235</v>
      </c>
      <c r="G75" s="9" t="s">
        <v>249</v>
      </c>
      <c r="H75" s="6">
        <v>1381460</v>
      </c>
      <c r="I75" s="6">
        <v>1124167</v>
      </c>
      <c r="J75" s="6">
        <v>1087592</v>
      </c>
      <c r="K75" s="6">
        <v>256503</v>
      </c>
      <c r="L75" s="6">
        <v>790</v>
      </c>
    </row>
    <row r="76" spans="1:12">
      <c r="A76" s="9" t="s">
        <v>27</v>
      </c>
      <c r="B76" s="9" t="s">
        <v>28</v>
      </c>
      <c r="C76" s="9" t="s">
        <v>29</v>
      </c>
      <c r="D76" s="9" t="s">
        <v>6</v>
      </c>
      <c r="E76" s="9" t="s">
        <v>227</v>
      </c>
      <c r="F76" s="9" t="s">
        <v>235</v>
      </c>
      <c r="G76" s="9" t="s">
        <v>250</v>
      </c>
      <c r="H76" s="6">
        <v>1325348</v>
      </c>
      <c r="I76" s="6">
        <v>1085939</v>
      </c>
      <c r="J76" s="6">
        <v>1052352</v>
      </c>
      <c r="K76" s="6">
        <v>238556</v>
      </c>
      <c r="L76" s="6">
        <v>853</v>
      </c>
    </row>
    <row r="77" spans="1:12">
      <c r="A77" s="9" t="s">
        <v>27</v>
      </c>
      <c r="B77" s="9" t="s">
        <v>28</v>
      </c>
      <c r="C77" s="9" t="s">
        <v>29</v>
      </c>
      <c r="D77" s="9" t="s">
        <v>6</v>
      </c>
      <c r="E77" s="9" t="s">
        <v>227</v>
      </c>
      <c r="F77" s="9" t="s">
        <v>235</v>
      </c>
      <c r="G77" s="9" t="s">
        <v>251</v>
      </c>
      <c r="H77" s="6">
        <v>1281289</v>
      </c>
      <c r="I77" s="6">
        <v>1045118</v>
      </c>
      <c r="J77" s="6">
        <v>1012328</v>
      </c>
      <c r="K77" s="6">
        <v>235522</v>
      </c>
      <c r="L77" s="6">
        <v>649</v>
      </c>
    </row>
    <row r="78" spans="1:12">
      <c r="A78" s="9" t="s">
        <v>27</v>
      </c>
      <c r="B78" s="9" t="s">
        <v>28</v>
      </c>
      <c r="C78" s="9" t="s">
        <v>29</v>
      </c>
      <c r="D78" s="9" t="s">
        <v>6</v>
      </c>
      <c r="E78" s="9" t="s">
        <v>227</v>
      </c>
      <c r="F78" s="9" t="s">
        <v>235</v>
      </c>
      <c r="G78" s="9" t="s">
        <v>252</v>
      </c>
      <c r="H78" s="6">
        <v>1276585</v>
      </c>
      <c r="I78" s="6">
        <v>1037781</v>
      </c>
      <c r="J78" s="6">
        <v>1005266</v>
      </c>
      <c r="K78" s="6">
        <v>238074</v>
      </c>
      <c r="L78" s="6">
        <v>730</v>
      </c>
    </row>
    <row r="79" spans="1:12">
      <c r="A79" s="9" t="s">
        <v>27</v>
      </c>
      <c r="B79" s="9" t="s">
        <v>28</v>
      </c>
      <c r="C79" s="9" t="s">
        <v>29</v>
      </c>
      <c r="D79" s="9" t="s">
        <v>6</v>
      </c>
      <c r="E79" s="9" t="s">
        <v>227</v>
      </c>
      <c r="F79" s="9" t="s">
        <v>235</v>
      </c>
      <c r="G79" s="9" t="s">
        <v>253</v>
      </c>
      <c r="H79" s="6">
        <v>1253704</v>
      </c>
      <c r="I79" s="6">
        <v>1015907</v>
      </c>
      <c r="J79" s="6">
        <v>983746</v>
      </c>
      <c r="K79" s="6">
        <v>236982</v>
      </c>
      <c r="L79" s="6">
        <v>815</v>
      </c>
    </row>
    <row r="80" spans="1:12">
      <c r="A80" s="9" t="s">
        <v>27</v>
      </c>
      <c r="B80" s="9" t="s">
        <v>28</v>
      </c>
      <c r="C80" s="9" t="s">
        <v>29</v>
      </c>
      <c r="D80" s="9" t="s">
        <v>6</v>
      </c>
      <c r="E80" s="9" t="s">
        <v>227</v>
      </c>
      <c r="F80" s="9" t="s">
        <v>235</v>
      </c>
      <c r="G80" s="9" t="s">
        <v>254</v>
      </c>
      <c r="H80" s="6">
        <v>1144433</v>
      </c>
      <c r="I80" s="6">
        <v>915074</v>
      </c>
      <c r="J80" s="6">
        <v>886639</v>
      </c>
      <c r="K80" s="6">
        <v>228562</v>
      </c>
      <c r="L80" s="6">
        <v>797</v>
      </c>
    </row>
    <row r="81" spans="1:12">
      <c r="A81" s="9" t="s">
        <v>27</v>
      </c>
      <c r="B81" s="9" t="s">
        <v>28</v>
      </c>
      <c r="C81" s="9" t="s">
        <v>29</v>
      </c>
      <c r="D81" s="9" t="s">
        <v>6</v>
      </c>
      <c r="E81" s="9" t="s">
        <v>227</v>
      </c>
      <c r="F81" s="9" t="s">
        <v>235</v>
      </c>
      <c r="G81" s="9" t="s">
        <v>255</v>
      </c>
      <c r="H81" s="6">
        <v>998522</v>
      </c>
      <c r="I81" s="6">
        <v>786608</v>
      </c>
      <c r="J81" s="6">
        <v>760376</v>
      </c>
      <c r="K81" s="6">
        <v>211212</v>
      </c>
      <c r="L81" s="6">
        <v>702</v>
      </c>
    </row>
    <row r="82" spans="1:12">
      <c r="A82" s="9" t="s">
        <v>27</v>
      </c>
      <c r="B82" s="9" t="s">
        <v>28</v>
      </c>
      <c r="C82" s="9" t="s">
        <v>29</v>
      </c>
      <c r="D82" s="9" t="s">
        <v>6</v>
      </c>
      <c r="E82" s="9" t="s">
        <v>227</v>
      </c>
      <c r="F82" s="9" t="s">
        <v>235</v>
      </c>
      <c r="G82" s="9" t="s">
        <v>256</v>
      </c>
      <c r="H82" s="6">
        <v>10665689</v>
      </c>
      <c r="I82" s="6">
        <v>7079291</v>
      </c>
      <c r="J82" s="6">
        <v>6729908</v>
      </c>
      <c r="K82" s="6">
        <v>3566627</v>
      </c>
      <c r="L82" s="6">
        <v>19771</v>
      </c>
    </row>
    <row r="83" spans="1:12">
      <c r="A83" s="9" t="s">
        <v>27</v>
      </c>
      <c r="B83" s="9" t="s">
        <v>28</v>
      </c>
      <c r="C83" s="9" t="s">
        <v>29</v>
      </c>
      <c r="D83" s="9" t="s">
        <v>6</v>
      </c>
      <c r="E83" s="9" t="s">
        <v>228</v>
      </c>
      <c r="F83" s="9" t="s">
        <v>6</v>
      </c>
      <c r="G83" s="9" t="s">
        <v>30</v>
      </c>
      <c r="H83" s="6">
        <v>16318403</v>
      </c>
      <c r="I83" s="6">
        <v>3037764</v>
      </c>
      <c r="J83" s="6">
        <v>2726028</v>
      </c>
      <c r="K83" s="6">
        <v>13239544</v>
      </c>
      <c r="L83" s="6">
        <v>41095</v>
      </c>
    </row>
    <row r="84" spans="1:12">
      <c r="A84" s="9" t="s">
        <v>27</v>
      </c>
      <c r="B84" s="9" t="s">
        <v>28</v>
      </c>
      <c r="C84" s="9" t="s">
        <v>29</v>
      </c>
      <c r="D84" s="9" t="s">
        <v>6</v>
      </c>
      <c r="E84" s="9" t="s">
        <v>228</v>
      </c>
      <c r="F84" s="9" t="s">
        <v>234</v>
      </c>
      <c r="G84" s="9" t="s">
        <v>30</v>
      </c>
      <c r="H84" s="6">
        <v>9103750</v>
      </c>
      <c r="I84" s="6">
        <v>1385201</v>
      </c>
      <c r="J84" s="6">
        <v>1234655</v>
      </c>
      <c r="K84" s="6">
        <v>7688848</v>
      </c>
      <c r="L84" s="6">
        <v>29701</v>
      </c>
    </row>
    <row r="85" spans="1:12">
      <c r="A85" s="9" t="s">
        <v>27</v>
      </c>
      <c r="B85" s="9" t="s">
        <v>28</v>
      </c>
      <c r="C85" s="9" t="s">
        <v>29</v>
      </c>
      <c r="D85" s="9" t="s">
        <v>6</v>
      </c>
      <c r="E85" s="9" t="s">
        <v>228</v>
      </c>
      <c r="F85" s="9" t="s">
        <v>235</v>
      </c>
      <c r="G85" s="9" t="s">
        <v>30</v>
      </c>
      <c r="H85" s="6">
        <v>7214653</v>
      </c>
      <c r="I85" s="6">
        <v>1652563</v>
      </c>
      <c r="J85" s="6">
        <v>1491373</v>
      </c>
      <c r="K85" s="6">
        <v>5550696</v>
      </c>
      <c r="L85" s="6">
        <v>11394</v>
      </c>
    </row>
    <row r="86" spans="1:12">
      <c r="A86" s="9" t="s">
        <v>27</v>
      </c>
      <c r="B86" s="9" t="s">
        <v>28</v>
      </c>
      <c r="C86" s="9" t="s">
        <v>29</v>
      </c>
      <c r="D86" s="9" t="s">
        <v>6</v>
      </c>
      <c r="E86" s="9" t="s">
        <v>228</v>
      </c>
      <c r="F86" s="9" t="s">
        <v>235</v>
      </c>
      <c r="G86" s="9" t="s">
        <v>236</v>
      </c>
      <c r="H86" s="6">
        <v>37916</v>
      </c>
      <c r="I86" s="6">
        <v>12773</v>
      </c>
      <c r="J86" s="6">
        <v>11749</v>
      </c>
      <c r="K86" s="6">
        <v>24892</v>
      </c>
      <c r="L86" s="6">
        <v>251</v>
      </c>
    </row>
    <row r="87" spans="1:12">
      <c r="A87" s="9" t="s">
        <v>27</v>
      </c>
      <c r="B87" s="9" t="s">
        <v>28</v>
      </c>
      <c r="C87" s="9" t="s">
        <v>29</v>
      </c>
      <c r="D87" s="9" t="s">
        <v>6</v>
      </c>
      <c r="E87" s="9" t="s">
        <v>228</v>
      </c>
      <c r="F87" s="9" t="s">
        <v>235</v>
      </c>
      <c r="G87" s="9" t="s">
        <v>237</v>
      </c>
      <c r="H87" s="6">
        <v>31009</v>
      </c>
      <c r="I87" s="6">
        <v>14050</v>
      </c>
      <c r="J87" s="6">
        <v>13046</v>
      </c>
      <c r="K87" s="6">
        <v>16819</v>
      </c>
      <c r="L87" s="6">
        <v>140</v>
      </c>
    </row>
    <row r="88" spans="1:12">
      <c r="A88" s="9" t="s">
        <v>27</v>
      </c>
      <c r="B88" s="9" t="s">
        <v>28</v>
      </c>
      <c r="C88" s="9" t="s">
        <v>29</v>
      </c>
      <c r="D88" s="9" t="s">
        <v>6</v>
      </c>
      <c r="E88" s="9" t="s">
        <v>228</v>
      </c>
      <c r="F88" s="9" t="s">
        <v>235</v>
      </c>
      <c r="G88" s="9" t="s">
        <v>238</v>
      </c>
      <c r="H88" s="6">
        <v>26229</v>
      </c>
      <c r="I88" s="6">
        <v>13763</v>
      </c>
      <c r="J88" s="6">
        <v>12742</v>
      </c>
      <c r="K88" s="6">
        <v>12399</v>
      </c>
      <c r="L88" s="6">
        <v>67</v>
      </c>
    </row>
    <row r="89" spans="1:12">
      <c r="A89" s="9" t="s">
        <v>27</v>
      </c>
      <c r="B89" s="9" t="s">
        <v>28</v>
      </c>
      <c r="C89" s="9" t="s">
        <v>29</v>
      </c>
      <c r="D89" s="9" t="s">
        <v>6</v>
      </c>
      <c r="E89" s="9" t="s">
        <v>228</v>
      </c>
      <c r="F89" s="9" t="s">
        <v>235</v>
      </c>
      <c r="G89" s="9" t="s">
        <v>239</v>
      </c>
      <c r="H89" s="6">
        <v>23082</v>
      </c>
      <c r="I89" s="6">
        <v>13032</v>
      </c>
      <c r="J89" s="6">
        <v>12126</v>
      </c>
      <c r="K89" s="6">
        <v>9965</v>
      </c>
      <c r="L89" s="6">
        <v>85</v>
      </c>
    </row>
    <row r="90" spans="1:12">
      <c r="A90" s="9" t="s">
        <v>27</v>
      </c>
      <c r="B90" s="9" t="s">
        <v>28</v>
      </c>
      <c r="C90" s="9" t="s">
        <v>29</v>
      </c>
      <c r="D90" s="9" t="s">
        <v>6</v>
      </c>
      <c r="E90" s="9" t="s">
        <v>228</v>
      </c>
      <c r="F90" s="9" t="s">
        <v>235</v>
      </c>
      <c r="G90" s="9" t="s">
        <v>240</v>
      </c>
      <c r="H90" s="6">
        <v>21153</v>
      </c>
      <c r="I90" s="6">
        <v>12634</v>
      </c>
      <c r="J90" s="6">
        <v>11716</v>
      </c>
      <c r="K90" s="6">
        <v>8402</v>
      </c>
      <c r="L90" s="6">
        <v>117</v>
      </c>
    </row>
    <row r="91" spans="1:12">
      <c r="A91" s="9" t="s">
        <v>27</v>
      </c>
      <c r="B91" s="9" t="s">
        <v>28</v>
      </c>
      <c r="C91" s="9" t="s">
        <v>29</v>
      </c>
      <c r="D91" s="9" t="s">
        <v>6</v>
      </c>
      <c r="E91" s="9" t="s">
        <v>228</v>
      </c>
      <c r="F91" s="9" t="s">
        <v>235</v>
      </c>
      <c r="G91" s="9" t="s">
        <v>241</v>
      </c>
      <c r="H91" s="6">
        <v>19971</v>
      </c>
      <c r="I91" s="6">
        <v>12170</v>
      </c>
      <c r="J91" s="6">
        <v>11290</v>
      </c>
      <c r="K91" s="6">
        <v>7704</v>
      </c>
      <c r="L91" s="6">
        <v>97</v>
      </c>
    </row>
    <row r="92" spans="1:12">
      <c r="A92" s="9" t="s">
        <v>27</v>
      </c>
      <c r="B92" s="9" t="s">
        <v>28</v>
      </c>
      <c r="C92" s="9" t="s">
        <v>29</v>
      </c>
      <c r="D92" s="9" t="s">
        <v>6</v>
      </c>
      <c r="E92" s="9" t="s">
        <v>228</v>
      </c>
      <c r="F92" s="9" t="s">
        <v>235</v>
      </c>
      <c r="G92" s="9" t="s">
        <v>242</v>
      </c>
      <c r="H92" s="6">
        <v>20804</v>
      </c>
      <c r="I92" s="6">
        <v>12784</v>
      </c>
      <c r="J92" s="6">
        <v>11937</v>
      </c>
      <c r="K92" s="6">
        <v>7958</v>
      </c>
      <c r="L92" s="6">
        <v>62</v>
      </c>
    </row>
    <row r="93" spans="1:12">
      <c r="A93" s="9" t="s">
        <v>27</v>
      </c>
      <c r="B93" s="9" t="s">
        <v>28</v>
      </c>
      <c r="C93" s="9" t="s">
        <v>29</v>
      </c>
      <c r="D93" s="9" t="s">
        <v>6</v>
      </c>
      <c r="E93" s="9" t="s">
        <v>228</v>
      </c>
      <c r="F93" s="9" t="s">
        <v>235</v>
      </c>
      <c r="G93" s="9" t="s">
        <v>243</v>
      </c>
      <c r="H93" s="6">
        <v>21182</v>
      </c>
      <c r="I93" s="6">
        <v>13704</v>
      </c>
      <c r="J93" s="6">
        <v>12791</v>
      </c>
      <c r="K93" s="6">
        <v>7377</v>
      </c>
      <c r="L93" s="6">
        <v>101</v>
      </c>
    </row>
    <row r="94" spans="1:12">
      <c r="A94" s="9" t="s">
        <v>27</v>
      </c>
      <c r="B94" s="9" t="s">
        <v>28</v>
      </c>
      <c r="C94" s="9" t="s">
        <v>29</v>
      </c>
      <c r="D94" s="9" t="s">
        <v>6</v>
      </c>
      <c r="E94" s="9" t="s">
        <v>228</v>
      </c>
      <c r="F94" s="9" t="s">
        <v>235</v>
      </c>
      <c r="G94" s="9" t="s">
        <v>244</v>
      </c>
      <c r="H94" s="6">
        <v>21189</v>
      </c>
      <c r="I94" s="6">
        <v>14122</v>
      </c>
      <c r="J94" s="6">
        <v>13352</v>
      </c>
      <c r="K94" s="6">
        <v>6999</v>
      </c>
      <c r="L94" s="6">
        <v>68</v>
      </c>
    </row>
    <row r="95" spans="1:12">
      <c r="A95" s="9" t="s">
        <v>27</v>
      </c>
      <c r="B95" s="9" t="s">
        <v>28</v>
      </c>
      <c r="C95" s="9" t="s">
        <v>29</v>
      </c>
      <c r="D95" s="9" t="s">
        <v>6</v>
      </c>
      <c r="E95" s="9" t="s">
        <v>228</v>
      </c>
      <c r="F95" s="9" t="s">
        <v>235</v>
      </c>
      <c r="G95" s="9" t="s">
        <v>245</v>
      </c>
      <c r="H95" s="6">
        <v>21057</v>
      </c>
      <c r="I95" s="6">
        <v>14147</v>
      </c>
      <c r="J95" s="6">
        <v>13346</v>
      </c>
      <c r="K95" s="6">
        <v>6825</v>
      </c>
      <c r="L95" s="6">
        <v>85</v>
      </c>
    </row>
    <row r="96" spans="1:12">
      <c r="A96" s="9" t="s">
        <v>27</v>
      </c>
      <c r="B96" s="9" t="s">
        <v>28</v>
      </c>
      <c r="C96" s="9" t="s">
        <v>29</v>
      </c>
      <c r="D96" s="9" t="s">
        <v>6</v>
      </c>
      <c r="E96" s="9" t="s">
        <v>228</v>
      </c>
      <c r="F96" s="9" t="s">
        <v>235</v>
      </c>
      <c r="G96" s="9" t="s">
        <v>246</v>
      </c>
      <c r="H96" s="6">
        <v>22364</v>
      </c>
      <c r="I96" s="6">
        <v>15326</v>
      </c>
      <c r="J96" s="6">
        <v>14469</v>
      </c>
      <c r="K96" s="6">
        <v>6923</v>
      </c>
      <c r="L96" s="6">
        <v>115</v>
      </c>
    </row>
    <row r="97" spans="1:12">
      <c r="A97" s="9" t="s">
        <v>27</v>
      </c>
      <c r="B97" s="9" t="s">
        <v>28</v>
      </c>
      <c r="C97" s="9" t="s">
        <v>29</v>
      </c>
      <c r="D97" s="9" t="s">
        <v>6</v>
      </c>
      <c r="E97" s="9" t="s">
        <v>228</v>
      </c>
      <c r="F97" s="9" t="s">
        <v>235</v>
      </c>
      <c r="G97" s="9" t="s">
        <v>247</v>
      </c>
      <c r="H97" s="6">
        <v>22824</v>
      </c>
      <c r="I97" s="6">
        <v>15923</v>
      </c>
      <c r="J97" s="6">
        <v>15023</v>
      </c>
      <c r="K97" s="6">
        <v>6813</v>
      </c>
      <c r="L97" s="6">
        <v>88</v>
      </c>
    </row>
    <row r="98" spans="1:12">
      <c r="A98" s="9" t="s">
        <v>27</v>
      </c>
      <c r="B98" s="9" t="s">
        <v>28</v>
      </c>
      <c r="C98" s="9" t="s">
        <v>29</v>
      </c>
      <c r="D98" s="9" t="s">
        <v>6</v>
      </c>
      <c r="E98" s="9" t="s">
        <v>228</v>
      </c>
      <c r="F98" s="9" t="s">
        <v>235</v>
      </c>
      <c r="G98" s="9" t="s">
        <v>248</v>
      </c>
      <c r="H98" s="6">
        <v>23121</v>
      </c>
      <c r="I98" s="6">
        <v>16196</v>
      </c>
      <c r="J98" s="6">
        <v>15280</v>
      </c>
      <c r="K98" s="6">
        <v>6827</v>
      </c>
      <c r="L98" s="6">
        <v>98</v>
      </c>
    </row>
    <row r="99" spans="1:12">
      <c r="A99" s="9" t="s">
        <v>27</v>
      </c>
      <c r="B99" s="9" t="s">
        <v>28</v>
      </c>
      <c r="C99" s="9" t="s">
        <v>29</v>
      </c>
      <c r="D99" s="9" t="s">
        <v>6</v>
      </c>
      <c r="E99" s="9" t="s">
        <v>228</v>
      </c>
      <c r="F99" s="9" t="s">
        <v>235</v>
      </c>
      <c r="G99" s="9" t="s">
        <v>249</v>
      </c>
      <c r="H99" s="6">
        <v>24359</v>
      </c>
      <c r="I99" s="6">
        <v>17338</v>
      </c>
      <c r="J99" s="6">
        <v>16475</v>
      </c>
      <c r="K99" s="6">
        <v>6925</v>
      </c>
      <c r="L99" s="6">
        <v>96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228</v>
      </c>
      <c r="F100" s="9" t="s">
        <v>235</v>
      </c>
      <c r="G100" s="9" t="s">
        <v>250</v>
      </c>
      <c r="H100" s="6">
        <v>25366</v>
      </c>
      <c r="I100" s="6">
        <v>17749</v>
      </c>
      <c r="J100" s="6">
        <v>16774</v>
      </c>
      <c r="K100" s="6">
        <v>7547</v>
      </c>
      <c r="L100" s="6">
        <v>70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6</v>
      </c>
      <c r="E101" s="9" t="s">
        <v>228</v>
      </c>
      <c r="F101" s="9" t="s">
        <v>235</v>
      </c>
      <c r="G101" s="9" t="s">
        <v>251</v>
      </c>
      <c r="H101" s="6">
        <v>26281</v>
      </c>
      <c r="I101" s="6">
        <v>18239</v>
      </c>
      <c r="J101" s="6">
        <v>17390</v>
      </c>
      <c r="K101" s="6">
        <v>7946</v>
      </c>
      <c r="L101" s="6">
        <v>9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6</v>
      </c>
      <c r="E102" s="9" t="s">
        <v>228</v>
      </c>
      <c r="F102" s="9" t="s">
        <v>235</v>
      </c>
      <c r="G102" s="9" t="s">
        <v>252</v>
      </c>
      <c r="H102" s="6">
        <v>28291</v>
      </c>
      <c r="I102" s="6">
        <v>19740</v>
      </c>
      <c r="J102" s="6">
        <v>18612</v>
      </c>
      <c r="K102" s="6">
        <v>8477</v>
      </c>
      <c r="L102" s="6">
        <v>74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6</v>
      </c>
      <c r="E103" s="9" t="s">
        <v>228</v>
      </c>
      <c r="F103" s="9" t="s">
        <v>235</v>
      </c>
      <c r="G103" s="9" t="s">
        <v>253</v>
      </c>
      <c r="H103" s="6">
        <v>31475</v>
      </c>
      <c r="I103" s="6">
        <v>22221</v>
      </c>
      <c r="J103" s="6">
        <v>20965</v>
      </c>
      <c r="K103" s="6">
        <v>9146</v>
      </c>
      <c r="L103" s="6">
        <v>108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6</v>
      </c>
      <c r="E104" s="9" t="s">
        <v>228</v>
      </c>
      <c r="F104" s="9" t="s">
        <v>235</v>
      </c>
      <c r="G104" s="9" t="s">
        <v>254</v>
      </c>
      <c r="H104" s="6">
        <v>32808</v>
      </c>
      <c r="I104" s="6">
        <v>22938</v>
      </c>
      <c r="J104" s="6">
        <v>21821</v>
      </c>
      <c r="K104" s="6">
        <v>9792</v>
      </c>
      <c r="L104" s="6">
        <v>78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6</v>
      </c>
      <c r="E105" s="9" t="s">
        <v>228</v>
      </c>
      <c r="F105" s="9" t="s">
        <v>235</v>
      </c>
      <c r="G105" s="9" t="s">
        <v>255</v>
      </c>
      <c r="H105" s="6">
        <v>34288</v>
      </c>
      <c r="I105" s="6">
        <v>23253</v>
      </c>
      <c r="J105" s="6">
        <v>22079</v>
      </c>
      <c r="K105" s="6">
        <v>10943</v>
      </c>
      <c r="L105" s="6">
        <v>92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6</v>
      </c>
      <c r="E106" s="9" t="s">
        <v>228</v>
      </c>
      <c r="F106" s="9" t="s">
        <v>235</v>
      </c>
      <c r="G106" s="9" t="s">
        <v>256</v>
      </c>
      <c r="H106" s="6">
        <v>6699884</v>
      </c>
      <c r="I106" s="6">
        <v>1330461</v>
      </c>
      <c r="J106" s="6">
        <v>1188390</v>
      </c>
      <c r="K106" s="6">
        <v>5360017</v>
      </c>
      <c r="L106" s="6">
        <v>9406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6</v>
      </c>
      <c r="E107" s="9" t="s">
        <v>18</v>
      </c>
      <c r="F107" s="9" t="s">
        <v>6</v>
      </c>
      <c r="G107" s="9" t="s">
        <v>30</v>
      </c>
      <c r="H107" s="6">
        <v>7554140</v>
      </c>
      <c r="I107" s="6">
        <v>78730</v>
      </c>
      <c r="J107" s="6">
        <v>59463</v>
      </c>
      <c r="K107" s="6">
        <v>61483</v>
      </c>
      <c r="L107" s="6">
        <v>7413927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6</v>
      </c>
      <c r="E108" s="9" t="s">
        <v>18</v>
      </c>
      <c r="F108" s="9" t="s">
        <v>234</v>
      </c>
      <c r="G108" s="9" t="s">
        <v>30</v>
      </c>
      <c r="H108" s="6">
        <v>1965679</v>
      </c>
      <c r="I108" s="6">
        <v>35275</v>
      </c>
      <c r="J108" s="6">
        <v>25945</v>
      </c>
      <c r="K108" s="6">
        <v>29186</v>
      </c>
      <c r="L108" s="6">
        <v>1901218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6</v>
      </c>
      <c r="E109" s="9" t="s">
        <v>18</v>
      </c>
      <c r="F109" s="9" t="s">
        <v>235</v>
      </c>
      <c r="G109" s="9" t="s">
        <v>30</v>
      </c>
      <c r="H109" s="6">
        <v>5588461</v>
      </c>
      <c r="I109" s="6">
        <v>43455</v>
      </c>
      <c r="J109" s="6">
        <v>33518</v>
      </c>
      <c r="K109" s="6">
        <v>32297</v>
      </c>
      <c r="L109" s="6">
        <v>5512709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6</v>
      </c>
      <c r="E110" s="9" t="s">
        <v>18</v>
      </c>
      <c r="F110" s="9" t="s">
        <v>235</v>
      </c>
      <c r="G110" s="9" t="s">
        <v>236</v>
      </c>
      <c r="H110" s="6">
        <v>375034</v>
      </c>
      <c r="I110" s="6">
        <v>574</v>
      </c>
      <c r="J110" s="6">
        <v>401</v>
      </c>
      <c r="K110" s="6">
        <v>782</v>
      </c>
      <c r="L110" s="6">
        <v>373678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6</v>
      </c>
      <c r="E111" s="9" t="s">
        <v>18</v>
      </c>
      <c r="F111" s="9" t="s">
        <v>235</v>
      </c>
      <c r="G111" s="9" t="s">
        <v>237</v>
      </c>
      <c r="H111" s="6">
        <v>410358</v>
      </c>
      <c r="I111" s="6">
        <v>766</v>
      </c>
      <c r="J111" s="6">
        <v>550</v>
      </c>
      <c r="K111" s="6">
        <v>686</v>
      </c>
      <c r="L111" s="6">
        <v>408906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6</v>
      </c>
      <c r="E112" s="9" t="s">
        <v>18</v>
      </c>
      <c r="F112" s="9" t="s">
        <v>235</v>
      </c>
      <c r="G112" s="9" t="s">
        <v>238</v>
      </c>
      <c r="H112" s="6">
        <v>363825</v>
      </c>
      <c r="I112" s="6">
        <v>655</v>
      </c>
      <c r="J112" s="6">
        <v>554</v>
      </c>
      <c r="K112" s="6">
        <v>583</v>
      </c>
      <c r="L112" s="6">
        <v>362587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6</v>
      </c>
      <c r="E113" s="9" t="s">
        <v>18</v>
      </c>
      <c r="F113" s="9" t="s">
        <v>235</v>
      </c>
      <c r="G113" s="9" t="s">
        <v>239</v>
      </c>
      <c r="H113" s="6">
        <v>311988</v>
      </c>
      <c r="I113" s="6">
        <v>737</v>
      </c>
      <c r="J113" s="6">
        <v>600</v>
      </c>
      <c r="K113" s="6">
        <v>401</v>
      </c>
      <c r="L113" s="6">
        <v>310850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6</v>
      </c>
      <c r="E114" s="9" t="s">
        <v>18</v>
      </c>
      <c r="F114" s="9" t="s">
        <v>235</v>
      </c>
      <c r="G114" s="9" t="s">
        <v>240</v>
      </c>
      <c r="H114" s="6">
        <v>279697</v>
      </c>
      <c r="I114" s="6">
        <v>715</v>
      </c>
      <c r="J114" s="6">
        <v>569</v>
      </c>
      <c r="K114" s="6">
        <v>464</v>
      </c>
      <c r="L114" s="6">
        <v>278518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6</v>
      </c>
      <c r="E115" s="9" t="s">
        <v>18</v>
      </c>
      <c r="F115" s="9" t="s">
        <v>235</v>
      </c>
      <c r="G115" s="9" t="s">
        <v>241</v>
      </c>
      <c r="H115" s="6">
        <v>249849</v>
      </c>
      <c r="I115" s="6">
        <v>750</v>
      </c>
      <c r="J115" s="6">
        <v>617</v>
      </c>
      <c r="K115" s="6">
        <v>389</v>
      </c>
      <c r="L115" s="6">
        <v>248710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6</v>
      </c>
      <c r="E116" s="9" t="s">
        <v>18</v>
      </c>
      <c r="F116" s="9" t="s">
        <v>235</v>
      </c>
      <c r="G116" s="9" t="s">
        <v>242</v>
      </c>
      <c r="H116" s="6">
        <v>231636</v>
      </c>
      <c r="I116" s="6">
        <v>762</v>
      </c>
      <c r="J116" s="6">
        <v>666</v>
      </c>
      <c r="K116" s="6">
        <v>324</v>
      </c>
      <c r="L116" s="6">
        <v>230550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6</v>
      </c>
      <c r="E117" s="9" t="s">
        <v>18</v>
      </c>
      <c r="F117" s="9" t="s">
        <v>235</v>
      </c>
      <c r="G117" s="9" t="s">
        <v>243</v>
      </c>
      <c r="H117" s="6">
        <v>219424</v>
      </c>
      <c r="I117" s="6">
        <v>771</v>
      </c>
      <c r="J117" s="6">
        <v>647</v>
      </c>
      <c r="K117" s="6">
        <v>386</v>
      </c>
      <c r="L117" s="6">
        <v>218267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6</v>
      </c>
      <c r="E118" s="9" t="s">
        <v>18</v>
      </c>
      <c r="F118" s="9" t="s">
        <v>235</v>
      </c>
      <c r="G118" s="9" t="s">
        <v>244</v>
      </c>
      <c r="H118" s="6">
        <v>208089</v>
      </c>
      <c r="I118" s="6">
        <v>699</v>
      </c>
      <c r="J118" s="6">
        <v>652</v>
      </c>
      <c r="K118" s="6">
        <v>379</v>
      </c>
      <c r="L118" s="6">
        <v>20701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6</v>
      </c>
      <c r="E119" s="9" t="s">
        <v>18</v>
      </c>
      <c r="F119" s="9" t="s">
        <v>235</v>
      </c>
      <c r="G119" s="9" t="s">
        <v>245</v>
      </c>
      <c r="H119" s="6">
        <v>203979</v>
      </c>
      <c r="I119" s="6">
        <v>930</v>
      </c>
      <c r="J119" s="6">
        <v>790</v>
      </c>
      <c r="K119" s="6">
        <v>298</v>
      </c>
      <c r="L119" s="6">
        <v>202751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6</v>
      </c>
      <c r="E120" s="9" t="s">
        <v>18</v>
      </c>
      <c r="F120" s="9" t="s">
        <v>235</v>
      </c>
      <c r="G120" s="9" t="s">
        <v>246</v>
      </c>
      <c r="H120" s="6">
        <v>194557</v>
      </c>
      <c r="I120" s="6">
        <v>968</v>
      </c>
      <c r="J120" s="6">
        <v>881</v>
      </c>
      <c r="K120" s="6">
        <v>323</v>
      </c>
      <c r="L120" s="6">
        <v>193266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6</v>
      </c>
      <c r="E121" s="9" t="s">
        <v>18</v>
      </c>
      <c r="F121" s="9" t="s">
        <v>235</v>
      </c>
      <c r="G121" s="9" t="s">
        <v>247</v>
      </c>
      <c r="H121" s="6">
        <v>187963</v>
      </c>
      <c r="I121" s="6">
        <v>933</v>
      </c>
      <c r="J121" s="6">
        <v>788</v>
      </c>
      <c r="K121" s="6">
        <v>267</v>
      </c>
      <c r="L121" s="6">
        <v>186763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6</v>
      </c>
      <c r="E122" s="9" t="s">
        <v>18</v>
      </c>
      <c r="F122" s="9" t="s">
        <v>235</v>
      </c>
      <c r="G122" s="9" t="s">
        <v>248</v>
      </c>
      <c r="H122" s="6">
        <v>178618</v>
      </c>
      <c r="I122" s="6">
        <v>918</v>
      </c>
      <c r="J122" s="6">
        <v>785</v>
      </c>
      <c r="K122" s="6">
        <v>339</v>
      </c>
      <c r="L122" s="6">
        <v>177361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6</v>
      </c>
      <c r="E123" s="9" t="s">
        <v>18</v>
      </c>
      <c r="F123" s="9" t="s">
        <v>235</v>
      </c>
      <c r="G123" s="9" t="s">
        <v>249</v>
      </c>
      <c r="H123" s="6">
        <v>168992</v>
      </c>
      <c r="I123" s="6">
        <v>853</v>
      </c>
      <c r="J123" s="6">
        <v>730</v>
      </c>
      <c r="K123" s="6">
        <v>339</v>
      </c>
      <c r="L123" s="6">
        <v>167800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6</v>
      </c>
      <c r="E124" s="9" t="s">
        <v>18</v>
      </c>
      <c r="F124" s="9" t="s">
        <v>235</v>
      </c>
      <c r="G124" s="9" t="s">
        <v>250</v>
      </c>
      <c r="H124" s="6">
        <v>155498</v>
      </c>
      <c r="I124" s="6">
        <v>947</v>
      </c>
      <c r="J124" s="6">
        <v>800</v>
      </c>
      <c r="K124" s="6">
        <v>287</v>
      </c>
      <c r="L124" s="6">
        <v>154264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6</v>
      </c>
      <c r="E125" s="9" t="s">
        <v>18</v>
      </c>
      <c r="F125" s="9" t="s">
        <v>235</v>
      </c>
      <c r="G125" s="9" t="s">
        <v>251</v>
      </c>
      <c r="H125" s="6">
        <v>144830</v>
      </c>
      <c r="I125" s="6">
        <v>934</v>
      </c>
      <c r="J125" s="6">
        <v>787</v>
      </c>
      <c r="K125" s="6">
        <v>254</v>
      </c>
      <c r="L125" s="6">
        <v>143642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6</v>
      </c>
      <c r="E126" s="9" t="s">
        <v>18</v>
      </c>
      <c r="F126" s="9" t="s">
        <v>235</v>
      </c>
      <c r="G126" s="9" t="s">
        <v>252</v>
      </c>
      <c r="H126" s="6">
        <v>142337</v>
      </c>
      <c r="I126" s="6">
        <v>923</v>
      </c>
      <c r="J126" s="6">
        <v>810</v>
      </c>
      <c r="K126" s="6">
        <v>200</v>
      </c>
      <c r="L126" s="6">
        <v>14121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6</v>
      </c>
      <c r="E127" s="9" t="s">
        <v>18</v>
      </c>
      <c r="F127" s="9" t="s">
        <v>235</v>
      </c>
      <c r="G127" s="9" t="s">
        <v>253</v>
      </c>
      <c r="H127" s="6">
        <v>136304</v>
      </c>
      <c r="I127" s="6">
        <v>936</v>
      </c>
      <c r="J127" s="6">
        <v>826</v>
      </c>
      <c r="K127" s="6">
        <v>271</v>
      </c>
      <c r="L127" s="6">
        <v>135097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6</v>
      </c>
      <c r="E128" s="9" t="s">
        <v>18</v>
      </c>
      <c r="F128" s="9" t="s">
        <v>235</v>
      </c>
      <c r="G128" s="9" t="s">
        <v>254</v>
      </c>
      <c r="H128" s="6">
        <v>130191</v>
      </c>
      <c r="I128" s="6">
        <v>876</v>
      </c>
      <c r="J128" s="6">
        <v>786</v>
      </c>
      <c r="K128" s="6">
        <v>276</v>
      </c>
      <c r="L128" s="6">
        <v>129039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6</v>
      </c>
      <c r="E129" s="9" t="s">
        <v>18</v>
      </c>
      <c r="F129" s="9" t="s">
        <v>235</v>
      </c>
      <c r="G129" s="9" t="s">
        <v>255</v>
      </c>
      <c r="H129" s="6">
        <v>116425</v>
      </c>
      <c r="I129" s="6">
        <v>768</v>
      </c>
      <c r="J129" s="6">
        <v>687</v>
      </c>
      <c r="K129" s="6">
        <v>213</v>
      </c>
      <c r="L129" s="6">
        <v>115444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6</v>
      </c>
      <c r="E130" s="9" t="s">
        <v>18</v>
      </c>
      <c r="F130" s="9" t="s">
        <v>235</v>
      </c>
      <c r="G130" s="9" t="s">
        <v>256</v>
      </c>
      <c r="H130" s="6">
        <v>1178867</v>
      </c>
      <c r="I130" s="6">
        <v>27040</v>
      </c>
      <c r="J130" s="6">
        <v>19592</v>
      </c>
      <c r="K130" s="6">
        <v>24836</v>
      </c>
      <c r="L130" s="6">
        <v>1126991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6</v>
      </c>
      <c r="E131" s="9" t="s">
        <v>6</v>
      </c>
      <c r="F131" s="9" t="s">
        <v>6</v>
      </c>
      <c r="G131" s="9" t="s">
        <v>30</v>
      </c>
      <c r="H131" s="6">
        <v>1208825</v>
      </c>
      <c r="I131" s="6">
        <v>742765</v>
      </c>
      <c r="J131" s="6">
        <v>624643</v>
      </c>
      <c r="K131" s="6">
        <v>407334</v>
      </c>
      <c r="L131" s="6">
        <v>58726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6</v>
      </c>
      <c r="E132" s="9" t="s">
        <v>6</v>
      </c>
      <c r="F132" s="9" t="s">
        <v>234</v>
      </c>
      <c r="G132" s="9" t="s">
        <v>30</v>
      </c>
      <c r="H132" s="6">
        <v>365208</v>
      </c>
      <c r="I132" s="6">
        <v>172671</v>
      </c>
      <c r="J132" s="6">
        <v>133930</v>
      </c>
      <c r="K132" s="6">
        <v>177021</v>
      </c>
      <c r="L132" s="6">
        <v>15516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6</v>
      </c>
      <c r="E133" s="9" t="s">
        <v>6</v>
      </c>
      <c r="F133" s="9" t="s">
        <v>235</v>
      </c>
      <c r="G133" s="9" t="s">
        <v>30</v>
      </c>
      <c r="H133" s="6">
        <v>843617</v>
      </c>
      <c r="I133" s="6">
        <v>570094</v>
      </c>
      <c r="J133" s="6">
        <v>490713</v>
      </c>
      <c r="K133" s="6">
        <v>230313</v>
      </c>
      <c r="L133" s="6">
        <v>43210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6</v>
      </c>
      <c r="E134" s="9" t="s">
        <v>6</v>
      </c>
      <c r="F134" s="9" t="s">
        <v>235</v>
      </c>
      <c r="G134" s="9" t="s">
        <v>236</v>
      </c>
      <c r="H134" s="6">
        <v>48060</v>
      </c>
      <c r="I134" s="6">
        <v>23900</v>
      </c>
      <c r="J134" s="6">
        <v>21960</v>
      </c>
      <c r="K134" s="6">
        <v>20499</v>
      </c>
      <c r="L134" s="6">
        <v>3661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6</v>
      </c>
      <c r="E135" s="9" t="s">
        <v>6</v>
      </c>
      <c r="F135" s="9" t="s">
        <v>235</v>
      </c>
      <c r="G135" s="9" t="s">
        <v>237</v>
      </c>
      <c r="H135" s="6">
        <v>47430</v>
      </c>
      <c r="I135" s="6">
        <v>31966</v>
      </c>
      <c r="J135" s="6">
        <v>29064</v>
      </c>
      <c r="K135" s="6">
        <v>11594</v>
      </c>
      <c r="L135" s="6">
        <v>3870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6</v>
      </c>
      <c r="E136" s="9" t="s">
        <v>6</v>
      </c>
      <c r="F136" s="9" t="s">
        <v>235</v>
      </c>
      <c r="G136" s="9" t="s">
        <v>238</v>
      </c>
      <c r="H136" s="6">
        <v>42015</v>
      </c>
      <c r="I136" s="6">
        <v>30644</v>
      </c>
      <c r="J136" s="6">
        <v>27985</v>
      </c>
      <c r="K136" s="6">
        <v>8218</v>
      </c>
      <c r="L136" s="6">
        <v>3153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6</v>
      </c>
      <c r="E137" s="9" t="s">
        <v>6</v>
      </c>
      <c r="F137" s="9" t="s">
        <v>235</v>
      </c>
      <c r="G137" s="9" t="s">
        <v>239</v>
      </c>
      <c r="H137" s="6">
        <v>35461</v>
      </c>
      <c r="I137" s="6">
        <v>26728</v>
      </c>
      <c r="J137" s="6">
        <v>24179</v>
      </c>
      <c r="K137" s="6">
        <v>6238</v>
      </c>
      <c r="L137" s="6">
        <v>2495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6</v>
      </c>
      <c r="E138" s="9" t="s">
        <v>6</v>
      </c>
      <c r="F138" s="9" t="s">
        <v>235</v>
      </c>
      <c r="G138" s="9" t="s">
        <v>240</v>
      </c>
      <c r="H138" s="6">
        <v>32063</v>
      </c>
      <c r="I138" s="6">
        <v>24969</v>
      </c>
      <c r="J138" s="6">
        <v>22727</v>
      </c>
      <c r="K138" s="6">
        <v>5024</v>
      </c>
      <c r="L138" s="6">
        <v>2070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6</v>
      </c>
      <c r="E139" s="9" t="s">
        <v>6</v>
      </c>
      <c r="F139" s="9" t="s">
        <v>235</v>
      </c>
      <c r="G139" s="9" t="s">
        <v>241</v>
      </c>
      <c r="H139" s="6">
        <v>29679</v>
      </c>
      <c r="I139" s="6">
        <v>23113</v>
      </c>
      <c r="J139" s="6">
        <v>20841</v>
      </c>
      <c r="K139" s="6">
        <v>4660</v>
      </c>
      <c r="L139" s="6">
        <v>1906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6</v>
      </c>
      <c r="E140" s="9" t="s">
        <v>6</v>
      </c>
      <c r="F140" s="9" t="s">
        <v>235</v>
      </c>
      <c r="G140" s="9" t="s">
        <v>242</v>
      </c>
      <c r="H140" s="6">
        <v>27838</v>
      </c>
      <c r="I140" s="6">
        <v>21731</v>
      </c>
      <c r="J140" s="6">
        <v>19589</v>
      </c>
      <c r="K140" s="6">
        <v>4272</v>
      </c>
      <c r="L140" s="6">
        <v>1835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6</v>
      </c>
      <c r="E141" s="9" t="s">
        <v>6</v>
      </c>
      <c r="F141" s="9" t="s">
        <v>235</v>
      </c>
      <c r="G141" s="9" t="s">
        <v>243</v>
      </c>
      <c r="H141" s="6">
        <v>27825</v>
      </c>
      <c r="I141" s="6">
        <v>21826</v>
      </c>
      <c r="J141" s="6">
        <v>19659</v>
      </c>
      <c r="K141" s="6">
        <v>4278</v>
      </c>
      <c r="L141" s="6">
        <v>1721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6</v>
      </c>
      <c r="E142" s="9" t="s">
        <v>6</v>
      </c>
      <c r="F142" s="9" t="s">
        <v>235</v>
      </c>
      <c r="G142" s="9" t="s">
        <v>244</v>
      </c>
      <c r="H142" s="6">
        <v>26751</v>
      </c>
      <c r="I142" s="6">
        <v>21453</v>
      </c>
      <c r="J142" s="6">
        <v>19457</v>
      </c>
      <c r="K142" s="6">
        <v>3805</v>
      </c>
      <c r="L142" s="6">
        <v>1493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6</v>
      </c>
      <c r="E143" s="9" t="s">
        <v>6</v>
      </c>
      <c r="F143" s="9" t="s">
        <v>235</v>
      </c>
      <c r="G143" s="9" t="s">
        <v>245</v>
      </c>
      <c r="H143" s="6">
        <v>25559</v>
      </c>
      <c r="I143" s="6">
        <v>20692</v>
      </c>
      <c r="J143" s="6">
        <v>18830</v>
      </c>
      <c r="K143" s="6">
        <v>3391</v>
      </c>
      <c r="L143" s="6">
        <v>1476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6</v>
      </c>
      <c r="E144" s="9" t="s">
        <v>6</v>
      </c>
      <c r="F144" s="9" t="s">
        <v>235</v>
      </c>
      <c r="G144" s="9" t="s">
        <v>246</v>
      </c>
      <c r="H144" s="6">
        <v>25266</v>
      </c>
      <c r="I144" s="6">
        <v>20623</v>
      </c>
      <c r="J144" s="6">
        <v>18461</v>
      </c>
      <c r="K144" s="6">
        <v>3242</v>
      </c>
      <c r="L144" s="6">
        <v>1401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6</v>
      </c>
      <c r="E145" s="9" t="s">
        <v>6</v>
      </c>
      <c r="F145" s="9" t="s">
        <v>235</v>
      </c>
      <c r="G145" s="9" t="s">
        <v>247</v>
      </c>
      <c r="H145" s="6">
        <v>23945</v>
      </c>
      <c r="I145" s="6">
        <v>19446</v>
      </c>
      <c r="J145" s="6">
        <v>17370</v>
      </c>
      <c r="K145" s="6">
        <v>3086</v>
      </c>
      <c r="L145" s="6">
        <v>1413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6</v>
      </c>
      <c r="E146" s="9" t="s">
        <v>6</v>
      </c>
      <c r="F146" s="9" t="s">
        <v>235</v>
      </c>
      <c r="G146" s="9" t="s">
        <v>248</v>
      </c>
      <c r="H146" s="6">
        <v>24094</v>
      </c>
      <c r="I146" s="6">
        <v>19752</v>
      </c>
      <c r="J146" s="6">
        <v>17821</v>
      </c>
      <c r="K146" s="6">
        <v>3065</v>
      </c>
      <c r="L146" s="6">
        <v>1277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6</v>
      </c>
      <c r="E147" s="9" t="s">
        <v>6</v>
      </c>
      <c r="F147" s="9" t="s">
        <v>235</v>
      </c>
      <c r="G147" s="9" t="s">
        <v>249</v>
      </c>
      <c r="H147" s="6">
        <v>22158</v>
      </c>
      <c r="I147" s="6">
        <v>17969</v>
      </c>
      <c r="J147" s="6">
        <v>16230</v>
      </c>
      <c r="K147" s="6">
        <v>2751</v>
      </c>
      <c r="L147" s="6">
        <v>1438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6</v>
      </c>
      <c r="E148" s="9" t="s">
        <v>6</v>
      </c>
      <c r="F148" s="9" t="s">
        <v>235</v>
      </c>
      <c r="G148" s="9" t="s">
        <v>250</v>
      </c>
      <c r="H148" s="6">
        <v>21069</v>
      </c>
      <c r="I148" s="6">
        <v>17323</v>
      </c>
      <c r="J148" s="6">
        <v>15658</v>
      </c>
      <c r="K148" s="6">
        <v>2739</v>
      </c>
      <c r="L148" s="6">
        <v>1007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6</v>
      </c>
      <c r="E149" s="9" t="s">
        <v>6</v>
      </c>
      <c r="F149" s="9" t="s">
        <v>235</v>
      </c>
      <c r="G149" s="9" t="s">
        <v>251</v>
      </c>
      <c r="H149" s="6">
        <v>20006</v>
      </c>
      <c r="I149" s="6">
        <v>16245</v>
      </c>
      <c r="J149" s="6">
        <v>14654</v>
      </c>
      <c r="K149" s="6">
        <v>2810</v>
      </c>
      <c r="L149" s="6">
        <v>951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6</v>
      </c>
      <c r="E150" s="9" t="s">
        <v>6</v>
      </c>
      <c r="F150" s="9" t="s">
        <v>235</v>
      </c>
      <c r="G150" s="9" t="s">
        <v>252</v>
      </c>
      <c r="H150" s="6">
        <v>19726</v>
      </c>
      <c r="I150" s="6">
        <v>15945</v>
      </c>
      <c r="J150" s="6">
        <v>14343</v>
      </c>
      <c r="K150" s="6">
        <v>2823</v>
      </c>
      <c r="L150" s="6">
        <v>958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6</v>
      </c>
      <c r="E151" s="9" t="s">
        <v>6</v>
      </c>
      <c r="F151" s="9" t="s">
        <v>235</v>
      </c>
      <c r="G151" s="9" t="s">
        <v>253</v>
      </c>
      <c r="H151" s="6">
        <v>19356</v>
      </c>
      <c r="I151" s="6">
        <v>15529</v>
      </c>
      <c r="J151" s="6">
        <v>13887</v>
      </c>
      <c r="K151" s="6">
        <v>2931</v>
      </c>
      <c r="L151" s="6">
        <v>896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6</v>
      </c>
      <c r="E152" s="9" t="s">
        <v>6</v>
      </c>
      <c r="F152" s="9" t="s">
        <v>235</v>
      </c>
      <c r="G152" s="9" t="s">
        <v>254</v>
      </c>
      <c r="H152" s="6">
        <v>16289</v>
      </c>
      <c r="I152" s="6">
        <v>12991</v>
      </c>
      <c r="J152" s="6">
        <v>11500</v>
      </c>
      <c r="K152" s="6">
        <v>2505</v>
      </c>
      <c r="L152" s="6">
        <v>793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6</v>
      </c>
      <c r="E153" s="9" t="s">
        <v>6</v>
      </c>
      <c r="F153" s="9" t="s">
        <v>235</v>
      </c>
      <c r="G153" s="9" t="s">
        <v>255</v>
      </c>
      <c r="H153" s="6">
        <v>13505</v>
      </c>
      <c r="I153" s="6">
        <v>10610</v>
      </c>
      <c r="J153" s="6">
        <v>9299</v>
      </c>
      <c r="K153" s="6">
        <v>2270</v>
      </c>
      <c r="L153" s="6">
        <v>625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6</v>
      </c>
      <c r="E154" s="9" t="s">
        <v>6</v>
      </c>
      <c r="F154" s="9" t="s">
        <v>235</v>
      </c>
      <c r="G154" s="9" t="s">
        <v>256</v>
      </c>
      <c r="H154" s="6">
        <v>295522</v>
      </c>
      <c r="I154" s="6">
        <v>156639</v>
      </c>
      <c r="J154" s="6">
        <v>117199</v>
      </c>
      <c r="K154" s="6">
        <v>130112</v>
      </c>
      <c r="L154" s="6">
        <v>8771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6</v>
      </c>
      <c r="E155" s="9" t="s">
        <v>226</v>
      </c>
      <c r="F155" s="9" t="s">
        <v>6</v>
      </c>
      <c r="G155" s="9" t="s">
        <v>30</v>
      </c>
      <c r="H155" s="6">
        <v>907917</v>
      </c>
      <c r="I155" s="6">
        <v>693834</v>
      </c>
      <c r="J155" s="6">
        <v>581065</v>
      </c>
      <c r="K155" s="6">
        <v>212657</v>
      </c>
      <c r="L155" s="6">
        <v>1426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6</v>
      </c>
      <c r="E156" s="9" t="s">
        <v>226</v>
      </c>
      <c r="F156" s="9" t="s">
        <v>234</v>
      </c>
      <c r="G156" s="9" t="s">
        <v>30</v>
      </c>
      <c r="H156" s="6">
        <v>212289</v>
      </c>
      <c r="I156" s="6">
        <v>149477</v>
      </c>
      <c r="J156" s="6">
        <v>113222</v>
      </c>
      <c r="K156" s="6">
        <v>62073</v>
      </c>
      <c r="L156" s="6">
        <v>739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6</v>
      </c>
      <c r="E157" s="9" t="s">
        <v>226</v>
      </c>
      <c r="F157" s="9" t="s">
        <v>235</v>
      </c>
      <c r="G157" s="9" t="s">
        <v>30</v>
      </c>
      <c r="H157" s="6">
        <v>695628</v>
      </c>
      <c r="I157" s="6">
        <v>544357</v>
      </c>
      <c r="J157" s="6">
        <v>467843</v>
      </c>
      <c r="K157" s="6">
        <v>150584</v>
      </c>
      <c r="L157" s="6">
        <v>687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6</v>
      </c>
      <c r="E158" s="9" t="s">
        <v>226</v>
      </c>
      <c r="F158" s="9" t="s">
        <v>235</v>
      </c>
      <c r="G158" s="9" t="s">
        <v>236</v>
      </c>
      <c r="H158" s="6">
        <v>43782</v>
      </c>
      <c r="I158" s="6">
        <v>23686</v>
      </c>
      <c r="J158" s="6">
        <v>21746</v>
      </c>
      <c r="K158" s="6">
        <v>20081</v>
      </c>
      <c r="L158" s="6">
        <v>1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6</v>
      </c>
      <c r="E159" s="9" t="s">
        <v>226</v>
      </c>
      <c r="F159" s="9" t="s">
        <v>235</v>
      </c>
      <c r="G159" s="9" t="s">
        <v>237</v>
      </c>
      <c r="H159" s="6">
        <v>42955</v>
      </c>
      <c r="I159" s="6">
        <v>31642</v>
      </c>
      <c r="J159" s="6">
        <v>28756</v>
      </c>
      <c r="K159" s="6">
        <v>11281</v>
      </c>
      <c r="L159" s="6">
        <v>32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6</v>
      </c>
      <c r="E160" s="9" t="s">
        <v>226</v>
      </c>
      <c r="F160" s="9" t="s">
        <v>235</v>
      </c>
      <c r="G160" s="9" t="s">
        <v>238</v>
      </c>
      <c r="H160" s="6">
        <v>38444</v>
      </c>
      <c r="I160" s="6">
        <v>30358</v>
      </c>
      <c r="J160" s="6">
        <v>27708</v>
      </c>
      <c r="K160" s="6">
        <v>8068</v>
      </c>
      <c r="L160" s="6">
        <v>18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6</v>
      </c>
      <c r="E161" s="9" t="s">
        <v>226</v>
      </c>
      <c r="F161" s="9" t="s">
        <v>235</v>
      </c>
      <c r="G161" s="9" t="s">
        <v>239</v>
      </c>
      <c r="H161" s="6">
        <v>32555</v>
      </c>
      <c r="I161" s="6">
        <v>26399</v>
      </c>
      <c r="J161" s="6">
        <v>23870</v>
      </c>
      <c r="K161" s="6">
        <v>6142</v>
      </c>
      <c r="L161" s="6">
        <v>14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6</v>
      </c>
      <c r="E162" s="9" t="s">
        <v>226</v>
      </c>
      <c r="F162" s="9" t="s">
        <v>235</v>
      </c>
      <c r="G162" s="9" t="s">
        <v>240</v>
      </c>
      <c r="H162" s="6">
        <v>29575</v>
      </c>
      <c r="I162" s="6">
        <v>24679</v>
      </c>
      <c r="J162" s="6">
        <v>22491</v>
      </c>
      <c r="K162" s="6">
        <v>4876</v>
      </c>
      <c r="L162" s="6">
        <v>20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6</v>
      </c>
      <c r="E163" s="9" t="s">
        <v>226</v>
      </c>
      <c r="F163" s="9" t="s">
        <v>235</v>
      </c>
      <c r="G163" s="9" t="s">
        <v>241</v>
      </c>
      <c r="H163" s="6">
        <v>27485</v>
      </c>
      <c r="I163" s="6">
        <v>22932</v>
      </c>
      <c r="J163" s="6">
        <v>20675</v>
      </c>
      <c r="K163" s="6">
        <v>4541</v>
      </c>
      <c r="L163" s="6">
        <v>12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6</v>
      </c>
      <c r="E164" s="9" t="s">
        <v>226</v>
      </c>
      <c r="F164" s="9" t="s">
        <v>235</v>
      </c>
      <c r="G164" s="9" t="s">
        <v>242</v>
      </c>
      <c r="H164" s="6">
        <v>25643</v>
      </c>
      <c r="I164" s="6">
        <v>21486</v>
      </c>
      <c r="J164" s="6">
        <v>19363</v>
      </c>
      <c r="K164" s="6">
        <v>4141</v>
      </c>
      <c r="L164" s="6">
        <v>16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6</v>
      </c>
      <c r="E165" s="9" t="s">
        <v>226</v>
      </c>
      <c r="F165" s="9" t="s">
        <v>235</v>
      </c>
      <c r="G165" s="9" t="s">
        <v>243</v>
      </c>
      <c r="H165" s="6">
        <v>25798</v>
      </c>
      <c r="I165" s="6">
        <v>21562</v>
      </c>
      <c r="J165" s="6">
        <v>19436</v>
      </c>
      <c r="K165" s="6">
        <v>4196</v>
      </c>
      <c r="L165" s="6">
        <v>40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6</v>
      </c>
      <c r="E166" s="9" t="s">
        <v>226</v>
      </c>
      <c r="F166" s="9" t="s">
        <v>235</v>
      </c>
      <c r="G166" s="9" t="s">
        <v>244</v>
      </c>
      <c r="H166" s="6">
        <v>24918</v>
      </c>
      <c r="I166" s="6">
        <v>21206</v>
      </c>
      <c r="J166" s="6">
        <v>19221</v>
      </c>
      <c r="K166" s="6">
        <v>3695</v>
      </c>
      <c r="L166" s="6">
        <v>17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6</v>
      </c>
      <c r="E167" s="9" t="s">
        <v>226</v>
      </c>
      <c r="F167" s="9" t="s">
        <v>235</v>
      </c>
      <c r="G167" s="9" t="s">
        <v>245</v>
      </c>
      <c r="H167" s="6">
        <v>23721</v>
      </c>
      <c r="I167" s="6">
        <v>20413</v>
      </c>
      <c r="J167" s="6">
        <v>18583</v>
      </c>
      <c r="K167" s="6">
        <v>3285</v>
      </c>
      <c r="L167" s="6">
        <v>23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6</v>
      </c>
      <c r="E168" s="9" t="s">
        <v>226</v>
      </c>
      <c r="F168" s="9" t="s">
        <v>235</v>
      </c>
      <c r="G168" s="9" t="s">
        <v>246</v>
      </c>
      <c r="H168" s="6">
        <v>23471</v>
      </c>
      <c r="I168" s="6">
        <v>20344</v>
      </c>
      <c r="J168" s="6">
        <v>18207</v>
      </c>
      <c r="K168" s="6">
        <v>3119</v>
      </c>
      <c r="L168" s="6">
        <v>8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6</v>
      </c>
      <c r="E169" s="9" t="s">
        <v>226</v>
      </c>
      <c r="F169" s="9" t="s">
        <v>235</v>
      </c>
      <c r="G169" s="9" t="s">
        <v>247</v>
      </c>
      <c r="H169" s="6">
        <v>22263</v>
      </c>
      <c r="I169" s="6">
        <v>19205</v>
      </c>
      <c r="J169" s="6">
        <v>17143</v>
      </c>
      <c r="K169" s="6">
        <v>3041</v>
      </c>
      <c r="L169" s="6">
        <v>17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6</v>
      </c>
      <c r="E170" s="9" t="s">
        <v>226</v>
      </c>
      <c r="F170" s="9" t="s">
        <v>235</v>
      </c>
      <c r="G170" s="9" t="s">
        <v>248</v>
      </c>
      <c r="H170" s="6">
        <v>22360</v>
      </c>
      <c r="I170" s="6">
        <v>19367</v>
      </c>
      <c r="J170" s="6">
        <v>17464</v>
      </c>
      <c r="K170" s="6">
        <v>2980</v>
      </c>
      <c r="L170" s="6">
        <v>13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6</v>
      </c>
      <c r="E171" s="9" t="s">
        <v>226</v>
      </c>
      <c r="F171" s="9" t="s">
        <v>235</v>
      </c>
      <c r="G171" s="9" t="s">
        <v>249</v>
      </c>
      <c r="H171" s="6">
        <v>20414</v>
      </c>
      <c r="I171" s="6">
        <v>17725</v>
      </c>
      <c r="J171" s="6">
        <v>16003</v>
      </c>
      <c r="K171" s="6">
        <v>2666</v>
      </c>
      <c r="L171" s="6">
        <v>23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6</v>
      </c>
      <c r="E172" s="9" t="s">
        <v>226</v>
      </c>
      <c r="F172" s="9" t="s">
        <v>235</v>
      </c>
      <c r="G172" s="9" t="s">
        <v>250</v>
      </c>
      <c r="H172" s="6">
        <v>19692</v>
      </c>
      <c r="I172" s="6">
        <v>17013</v>
      </c>
      <c r="J172" s="6">
        <v>15351</v>
      </c>
      <c r="K172" s="6">
        <v>2675</v>
      </c>
      <c r="L172" s="6">
        <v>4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6</v>
      </c>
      <c r="E173" s="9" t="s">
        <v>226</v>
      </c>
      <c r="F173" s="9" t="s">
        <v>235</v>
      </c>
      <c r="G173" s="9" t="s">
        <v>251</v>
      </c>
      <c r="H173" s="6">
        <v>18629</v>
      </c>
      <c r="I173" s="6">
        <v>15914</v>
      </c>
      <c r="J173" s="6">
        <v>14332</v>
      </c>
      <c r="K173" s="6">
        <v>2705</v>
      </c>
      <c r="L173" s="6">
        <v>10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6</v>
      </c>
      <c r="E174" s="9" t="s">
        <v>226</v>
      </c>
      <c r="F174" s="9" t="s">
        <v>235</v>
      </c>
      <c r="G174" s="9" t="s">
        <v>252</v>
      </c>
      <c r="H174" s="6">
        <v>18353</v>
      </c>
      <c r="I174" s="6">
        <v>15603</v>
      </c>
      <c r="J174" s="6">
        <v>14020</v>
      </c>
      <c r="K174" s="6">
        <v>2742</v>
      </c>
      <c r="L174" s="6">
        <v>8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6</v>
      </c>
      <c r="E175" s="9" t="s">
        <v>226</v>
      </c>
      <c r="F175" s="9" t="s">
        <v>235</v>
      </c>
      <c r="G175" s="9" t="s">
        <v>253</v>
      </c>
      <c r="H175" s="6">
        <v>17960</v>
      </c>
      <c r="I175" s="6">
        <v>15167</v>
      </c>
      <c r="J175" s="6">
        <v>13543</v>
      </c>
      <c r="K175" s="6">
        <v>2780</v>
      </c>
      <c r="L175" s="6">
        <v>13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6</v>
      </c>
      <c r="E176" s="9" t="s">
        <v>226</v>
      </c>
      <c r="F176" s="9" t="s">
        <v>235</v>
      </c>
      <c r="G176" s="9" t="s">
        <v>254</v>
      </c>
      <c r="H176" s="6">
        <v>14992</v>
      </c>
      <c r="I176" s="6">
        <v>12631</v>
      </c>
      <c r="J176" s="6">
        <v>11146</v>
      </c>
      <c r="K176" s="6">
        <v>2352</v>
      </c>
      <c r="L176" s="6">
        <v>9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6</v>
      </c>
      <c r="E177" s="9" t="s">
        <v>226</v>
      </c>
      <c r="F177" s="9" t="s">
        <v>235</v>
      </c>
      <c r="G177" s="9" t="s">
        <v>255</v>
      </c>
      <c r="H177" s="6">
        <v>12377</v>
      </c>
      <c r="I177" s="6">
        <v>10244</v>
      </c>
      <c r="J177" s="6">
        <v>8952</v>
      </c>
      <c r="K177" s="6">
        <v>2120</v>
      </c>
      <c r="L177" s="6">
        <v>13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6</v>
      </c>
      <c r="E178" s="9" t="s">
        <v>226</v>
      </c>
      <c r="F178" s="9" t="s">
        <v>235</v>
      </c>
      <c r="G178" s="9" t="s">
        <v>256</v>
      </c>
      <c r="H178" s="6">
        <v>190241</v>
      </c>
      <c r="I178" s="6">
        <v>136781</v>
      </c>
      <c r="J178" s="6">
        <v>99833</v>
      </c>
      <c r="K178" s="6">
        <v>53098</v>
      </c>
      <c r="L178" s="6">
        <v>362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6</v>
      </c>
      <c r="E179" s="9" t="s">
        <v>227</v>
      </c>
      <c r="F179" s="9" t="s">
        <v>6</v>
      </c>
      <c r="G179" s="9" t="s">
        <v>30</v>
      </c>
      <c r="H179" s="6">
        <v>725964</v>
      </c>
      <c r="I179" s="6">
        <v>546349</v>
      </c>
      <c r="J179" s="6">
        <v>525138</v>
      </c>
      <c r="K179" s="6">
        <v>178857</v>
      </c>
      <c r="L179" s="6">
        <v>758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6</v>
      </c>
      <c r="E180" s="9" t="s">
        <v>227</v>
      </c>
      <c r="F180" s="9" t="s">
        <v>234</v>
      </c>
      <c r="G180" s="9" t="s">
        <v>30</v>
      </c>
      <c r="H180" s="6">
        <v>152813</v>
      </c>
      <c r="I180" s="6">
        <v>103784</v>
      </c>
      <c r="J180" s="6">
        <v>98720</v>
      </c>
      <c r="K180" s="6">
        <v>48652</v>
      </c>
      <c r="L180" s="6">
        <v>377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6</v>
      </c>
      <c r="E181" s="9" t="s">
        <v>227</v>
      </c>
      <c r="F181" s="9" t="s">
        <v>235</v>
      </c>
      <c r="G181" s="9" t="s">
        <v>30</v>
      </c>
      <c r="H181" s="6">
        <v>573151</v>
      </c>
      <c r="I181" s="6">
        <v>442565</v>
      </c>
      <c r="J181" s="6">
        <v>426418</v>
      </c>
      <c r="K181" s="6">
        <v>130205</v>
      </c>
      <c r="L181" s="6">
        <v>381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6</v>
      </c>
      <c r="E182" s="9" t="s">
        <v>227</v>
      </c>
      <c r="F182" s="9" t="s">
        <v>235</v>
      </c>
      <c r="G182" s="9" t="s">
        <v>236</v>
      </c>
      <c r="H182" s="6">
        <v>39049</v>
      </c>
      <c r="I182" s="6">
        <v>20888</v>
      </c>
      <c r="J182" s="6">
        <v>20301</v>
      </c>
      <c r="K182" s="6">
        <v>18146</v>
      </c>
      <c r="L182" s="6">
        <v>1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6</v>
      </c>
      <c r="E183" s="9" t="s">
        <v>227</v>
      </c>
      <c r="F183" s="9" t="s">
        <v>235</v>
      </c>
      <c r="G183" s="9" t="s">
        <v>237</v>
      </c>
      <c r="H183" s="6">
        <v>37868</v>
      </c>
      <c r="I183" s="6">
        <v>27514</v>
      </c>
      <c r="J183" s="6">
        <v>26650</v>
      </c>
      <c r="K183" s="6">
        <v>10341</v>
      </c>
      <c r="L183" s="6">
        <v>13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6</v>
      </c>
      <c r="E184" s="9" t="s">
        <v>227</v>
      </c>
      <c r="F184" s="9" t="s">
        <v>235</v>
      </c>
      <c r="G184" s="9" t="s">
        <v>238</v>
      </c>
      <c r="H184" s="6">
        <v>34022</v>
      </c>
      <c r="I184" s="6">
        <v>26500</v>
      </c>
      <c r="J184" s="6">
        <v>25678</v>
      </c>
      <c r="K184" s="6">
        <v>7504</v>
      </c>
      <c r="L184" s="6">
        <v>18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6</v>
      </c>
      <c r="E185" s="9" t="s">
        <v>227</v>
      </c>
      <c r="F185" s="9" t="s">
        <v>235</v>
      </c>
      <c r="G185" s="9" t="s">
        <v>239</v>
      </c>
      <c r="H185" s="6">
        <v>28644</v>
      </c>
      <c r="I185" s="6">
        <v>22984</v>
      </c>
      <c r="J185" s="6">
        <v>22155</v>
      </c>
      <c r="K185" s="6">
        <v>5656</v>
      </c>
      <c r="L185" s="6">
        <v>4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6</v>
      </c>
      <c r="E186" s="9" t="s">
        <v>227</v>
      </c>
      <c r="F186" s="9" t="s">
        <v>235</v>
      </c>
      <c r="G186" s="9" t="s">
        <v>240</v>
      </c>
      <c r="H186" s="6">
        <v>26164</v>
      </c>
      <c r="I186" s="6">
        <v>21578</v>
      </c>
      <c r="J186" s="6">
        <v>20872</v>
      </c>
      <c r="K186" s="6">
        <v>4569</v>
      </c>
      <c r="L186" s="6">
        <v>17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6</v>
      </c>
      <c r="E187" s="9" t="s">
        <v>227</v>
      </c>
      <c r="F187" s="9" t="s">
        <v>235</v>
      </c>
      <c r="G187" s="9" t="s">
        <v>241</v>
      </c>
      <c r="H187" s="6">
        <v>23931</v>
      </c>
      <c r="I187" s="6">
        <v>19731</v>
      </c>
      <c r="J187" s="6">
        <v>19055</v>
      </c>
      <c r="K187" s="6">
        <v>4195</v>
      </c>
      <c r="L187" s="6">
        <v>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6</v>
      </c>
      <c r="E188" s="9" t="s">
        <v>227</v>
      </c>
      <c r="F188" s="9" t="s">
        <v>235</v>
      </c>
      <c r="G188" s="9" t="s">
        <v>242</v>
      </c>
      <c r="H188" s="6">
        <v>22293</v>
      </c>
      <c r="I188" s="6">
        <v>18387</v>
      </c>
      <c r="J188" s="6">
        <v>17781</v>
      </c>
      <c r="K188" s="6">
        <v>3898</v>
      </c>
      <c r="L188" s="6">
        <v>8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6</v>
      </c>
      <c r="E189" s="9" t="s">
        <v>227</v>
      </c>
      <c r="F189" s="9" t="s">
        <v>235</v>
      </c>
      <c r="G189" s="9" t="s">
        <v>243</v>
      </c>
      <c r="H189" s="6">
        <v>22528</v>
      </c>
      <c r="I189" s="6">
        <v>18656</v>
      </c>
      <c r="J189" s="6">
        <v>18018</v>
      </c>
      <c r="K189" s="6">
        <v>3848</v>
      </c>
      <c r="L189" s="6">
        <v>24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6</v>
      </c>
      <c r="E190" s="9" t="s">
        <v>227</v>
      </c>
      <c r="F190" s="9" t="s">
        <v>235</v>
      </c>
      <c r="G190" s="9" t="s">
        <v>244</v>
      </c>
      <c r="H190" s="6">
        <v>21826</v>
      </c>
      <c r="I190" s="6">
        <v>18424</v>
      </c>
      <c r="J190" s="6">
        <v>17792</v>
      </c>
      <c r="K190" s="6">
        <v>3393</v>
      </c>
      <c r="L190" s="6">
        <v>9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6</v>
      </c>
      <c r="E191" s="9" t="s">
        <v>227</v>
      </c>
      <c r="F191" s="9" t="s">
        <v>235</v>
      </c>
      <c r="G191" s="9" t="s">
        <v>245</v>
      </c>
      <c r="H191" s="6">
        <v>20870</v>
      </c>
      <c r="I191" s="6">
        <v>17869</v>
      </c>
      <c r="J191" s="6">
        <v>17272</v>
      </c>
      <c r="K191" s="6">
        <v>2987</v>
      </c>
      <c r="L191" s="6">
        <v>14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6</v>
      </c>
      <c r="E192" s="9" t="s">
        <v>227</v>
      </c>
      <c r="F192" s="9" t="s">
        <v>235</v>
      </c>
      <c r="G192" s="9" t="s">
        <v>246</v>
      </c>
      <c r="H192" s="6">
        <v>20200</v>
      </c>
      <c r="I192" s="6">
        <v>17334</v>
      </c>
      <c r="J192" s="6">
        <v>16804</v>
      </c>
      <c r="K192" s="6">
        <v>2863</v>
      </c>
      <c r="L192" s="6">
        <v>3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6</v>
      </c>
      <c r="E193" s="9" t="s">
        <v>227</v>
      </c>
      <c r="F193" s="9" t="s">
        <v>235</v>
      </c>
      <c r="G193" s="9" t="s">
        <v>247</v>
      </c>
      <c r="H193" s="6">
        <v>19206</v>
      </c>
      <c r="I193" s="6">
        <v>16421</v>
      </c>
      <c r="J193" s="6">
        <v>15844</v>
      </c>
      <c r="K193" s="6">
        <v>2777</v>
      </c>
      <c r="L193" s="6">
        <v>8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6</v>
      </c>
      <c r="E194" s="9" t="s">
        <v>227</v>
      </c>
      <c r="F194" s="9" t="s">
        <v>235</v>
      </c>
      <c r="G194" s="9" t="s">
        <v>248</v>
      </c>
      <c r="H194" s="6">
        <v>19462</v>
      </c>
      <c r="I194" s="6">
        <v>16720</v>
      </c>
      <c r="J194" s="6">
        <v>16150</v>
      </c>
      <c r="K194" s="6">
        <v>2736</v>
      </c>
      <c r="L194" s="6">
        <v>6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6</v>
      </c>
      <c r="E195" s="9" t="s">
        <v>227</v>
      </c>
      <c r="F195" s="9" t="s">
        <v>235</v>
      </c>
      <c r="G195" s="9" t="s">
        <v>249</v>
      </c>
      <c r="H195" s="6">
        <v>17887</v>
      </c>
      <c r="I195" s="6">
        <v>15392</v>
      </c>
      <c r="J195" s="6">
        <v>14823</v>
      </c>
      <c r="K195" s="6">
        <v>2484</v>
      </c>
      <c r="L195" s="6">
        <v>11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6</v>
      </c>
      <c r="E196" s="9" t="s">
        <v>227</v>
      </c>
      <c r="F196" s="9" t="s">
        <v>235</v>
      </c>
      <c r="G196" s="9" t="s">
        <v>250</v>
      </c>
      <c r="H196" s="6">
        <v>16929</v>
      </c>
      <c r="I196" s="6">
        <v>14521</v>
      </c>
      <c r="J196" s="6">
        <v>14052</v>
      </c>
      <c r="K196" s="6">
        <v>2404</v>
      </c>
      <c r="L196" s="6">
        <v>4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6</v>
      </c>
      <c r="E197" s="9" t="s">
        <v>227</v>
      </c>
      <c r="F197" s="9" t="s">
        <v>235</v>
      </c>
      <c r="G197" s="9" t="s">
        <v>251</v>
      </c>
      <c r="H197" s="6">
        <v>16055</v>
      </c>
      <c r="I197" s="6">
        <v>13607</v>
      </c>
      <c r="J197" s="6">
        <v>13138</v>
      </c>
      <c r="K197" s="6">
        <v>2442</v>
      </c>
      <c r="L197" s="6">
        <v>6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6</v>
      </c>
      <c r="E198" s="9" t="s">
        <v>227</v>
      </c>
      <c r="F198" s="9" t="s">
        <v>235</v>
      </c>
      <c r="G198" s="9" t="s">
        <v>252</v>
      </c>
      <c r="H198" s="6">
        <v>15871</v>
      </c>
      <c r="I198" s="6">
        <v>13335</v>
      </c>
      <c r="J198" s="6">
        <v>12874</v>
      </c>
      <c r="K198" s="6">
        <v>2536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6</v>
      </c>
      <c r="E199" s="9" t="s">
        <v>227</v>
      </c>
      <c r="F199" s="9" t="s">
        <v>235</v>
      </c>
      <c r="G199" s="9" t="s">
        <v>253</v>
      </c>
      <c r="H199" s="6">
        <v>15381</v>
      </c>
      <c r="I199" s="6">
        <v>12812</v>
      </c>
      <c r="J199" s="6">
        <v>12376</v>
      </c>
      <c r="K199" s="6">
        <v>2565</v>
      </c>
      <c r="L199" s="6">
        <v>4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6</v>
      </c>
      <c r="E200" s="9" t="s">
        <v>227</v>
      </c>
      <c r="F200" s="9" t="s">
        <v>235</v>
      </c>
      <c r="G200" s="9" t="s">
        <v>254</v>
      </c>
      <c r="H200" s="6">
        <v>12541</v>
      </c>
      <c r="I200" s="6">
        <v>10462</v>
      </c>
      <c r="J200" s="6">
        <v>10134</v>
      </c>
      <c r="K200" s="6">
        <v>2070</v>
      </c>
      <c r="L200" s="6">
        <v>9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6</v>
      </c>
      <c r="E201" s="9" t="s">
        <v>227</v>
      </c>
      <c r="F201" s="9" t="s">
        <v>235</v>
      </c>
      <c r="G201" s="9" t="s">
        <v>255</v>
      </c>
      <c r="H201" s="6">
        <v>10327</v>
      </c>
      <c r="I201" s="6">
        <v>8411</v>
      </c>
      <c r="J201" s="6">
        <v>8081</v>
      </c>
      <c r="K201" s="6">
        <v>1906</v>
      </c>
      <c r="L201" s="6">
        <v>10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6</v>
      </c>
      <c r="E202" s="9" t="s">
        <v>227</v>
      </c>
      <c r="F202" s="9" t="s">
        <v>235</v>
      </c>
      <c r="G202" s="9" t="s">
        <v>256</v>
      </c>
      <c r="H202" s="6">
        <v>132097</v>
      </c>
      <c r="I202" s="6">
        <v>91019</v>
      </c>
      <c r="J202" s="6">
        <v>86568</v>
      </c>
      <c r="K202" s="6">
        <v>40885</v>
      </c>
      <c r="L202" s="6">
        <v>193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6</v>
      </c>
      <c r="E203" s="9" t="s">
        <v>228</v>
      </c>
      <c r="F203" s="9" t="s">
        <v>6</v>
      </c>
      <c r="G203" s="9" t="s">
        <v>30</v>
      </c>
      <c r="H203" s="6">
        <v>242481</v>
      </c>
      <c r="I203" s="6">
        <v>47997</v>
      </c>
      <c r="J203" s="6">
        <v>42888</v>
      </c>
      <c r="K203" s="6">
        <v>194023</v>
      </c>
      <c r="L203" s="6">
        <v>461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6</v>
      </c>
      <c r="E204" s="9" t="s">
        <v>228</v>
      </c>
      <c r="F204" s="9" t="s">
        <v>234</v>
      </c>
      <c r="G204" s="9" t="s">
        <v>30</v>
      </c>
      <c r="H204" s="6">
        <v>137665</v>
      </c>
      <c r="I204" s="6">
        <v>22741</v>
      </c>
      <c r="J204" s="6">
        <v>20361</v>
      </c>
      <c r="K204" s="6">
        <v>114603</v>
      </c>
      <c r="L204" s="6">
        <v>321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6</v>
      </c>
      <c r="E205" s="9" t="s">
        <v>228</v>
      </c>
      <c r="F205" s="9" t="s">
        <v>235</v>
      </c>
      <c r="G205" s="9" t="s">
        <v>30</v>
      </c>
      <c r="H205" s="6">
        <v>104816</v>
      </c>
      <c r="I205" s="6">
        <v>25256</v>
      </c>
      <c r="J205" s="6">
        <v>22527</v>
      </c>
      <c r="K205" s="6">
        <v>79420</v>
      </c>
      <c r="L205" s="6">
        <v>140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6</v>
      </c>
      <c r="E206" s="9" t="s">
        <v>228</v>
      </c>
      <c r="F206" s="9" t="s">
        <v>235</v>
      </c>
      <c r="G206" s="9" t="s">
        <v>236</v>
      </c>
      <c r="H206" s="6">
        <v>633</v>
      </c>
      <c r="I206" s="6">
        <v>214</v>
      </c>
      <c r="J206" s="6">
        <v>214</v>
      </c>
      <c r="K206" s="6">
        <v>412</v>
      </c>
      <c r="L206" s="6">
        <v>7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6</v>
      </c>
      <c r="E207" s="9" t="s">
        <v>228</v>
      </c>
      <c r="F207" s="9" t="s">
        <v>235</v>
      </c>
      <c r="G207" s="9" t="s">
        <v>237</v>
      </c>
      <c r="H207" s="6">
        <v>610</v>
      </c>
      <c r="I207" s="6">
        <v>303</v>
      </c>
      <c r="J207" s="6">
        <v>290</v>
      </c>
      <c r="K207" s="6">
        <v>307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6</v>
      </c>
      <c r="E208" s="9" t="s">
        <v>228</v>
      </c>
      <c r="F208" s="9" t="s">
        <v>235</v>
      </c>
      <c r="G208" s="9" t="s">
        <v>238</v>
      </c>
      <c r="H208" s="6">
        <v>412</v>
      </c>
      <c r="I208" s="6">
        <v>267</v>
      </c>
      <c r="J208" s="6">
        <v>258</v>
      </c>
      <c r="K208" s="6">
        <v>140</v>
      </c>
      <c r="L208" s="6">
        <v>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6</v>
      </c>
      <c r="E209" s="9" t="s">
        <v>228</v>
      </c>
      <c r="F209" s="9" t="s">
        <v>235</v>
      </c>
      <c r="G209" s="9" t="s">
        <v>239</v>
      </c>
      <c r="H209" s="6">
        <v>416</v>
      </c>
      <c r="I209" s="6">
        <v>320</v>
      </c>
      <c r="J209" s="6">
        <v>309</v>
      </c>
      <c r="K209" s="6">
        <v>96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6</v>
      </c>
      <c r="E210" s="9" t="s">
        <v>228</v>
      </c>
      <c r="F210" s="9" t="s">
        <v>235</v>
      </c>
      <c r="G210" s="9" t="s">
        <v>240</v>
      </c>
      <c r="H210" s="6">
        <v>428</v>
      </c>
      <c r="I210" s="6">
        <v>280</v>
      </c>
      <c r="J210" s="6">
        <v>231</v>
      </c>
      <c r="K210" s="6">
        <v>148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6</v>
      </c>
      <c r="E211" s="9" t="s">
        <v>228</v>
      </c>
      <c r="F211" s="9" t="s">
        <v>235</v>
      </c>
      <c r="G211" s="9" t="s">
        <v>241</v>
      </c>
      <c r="H211" s="6">
        <v>297</v>
      </c>
      <c r="I211" s="6">
        <v>178</v>
      </c>
      <c r="J211" s="6">
        <v>166</v>
      </c>
      <c r="K211" s="6">
        <v>119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6</v>
      </c>
      <c r="E212" s="9" t="s">
        <v>228</v>
      </c>
      <c r="F212" s="9" t="s">
        <v>235</v>
      </c>
      <c r="G212" s="9" t="s">
        <v>242</v>
      </c>
      <c r="H212" s="6">
        <v>362</v>
      </c>
      <c r="I212" s="6">
        <v>231</v>
      </c>
      <c r="J212" s="6">
        <v>212</v>
      </c>
      <c r="K212" s="6">
        <v>131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6</v>
      </c>
      <c r="E213" s="9" t="s">
        <v>228</v>
      </c>
      <c r="F213" s="9" t="s">
        <v>235</v>
      </c>
      <c r="G213" s="9" t="s">
        <v>243</v>
      </c>
      <c r="H213" s="6">
        <v>340</v>
      </c>
      <c r="I213" s="6">
        <v>249</v>
      </c>
      <c r="J213" s="6">
        <v>208</v>
      </c>
      <c r="K213" s="6">
        <v>82</v>
      </c>
      <c r="L213" s="6">
        <v>9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6</v>
      </c>
      <c r="E214" s="9" t="s">
        <v>228</v>
      </c>
      <c r="F214" s="9" t="s">
        <v>235</v>
      </c>
      <c r="G214" s="9" t="s">
        <v>244</v>
      </c>
      <c r="H214" s="6">
        <v>357</v>
      </c>
      <c r="I214" s="6">
        <v>247</v>
      </c>
      <c r="J214" s="6">
        <v>236</v>
      </c>
      <c r="K214" s="6">
        <v>110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6</v>
      </c>
      <c r="E215" s="9" t="s">
        <v>228</v>
      </c>
      <c r="F215" s="9" t="s">
        <v>235</v>
      </c>
      <c r="G215" s="9" t="s">
        <v>245</v>
      </c>
      <c r="H215" s="6">
        <v>368</v>
      </c>
      <c r="I215" s="6">
        <v>260</v>
      </c>
      <c r="J215" s="6">
        <v>228</v>
      </c>
      <c r="K215" s="6">
        <v>101</v>
      </c>
      <c r="L215" s="6">
        <v>7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6</v>
      </c>
      <c r="E216" s="9" t="s">
        <v>228</v>
      </c>
      <c r="F216" s="9" t="s">
        <v>235</v>
      </c>
      <c r="G216" s="9" t="s">
        <v>246</v>
      </c>
      <c r="H216" s="6">
        <v>378</v>
      </c>
      <c r="I216" s="6">
        <v>260</v>
      </c>
      <c r="J216" s="6">
        <v>240</v>
      </c>
      <c r="K216" s="6">
        <v>118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6</v>
      </c>
      <c r="E217" s="9" t="s">
        <v>228</v>
      </c>
      <c r="F217" s="9" t="s">
        <v>235</v>
      </c>
      <c r="G217" s="9" t="s">
        <v>247</v>
      </c>
      <c r="H217" s="6">
        <v>286</v>
      </c>
      <c r="I217" s="6">
        <v>241</v>
      </c>
      <c r="J217" s="6">
        <v>227</v>
      </c>
      <c r="K217" s="6">
        <v>45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6</v>
      </c>
      <c r="E218" s="9" t="s">
        <v>228</v>
      </c>
      <c r="F218" s="9" t="s">
        <v>235</v>
      </c>
      <c r="G218" s="9" t="s">
        <v>248</v>
      </c>
      <c r="H218" s="6">
        <v>462</v>
      </c>
      <c r="I218" s="6">
        <v>377</v>
      </c>
      <c r="J218" s="6">
        <v>353</v>
      </c>
      <c r="K218" s="6">
        <v>85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6</v>
      </c>
      <c r="E219" s="9" t="s">
        <v>228</v>
      </c>
      <c r="F219" s="9" t="s">
        <v>235</v>
      </c>
      <c r="G219" s="9" t="s">
        <v>249</v>
      </c>
      <c r="H219" s="6">
        <v>314</v>
      </c>
      <c r="I219" s="6">
        <v>239</v>
      </c>
      <c r="J219" s="6">
        <v>222</v>
      </c>
      <c r="K219" s="6">
        <v>71</v>
      </c>
      <c r="L219" s="6">
        <v>4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6</v>
      </c>
      <c r="E220" s="9" t="s">
        <v>228</v>
      </c>
      <c r="F220" s="9" t="s">
        <v>235</v>
      </c>
      <c r="G220" s="9" t="s">
        <v>250</v>
      </c>
      <c r="H220" s="6">
        <v>356</v>
      </c>
      <c r="I220" s="6">
        <v>292</v>
      </c>
      <c r="J220" s="6">
        <v>289</v>
      </c>
      <c r="K220" s="6">
        <v>64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6</v>
      </c>
      <c r="E221" s="9" t="s">
        <v>228</v>
      </c>
      <c r="F221" s="9" t="s">
        <v>235</v>
      </c>
      <c r="G221" s="9" t="s">
        <v>251</v>
      </c>
      <c r="H221" s="6">
        <v>433</v>
      </c>
      <c r="I221" s="6">
        <v>331</v>
      </c>
      <c r="J221" s="6">
        <v>322</v>
      </c>
      <c r="K221" s="6">
        <v>102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6</v>
      </c>
      <c r="E222" s="9" t="s">
        <v>228</v>
      </c>
      <c r="F222" s="9" t="s">
        <v>235</v>
      </c>
      <c r="G222" s="9" t="s">
        <v>252</v>
      </c>
      <c r="H222" s="6">
        <v>415</v>
      </c>
      <c r="I222" s="6">
        <v>334</v>
      </c>
      <c r="J222" s="6">
        <v>315</v>
      </c>
      <c r="K222" s="6">
        <v>81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6</v>
      </c>
      <c r="E223" s="9" t="s">
        <v>228</v>
      </c>
      <c r="F223" s="9" t="s">
        <v>235</v>
      </c>
      <c r="G223" s="9" t="s">
        <v>253</v>
      </c>
      <c r="H223" s="6">
        <v>497</v>
      </c>
      <c r="I223" s="6">
        <v>353</v>
      </c>
      <c r="J223" s="6">
        <v>335</v>
      </c>
      <c r="K223" s="6">
        <v>144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6</v>
      </c>
      <c r="E224" s="9" t="s">
        <v>228</v>
      </c>
      <c r="F224" s="9" t="s">
        <v>235</v>
      </c>
      <c r="G224" s="9" t="s">
        <v>254</v>
      </c>
      <c r="H224" s="6">
        <v>510</v>
      </c>
      <c r="I224" s="6">
        <v>357</v>
      </c>
      <c r="J224" s="6">
        <v>351</v>
      </c>
      <c r="K224" s="6">
        <v>153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6</v>
      </c>
      <c r="E225" s="9" t="s">
        <v>228</v>
      </c>
      <c r="F225" s="9" t="s">
        <v>235</v>
      </c>
      <c r="G225" s="9" t="s">
        <v>255</v>
      </c>
      <c r="H225" s="6">
        <v>509</v>
      </c>
      <c r="I225" s="6">
        <v>359</v>
      </c>
      <c r="J225" s="6">
        <v>340</v>
      </c>
      <c r="K225" s="6">
        <v>150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6</v>
      </c>
      <c r="E226" s="9" t="s">
        <v>228</v>
      </c>
      <c r="F226" s="9" t="s">
        <v>235</v>
      </c>
      <c r="G226" s="9" t="s">
        <v>256</v>
      </c>
      <c r="H226" s="6">
        <v>96433</v>
      </c>
      <c r="I226" s="6">
        <v>19564</v>
      </c>
      <c r="J226" s="6">
        <v>17181</v>
      </c>
      <c r="K226" s="6">
        <v>76761</v>
      </c>
      <c r="L226" s="6">
        <v>108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6</v>
      </c>
      <c r="E227" s="9" t="s">
        <v>18</v>
      </c>
      <c r="F227" s="9" t="s">
        <v>6</v>
      </c>
      <c r="G227" s="9" t="s">
        <v>30</v>
      </c>
      <c r="H227" s="6">
        <v>58427</v>
      </c>
      <c r="I227" s="6">
        <v>934</v>
      </c>
      <c r="J227" s="6">
        <v>690</v>
      </c>
      <c r="K227" s="6">
        <v>654</v>
      </c>
      <c r="L227" s="6">
        <v>56839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6</v>
      </c>
      <c r="E228" s="9" t="s">
        <v>18</v>
      </c>
      <c r="F228" s="9" t="s">
        <v>234</v>
      </c>
      <c r="G228" s="9" t="s">
        <v>30</v>
      </c>
      <c r="H228" s="6">
        <v>15254</v>
      </c>
      <c r="I228" s="6">
        <v>453</v>
      </c>
      <c r="J228" s="6">
        <v>347</v>
      </c>
      <c r="K228" s="6">
        <v>345</v>
      </c>
      <c r="L228" s="6">
        <v>14456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6</v>
      </c>
      <c r="E229" s="9" t="s">
        <v>18</v>
      </c>
      <c r="F229" s="9" t="s">
        <v>235</v>
      </c>
      <c r="G229" s="9" t="s">
        <v>30</v>
      </c>
      <c r="H229" s="6">
        <v>43173</v>
      </c>
      <c r="I229" s="6">
        <v>481</v>
      </c>
      <c r="J229" s="6">
        <v>343</v>
      </c>
      <c r="K229" s="6">
        <v>309</v>
      </c>
      <c r="L229" s="6">
        <v>42383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6</v>
      </c>
      <c r="E230" s="9" t="s">
        <v>18</v>
      </c>
      <c r="F230" s="9" t="s">
        <v>235</v>
      </c>
      <c r="G230" s="9" t="s">
        <v>236</v>
      </c>
      <c r="H230" s="6">
        <v>3645</v>
      </c>
      <c r="I230" s="10" t="s">
        <v>55</v>
      </c>
      <c r="J230" s="10" t="s">
        <v>55</v>
      </c>
      <c r="K230" s="6">
        <v>6</v>
      </c>
      <c r="L230" s="6">
        <v>3639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6</v>
      </c>
      <c r="E231" s="9" t="s">
        <v>18</v>
      </c>
      <c r="F231" s="9" t="s">
        <v>235</v>
      </c>
      <c r="G231" s="9" t="s">
        <v>237</v>
      </c>
      <c r="H231" s="6">
        <v>3865</v>
      </c>
      <c r="I231" s="6">
        <v>21</v>
      </c>
      <c r="J231" s="6">
        <v>18</v>
      </c>
      <c r="K231" s="6">
        <v>6</v>
      </c>
      <c r="L231" s="6">
        <v>3838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6</v>
      </c>
      <c r="E232" s="9" t="s">
        <v>18</v>
      </c>
      <c r="F232" s="9" t="s">
        <v>235</v>
      </c>
      <c r="G232" s="9" t="s">
        <v>238</v>
      </c>
      <c r="H232" s="6">
        <v>3159</v>
      </c>
      <c r="I232" s="6">
        <v>19</v>
      </c>
      <c r="J232" s="6">
        <v>19</v>
      </c>
      <c r="K232" s="6">
        <v>10</v>
      </c>
      <c r="L232" s="6">
        <v>3130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6</v>
      </c>
      <c r="E233" s="9" t="s">
        <v>18</v>
      </c>
      <c r="F233" s="9" t="s">
        <v>235</v>
      </c>
      <c r="G233" s="9" t="s">
        <v>239</v>
      </c>
      <c r="H233" s="6">
        <v>2490</v>
      </c>
      <c r="I233" s="6">
        <v>9</v>
      </c>
      <c r="J233" s="10" t="s">
        <v>55</v>
      </c>
      <c r="K233" s="10" t="s">
        <v>55</v>
      </c>
      <c r="L233" s="6">
        <v>2481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6</v>
      </c>
      <c r="E234" s="9" t="s">
        <v>18</v>
      </c>
      <c r="F234" s="9" t="s">
        <v>235</v>
      </c>
      <c r="G234" s="9" t="s">
        <v>240</v>
      </c>
      <c r="H234" s="6">
        <v>2060</v>
      </c>
      <c r="I234" s="6">
        <v>10</v>
      </c>
      <c r="J234" s="6">
        <v>5</v>
      </c>
      <c r="K234" s="10" t="s">
        <v>55</v>
      </c>
      <c r="L234" s="6">
        <v>2050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6</v>
      </c>
      <c r="E235" s="9" t="s">
        <v>18</v>
      </c>
      <c r="F235" s="9" t="s">
        <v>235</v>
      </c>
      <c r="G235" s="9" t="s">
        <v>241</v>
      </c>
      <c r="H235" s="6">
        <v>1897</v>
      </c>
      <c r="I235" s="6">
        <v>3</v>
      </c>
      <c r="J235" s="10" t="s">
        <v>55</v>
      </c>
      <c r="K235" s="10" t="s">
        <v>55</v>
      </c>
      <c r="L235" s="6">
        <v>1894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6</v>
      </c>
      <c r="E236" s="9" t="s">
        <v>18</v>
      </c>
      <c r="F236" s="9" t="s">
        <v>235</v>
      </c>
      <c r="G236" s="9" t="s">
        <v>242</v>
      </c>
      <c r="H236" s="6">
        <v>1833</v>
      </c>
      <c r="I236" s="6">
        <v>14</v>
      </c>
      <c r="J236" s="6">
        <v>14</v>
      </c>
      <c r="K236" s="10" t="s">
        <v>55</v>
      </c>
      <c r="L236" s="6">
        <v>1819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6</v>
      </c>
      <c r="E237" s="9" t="s">
        <v>18</v>
      </c>
      <c r="F237" s="9" t="s">
        <v>235</v>
      </c>
      <c r="G237" s="9" t="s">
        <v>243</v>
      </c>
      <c r="H237" s="6">
        <v>1687</v>
      </c>
      <c r="I237" s="6">
        <v>15</v>
      </c>
      <c r="J237" s="6">
        <v>15</v>
      </c>
      <c r="K237" s="10" t="s">
        <v>55</v>
      </c>
      <c r="L237" s="6">
        <v>1672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6</v>
      </c>
      <c r="E238" s="9" t="s">
        <v>18</v>
      </c>
      <c r="F238" s="9" t="s">
        <v>235</v>
      </c>
      <c r="G238" s="9" t="s">
        <v>244</v>
      </c>
      <c r="H238" s="6">
        <v>1476</v>
      </c>
      <c r="I238" s="10" t="s">
        <v>55</v>
      </c>
      <c r="J238" s="10" t="s">
        <v>55</v>
      </c>
      <c r="K238" s="10" t="s">
        <v>55</v>
      </c>
      <c r="L238" s="6">
        <v>1476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6</v>
      </c>
      <c r="E239" s="9" t="s">
        <v>18</v>
      </c>
      <c r="F239" s="9" t="s">
        <v>235</v>
      </c>
      <c r="G239" s="9" t="s">
        <v>245</v>
      </c>
      <c r="H239" s="6">
        <v>1470</v>
      </c>
      <c r="I239" s="6">
        <v>19</v>
      </c>
      <c r="J239" s="6">
        <v>19</v>
      </c>
      <c r="K239" s="6">
        <v>5</v>
      </c>
      <c r="L239" s="6">
        <v>1446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6</v>
      </c>
      <c r="E240" s="9" t="s">
        <v>18</v>
      </c>
      <c r="F240" s="9" t="s">
        <v>235</v>
      </c>
      <c r="G240" s="9" t="s">
        <v>246</v>
      </c>
      <c r="H240" s="6">
        <v>1417</v>
      </c>
      <c r="I240" s="6">
        <v>19</v>
      </c>
      <c r="J240" s="6">
        <v>14</v>
      </c>
      <c r="K240" s="6">
        <v>5</v>
      </c>
      <c r="L240" s="6">
        <v>1393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6</v>
      </c>
      <c r="E241" s="9" t="s">
        <v>18</v>
      </c>
      <c r="F241" s="9" t="s">
        <v>235</v>
      </c>
      <c r="G241" s="9" t="s">
        <v>247</v>
      </c>
      <c r="H241" s="6">
        <v>1396</v>
      </c>
      <c r="I241" s="10" t="s">
        <v>55</v>
      </c>
      <c r="J241" s="10" t="s">
        <v>55</v>
      </c>
      <c r="K241" s="10" t="s">
        <v>55</v>
      </c>
      <c r="L241" s="6">
        <v>1396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6</v>
      </c>
      <c r="E242" s="9" t="s">
        <v>18</v>
      </c>
      <c r="F242" s="9" t="s">
        <v>235</v>
      </c>
      <c r="G242" s="9" t="s">
        <v>248</v>
      </c>
      <c r="H242" s="6">
        <v>1272</v>
      </c>
      <c r="I242" s="6">
        <v>8</v>
      </c>
      <c r="J242" s="6">
        <v>4</v>
      </c>
      <c r="K242" s="10" t="s">
        <v>55</v>
      </c>
      <c r="L242" s="6">
        <v>1264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6</v>
      </c>
      <c r="E243" s="9" t="s">
        <v>18</v>
      </c>
      <c r="F243" s="9" t="s">
        <v>235</v>
      </c>
      <c r="G243" s="9" t="s">
        <v>249</v>
      </c>
      <c r="H243" s="6">
        <v>1430</v>
      </c>
      <c r="I243" s="6">
        <v>5</v>
      </c>
      <c r="J243" s="6">
        <v>5</v>
      </c>
      <c r="K243" s="6">
        <v>14</v>
      </c>
      <c r="L243" s="6">
        <v>1411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6</v>
      </c>
      <c r="E244" s="9" t="s">
        <v>18</v>
      </c>
      <c r="F244" s="9" t="s">
        <v>235</v>
      </c>
      <c r="G244" s="9" t="s">
        <v>250</v>
      </c>
      <c r="H244" s="6">
        <v>1021</v>
      </c>
      <c r="I244" s="6">
        <v>18</v>
      </c>
      <c r="J244" s="6">
        <v>18</v>
      </c>
      <c r="K244" s="10" t="s">
        <v>55</v>
      </c>
      <c r="L244" s="6">
        <v>1003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6</v>
      </c>
      <c r="E245" s="9" t="s">
        <v>18</v>
      </c>
      <c r="F245" s="9" t="s">
        <v>235</v>
      </c>
      <c r="G245" s="9" t="s">
        <v>251</v>
      </c>
      <c r="H245" s="6">
        <v>944</v>
      </c>
      <c r="I245" s="10" t="s">
        <v>55</v>
      </c>
      <c r="J245" s="10" t="s">
        <v>55</v>
      </c>
      <c r="K245" s="6">
        <v>3</v>
      </c>
      <c r="L245" s="6">
        <v>941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6</v>
      </c>
      <c r="E246" s="9" t="s">
        <v>18</v>
      </c>
      <c r="F246" s="9" t="s">
        <v>235</v>
      </c>
      <c r="G246" s="9" t="s">
        <v>252</v>
      </c>
      <c r="H246" s="6">
        <v>958</v>
      </c>
      <c r="I246" s="6">
        <v>8</v>
      </c>
      <c r="J246" s="6">
        <v>8</v>
      </c>
      <c r="K246" s="10" t="s">
        <v>55</v>
      </c>
      <c r="L246" s="6">
        <v>950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6</v>
      </c>
      <c r="E247" s="9" t="s">
        <v>18</v>
      </c>
      <c r="F247" s="9" t="s">
        <v>235</v>
      </c>
      <c r="G247" s="9" t="s">
        <v>253</v>
      </c>
      <c r="H247" s="6">
        <v>899</v>
      </c>
      <c r="I247" s="6">
        <v>9</v>
      </c>
      <c r="J247" s="6">
        <v>9</v>
      </c>
      <c r="K247" s="6">
        <v>7</v>
      </c>
      <c r="L247" s="6">
        <v>883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6</v>
      </c>
      <c r="E248" s="9" t="s">
        <v>18</v>
      </c>
      <c r="F248" s="9" t="s">
        <v>235</v>
      </c>
      <c r="G248" s="9" t="s">
        <v>254</v>
      </c>
      <c r="H248" s="6">
        <v>787</v>
      </c>
      <c r="I248" s="6">
        <v>3</v>
      </c>
      <c r="J248" s="6">
        <v>3</v>
      </c>
      <c r="K248" s="10" t="s">
        <v>55</v>
      </c>
      <c r="L248" s="6">
        <v>784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6</v>
      </c>
      <c r="E249" s="9" t="s">
        <v>18</v>
      </c>
      <c r="F249" s="9" t="s">
        <v>235</v>
      </c>
      <c r="G249" s="9" t="s">
        <v>255</v>
      </c>
      <c r="H249" s="6">
        <v>619</v>
      </c>
      <c r="I249" s="6">
        <v>7</v>
      </c>
      <c r="J249" s="6">
        <v>7</v>
      </c>
      <c r="K249" s="10" t="s">
        <v>55</v>
      </c>
      <c r="L249" s="6">
        <v>612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6</v>
      </c>
      <c r="E250" s="9" t="s">
        <v>18</v>
      </c>
      <c r="F250" s="9" t="s">
        <v>235</v>
      </c>
      <c r="G250" s="9" t="s">
        <v>256</v>
      </c>
      <c r="H250" s="6">
        <v>8848</v>
      </c>
      <c r="I250" s="6">
        <v>294</v>
      </c>
      <c r="J250" s="6">
        <v>185</v>
      </c>
      <c r="K250" s="6">
        <v>253</v>
      </c>
      <c r="L250" s="6">
        <v>8301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6</v>
      </c>
      <c r="E251" s="9" t="s">
        <v>6</v>
      </c>
      <c r="F251" s="9" t="s">
        <v>6</v>
      </c>
      <c r="G251" s="9" t="s">
        <v>30</v>
      </c>
      <c r="H251" s="6">
        <v>85192</v>
      </c>
      <c r="I251" s="6">
        <v>52458</v>
      </c>
      <c r="J251" s="6">
        <v>42203</v>
      </c>
      <c r="K251" s="6">
        <v>29047</v>
      </c>
      <c r="L251" s="6">
        <v>3687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6</v>
      </c>
      <c r="E252" s="9" t="s">
        <v>6</v>
      </c>
      <c r="F252" s="9" t="s">
        <v>234</v>
      </c>
      <c r="G252" s="9" t="s">
        <v>30</v>
      </c>
      <c r="H252" s="6">
        <v>27194</v>
      </c>
      <c r="I252" s="6">
        <v>12987</v>
      </c>
      <c r="J252" s="6">
        <v>9653</v>
      </c>
      <c r="K252" s="6">
        <v>13588</v>
      </c>
      <c r="L252" s="6">
        <v>619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6</v>
      </c>
      <c r="E253" s="9" t="s">
        <v>6</v>
      </c>
      <c r="F253" s="9" t="s">
        <v>235</v>
      </c>
      <c r="G253" s="9" t="s">
        <v>30</v>
      </c>
      <c r="H253" s="6">
        <v>57998</v>
      </c>
      <c r="I253" s="6">
        <v>39471</v>
      </c>
      <c r="J253" s="6">
        <v>32550</v>
      </c>
      <c r="K253" s="6">
        <v>15459</v>
      </c>
      <c r="L253" s="6">
        <v>3068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6</v>
      </c>
      <c r="E254" s="9" t="s">
        <v>6</v>
      </c>
      <c r="F254" s="9" t="s">
        <v>235</v>
      </c>
      <c r="G254" s="9" t="s">
        <v>236</v>
      </c>
      <c r="H254" s="6">
        <v>2906</v>
      </c>
      <c r="I254" s="6">
        <v>1390</v>
      </c>
      <c r="J254" s="6">
        <v>1279</v>
      </c>
      <c r="K254" s="6">
        <v>1254</v>
      </c>
      <c r="L254" s="6">
        <v>262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6</v>
      </c>
      <c r="E255" s="9" t="s">
        <v>6</v>
      </c>
      <c r="F255" s="9" t="s">
        <v>235</v>
      </c>
      <c r="G255" s="9" t="s">
        <v>237</v>
      </c>
      <c r="H255" s="6">
        <v>2911</v>
      </c>
      <c r="I255" s="6">
        <v>2081</v>
      </c>
      <c r="J255" s="6">
        <v>1899</v>
      </c>
      <c r="K255" s="6">
        <v>566</v>
      </c>
      <c r="L255" s="6">
        <v>264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6</v>
      </c>
      <c r="E256" s="9" t="s">
        <v>6</v>
      </c>
      <c r="F256" s="9" t="s">
        <v>235</v>
      </c>
      <c r="G256" s="9" t="s">
        <v>238</v>
      </c>
      <c r="H256" s="6">
        <v>2544</v>
      </c>
      <c r="I256" s="6">
        <v>1932</v>
      </c>
      <c r="J256" s="6">
        <v>1699</v>
      </c>
      <c r="K256" s="6">
        <v>381</v>
      </c>
      <c r="L256" s="6">
        <v>231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6</v>
      </c>
      <c r="E257" s="9" t="s">
        <v>6</v>
      </c>
      <c r="F257" s="9" t="s">
        <v>235</v>
      </c>
      <c r="G257" s="9" t="s">
        <v>239</v>
      </c>
      <c r="H257" s="6">
        <v>2188</v>
      </c>
      <c r="I257" s="6">
        <v>1775</v>
      </c>
      <c r="J257" s="6">
        <v>1599</v>
      </c>
      <c r="K257" s="6">
        <v>230</v>
      </c>
      <c r="L257" s="6">
        <v>183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6</v>
      </c>
      <c r="E258" s="9" t="s">
        <v>6</v>
      </c>
      <c r="F258" s="9" t="s">
        <v>235</v>
      </c>
      <c r="G258" s="9" t="s">
        <v>240</v>
      </c>
      <c r="H258" s="6">
        <v>2228</v>
      </c>
      <c r="I258" s="6">
        <v>1852</v>
      </c>
      <c r="J258" s="6">
        <v>1600</v>
      </c>
      <c r="K258" s="6">
        <v>221</v>
      </c>
      <c r="L258" s="6">
        <v>155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6</v>
      </c>
      <c r="E259" s="9" t="s">
        <v>6</v>
      </c>
      <c r="F259" s="9" t="s">
        <v>235</v>
      </c>
      <c r="G259" s="9" t="s">
        <v>241</v>
      </c>
      <c r="H259" s="6">
        <v>1889</v>
      </c>
      <c r="I259" s="6">
        <v>1488</v>
      </c>
      <c r="J259" s="6">
        <v>1338</v>
      </c>
      <c r="K259" s="6">
        <v>247</v>
      </c>
      <c r="L259" s="6">
        <v>154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6</v>
      </c>
      <c r="E260" s="9" t="s">
        <v>6</v>
      </c>
      <c r="F260" s="9" t="s">
        <v>235</v>
      </c>
      <c r="G260" s="9" t="s">
        <v>242</v>
      </c>
      <c r="H260" s="6">
        <v>1939</v>
      </c>
      <c r="I260" s="6">
        <v>1602</v>
      </c>
      <c r="J260" s="6">
        <v>1467</v>
      </c>
      <c r="K260" s="6">
        <v>199</v>
      </c>
      <c r="L260" s="6">
        <v>138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6</v>
      </c>
      <c r="E261" s="9" t="s">
        <v>6</v>
      </c>
      <c r="F261" s="9" t="s">
        <v>235</v>
      </c>
      <c r="G261" s="9" t="s">
        <v>243</v>
      </c>
      <c r="H261" s="6">
        <v>1747</v>
      </c>
      <c r="I261" s="6">
        <v>1426</v>
      </c>
      <c r="J261" s="6">
        <v>1254</v>
      </c>
      <c r="K261" s="6">
        <v>216</v>
      </c>
      <c r="L261" s="6">
        <v>10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6</v>
      </c>
      <c r="E262" s="9" t="s">
        <v>6</v>
      </c>
      <c r="F262" s="9" t="s">
        <v>235</v>
      </c>
      <c r="G262" s="9" t="s">
        <v>244</v>
      </c>
      <c r="H262" s="6">
        <v>1748</v>
      </c>
      <c r="I262" s="6">
        <v>1397</v>
      </c>
      <c r="J262" s="6">
        <v>1268</v>
      </c>
      <c r="K262" s="6">
        <v>253</v>
      </c>
      <c r="L262" s="6">
        <v>98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6</v>
      </c>
      <c r="E263" s="9" t="s">
        <v>6</v>
      </c>
      <c r="F263" s="9" t="s">
        <v>235</v>
      </c>
      <c r="G263" s="9" t="s">
        <v>245</v>
      </c>
      <c r="H263" s="6">
        <v>1627</v>
      </c>
      <c r="I263" s="6">
        <v>1337</v>
      </c>
      <c r="J263" s="6">
        <v>1182</v>
      </c>
      <c r="K263" s="6">
        <v>180</v>
      </c>
      <c r="L263" s="6">
        <v>110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6</v>
      </c>
      <c r="E264" s="9" t="s">
        <v>6</v>
      </c>
      <c r="F264" s="9" t="s">
        <v>235</v>
      </c>
      <c r="G264" s="9" t="s">
        <v>246</v>
      </c>
      <c r="H264" s="6">
        <v>1518</v>
      </c>
      <c r="I264" s="6">
        <v>1271</v>
      </c>
      <c r="J264" s="6">
        <v>1076</v>
      </c>
      <c r="K264" s="6">
        <v>181</v>
      </c>
      <c r="L264" s="6">
        <v>66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6</v>
      </c>
      <c r="E265" s="9" t="s">
        <v>6</v>
      </c>
      <c r="F265" s="9" t="s">
        <v>235</v>
      </c>
      <c r="G265" s="9" t="s">
        <v>247</v>
      </c>
      <c r="H265" s="6">
        <v>1578</v>
      </c>
      <c r="I265" s="6">
        <v>1327</v>
      </c>
      <c r="J265" s="6">
        <v>1166</v>
      </c>
      <c r="K265" s="6">
        <v>133</v>
      </c>
      <c r="L265" s="6">
        <v>118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6</v>
      </c>
      <c r="E266" s="9" t="s">
        <v>6</v>
      </c>
      <c r="F266" s="9" t="s">
        <v>235</v>
      </c>
      <c r="G266" s="9" t="s">
        <v>248</v>
      </c>
      <c r="H266" s="6">
        <v>1633</v>
      </c>
      <c r="I266" s="6">
        <v>1358</v>
      </c>
      <c r="J266" s="6">
        <v>1218</v>
      </c>
      <c r="K266" s="6">
        <v>200</v>
      </c>
      <c r="L266" s="6">
        <v>75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6</v>
      </c>
      <c r="E267" s="9" t="s">
        <v>6</v>
      </c>
      <c r="F267" s="9" t="s">
        <v>235</v>
      </c>
      <c r="G267" s="9" t="s">
        <v>249</v>
      </c>
      <c r="H267" s="6">
        <v>1484</v>
      </c>
      <c r="I267" s="6">
        <v>1200</v>
      </c>
      <c r="J267" s="6">
        <v>1087</v>
      </c>
      <c r="K267" s="6">
        <v>166</v>
      </c>
      <c r="L267" s="6">
        <v>118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6</v>
      </c>
      <c r="E268" s="9" t="s">
        <v>6</v>
      </c>
      <c r="F268" s="9" t="s">
        <v>235</v>
      </c>
      <c r="G268" s="9" t="s">
        <v>250</v>
      </c>
      <c r="H268" s="6">
        <v>1446</v>
      </c>
      <c r="I268" s="6">
        <v>1169</v>
      </c>
      <c r="J268" s="6">
        <v>1013</v>
      </c>
      <c r="K268" s="6">
        <v>177</v>
      </c>
      <c r="L268" s="6">
        <v>100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6</v>
      </c>
      <c r="E269" s="9" t="s">
        <v>6</v>
      </c>
      <c r="F269" s="9" t="s">
        <v>235</v>
      </c>
      <c r="G269" s="9" t="s">
        <v>251</v>
      </c>
      <c r="H269" s="6">
        <v>1342</v>
      </c>
      <c r="I269" s="6">
        <v>1105</v>
      </c>
      <c r="J269" s="6">
        <v>963</v>
      </c>
      <c r="K269" s="6">
        <v>156</v>
      </c>
      <c r="L269" s="6">
        <v>81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6</v>
      </c>
      <c r="E270" s="9" t="s">
        <v>6</v>
      </c>
      <c r="F270" s="9" t="s">
        <v>235</v>
      </c>
      <c r="G270" s="9" t="s">
        <v>252</v>
      </c>
      <c r="H270" s="6">
        <v>1250</v>
      </c>
      <c r="I270" s="6">
        <v>1003</v>
      </c>
      <c r="J270" s="6">
        <v>877</v>
      </c>
      <c r="K270" s="6">
        <v>159</v>
      </c>
      <c r="L270" s="6">
        <v>88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6</v>
      </c>
      <c r="E271" s="9" t="s">
        <v>6</v>
      </c>
      <c r="F271" s="9" t="s">
        <v>235</v>
      </c>
      <c r="G271" s="9" t="s">
        <v>253</v>
      </c>
      <c r="H271" s="6">
        <v>1250</v>
      </c>
      <c r="I271" s="6">
        <v>1046</v>
      </c>
      <c r="J271" s="6">
        <v>914</v>
      </c>
      <c r="K271" s="6">
        <v>161</v>
      </c>
      <c r="L271" s="6">
        <v>43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6</v>
      </c>
      <c r="E272" s="9" t="s">
        <v>6</v>
      </c>
      <c r="F272" s="9" t="s">
        <v>235</v>
      </c>
      <c r="G272" s="9" t="s">
        <v>254</v>
      </c>
      <c r="H272" s="6">
        <v>1108</v>
      </c>
      <c r="I272" s="6">
        <v>907</v>
      </c>
      <c r="J272" s="6">
        <v>770</v>
      </c>
      <c r="K272" s="6">
        <v>130</v>
      </c>
      <c r="L272" s="6">
        <v>71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6</v>
      </c>
      <c r="E273" s="9" t="s">
        <v>6</v>
      </c>
      <c r="F273" s="9" t="s">
        <v>235</v>
      </c>
      <c r="G273" s="9" t="s">
        <v>255</v>
      </c>
      <c r="H273" s="6">
        <v>994</v>
      </c>
      <c r="I273" s="6">
        <v>824</v>
      </c>
      <c r="J273" s="6">
        <v>657</v>
      </c>
      <c r="K273" s="6">
        <v>122</v>
      </c>
      <c r="L273" s="6">
        <v>48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6</v>
      </c>
      <c r="E274" s="9" t="s">
        <v>6</v>
      </c>
      <c r="F274" s="9" t="s">
        <v>235</v>
      </c>
      <c r="G274" s="9" t="s">
        <v>256</v>
      </c>
      <c r="H274" s="6">
        <v>22668</v>
      </c>
      <c r="I274" s="6">
        <v>11981</v>
      </c>
      <c r="J274" s="6">
        <v>8224</v>
      </c>
      <c r="K274" s="6">
        <v>10127</v>
      </c>
      <c r="L274" s="6">
        <v>560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6</v>
      </c>
      <c r="E275" s="9" t="s">
        <v>226</v>
      </c>
      <c r="F275" s="9" t="s">
        <v>6</v>
      </c>
      <c r="G275" s="9" t="s">
        <v>30</v>
      </c>
      <c r="H275" s="6">
        <v>61589</v>
      </c>
      <c r="I275" s="6">
        <v>48575</v>
      </c>
      <c r="J275" s="6">
        <v>38732</v>
      </c>
      <c r="K275" s="6">
        <v>12992</v>
      </c>
      <c r="L275" s="6">
        <v>22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6</v>
      </c>
      <c r="E276" s="9" t="s">
        <v>226</v>
      </c>
      <c r="F276" s="9" t="s">
        <v>234</v>
      </c>
      <c r="G276" s="9" t="s">
        <v>30</v>
      </c>
      <c r="H276" s="6">
        <v>15474</v>
      </c>
      <c r="I276" s="6">
        <v>11204</v>
      </c>
      <c r="J276" s="6">
        <v>8015</v>
      </c>
      <c r="K276" s="6">
        <v>4260</v>
      </c>
      <c r="L276" s="6">
        <v>10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6</v>
      </c>
      <c r="E277" s="9" t="s">
        <v>226</v>
      </c>
      <c r="F277" s="9" t="s">
        <v>235</v>
      </c>
      <c r="G277" s="9" t="s">
        <v>30</v>
      </c>
      <c r="H277" s="6">
        <v>46115</v>
      </c>
      <c r="I277" s="6">
        <v>37371</v>
      </c>
      <c r="J277" s="6">
        <v>30717</v>
      </c>
      <c r="K277" s="6">
        <v>8732</v>
      </c>
      <c r="L277" s="6">
        <v>12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6</v>
      </c>
      <c r="E278" s="9" t="s">
        <v>226</v>
      </c>
      <c r="F278" s="9" t="s">
        <v>235</v>
      </c>
      <c r="G278" s="9" t="s">
        <v>236</v>
      </c>
      <c r="H278" s="6">
        <v>2603</v>
      </c>
      <c r="I278" s="6">
        <v>1386</v>
      </c>
      <c r="J278" s="6">
        <v>1275</v>
      </c>
      <c r="K278" s="6">
        <v>1217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6</v>
      </c>
      <c r="E279" s="9" t="s">
        <v>226</v>
      </c>
      <c r="F279" s="9" t="s">
        <v>235</v>
      </c>
      <c r="G279" s="9" t="s">
        <v>237</v>
      </c>
      <c r="H279" s="6">
        <v>2592</v>
      </c>
      <c r="I279" s="6">
        <v>2052</v>
      </c>
      <c r="J279" s="6">
        <v>1870</v>
      </c>
      <c r="K279" s="6">
        <v>540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6</v>
      </c>
      <c r="E280" s="9" t="s">
        <v>226</v>
      </c>
      <c r="F280" s="9" t="s">
        <v>235</v>
      </c>
      <c r="G280" s="9" t="s">
        <v>238</v>
      </c>
      <c r="H280" s="6">
        <v>2294</v>
      </c>
      <c r="I280" s="6">
        <v>1921</v>
      </c>
      <c r="J280" s="6">
        <v>1688</v>
      </c>
      <c r="K280" s="6">
        <v>373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6</v>
      </c>
      <c r="E281" s="9" t="s">
        <v>226</v>
      </c>
      <c r="F281" s="9" t="s">
        <v>235</v>
      </c>
      <c r="G281" s="9" t="s">
        <v>239</v>
      </c>
      <c r="H281" s="6">
        <v>1971</v>
      </c>
      <c r="I281" s="6">
        <v>1741</v>
      </c>
      <c r="J281" s="6">
        <v>1568</v>
      </c>
      <c r="K281" s="6">
        <v>230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6</v>
      </c>
      <c r="E282" s="9" t="s">
        <v>226</v>
      </c>
      <c r="F282" s="9" t="s">
        <v>235</v>
      </c>
      <c r="G282" s="9" t="s">
        <v>240</v>
      </c>
      <c r="H282" s="6">
        <v>2035</v>
      </c>
      <c r="I282" s="6">
        <v>1827</v>
      </c>
      <c r="J282" s="6">
        <v>1589</v>
      </c>
      <c r="K282" s="6">
        <v>208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6</v>
      </c>
      <c r="E283" s="9" t="s">
        <v>226</v>
      </c>
      <c r="F283" s="9" t="s">
        <v>235</v>
      </c>
      <c r="G283" s="9" t="s">
        <v>241</v>
      </c>
      <c r="H283" s="6">
        <v>1706</v>
      </c>
      <c r="I283" s="6">
        <v>1459</v>
      </c>
      <c r="J283" s="6">
        <v>1309</v>
      </c>
      <c r="K283" s="6">
        <v>247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6</v>
      </c>
      <c r="E284" s="9" t="s">
        <v>226</v>
      </c>
      <c r="F284" s="9" t="s">
        <v>235</v>
      </c>
      <c r="G284" s="9" t="s">
        <v>242</v>
      </c>
      <c r="H284" s="6">
        <v>1765</v>
      </c>
      <c r="I284" s="6">
        <v>1575</v>
      </c>
      <c r="J284" s="6">
        <v>1440</v>
      </c>
      <c r="K284" s="6">
        <v>190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6</v>
      </c>
      <c r="E285" s="9" t="s">
        <v>226</v>
      </c>
      <c r="F285" s="9" t="s">
        <v>235</v>
      </c>
      <c r="G285" s="9" t="s">
        <v>243</v>
      </c>
      <c r="H285" s="6">
        <v>1605</v>
      </c>
      <c r="I285" s="6">
        <v>1398</v>
      </c>
      <c r="J285" s="6">
        <v>1235</v>
      </c>
      <c r="K285" s="6">
        <v>207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6</v>
      </c>
      <c r="E286" s="9" t="s">
        <v>226</v>
      </c>
      <c r="F286" s="9" t="s">
        <v>235</v>
      </c>
      <c r="G286" s="9" t="s">
        <v>244</v>
      </c>
      <c r="H286" s="6">
        <v>1613</v>
      </c>
      <c r="I286" s="6">
        <v>1375</v>
      </c>
      <c r="J286" s="6">
        <v>1246</v>
      </c>
      <c r="K286" s="6">
        <v>238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6</v>
      </c>
      <c r="E287" s="9" t="s">
        <v>226</v>
      </c>
      <c r="F287" s="9" t="s">
        <v>235</v>
      </c>
      <c r="G287" s="9" t="s">
        <v>245</v>
      </c>
      <c r="H287" s="6">
        <v>1501</v>
      </c>
      <c r="I287" s="6">
        <v>1321</v>
      </c>
      <c r="J287" s="6">
        <v>1173</v>
      </c>
      <c r="K287" s="6">
        <v>180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6</v>
      </c>
      <c r="E288" s="9" t="s">
        <v>226</v>
      </c>
      <c r="F288" s="9" t="s">
        <v>235</v>
      </c>
      <c r="G288" s="9" t="s">
        <v>246</v>
      </c>
      <c r="H288" s="6">
        <v>1442</v>
      </c>
      <c r="I288" s="6">
        <v>1261</v>
      </c>
      <c r="J288" s="6">
        <v>1066</v>
      </c>
      <c r="K288" s="6">
        <v>181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6</v>
      </c>
      <c r="E289" s="9" t="s">
        <v>226</v>
      </c>
      <c r="F289" s="9" t="s">
        <v>235</v>
      </c>
      <c r="G289" s="9" t="s">
        <v>247</v>
      </c>
      <c r="H289" s="6">
        <v>1445</v>
      </c>
      <c r="I289" s="6">
        <v>1311</v>
      </c>
      <c r="J289" s="6">
        <v>1150</v>
      </c>
      <c r="K289" s="6">
        <v>129</v>
      </c>
      <c r="L289" s="6">
        <v>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6</v>
      </c>
      <c r="E290" s="9" t="s">
        <v>226</v>
      </c>
      <c r="F290" s="9" t="s">
        <v>235</v>
      </c>
      <c r="G290" s="9" t="s">
        <v>248</v>
      </c>
      <c r="H290" s="6">
        <v>1531</v>
      </c>
      <c r="I290" s="6">
        <v>1338</v>
      </c>
      <c r="J290" s="6">
        <v>1198</v>
      </c>
      <c r="K290" s="6">
        <v>193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6</v>
      </c>
      <c r="E291" s="9" t="s">
        <v>226</v>
      </c>
      <c r="F291" s="9" t="s">
        <v>235</v>
      </c>
      <c r="G291" s="9" t="s">
        <v>249</v>
      </c>
      <c r="H291" s="6">
        <v>1351</v>
      </c>
      <c r="I291" s="6">
        <v>1189</v>
      </c>
      <c r="J291" s="6">
        <v>1076</v>
      </c>
      <c r="K291" s="6">
        <v>159</v>
      </c>
      <c r="L291" s="6">
        <v>3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6</v>
      </c>
      <c r="E292" s="9" t="s">
        <v>226</v>
      </c>
      <c r="F292" s="9" t="s">
        <v>235</v>
      </c>
      <c r="G292" s="9" t="s">
        <v>250</v>
      </c>
      <c r="H292" s="6">
        <v>1310</v>
      </c>
      <c r="I292" s="6">
        <v>1137</v>
      </c>
      <c r="J292" s="6">
        <v>981</v>
      </c>
      <c r="K292" s="6">
        <v>173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6</v>
      </c>
      <c r="E293" s="9" t="s">
        <v>226</v>
      </c>
      <c r="F293" s="9" t="s">
        <v>235</v>
      </c>
      <c r="G293" s="9" t="s">
        <v>251</v>
      </c>
      <c r="H293" s="6">
        <v>1240</v>
      </c>
      <c r="I293" s="6">
        <v>1084</v>
      </c>
      <c r="J293" s="6">
        <v>942</v>
      </c>
      <c r="K293" s="6">
        <v>156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6</v>
      </c>
      <c r="E294" s="9" t="s">
        <v>226</v>
      </c>
      <c r="F294" s="9" t="s">
        <v>235</v>
      </c>
      <c r="G294" s="9" t="s">
        <v>252</v>
      </c>
      <c r="H294" s="6">
        <v>1128</v>
      </c>
      <c r="I294" s="6">
        <v>981</v>
      </c>
      <c r="J294" s="6">
        <v>855</v>
      </c>
      <c r="K294" s="6">
        <v>147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6</v>
      </c>
      <c r="E295" s="9" t="s">
        <v>226</v>
      </c>
      <c r="F295" s="9" t="s">
        <v>235</v>
      </c>
      <c r="G295" s="9" t="s">
        <v>253</v>
      </c>
      <c r="H295" s="6">
        <v>1168</v>
      </c>
      <c r="I295" s="6">
        <v>1012</v>
      </c>
      <c r="J295" s="6">
        <v>880</v>
      </c>
      <c r="K295" s="6">
        <v>156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6</v>
      </c>
      <c r="E296" s="9" t="s">
        <v>226</v>
      </c>
      <c r="F296" s="9" t="s">
        <v>235</v>
      </c>
      <c r="G296" s="9" t="s">
        <v>254</v>
      </c>
      <c r="H296" s="6">
        <v>992</v>
      </c>
      <c r="I296" s="6">
        <v>866</v>
      </c>
      <c r="J296" s="6">
        <v>729</v>
      </c>
      <c r="K296" s="6">
        <v>126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6</v>
      </c>
      <c r="E297" s="9" t="s">
        <v>226</v>
      </c>
      <c r="F297" s="9" t="s">
        <v>235</v>
      </c>
      <c r="G297" s="9" t="s">
        <v>255</v>
      </c>
      <c r="H297" s="6">
        <v>910</v>
      </c>
      <c r="I297" s="6">
        <v>800</v>
      </c>
      <c r="J297" s="6">
        <v>633</v>
      </c>
      <c r="K297" s="6">
        <v>110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6</v>
      </c>
      <c r="E298" s="9" t="s">
        <v>226</v>
      </c>
      <c r="F298" s="9" t="s">
        <v>235</v>
      </c>
      <c r="G298" s="9" t="s">
        <v>256</v>
      </c>
      <c r="H298" s="6">
        <v>13913</v>
      </c>
      <c r="I298" s="6">
        <v>10337</v>
      </c>
      <c r="J298" s="6">
        <v>6814</v>
      </c>
      <c r="K298" s="6">
        <v>3572</v>
      </c>
      <c r="L298" s="6">
        <v>4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6</v>
      </c>
      <c r="E299" s="9" t="s">
        <v>227</v>
      </c>
      <c r="F299" s="9" t="s">
        <v>6</v>
      </c>
      <c r="G299" s="9" t="s">
        <v>30</v>
      </c>
      <c r="H299" s="6">
        <v>47218</v>
      </c>
      <c r="I299" s="6">
        <v>36433</v>
      </c>
      <c r="J299" s="6">
        <v>35231</v>
      </c>
      <c r="K299" s="6">
        <v>10781</v>
      </c>
      <c r="L299" s="6">
        <v>4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6</v>
      </c>
      <c r="E300" s="9" t="s">
        <v>227</v>
      </c>
      <c r="F300" s="9" t="s">
        <v>234</v>
      </c>
      <c r="G300" s="9" t="s">
        <v>30</v>
      </c>
      <c r="H300" s="6">
        <v>10803</v>
      </c>
      <c r="I300" s="6">
        <v>7453</v>
      </c>
      <c r="J300" s="6">
        <v>7085</v>
      </c>
      <c r="K300" s="6">
        <v>3346</v>
      </c>
      <c r="L300" s="6">
        <v>4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6</v>
      </c>
      <c r="E301" s="9" t="s">
        <v>227</v>
      </c>
      <c r="F301" s="9" t="s">
        <v>235</v>
      </c>
      <c r="G301" s="9" t="s">
        <v>30</v>
      </c>
      <c r="H301" s="6">
        <v>36415</v>
      </c>
      <c r="I301" s="6">
        <v>28980</v>
      </c>
      <c r="J301" s="6">
        <v>28146</v>
      </c>
      <c r="K301" s="6">
        <v>7435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6</v>
      </c>
      <c r="E302" s="9" t="s">
        <v>227</v>
      </c>
      <c r="F302" s="9" t="s">
        <v>235</v>
      </c>
      <c r="G302" s="9" t="s">
        <v>236</v>
      </c>
      <c r="H302" s="6">
        <v>2335</v>
      </c>
      <c r="I302" s="6">
        <v>1236</v>
      </c>
      <c r="J302" s="6">
        <v>1211</v>
      </c>
      <c r="K302" s="6">
        <v>1099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6</v>
      </c>
      <c r="E303" s="9" t="s">
        <v>227</v>
      </c>
      <c r="F303" s="9" t="s">
        <v>235</v>
      </c>
      <c r="G303" s="9" t="s">
        <v>237</v>
      </c>
      <c r="H303" s="6">
        <v>2223</v>
      </c>
      <c r="I303" s="6">
        <v>1747</v>
      </c>
      <c r="J303" s="6">
        <v>1704</v>
      </c>
      <c r="K303" s="6">
        <v>476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6</v>
      </c>
      <c r="E304" s="9" t="s">
        <v>227</v>
      </c>
      <c r="F304" s="9" t="s">
        <v>235</v>
      </c>
      <c r="G304" s="9" t="s">
        <v>238</v>
      </c>
      <c r="H304" s="6">
        <v>1919</v>
      </c>
      <c r="I304" s="6">
        <v>1574</v>
      </c>
      <c r="J304" s="6">
        <v>1531</v>
      </c>
      <c r="K304" s="6">
        <v>345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6</v>
      </c>
      <c r="E305" s="9" t="s">
        <v>227</v>
      </c>
      <c r="F305" s="9" t="s">
        <v>235</v>
      </c>
      <c r="G305" s="9" t="s">
        <v>239</v>
      </c>
      <c r="H305" s="6">
        <v>1713</v>
      </c>
      <c r="I305" s="6">
        <v>1500</v>
      </c>
      <c r="J305" s="6">
        <v>1473</v>
      </c>
      <c r="K305" s="6">
        <v>213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6</v>
      </c>
      <c r="E306" s="9" t="s">
        <v>227</v>
      </c>
      <c r="F306" s="9" t="s">
        <v>235</v>
      </c>
      <c r="G306" s="9" t="s">
        <v>240</v>
      </c>
      <c r="H306" s="6">
        <v>1720</v>
      </c>
      <c r="I306" s="6">
        <v>1536</v>
      </c>
      <c r="J306" s="6">
        <v>1471</v>
      </c>
      <c r="K306" s="6">
        <v>184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6</v>
      </c>
      <c r="E307" s="9" t="s">
        <v>227</v>
      </c>
      <c r="F307" s="9" t="s">
        <v>235</v>
      </c>
      <c r="G307" s="9" t="s">
        <v>241</v>
      </c>
      <c r="H307" s="6">
        <v>1477</v>
      </c>
      <c r="I307" s="6">
        <v>1254</v>
      </c>
      <c r="J307" s="6">
        <v>1204</v>
      </c>
      <c r="K307" s="6">
        <v>223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6</v>
      </c>
      <c r="E308" s="9" t="s">
        <v>227</v>
      </c>
      <c r="F308" s="9" t="s">
        <v>235</v>
      </c>
      <c r="G308" s="9" t="s">
        <v>242</v>
      </c>
      <c r="H308" s="6">
        <v>1507</v>
      </c>
      <c r="I308" s="6">
        <v>1338</v>
      </c>
      <c r="J308" s="6">
        <v>1326</v>
      </c>
      <c r="K308" s="6">
        <v>169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6</v>
      </c>
      <c r="E309" s="9" t="s">
        <v>227</v>
      </c>
      <c r="F309" s="9" t="s">
        <v>235</v>
      </c>
      <c r="G309" s="9" t="s">
        <v>243</v>
      </c>
      <c r="H309" s="6">
        <v>1362</v>
      </c>
      <c r="I309" s="6">
        <v>1177</v>
      </c>
      <c r="J309" s="6">
        <v>1154</v>
      </c>
      <c r="K309" s="6">
        <v>185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6</v>
      </c>
      <c r="E310" s="9" t="s">
        <v>227</v>
      </c>
      <c r="F310" s="9" t="s">
        <v>235</v>
      </c>
      <c r="G310" s="9" t="s">
        <v>244</v>
      </c>
      <c r="H310" s="6">
        <v>1393</v>
      </c>
      <c r="I310" s="6">
        <v>1191</v>
      </c>
      <c r="J310" s="6">
        <v>1161</v>
      </c>
      <c r="K310" s="6">
        <v>202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6</v>
      </c>
      <c r="E311" s="9" t="s">
        <v>227</v>
      </c>
      <c r="F311" s="9" t="s">
        <v>235</v>
      </c>
      <c r="G311" s="9" t="s">
        <v>245</v>
      </c>
      <c r="H311" s="6">
        <v>1259</v>
      </c>
      <c r="I311" s="6">
        <v>1107</v>
      </c>
      <c r="J311" s="6">
        <v>1081</v>
      </c>
      <c r="K311" s="6">
        <v>152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6</v>
      </c>
      <c r="E312" s="9" t="s">
        <v>227</v>
      </c>
      <c r="F312" s="9" t="s">
        <v>235</v>
      </c>
      <c r="G312" s="9" t="s">
        <v>246</v>
      </c>
      <c r="H312" s="6">
        <v>1212</v>
      </c>
      <c r="I312" s="6">
        <v>1060</v>
      </c>
      <c r="J312" s="6">
        <v>1021</v>
      </c>
      <c r="K312" s="6">
        <v>152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6</v>
      </c>
      <c r="E313" s="9" t="s">
        <v>227</v>
      </c>
      <c r="F313" s="9" t="s">
        <v>235</v>
      </c>
      <c r="G313" s="9" t="s">
        <v>247</v>
      </c>
      <c r="H313" s="6">
        <v>1238</v>
      </c>
      <c r="I313" s="6">
        <v>1122</v>
      </c>
      <c r="J313" s="6">
        <v>1088</v>
      </c>
      <c r="K313" s="6">
        <v>116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6</v>
      </c>
      <c r="E314" s="9" t="s">
        <v>227</v>
      </c>
      <c r="F314" s="9" t="s">
        <v>235</v>
      </c>
      <c r="G314" s="9" t="s">
        <v>248</v>
      </c>
      <c r="H314" s="6">
        <v>1322</v>
      </c>
      <c r="I314" s="6">
        <v>1145</v>
      </c>
      <c r="J314" s="6">
        <v>1130</v>
      </c>
      <c r="K314" s="6">
        <v>177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6</v>
      </c>
      <c r="E315" s="9" t="s">
        <v>227</v>
      </c>
      <c r="F315" s="9" t="s">
        <v>235</v>
      </c>
      <c r="G315" s="9" t="s">
        <v>249</v>
      </c>
      <c r="H315" s="6">
        <v>1144</v>
      </c>
      <c r="I315" s="6">
        <v>1000</v>
      </c>
      <c r="J315" s="6">
        <v>992</v>
      </c>
      <c r="K315" s="6">
        <v>144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6</v>
      </c>
      <c r="E316" s="9" t="s">
        <v>227</v>
      </c>
      <c r="F316" s="9" t="s">
        <v>235</v>
      </c>
      <c r="G316" s="9" t="s">
        <v>250</v>
      </c>
      <c r="H316" s="6">
        <v>1071</v>
      </c>
      <c r="I316" s="6">
        <v>907</v>
      </c>
      <c r="J316" s="6">
        <v>888</v>
      </c>
      <c r="K316" s="6">
        <v>164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6</v>
      </c>
      <c r="E317" s="9" t="s">
        <v>227</v>
      </c>
      <c r="F317" s="9" t="s">
        <v>235</v>
      </c>
      <c r="G317" s="9" t="s">
        <v>251</v>
      </c>
      <c r="H317" s="6">
        <v>1032</v>
      </c>
      <c r="I317" s="6">
        <v>888</v>
      </c>
      <c r="J317" s="6">
        <v>867</v>
      </c>
      <c r="K317" s="6">
        <v>144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6</v>
      </c>
      <c r="E318" s="9" t="s">
        <v>227</v>
      </c>
      <c r="F318" s="9" t="s">
        <v>235</v>
      </c>
      <c r="G318" s="9" t="s">
        <v>252</v>
      </c>
      <c r="H318" s="6">
        <v>942</v>
      </c>
      <c r="I318" s="6">
        <v>798</v>
      </c>
      <c r="J318" s="6">
        <v>783</v>
      </c>
      <c r="K318" s="6">
        <v>144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6</v>
      </c>
      <c r="E319" s="9" t="s">
        <v>227</v>
      </c>
      <c r="F319" s="9" t="s">
        <v>235</v>
      </c>
      <c r="G319" s="9" t="s">
        <v>253</v>
      </c>
      <c r="H319" s="6">
        <v>997</v>
      </c>
      <c r="I319" s="6">
        <v>849</v>
      </c>
      <c r="J319" s="6">
        <v>823</v>
      </c>
      <c r="K319" s="6">
        <v>148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6</v>
      </c>
      <c r="E320" s="9" t="s">
        <v>227</v>
      </c>
      <c r="F320" s="9" t="s">
        <v>235</v>
      </c>
      <c r="G320" s="9" t="s">
        <v>254</v>
      </c>
      <c r="H320" s="6">
        <v>801</v>
      </c>
      <c r="I320" s="6">
        <v>688</v>
      </c>
      <c r="J320" s="6">
        <v>669</v>
      </c>
      <c r="K320" s="6">
        <v>113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6</v>
      </c>
      <c r="E321" s="9" t="s">
        <v>227</v>
      </c>
      <c r="F321" s="9" t="s">
        <v>235</v>
      </c>
      <c r="G321" s="9" t="s">
        <v>255</v>
      </c>
      <c r="H321" s="6">
        <v>715</v>
      </c>
      <c r="I321" s="6">
        <v>623</v>
      </c>
      <c r="J321" s="6">
        <v>586</v>
      </c>
      <c r="K321" s="6">
        <v>92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6</v>
      </c>
      <c r="E322" s="9" t="s">
        <v>227</v>
      </c>
      <c r="F322" s="9" t="s">
        <v>235</v>
      </c>
      <c r="G322" s="9" t="s">
        <v>256</v>
      </c>
      <c r="H322" s="6">
        <v>9033</v>
      </c>
      <c r="I322" s="6">
        <v>6240</v>
      </c>
      <c r="J322" s="6">
        <v>5983</v>
      </c>
      <c r="K322" s="6">
        <v>2793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6</v>
      </c>
      <c r="E323" s="9" t="s">
        <v>228</v>
      </c>
      <c r="F323" s="9" t="s">
        <v>6</v>
      </c>
      <c r="G323" s="9" t="s">
        <v>30</v>
      </c>
      <c r="H323" s="6">
        <v>19918</v>
      </c>
      <c r="I323" s="6">
        <v>3861</v>
      </c>
      <c r="J323" s="6">
        <v>3449</v>
      </c>
      <c r="K323" s="6">
        <v>16050</v>
      </c>
      <c r="L323" s="6">
        <v>7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6</v>
      </c>
      <c r="E324" s="9" t="s">
        <v>228</v>
      </c>
      <c r="F324" s="9" t="s">
        <v>234</v>
      </c>
      <c r="G324" s="9" t="s">
        <v>30</v>
      </c>
      <c r="H324" s="6">
        <v>11106</v>
      </c>
      <c r="I324" s="6">
        <v>1776</v>
      </c>
      <c r="J324" s="6">
        <v>1631</v>
      </c>
      <c r="K324" s="6">
        <v>9328</v>
      </c>
      <c r="L324" s="6">
        <v>2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6</v>
      </c>
      <c r="E325" s="9" t="s">
        <v>228</v>
      </c>
      <c r="F325" s="9" t="s">
        <v>235</v>
      </c>
      <c r="G325" s="9" t="s">
        <v>30</v>
      </c>
      <c r="H325" s="6">
        <v>8812</v>
      </c>
      <c r="I325" s="6">
        <v>2085</v>
      </c>
      <c r="J325" s="6">
        <v>1818</v>
      </c>
      <c r="K325" s="6">
        <v>6722</v>
      </c>
      <c r="L325" s="6">
        <v>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6</v>
      </c>
      <c r="E326" s="9" t="s">
        <v>228</v>
      </c>
      <c r="F326" s="9" t="s">
        <v>235</v>
      </c>
      <c r="G326" s="9" t="s">
        <v>236</v>
      </c>
      <c r="H326" s="6">
        <v>41</v>
      </c>
      <c r="I326" s="6">
        <v>4</v>
      </c>
      <c r="J326" s="6">
        <v>4</v>
      </c>
      <c r="K326" s="6">
        <v>37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6</v>
      </c>
      <c r="E327" s="9" t="s">
        <v>228</v>
      </c>
      <c r="F327" s="9" t="s">
        <v>235</v>
      </c>
      <c r="G327" s="9" t="s">
        <v>237</v>
      </c>
      <c r="H327" s="6">
        <v>55</v>
      </c>
      <c r="I327" s="6">
        <v>29</v>
      </c>
      <c r="J327" s="6">
        <v>29</v>
      </c>
      <c r="K327" s="6">
        <v>26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6</v>
      </c>
      <c r="E328" s="9" t="s">
        <v>228</v>
      </c>
      <c r="F328" s="9" t="s">
        <v>235</v>
      </c>
      <c r="G328" s="9" t="s">
        <v>238</v>
      </c>
      <c r="H328" s="6">
        <v>19</v>
      </c>
      <c r="I328" s="6">
        <v>11</v>
      </c>
      <c r="J328" s="6">
        <v>11</v>
      </c>
      <c r="K328" s="6">
        <v>8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6</v>
      </c>
      <c r="E329" s="9" t="s">
        <v>228</v>
      </c>
      <c r="F329" s="9" t="s">
        <v>235</v>
      </c>
      <c r="G329" s="9" t="s">
        <v>239</v>
      </c>
      <c r="H329" s="6">
        <v>34</v>
      </c>
      <c r="I329" s="6">
        <v>34</v>
      </c>
      <c r="J329" s="6">
        <v>31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6</v>
      </c>
      <c r="E330" s="9" t="s">
        <v>228</v>
      </c>
      <c r="F330" s="9" t="s">
        <v>235</v>
      </c>
      <c r="G330" s="9" t="s">
        <v>240</v>
      </c>
      <c r="H330" s="6">
        <v>38</v>
      </c>
      <c r="I330" s="6">
        <v>25</v>
      </c>
      <c r="J330" s="6">
        <v>11</v>
      </c>
      <c r="K330" s="6">
        <v>13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6</v>
      </c>
      <c r="E331" s="9" t="s">
        <v>228</v>
      </c>
      <c r="F331" s="9" t="s">
        <v>235</v>
      </c>
      <c r="G331" s="9" t="s">
        <v>241</v>
      </c>
      <c r="H331" s="6">
        <v>29</v>
      </c>
      <c r="I331" s="6">
        <v>29</v>
      </c>
      <c r="J331" s="6">
        <v>29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6</v>
      </c>
      <c r="E332" s="9" t="s">
        <v>228</v>
      </c>
      <c r="F332" s="9" t="s">
        <v>235</v>
      </c>
      <c r="G332" s="9" t="s">
        <v>242</v>
      </c>
      <c r="H332" s="6">
        <v>27</v>
      </c>
      <c r="I332" s="6">
        <v>18</v>
      </c>
      <c r="J332" s="6">
        <v>18</v>
      </c>
      <c r="K332" s="6">
        <v>9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6</v>
      </c>
      <c r="E333" s="9" t="s">
        <v>228</v>
      </c>
      <c r="F333" s="9" t="s">
        <v>235</v>
      </c>
      <c r="G333" s="9" t="s">
        <v>243</v>
      </c>
      <c r="H333" s="6">
        <v>37</v>
      </c>
      <c r="I333" s="6">
        <v>28</v>
      </c>
      <c r="J333" s="6">
        <v>19</v>
      </c>
      <c r="K333" s="6">
        <v>9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6</v>
      </c>
      <c r="E334" s="9" t="s">
        <v>228</v>
      </c>
      <c r="F334" s="9" t="s">
        <v>235</v>
      </c>
      <c r="G334" s="9" t="s">
        <v>244</v>
      </c>
      <c r="H334" s="6">
        <v>37</v>
      </c>
      <c r="I334" s="6">
        <v>22</v>
      </c>
      <c r="J334" s="6">
        <v>22</v>
      </c>
      <c r="K334" s="6">
        <v>1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6</v>
      </c>
      <c r="E335" s="9" t="s">
        <v>228</v>
      </c>
      <c r="F335" s="9" t="s">
        <v>235</v>
      </c>
      <c r="G335" s="9" t="s">
        <v>245</v>
      </c>
      <c r="H335" s="6">
        <v>16</v>
      </c>
      <c r="I335" s="6">
        <v>16</v>
      </c>
      <c r="J335" s="6">
        <v>9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6</v>
      </c>
      <c r="E336" s="9" t="s">
        <v>228</v>
      </c>
      <c r="F336" s="9" t="s">
        <v>235</v>
      </c>
      <c r="G336" s="9" t="s">
        <v>246</v>
      </c>
      <c r="H336" s="6">
        <v>10</v>
      </c>
      <c r="I336" s="6">
        <v>10</v>
      </c>
      <c r="J336" s="6">
        <v>10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6</v>
      </c>
      <c r="E337" s="9" t="s">
        <v>228</v>
      </c>
      <c r="F337" s="9" t="s">
        <v>235</v>
      </c>
      <c r="G337" s="9" t="s">
        <v>247</v>
      </c>
      <c r="H337" s="6">
        <v>20</v>
      </c>
      <c r="I337" s="6">
        <v>16</v>
      </c>
      <c r="J337" s="6">
        <v>16</v>
      </c>
      <c r="K337" s="6">
        <v>4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6</v>
      </c>
      <c r="E338" s="9" t="s">
        <v>228</v>
      </c>
      <c r="F338" s="9" t="s">
        <v>235</v>
      </c>
      <c r="G338" s="9" t="s">
        <v>248</v>
      </c>
      <c r="H338" s="6">
        <v>27</v>
      </c>
      <c r="I338" s="6">
        <v>20</v>
      </c>
      <c r="J338" s="6">
        <v>20</v>
      </c>
      <c r="K338" s="6">
        <v>7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6</v>
      </c>
      <c r="E339" s="9" t="s">
        <v>228</v>
      </c>
      <c r="F339" s="9" t="s">
        <v>235</v>
      </c>
      <c r="G339" s="9" t="s">
        <v>249</v>
      </c>
      <c r="H339" s="6">
        <v>18</v>
      </c>
      <c r="I339" s="6">
        <v>11</v>
      </c>
      <c r="J339" s="6">
        <v>11</v>
      </c>
      <c r="K339" s="6">
        <v>7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6</v>
      </c>
      <c r="E340" s="9" t="s">
        <v>228</v>
      </c>
      <c r="F340" s="9" t="s">
        <v>235</v>
      </c>
      <c r="G340" s="9" t="s">
        <v>250</v>
      </c>
      <c r="H340" s="6">
        <v>36</v>
      </c>
      <c r="I340" s="6">
        <v>32</v>
      </c>
      <c r="J340" s="6">
        <v>32</v>
      </c>
      <c r="K340" s="6">
        <v>4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6</v>
      </c>
      <c r="E341" s="9" t="s">
        <v>228</v>
      </c>
      <c r="F341" s="9" t="s">
        <v>235</v>
      </c>
      <c r="G341" s="9" t="s">
        <v>251</v>
      </c>
      <c r="H341" s="6">
        <v>21</v>
      </c>
      <c r="I341" s="6">
        <v>21</v>
      </c>
      <c r="J341" s="6">
        <v>21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6</v>
      </c>
      <c r="E342" s="9" t="s">
        <v>228</v>
      </c>
      <c r="F342" s="9" t="s">
        <v>235</v>
      </c>
      <c r="G342" s="9" t="s">
        <v>252</v>
      </c>
      <c r="H342" s="6">
        <v>34</v>
      </c>
      <c r="I342" s="6">
        <v>22</v>
      </c>
      <c r="J342" s="6">
        <v>22</v>
      </c>
      <c r="K342" s="6">
        <v>12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6</v>
      </c>
      <c r="E343" s="9" t="s">
        <v>228</v>
      </c>
      <c r="F343" s="9" t="s">
        <v>235</v>
      </c>
      <c r="G343" s="9" t="s">
        <v>253</v>
      </c>
      <c r="H343" s="6">
        <v>39</v>
      </c>
      <c r="I343" s="6">
        <v>34</v>
      </c>
      <c r="J343" s="6">
        <v>34</v>
      </c>
      <c r="K343" s="6">
        <v>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6</v>
      </c>
      <c r="E344" s="9" t="s">
        <v>228</v>
      </c>
      <c r="F344" s="9" t="s">
        <v>235</v>
      </c>
      <c r="G344" s="9" t="s">
        <v>254</v>
      </c>
      <c r="H344" s="6">
        <v>42</v>
      </c>
      <c r="I344" s="6">
        <v>38</v>
      </c>
      <c r="J344" s="6">
        <v>38</v>
      </c>
      <c r="K344" s="6">
        <v>4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6</v>
      </c>
      <c r="E345" s="9" t="s">
        <v>228</v>
      </c>
      <c r="F345" s="9" t="s">
        <v>235</v>
      </c>
      <c r="G345" s="9" t="s">
        <v>255</v>
      </c>
      <c r="H345" s="6">
        <v>36</v>
      </c>
      <c r="I345" s="6">
        <v>24</v>
      </c>
      <c r="J345" s="6">
        <v>24</v>
      </c>
      <c r="K345" s="6">
        <v>12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6</v>
      </c>
      <c r="E346" s="9" t="s">
        <v>228</v>
      </c>
      <c r="F346" s="9" t="s">
        <v>235</v>
      </c>
      <c r="G346" s="9" t="s">
        <v>256</v>
      </c>
      <c r="H346" s="6">
        <v>8196</v>
      </c>
      <c r="I346" s="6">
        <v>1641</v>
      </c>
      <c r="J346" s="6">
        <v>1407</v>
      </c>
      <c r="K346" s="6">
        <v>6550</v>
      </c>
      <c r="L346" s="6">
        <v>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6</v>
      </c>
      <c r="E347" s="9" t="s">
        <v>18</v>
      </c>
      <c r="F347" s="9" t="s">
        <v>6</v>
      </c>
      <c r="G347" s="9" t="s">
        <v>30</v>
      </c>
      <c r="H347" s="6">
        <v>3685</v>
      </c>
      <c r="I347" s="6">
        <v>22</v>
      </c>
      <c r="J347" s="6">
        <v>22</v>
      </c>
      <c r="K347" s="6">
        <v>5</v>
      </c>
      <c r="L347" s="6">
        <v>3658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6</v>
      </c>
      <c r="E348" s="9" t="s">
        <v>18</v>
      </c>
      <c r="F348" s="9" t="s">
        <v>234</v>
      </c>
      <c r="G348" s="9" t="s">
        <v>30</v>
      </c>
      <c r="H348" s="6">
        <v>614</v>
      </c>
      <c r="I348" s="6">
        <v>7</v>
      </c>
      <c r="J348" s="6">
        <v>7</v>
      </c>
      <c r="K348" s="10" t="s">
        <v>55</v>
      </c>
      <c r="L348" s="6">
        <v>607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6</v>
      </c>
      <c r="E349" s="9" t="s">
        <v>18</v>
      </c>
      <c r="F349" s="9" t="s">
        <v>235</v>
      </c>
      <c r="G349" s="9" t="s">
        <v>30</v>
      </c>
      <c r="H349" s="6">
        <v>3071</v>
      </c>
      <c r="I349" s="6">
        <v>15</v>
      </c>
      <c r="J349" s="6">
        <v>15</v>
      </c>
      <c r="K349" s="6">
        <v>5</v>
      </c>
      <c r="L349" s="6">
        <v>3051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6</v>
      </c>
      <c r="E350" s="9" t="s">
        <v>18</v>
      </c>
      <c r="F350" s="9" t="s">
        <v>235</v>
      </c>
      <c r="G350" s="9" t="s">
        <v>236</v>
      </c>
      <c r="H350" s="6">
        <v>262</v>
      </c>
      <c r="I350" s="10" t="s">
        <v>55</v>
      </c>
      <c r="J350" s="10" t="s">
        <v>55</v>
      </c>
      <c r="K350" s="10" t="s">
        <v>55</v>
      </c>
      <c r="L350" s="6">
        <v>262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6</v>
      </c>
      <c r="E351" s="9" t="s">
        <v>18</v>
      </c>
      <c r="F351" s="9" t="s">
        <v>235</v>
      </c>
      <c r="G351" s="9" t="s">
        <v>237</v>
      </c>
      <c r="H351" s="6">
        <v>264</v>
      </c>
      <c r="I351" s="10" t="s">
        <v>55</v>
      </c>
      <c r="J351" s="10" t="s">
        <v>55</v>
      </c>
      <c r="K351" s="10" t="s">
        <v>55</v>
      </c>
      <c r="L351" s="6">
        <v>264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6</v>
      </c>
      <c r="E352" s="9" t="s">
        <v>18</v>
      </c>
      <c r="F352" s="9" t="s">
        <v>235</v>
      </c>
      <c r="G352" s="9" t="s">
        <v>238</v>
      </c>
      <c r="H352" s="6">
        <v>231</v>
      </c>
      <c r="I352" s="10" t="s">
        <v>55</v>
      </c>
      <c r="J352" s="10" t="s">
        <v>55</v>
      </c>
      <c r="K352" s="10" t="s">
        <v>55</v>
      </c>
      <c r="L352" s="6">
        <v>231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6</v>
      </c>
      <c r="E353" s="9" t="s">
        <v>18</v>
      </c>
      <c r="F353" s="9" t="s">
        <v>235</v>
      </c>
      <c r="G353" s="9" t="s">
        <v>239</v>
      </c>
      <c r="H353" s="6">
        <v>183</v>
      </c>
      <c r="I353" s="10" t="s">
        <v>55</v>
      </c>
      <c r="J353" s="10" t="s">
        <v>55</v>
      </c>
      <c r="K353" s="10" t="s">
        <v>55</v>
      </c>
      <c r="L353" s="6">
        <v>183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6</v>
      </c>
      <c r="E354" s="9" t="s">
        <v>18</v>
      </c>
      <c r="F354" s="9" t="s">
        <v>235</v>
      </c>
      <c r="G354" s="9" t="s">
        <v>240</v>
      </c>
      <c r="H354" s="6">
        <v>155</v>
      </c>
      <c r="I354" s="10" t="s">
        <v>55</v>
      </c>
      <c r="J354" s="10" t="s">
        <v>55</v>
      </c>
      <c r="K354" s="10" t="s">
        <v>55</v>
      </c>
      <c r="L354" s="6">
        <v>155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6</v>
      </c>
      <c r="E355" s="9" t="s">
        <v>18</v>
      </c>
      <c r="F355" s="9" t="s">
        <v>235</v>
      </c>
      <c r="G355" s="9" t="s">
        <v>241</v>
      </c>
      <c r="H355" s="6">
        <v>154</v>
      </c>
      <c r="I355" s="10" t="s">
        <v>55</v>
      </c>
      <c r="J355" s="10" t="s">
        <v>55</v>
      </c>
      <c r="K355" s="10" t="s">
        <v>55</v>
      </c>
      <c r="L355" s="6">
        <v>154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6</v>
      </c>
      <c r="E356" s="9" t="s">
        <v>18</v>
      </c>
      <c r="F356" s="9" t="s">
        <v>235</v>
      </c>
      <c r="G356" s="9" t="s">
        <v>242</v>
      </c>
      <c r="H356" s="6">
        <v>147</v>
      </c>
      <c r="I356" s="6">
        <v>9</v>
      </c>
      <c r="J356" s="6">
        <v>9</v>
      </c>
      <c r="K356" s="10" t="s">
        <v>55</v>
      </c>
      <c r="L356" s="6">
        <v>138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6</v>
      </c>
      <c r="E357" s="9" t="s">
        <v>18</v>
      </c>
      <c r="F357" s="9" t="s">
        <v>235</v>
      </c>
      <c r="G357" s="9" t="s">
        <v>243</v>
      </c>
      <c r="H357" s="6">
        <v>105</v>
      </c>
      <c r="I357" s="10" t="s">
        <v>55</v>
      </c>
      <c r="J357" s="10" t="s">
        <v>55</v>
      </c>
      <c r="K357" s="10" t="s">
        <v>55</v>
      </c>
      <c r="L357" s="6">
        <v>10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6</v>
      </c>
      <c r="E358" s="9" t="s">
        <v>18</v>
      </c>
      <c r="F358" s="9" t="s">
        <v>235</v>
      </c>
      <c r="G358" s="9" t="s">
        <v>244</v>
      </c>
      <c r="H358" s="6">
        <v>98</v>
      </c>
      <c r="I358" s="10" t="s">
        <v>55</v>
      </c>
      <c r="J358" s="10" t="s">
        <v>55</v>
      </c>
      <c r="K358" s="10" t="s">
        <v>55</v>
      </c>
      <c r="L358" s="6">
        <v>98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6</v>
      </c>
      <c r="E359" s="9" t="s">
        <v>18</v>
      </c>
      <c r="F359" s="9" t="s">
        <v>235</v>
      </c>
      <c r="G359" s="9" t="s">
        <v>245</v>
      </c>
      <c r="H359" s="6">
        <v>110</v>
      </c>
      <c r="I359" s="10" t="s">
        <v>55</v>
      </c>
      <c r="J359" s="10" t="s">
        <v>55</v>
      </c>
      <c r="K359" s="10" t="s">
        <v>55</v>
      </c>
      <c r="L359" s="6">
        <v>110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6</v>
      </c>
      <c r="E360" s="9" t="s">
        <v>18</v>
      </c>
      <c r="F360" s="9" t="s">
        <v>235</v>
      </c>
      <c r="G360" s="9" t="s">
        <v>246</v>
      </c>
      <c r="H360" s="6">
        <v>66</v>
      </c>
      <c r="I360" s="10" t="s">
        <v>55</v>
      </c>
      <c r="J360" s="10" t="s">
        <v>55</v>
      </c>
      <c r="K360" s="10" t="s">
        <v>55</v>
      </c>
      <c r="L360" s="6">
        <v>66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6</v>
      </c>
      <c r="E361" s="9" t="s">
        <v>18</v>
      </c>
      <c r="F361" s="9" t="s">
        <v>235</v>
      </c>
      <c r="G361" s="9" t="s">
        <v>247</v>
      </c>
      <c r="H361" s="6">
        <v>113</v>
      </c>
      <c r="I361" s="10" t="s">
        <v>55</v>
      </c>
      <c r="J361" s="10" t="s">
        <v>55</v>
      </c>
      <c r="K361" s="10" t="s">
        <v>55</v>
      </c>
      <c r="L361" s="6">
        <v>113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6</v>
      </c>
      <c r="E362" s="9" t="s">
        <v>18</v>
      </c>
      <c r="F362" s="9" t="s">
        <v>235</v>
      </c>
      <c r="G362" s="9" t="s">
        <v>248</v>
      </c>
      <c r="H362" s="6">
        <v>75</v>
      </c>
      <c r="I362" s="10" t="s">
        <v>55</v>
      </c>
      <c r="J362" s="10" t="s">
        <v>55</v>
      </c>
      <c r="K362" s="10" t="s">
        <v>55</v>
      </c>
      <c r="L362" s="6">
        <v>75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6</v>
      </c>
      <c r="E363" s="9" t="s">
        <v>18</v>
      </c>
      <c r="F363" s="9" t="s">
        <v>235</v>
      </c>
      <c r="G363" s="9" t="s">
        <v>249</v>
      </c>
      <c r="H363" s="6">
        <v>115</v>
      </c>
      <c r="I363" s="10" t="s">
        <v>55</v>
      </c>
      <c r="J363" s="10" t="s">
        <v>55</v>
      </c>
      <c r="K363" s="10" t="s">
        <v>55</v>
      </c>
      <c r="L363" s="6">
        <v>115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6</v>
      </c>
      <c r="E364" s="9" t="s">
        <v>18</v>
      </c>
      <c r="F364" s="9" t="s">
        <v>235</v>
      </c>
      <c r="G364" s="9" t="s">
        <v>250</v>
      </c>
      <c r="H364" s="6">
        <v>100</v>
      </c>
      <c r="I364" s="10" t="s">
        <v>55</v>
      </c>
      <c r="J364" s="10" t="s">
        <v>55</v>
      </c>
      <c r="K364" s="10" t="s">
        <v>55</v>
      </c>
      <c r="L364" s="6">
        <v>100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6</v>
      </c>
      <c r="E365" s="9" t="s">
        <v>18</v>
      </c>
      <c r="F365" s="9" t="s">
        <v>235</v>
      </c>
      <c r="G365" s="9" t="s">
        <v>251</v>
      </c>
      <c r="H365" s="6">
        <v>81</v>
      </c>
      <c r="I365" s="10" t="s">
        <v>55</v>
      </c>
      <c r="J365" s="10" t="s">
        <v>55</v>
      </c>
      <c r="K365" s="10" t="s">
        <v>55</v>
      </c>
      <c r="L365" s="6">
        <v>81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6</v>
      </c>
      <c r="E366" s="9" t="s">
        <v>18</v>
      </c>
      <c r="F366" s="9" t="s">
        <v>235</v>
      </c>
      <c r="G366" s="9" t="s">
        <v>252</v>
      </c>
      <c r="H366" s="6">
        <v>88</v>
      </c>
      <c r="I366" s="10" t="s">
        <v>55</v>
      </c>
      <c r="J366" s="10" t="s">
        <v>55</v>
      </c>
      <c r="K366" s="10" t="s">
        <v>55</v>
      </c>
      <c r="L366" s="6">
        <v>88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6</v>
      </c>
      <c r="E367" s="9" t="s">
        <v>18</v>
      </c>
      <c r="F367" s="9" t="s">
        <v>235</v>
      </c>
      <c r="G367" s="9" t="s">
        <v>253</v>
      </c>
      <c r="H367" s="6">
        <v>43</v>
      </c>
      <c r="I367" s="10" t="s">
        <v>55</v>
      </c>
      <c r="J367" s="10" t="s">
        <v>55</v>
      </c>
      <c r="K367" s="10" t="s">
        <v>55</v>
      </c>
      <c r="L367" s="6">
        <v>43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6</v>
      </c>
      <c r="E368" s="9" t="s">
        <v>18</v>
      </c>
      <c r="F368" s="9" t="s">
        <v>235</v>
      </c>
      <c r="G368" s="9" t="s">
        <v>254</v>
      </c>
      <c r="H368" s="6">
        <v>74</v>
      </c>
      <c r="I368" s="6">
        <v>3</v>
      </c>
      <c r="J368" s="6">
        <v>3</v>
      </c>
      <c r="K368" s="10" t="s">
        <v>55</v>
      </c>
      <c r="L368" s="6">
        <v>71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6</v>
      </c>
      <c r="E369" s="9" t="s">
        <v>18</v>
      </c>
      <c r="F369" s="9" t="s">
        <v>235</v>
      </c>
      <c r="G369" s="9" t="s">
        <v>255</v>
      </c>
      <c r="H369" s="6">
        <v>48</v>
      </c>
      <c r="I369" s="10" t="s">
        <v>55</v>
      </c>
      <c r="J369" s="10" t="s">
        <v>55</v>
      </c>
      <c r="K369" s="10" t="s">
        <v>55</v>
      </c>
      <c r="L369" s="6">
        <v>48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6</v>
      </c>
      <c r="E370" s="9" t="s">
        <v>18</v>
      </c>
      <c r="F370" s="9" t="s">
        <v>235</v>
      </c>
      <c r="G370" s="9" t="s">
        <v>256</v>
      </c>
      <c r="H370" s="6">
        <v>559</v>
      </c>
      <c r="I370" s="6">
        <v>3</v>
      </c>
      <c r="J370" s="6">
        <v>3</v>
      </c>
      <c r="K370" s="6">
        <v>5</v>
      </c>
      <c r="L370" s="6">
        <v>55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43ED489-23B4-468A-94BB-9AC1D9FFFD7F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6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58</v>
      </c>
      <c r="E11" s="5" t="s">
        <v>6</v>
      </c>
      <c r="F11" s="5" t="s">
        <v>6</v>
      </c>
      <c r="G11" s="5" t="s">
        <v>30</v>
      </c>
      <c r="H11" s="6">
        <v>72959178</v>
      </c>
      <c r="I11" s="6">
        <v>38273007</v>
      </c>
      <c r="J11" s="6">
        <v>33939952</v>
      </c>
      <c r="K11" s="6">
        <v>27704867</v>
      </c>
      <c r="L11" s="6">
        <v>6981304</v>
      </c>
    </row>
    <row r="12" spans="1:12">
      <c r="A12" s="9" t="s">
        <v>27</v>
      </c>
      <c r="B12" s="9" t="s">
        <v>28</v>
      </c>
      <c r="C12" s="9" t="s">
        <v>29</v>
      </c>
      <c r="D12" s="9" t="s">
        <v>258</v>
      </c>
      <c r="E12" s="9" t="s">
        <v>6</v>
      </c>
      <c r="F12" s="9" t="s">
        <v>234</v>
      </c>
      <c r="G12" s="9" t="s">
        <v>30</v>
      </c>
      <c r="H12" s="6">
        <v>22317680</v>
      </c>
      <c r="I12" s="6">
        <v>9025270</v>
      </c>
      <c r="J12" s="6">
        <v>7505116</v>
      </c>
      <c r="K12" s="6">
        <v>11429474</v>
      </c>
      <c r="L12" s="6">
        <v>1862936</v>
      </c>
    </row>
    <row r="13" spans="1:12">
      <c r="A13" s="9" t="s">
        <v>27</v>
      </c>
      <c r="B13" s="9" t="s">
        <v>28</v>
      </c>
      <c r="C13" s="9" t="s">
        <v>29</v>
      </c>
      <c r="D13" s="9" t="s">
        <v>258</v>
      </c>
      <c r="E13" s="9" t="s">
        <v>6</v>
      </c>
      <c r="F13" s="9" t="s">
        <v>235</v>
      </c>
      <c r="G13" s="9" t="s">
        <v>30</v>
      </c>
      <c r="H13" s="6">
        <v>50641498</v>
      </c>
      <c r="I13" s="6">
        <v>29247737</v>
      </c>
      <c r="J13" s="6">
        <v>26434836</v>
      </c>
      <c r="K13" s="6">
        <v>16275393</v>
      </c>
      <c r="L13" s="6">
        <v>5118368</v>
      </c>
    </row>
    <row r="14" spans="1:12">
      <c r="A14" s="9" t="s">
        <v>27</v>
      </c>
      <c r="B14" s="9" t="s">
        <v>28</v>
      </c>
      <c r="C14" s="9" t="s">
        <v>29</v>
      </c>
      <c r="D14" s="9" t="s">
        <v>258</v>
      </c>
      <c r="E14" s="9" t="s">
        <v>6</v>
      </c>
      <c r="F14" s="9" t="s">
        <v>235</v>
      </c>
      <c r="G14" s="9" t="s">
        <v>236</v>
      </c>
      <c r="H14" s="6">
        <v>2696167</v>
      </c>
      <c r="I14" s="6">
        <v>1095918</v>
      </c>
      <c r="J14" s="6">
        <v>1018763</v>
      </c>
      <c r="K14" s="6">
        <v>1248348</v>
      </c>
      <c r="L14" s="6">
        <v>351901</v>
      </c>
    </row>
    <row r="15" spans="1:12">
      <c r="A15" s="9" t="s">
        <v>27</v>
      </c>
      <c r="B15" s="9" t="s">
        <v>28</v>
      </c>
      <c r="C15" s="9" t="s">
        <v>29</v>
      </c>
      <c r="D15" s="9" t="s">
        <v>258</v>
      </c>
      <c r="E15" s="9" t="s">
        <v>6</v>
      </c>
      <c r="F15" s="9" t="s">
        <v>235</v>
      </c>
      <c r="G15" s="9" t="s">
        <v>237</v>
      </c>
      <c r="H15" s="6">
        <v>2677135</v>
      </c>
      <c r="I15" s="6">
        <v>1340984</v>
      </c>
      <c r="J15" s="6">
        <v>1244119</v>
      </c>
      <c r="K15" s="6">
        <v>949088</v>
      </c>
      <c r="L15" s="6">
        <v>387063</v>
      </c>
    </row>
    <row r="16" spans="1:12">
      <c r="A16" s="9" t="s">
        <v>27</v>
      </c>
      <c r="B16" s="9" t="s">
        <v>28</v>
      </c>
      <c r="C16" s="9" t="s">
        <v>29</v>
      </c>
      <c r="D16" s="9" t="s">
        <v>258</v>
      </c>
      <c r="E16" s="9" t="s">
        <v>6</v>
      </c>
      <c r="F16" s="9" t="s">
        <v>235</v>
      </c>
      <c r="G16" s="9" t="s">
        <v>238</v>
      </c>
      <c r="H16" s="6">
        <v>2398896</v>
      </c>
      <c r="I16" s="6">
        <v>1321561</v>
      </c>
      <c r="J16" s="6">
        <v>1223633</v>
      </c>
      <c r="K16" s="6">
        <v>733509</v>
      </c>
      <c r="L16" s="6">
        <v>343826</v>
      </c>
    </row>
    <row r="17" spans="1:12">
      <c r="A17" s="9" t="s">
        <v>27</v>
      </c>
      <c r="B17" s="9" t="s">
        <v>28</v>
      </c>
      <c r="C17" s="9" t="s">
        <v>29</v>
      </c>
      <c r="D17" s="9" t="s">
        <v>258</v>
      </c>
      <c r="E17" s="9" t="s">
        <v>6</v>
      </c>
      <c r="F17" s="9" t="s">
        <v>235</v>
      </c>
      <c r="G17" s="9" t="s">
        <v>239</v>
      </c>
      <c r="H17" s="6">
        <v>2091622</v>
      </c>
      <c r="I17" s="6">
        <v>1207963</v>
      </c>
      <c r="J17" s="6">
        <v>1113022</v>
      </c>
      <c r="K17" s="6">
        <v>588154</v>
      </c>
      <c r="L17" s="6">
        <v>295505</v>
      </c>
    </row>
    <row r="18" spans="1:12">
      <c r="A18" s="9" t="s">
        <v>27</v>
      </c>
      <c r="B18" s="9" t="s">
        <v>28</v>
      </c>
      <c r="C18" s="9" t="s">
        <v>29</v>
      </c>
      <c r="D18" s="9" t="s">
        <v>258</v>
      </c>
      <c r="E18" s="9" t="s">
        <v>6</v>
      </c>
      <c r="F18" s="9" t="s">
        <v>235</v>
      </c>
      <c r="G18" s="9" t="s">
        <v>240</v>
      </c>
      <c r="H18" s="6">
        <v>1930730</v>
      </c>
      <c r="I18" s="6">
        <v>1176056</v>
      </c>
      <c r="J18" s="6">
        <v>1083011</v>
      </c>
      <c r="K18" s="6">
        <v>490963</v>
      </c>
      <c r="L18" s="6">
        <v>263711</v>
      </c>
    </row>
    <row r="19" spans="1:12">
      <c r="A19" s="9" t="s">
        <v>27</v>
      </c>
      <c r="B19" s="9" t="s">
        <v>28</v>
      </c>
      <c r="C19" s="9" t="s">
        <v>29</v>
      </c>
      <c r="D19" s="9" t="s">
        <v>258</v>
      </c>
      <c r="E19" s="9" t="s">
        <v>6</v>
      </c>
      <c r="F19" s="9" t="s">
        <v>235</v>
      </c>
      <c r="G19" s="9" t="s">
        <v>241</v>
      </c>
      <c r="H19" s="6">
        <v>1812247</v>
      </c>
      <c r="I19" s="6">
        <v>1145184</v>
      </c>
      <c r="J19" s="6">
        <v>1055795</v>
      </c>
      <c r="K19" s="6">
        <v>431965</v>
      </c>
      <c r="L19" s="6">
        <v>235098</v>
      </c>
    </row>
    <row r="20" spans="1:12">
      <c r="A20" s="9" t="s">
        <v>27</v>
      </c>
      <c r="B20" s="9" t="s">
        <v>28</v>
      </c>
      <c r="C20" s="9" t="s">
        <v>29</v>
      </c>
      <c r="D20" s="9" t="s">
        <v>258</v>
      </c>
      <c r="E20" s="9" t="s">
        <v>6</v>
      </c>
      <c r="F20" s="9" t="s">
        <v>235</v>
      </c>
      <c r="G20" s="9" t="s">
        <v>242</v>
      </c>
      <c r="H20" s="6">
        <v>1714399</v>
      </c>
      <c r="I20" s="6">
        <v>1099778</v>
      </c>
      <c r="J20" s="6">
        <v>1016209</v>
      </c>
      <c r="K20" s="6">
        <v>397180</v>
      </c>
      <c r="L20" s="6">
        <v>217441</v>
      </c>
    </row>
    <row r="21" spans="1:12">
      <c r="A21" s="9" t="s">
        <v>27</v>
      </c>
      <c r="B21" s="9" t="s">
        <v>28</v>
      </c>
      <c r="C21" s="9" t="s">
        <v>29</v>
      </c>
      <c r="D21" s="9" t="s">
        <v>258</v>
      </c>
      <c r="E21" s="9" t="s">
        <v>6</v>
      </c>
      <c r="F21" s="9" t="s">
        <v>235</v>
      </c>
      <c r="G21" s="9" t="s">
        <v>243</v>
      </c>
      <c r="H21" s="6">
        <v>1680253</v>
      </c>
      <c r="I21" s="6">
        <v>1105883</v>
      </c>
      <c r="J21" s="6">
        <v>1025042</v>
      </c>
      <c r="K21" s="6">
        <v>368064</v>
      </c>
      <c r="L21" s="6">
        <v>206306</v>
      </c>
    </row>
    <row r="22" spans="1:12">
      <c r="A22" s="9" t="s">
        <v>27</v>
      </c>
      <c r="B22" s="9" t="s">
        <v>28</v>
      </c>
      <c r="C22" s="9" t="s">
        <v>29</v>
      </c>
      <c r="D22" s="9" t="s">
        <v>258</v>
      </c>
      <c r="E22" s="9" t="s">
        <v>6</v>
      </c>
      <c r="F22" s="9" t="s">
        <v>235</v>
      </c>
      <c r="G22" s="9" t="s">
        <v>244</v>
      </c>
      <c r="H22" s="6">
        <v>1610445</v>
      </c>
      <c r="I22" s="6">
        <v>1098967</v>
      </c>
      <c r="J22" s="6">
        <v>1022128</v>
      </c>
      <c r="K22" s="6">
        <v>316970</v>
      </c>
      <c r="L22" s="6">
        <v>194508</v>
      </c>
    </row>
    <row r="23" spans="1:12">
      <c r="A23" s="9" t="s">
        <v>27</v>
      </c>
      <c r="B23" s="9" t="s">
        <v>28</v>
      </c>
      <c r="C23" s="9" t="s">
        <v>29</v>
      </c>
      <c r="D23" s="9" t="s">
        <v>258</v>
      </c>
      <c r="E23" s="9" t="s">
        <v>6</v>
      </c>
      <c r="F23" s="9" t="s">
        <v>235</v>
      </c>
      <c r="G23" s="9" t="s">
        <v>245</v>
      </c>
      <c r="H23" s="6">
        <v>1597822</v>
      </c>
      <c r="I23" s="6">
        <v>1106665</v>
      </c>
      <c r="J23" s="6">
        <v>1031441</v>
      </c>
      <c r="K23" s="6">
        <v>301011</v>
      </c>
      <c r="L23" s="6">
        <v>190146</v>
      </c>
    </row>
    <row r="24" spans="1:12">
      <c r="A24" s="9" t="s">
        <v>27</v>
      </c>
      <c r="B24" s="9" t="s">
        <v>28</v>
      </c>
      <c r="C24" s="9" t="s">
        <v>29</v>
      </c>
      <c r="D24" s="9" t="s">
        <v>258</v>
      </c>
      <c r="E24" s="9" t="s">
        <v>6</v>
      </c>
      <c r="F24" s="9" t="s">
        <v>235</v>
      </c>
      <c r="G24" s="9" t="s">
        <v>246</v>
      </c>
      <c r="H24" s="6">
        <v>1548411</v>
      </c>
      <c r="I24" s="6">
        <v>1084486</v>
      </c>
      <c r="J24" s="6">
        <v>1013010</v>
      </c>
      <c r="K24" s="6">
        <v>283345</v>
      </c>
      <c r="L24" s="6">
        <v>180580</v>
      </c>
    </row>
    <row r="25" spans="1:12">
      <c r="A25" s="9" t="s">
        <v>27</v>
      </c>
      <c r="B25" s="9" t="s">
        <v>28</v>
      </c>
      <c r="C25" s="9" t="s">
        <v>29</v>
      </c>
      <c r="D25" s="9" t="s">
        <v>258</v>
      </c>
      <c r="E25" s="9" t="s">
        <v>6</v>
      </c>
      <c r="F25" s="9" t="s">
        <v>235</v>
      </c>
      <c r="G25" s="9" t="s">
        <v>247</v>
      </c>
      <c r="H25" s="6">
        <v>1515915</v>
      </c>
      <c r="I25" s="6">
        <v>1070828</v>
      </c>
      <c r="J25" s="6">
        <v>1000832</v>
      </c>
      <c r="K25" s="6">
        <v>270740</v>
      </c>
      <c r="L25" s="6">
        <v>174347</v>
      </c>
    </row>
    <row r="26" spans="1:12">
      <c r="A26" s="9" t="s">
        <v>27</v>
      </c>
      <c r="B26" s="9" t="s">
        <v>28</v>
      </c>
      <c r="C26" s="9" t="s">
        <v>29</v>
      </c>
      <c r="D26" s="9" t="s">
        <v>258</v>
      </c>
      <c r="E26" s="9" t="s">
        <v>6</v>
      </c>
      <c r="F26" s="9" t="s">
        <v>235</v>
      </c>
      <c r="G26" s="9" t="s">
        <v>248</v>
      </c>
      <c r="H26" s="6">
        <v>1496514</v>
      </c>
      <c r="I26" s="6">
        <v>1067850</v>
      </c>
      <c r="J26" s="6">
        <v>998444</v>
      </c>
      <c r="K26" s="6">
        <v>263362</v>
      </c>
      <c r="L26" s="6">
        <v>165302</v>
      </c>
    </row>
    <row r="27" spans="1:12">
      <c r="A27" s="9" t="s">
        <v>27</v>
      </c>
      <c r="B27" s="9" t="s">
        <v>28</v>
      </c>
      <c r="C27" s="9" t="s">
        <v>29</v>
      </c>
      <c r="D27" s="9" t="s">
        <v>258</v>
      </c>
      <c r="E27" s="9" t="s">
        <v>6</v>
      </c>
      <c r="F27" s="9" t="s">
        <v>235</v>
      </c>
      <c r="G27" s="9" t="s">
        <v>249</v>
      </c>
      <c r="H27" s="6">
        <v>1432961</v>
      </c>
      <c r="I27" s="6">
        <v>1029986</v>
      </c>
      <c r="J27" s="6">
        <v>965229</v>
      </c>
      <c r="K27" s="6">
        <v>247533</v>
      </c>
      <c r="L27" s="6">
        <v>155442</v>
      </c>
    </row>
    <row r="28" spans="1:12">
      <c r="A28" s="9" t="s">
        <v>27</v>
      </c>
      <c r="B28" s="9" t="s">
        <v>28</v>
      </c>
      <c r="C28" s="9" t="s">
        <v>29</v>
      </c>
      <c r="D28" s="9" t="s">
        <v>258</v>
      </c>
      <c r="E28" s="9" t="s">
        <v>6</v>
      </c>
      <c r="F28" s="9" t="s">
        <v>235</v>
      </c>
      <c r="G28" s="9" t="s">
        <v>250</v>
      </c>
      <c r="H28" s="6">
        <v>1363657</v>
      </c>
      <c r="I28" s="6">
        <v>990879</v>
      </c>
      <c r="J28" s="6">
        <v>929215</v>
      </c>
      <c r="K28" s="6">
        <v>229891</v>
      </c>
      <c r="L28" s="6">
        <v>142887</v>
      </c>
    </row>
    <row r="29" spans="1:12">
      <c r="A29" s="9" t="s">
        <v>27</v>
      </c>
      <c r="B29" s="9" t="s">
        <v>28</v>
      </c>
      <c r="C29" s="9" t="s">
        <v>29</v>
      </c>
      <c r="D29" s="9" t="s">
        <v>258</v>
      </c>
      <c r="E29" s="9" t="s">
        <v>6</v>
      </c>
      <c r="F29" s="9" t="s">
        <v>235</v>
      </c>
      <c r="G29" s="9" t="s">
        <v>251</v>
      </c>
      <c r="H29" s="6">
        <v>1309652</v>
      </c>
      <c r="I29" s="6">
        <v>951130</v>
      </c>
      <c r="J29" s="6">
        <v>891607</v>
      </c>
      <c r="K29" s="6">
        <v>226407</v>
      </c>
      <c r="L29" s="6">
        <v>132115</v>
      </c>
    </row>
    <row r="30" spans="1:12">
      <c r="A30" s="9" t="s">
        <v>27</v>
      </c>
      <c r="B30" s="9" t="s">
        <v>28</v>
      </c>
      <c r="C30" s="9" t="s">
        <v>29</v>
      </c>
      <c r="D30" s="9" t="s">
        <v>258</v>
      </c>
      <c r="E30" s="9" t="s">
        <v>6</v>
      </c>
      <c r="F30" s="9" t="s">
        <v>235</v>
      </c>
      <c r="G30" s="9" t="s">
        <v>252</v>
      </c>
      <c r="H30" s="6">
        <v>1298114</v>
      </c>
      <c r="I30" s="6">
        <v>940394</v>
      </c>
      <c r="J30" s="6">
        <v>881085</v>
      </c>
      <c r="K30" s="6">
        <v>227908</v>
      </c>
      <c r="L30" s="6">
        <v>129812</v>
      </c>
    </row>
    <row r="31" spans="1:12">
      <c r="A31" s="9" t="s">
        <v>27</v>
      </c>
      <c r="B31" s="9" t="s">
        <v>28</v>
      </c>
      <c r="C31" s="9" t="s">
        <v>29</v>
      </c>
      <c r="D31" s="9" t="s">
        <v>258</v>
      </c>
      <c r="E31" s="9" t="s">
        <v>6</v>
      </c>
      <c r="F31" s="9" t="s">
        <v>235</v>
      </c>
      <c r="G31" s="9" t="s">
        <v>253</v>
      </c>
      <c r="H31" s="6">
        <v>1268956</v>
      </c>
      <c r="I31" s="6">
        <v>919163</v>
      </c>
      <c r="J31" s="6">
        <v>860312</v>
      </c>
      <c r="K31" s="6">
        <v>226319</v>
      </c>
      <c r="L31" s="6">
        <v>123474</v>
      </c>
    </row>
    <row r="32" spans="1:12">
      <c r="A32" s="9" t="s">
        <v>27</v>
      </c>
      <c r="B32" s="9" t="s">
        <v>28</v>
      </c>
      <c r="C32" s="9" t="s">
        <v>29</v>
      </c>
      <c r="D32" s="9" t="s">
        <v>258</v>
      </c>
      <c r="E32" s="9" t="s">
        <v>6</v>
      </c>
      <c r="F32" s="9" t="s">
        <v>235</v>
      </c>
      <c r="G32" s="9" t="s">
        <v>254</v>
      </c>
      <c r="H32" s="6">
        <v>1168927</v>
      </c>
      <c r="I32" s="6">
        <v>832157</v>
      </c>
      <c r="J32" s="6">
        <v>778315</v>
      </c>
      <c r="K32" s="6">
        <v>219558</v>
      </c>
      <c r="L32" s="6">
        <v>117212</v>
      </c>
    </row>
    <row r="33" spans="1:12">
      <c r="A33" s="9" t="s">
        <v>27</v>
      </c>
      <c r="B33" s="9" t="s">
        <v>28</v>
      </c>
      <c r="C33" s="9" t="s">
        <v>29</v>
      </c>
      <c r="D33" s="9" t="s">
        <v>258</v>
      </c>
      <c r="E33" s="9" t="s">
        <v>6</v>
      </c>
      <c r="F33" s="9" t="s">
        <v>235</v>
      </c>
      <c r="G33" s="9" t="s">
        <v>255</v>
      </c>
      <c r="H33" s="6">
        <v>1031875</v>
      </c>
      <c r="I33" s="6">
        <v>723294</v>
      </c>
      <c r="J33" s="6">
        <v>674296</v>
      </c>
      <c r="K33" s="6">
        <v>204005</v>
      </c>
      <c r="L33" s="6">
        <v>104576</v>
      </c>
    </row>
    <row r="34" spans="1:12">
      <c r="A34" s="9" t="s">
        <v>27</v>
      </c>
      <c r="B34" s="9" t="s">
        <v>28</v>
      </c>
      <c r="C34" s="9" t="s">
        <v>29</v>
      </c>
      <c r="D34" s="9" t="s">
        <v>258</v>
      </c>
      <c r="E34" s="9" t="s">
        <v>6</v>
      </c>
      <c r="F34" s="9" t="s">
        <v>235</v>
      </c>
      <c r="G34" s="9" t="s">
        <v>256</v>
      </c>
      <c r="H34" s="6">
        <v>16996800</v>
      </c>
      <c r="I34" s="6">
        <v>7938611</v>
      </c>
      <c r="J34" s="6">
        <v>6609328</v>
      </c>
      <c r="K34" s="6">
        <v>8051073</v>
      </c>
      <c r="L34" s="6">
        <v>1007116</v>
      </c>
    </row>
    <row r="35" spans="1:12">
      <c r="A35" s="9" t="s">
        <v>27</v>
      </c>
      <c r="B35" s="9" t="s">
        <v>28</v>
      </c>
      <c r="C35" s="9" t="s">
        <v>29</v>
      </c>
      <c r="D35" s="9" t="s">
        <v>258</v>
      </c>
      <c r="E35" s="9" t="s">
        <v>226</v>
      </c>
      <c r="F35" s="9" t="s">
        <v>6</v>
      </c>
      <c r="G35" s="9" t="s">
        <v>30</v>
      </c>
      <c r="H35" s="6">
        <v>51464226</v>
      </c>
      <c r="I35" s="6">
        <v>35674764</v>
      </c>
      <c r="J35" s="6">
        <v>31621450</v>
      </c>
      <c r="K35" s="6">
        <v>15678760</v>
      </c>
      <c r="L35" s="6">
        <v>110702</v>
      </c>
    </row>
    <row r="36" spans="1:12">
      <c r="A36" s="9" t="s">
        <v>27</v>
      </c>
      <c r="B36" s="9" t="s">
        <v>28</v>
      </c>
      <c r="C36" s="9" t="s">
        <v>29</v>
      </c>
      <c r="D36" s="9" t="s">
        <v>258</v>
      </c>
      <c r="E36" s="9" t="s">
        <v>226</v>
      </c>
      <c r="F36" s="9" t="s">
        <v>234</v>
      </c>
      <c r="G36" s="9" t="s">
        <v>30</v>
      </c>
      <c r="H36" s="6">
        <v>11981002</v>
      </c>
      <c r="I36" s="6">
        <v>7787228</v>
      </c>
      <c r="J36" s="6">
        <v>6410344</v>
      </c>
      <c r="K36" s="6">
        <v>4130042</v>
      </c>
      <c r="L36" s="6">
        <v>63732</v>
      </c>
    </row>
    <row r="37" spans="1:12">
      <c r="A37" s="9" t="s">
        <v>27</v>
      </c>
      <c r="B37" s="9" t="s">
        <v>28</v>
      </c>
      <c r="C37" s="9" t="s">
        <v>29</v>
      </c>
      <c r="D37" s="9" t="s">
        <v>258</v>
      </c>
      <c r="E37" s="9" t="s">
        <v>226</v>
      </c>
      <c r="F37" s="9" t="s">
        <v>235</v>
      </c>
      <c r="G37" s="9" t="s">
        <v>30</v>
      </c>
      <c r="H37" s="6">
        <v>39483224</v>
      </c>
      <c r="I37" s="6">
        <v>27887536</v>
      </c>
      <c r="J37" s="6">
        <v>25211106</v>
      </c>
      <c r="K37" s="6">
        <v>11548718</v>
      </c>
      <c r="L37" s="6">
        <v>46970</v>
      </c>
    </row>
    <row r="38" spans="1:12">
      <c r="A38" s="9" t="s">
        <v>27</v>
      </c>
      <c r="B38" s="9" t="s">
        <v>28</v>
      </c>
      <c r="C38" s="9" t="s">
        <v>29</v>
      </c>
      <c r="D38" s="9" t="s">
        <v>258</v>
      </c>
      <c r="E38" s="9" t="s">
        <v>226</v>
      </c>
      <c r="F38" s="9" t="s">
        <v>235</v>
      </c>
      <c r="G38" s="9" t="s">
        <v>236</v>
      </c>
      <c r="H38" s="6">
        <v>2314882</v>
      </c>
      <c r="I38" s="6">
        <v>1085039</v>
      </c>
      <c r="J38" s="6">
        <v>1008844</v>
      </c>
      <c r="K38" s="6">
        <v>1227994</v>
      </c>
      <c r="L38" s="6">
        <v>1849</v>
      </c>
    </row>
    <row r="39" spans="1:12">
      <c r="A39" s="9" t="s">
        <v>27</v>
      </c>
      <c r="B39" s="9" t="s">
        <v>28</v>
      </c>
      <c r="C39" s="9" t="s">
        <v>29</v>
      </c>
      <c r="D39" s="9" t="s">
        <v>258</v>
      </c>
      <c r="E39" s="9" t="s">
        <v>226</v>
      </c>
      <c r="F39" s="9" t="s">
        <v>235</v>
      </c>
      <c r="G39" s="9" t="s">
        <v>237</v>
      </c>
      <c r="H39" s="6">
        <v>2265521</v>
      </c>
      <c r="I39" s="6">
        <v>1328926</v>
      </c>
      <c r="J39" s="6">
        <v>1232961</v>
      </c>
      <c r="K39" s="6">
        <v>935032</v>
      </c>
      <c r="L39" s="6">
        <v>1563</v>
      </c>
    </row>
    <row r="40" spans="1:12">
      <c r="A40" s="9" t="s">
        <v>27</v>
      </c>
      <c r="B40" s="9" t="s">
        <v>28</v>
      </c>
      <c r="C40" s="9" t="s">
        <v>29</v>
      </c>
      <c r="D40" s="9" t="s">
        <v>258</v>
      </c>
      <c r="E40" s="9" t="s">
        <v>226</v>
      </c>
      <c r="F40" s="9" t="s">
        <v>235</v>
      </c>
      <c r="G40" s="9" t="s">
        <v>238</v>
      </c>
      <c r="H40" s="6">
        <v>2034015</v>
      </c>
      <c r="I40" s="6">
        <v>1309567</v>
      </c>
      <c r="J40" s="6">
        <v>1212562</v>
      </c>
      <c r="K40" s="6">
        <v>722980</v>
      </c>
      <c r="L40" s="6">
        <v>1468</v>
      </c>
    </row>
    <row r="41" spans="1:12">
      <c r="A41" s="9" t="s">
        <v>27</v>
      </c>
      <c r="B41" s="9" t="s">
        <v>28</v>
      </c>
      <c r="C41" s="9" t="s">
        <v>29</v>
      </c>
      <c r="D41" s="9" t="s">
        <v>258</v>
      </c>
      <c r="E41" s="9" t="s">
        <v>226</v>
      </c>
      <c r="F41" s="9" t="s">
        <v>235</v>
      </c>
      <c r="G41" s="9" t="s">
        <v>239</v>
      </c>
      <c r="H41" s="6">
        <v>1777633</v>
      </c>
      <c r="I41" s="6">
        <v>1196848</v>
      </c>
      <c r="J41" s="6">
        <v>1102661</v>
      </c>
      <c r="K41" s="6">
        <v>579606</v>
      </c>
      <c r="L41" s="6">
        <v>1179</v>
      </c>
    </row>
    <row r="42" spans="1:12">
      <c r="A42" s="9" t="s">
        <v>27</v>
      </c>
      <c r="B42" s="9" t="s">
        <v>28</v>
      </c>
      <c r="C42" s="9" t="s">
        <v>29</v>
      </c>
      <c r="D42" s="9" t="s">
        <v>258</v>
      </c>
      <c r="E42" s="9" t="s">
        <v>226</v>
      </c>
      <c r="F42" s="9" t="s">
        <v>235</v>
      </c>
      <c r="G42" s="9" t="s">
        <v>240</v>
      </c>
      <c r="H42" s="6">
        <v>1649989</v>
      </c>
      <c r="I42" s="6">
        <v>1165176</v>
      </c>
      <c r="J42" s="6">
        <v>1072853</v>
      </c>
      <c r="K42" s="6">
        <v>483699</v>
      </c>
      <c r="L42" s="6">
        <v>1114</v>
      </c>
    </row>
    <row r="43" spans="1:12">
      <c r="A43" s="9" t="s">
        <v>27</v>
      </c>
      <c r="B43" s="9" t="s">
        <v>28</v>
      </c>
      <c r="C43" s="9" t="s">
        <v>29</v>
      </c>
      <c r="D43" s="9" t="s">
        <v>258</v>
      </c>
      <c r="E43" s="9" t="s">
        <v>226</v>
      </c>
      <c r="F43" s="9" t="s">
        <v>235</v>
      </c>
      <c r="G43" s="9" t="s">
        <v>241</v>
      </c>
      <c r="H43" s="6">
        <v>1561223</v>
      </c>
      <c r="I43" s="6">
        <v>1134678</v>
      </c>
      <c r="J43" s="6">
        <v>1046106</v>
      </c>
      <c r="K43" s="6">
        <v>425474</v>
      </c>
      <c r="L43" s="6">
        <v>1071</v>
      </c>
    </row>
    <row r="44" spans="1:12">
      <c r="A44" s="9" t="s">
        <v>27</v>
      </c>
      <c r="B44" s="9" t="s">
        <v>28</v>
      </c>
      <c r="C44" s="9" t="s">
        <v>29</v>
      </c>
      <c r="D44" s="9" t="s">
        <v>258</v>
      </c>
      <c r="E44" s="9" t="s">
        <v>226</v>
      </c>
      <c r="F44" s="9" t="s">
        <v>235</v>
      </c>
      <c r="G44" s="9" t="s">
        <v>242</v>
      </c>
      <c r="H44" s="6">
        <v>1479782</v>
      </c>
      <c r="I44" s="6">
        <v>1088454</v>
      </c>
      <c r="J44" s="6">
        <v>1005643</v>
      </c>
      <c r="K44" s="6">
        <v>390308</v>
      </c>
      <c r="L44" s="6">
        <v>1020</v>
      </c>
    </row>
    <row r="45" spans="1:12">
      <c r="A45" s="9" t="s">
        <v>27</v>
      </c>
      <c r="B45" s="9" t="s">
        <v>28</v>
      </c>
      <c r="C45" s="9" t="s">
        <v>29</v>
      </c>
      <c r="D45" s="9" t="s">
        <v>258</v>
      </c>
      <c r="E45" s="9" t="s">
        <v>226</v>
      </c>
      <c r="F45" s="9" t="s">
        <v>235</v>
      </c>
      <c r="G45" s="9" t="s">
        <v>243</v>
      </c>
      <c r="H45" s="6">
        <v>1457081</v>
      </c>
      <c r="I45" s="6">
        <v>1094249</v>
      </c>
      <c r="J45" s="6">
        <v>1014249</v>
      </c>
      <c r="K45" s="6">
        <v>361742</v>
      </c>
      <c r="L45" s="6">
        <v>1090</v>
      </c>
    </row>
    <row r="46" spans="1:12">
      <c r="A46" s="9" t="s">
        <v>27</v>
      </c>
      <c r="B46" s="9" t="s">
        <v>28</v>
      </c>
      <c r="C46" s="9" t="s">
        <v>29</v>
      </c>
      <c r="D46" s="9" t="s">
        <v>258</v>
      </c>
      <c r="E46" s="9" t="s">
        <v>226</v>
      </c>
      <c r="F46" s="9" t="s">
        <v>235</v>
      </c>
      <c r="G46" s="9" t="s">
        <v>244</v>
      </c>
      <c r="H46" s="6">
        <v>1398933</v>
      </c>
      <c r="I46" s="6">
        <v>1086875</v>
      </c>
      <c r="J46" s="6">
        <v>1010632</v>
      </c>
      <c r="K46" s="6">
        <v>311015</v>
      </c>
      <c r="L46" s="6">
        <v>1043</v>
      </c>
    </row>
    <row r="47" spans="1:12">
      <c r="A47" s="9" t="s">
        <v>27</v>
      </c>
      <c r="B47" s="9" t="s">
        <v>28</v>
      </c>
      <c r="C47" s="9" t="s">
        <v>29</v>
      </c>
      <c r="D47" s="9" t="s">
        <v>258</v>
      </c>
      <c r="E47" s="9" t="s">
        <v>226</v>
      </c>
      <c r="F47" s="9" t="s">
        <v>235</v>
      </c>
      <c r="G47" s="9" t="s">
        <v>245</v>
      </c>
      <c r="H47" s="6">
        <v>1390431</v>
      </c>
      <c r="I47" s="6">
        <v>1094389</v>
      </c>
      <c r="J47" s="6">
        <v>1019903</v>
      </c>
      <c r="K47" s="6">
        <v>295178</v>
      </c>
      <c r="L47" s="6">
        <v>864</v>
      </c>
    </row>
    <row r="48" spans="1:12">
      <c r="A48" s="9" t="s">
        <v>27</v>
      </c>
      <c r="B48" s="9" t="s">
        <v>28</v>
      </c>
      <c r="C48" s="9" t="s">
        <v>29</v>
      </c>
      <c r="D48" s="9" t="s">
        <v>258</v>
      </c>
      <c r="E48" s="9" t="s">
        <v>226</v>
      </c>
      <c r="F48" s="9" t="s">
        <v>235</v>
      </c>
      <c r="G48" s="9" t="s">
        <v>246</v>
      </c>
      <c r="H48" s="6">
        <v>1349315</v>
      </c>
      <c r="I48" s="6">
        <v>1071127</v>
      </c>
      <c r="J48" s="6">
        <v>1000372</v>
      </c>
      <c r="K48" s="6">
        <v>277326</v>
      </c>
      <c r="L48" s="6">
        <v>862</v>
      </c>
    </row>
    <row r="49" spans="1:12">
      <c r="A49" s="9" t="s">
        <v>27</v>
      </c>
      <c r="B49" s="9" t="s">
        <v>28</v>
      </c>
      <c r="C49" s="9" t="s">
        <v>29</v>
      </c>
      <c r="D49" s="9" t="s">
        <v>258</v>
      </c>
      <c r="E49" s="9" t="s">
        <v>226</v>
      </c>
      <c r="F49" s="9" t="s">
        <v>235</v>
      </c>
      <c r="G49" s="9" t="s">
        <v>247</v>
      </c>
      <c r="H49" s="6">
        <v>1323061</v>
      </c>
      <c r="I49" s="6">
        <v>1057264</v>
      </c>
      <c r="J49" s="6">
        <v>988086</v>
      </c>
      <c r="K49" s="6">
        <v>265005</v>
      </c>
      <c r="L49" s="6">
        <v>792</v>
      </c>
    </row>
    <row r="50" spans="1:12">
      <c r="A50" s="9" t="s">
        <v>27</v>
      </c>
      <c r="B50" s="9" t="s">
        <v>28</v>
      </c>
      <c r="C50" s="9" t="s">
        <v>29</v>
      </c>
      <c r="D50" s="9" t="s">
        <v>258</v>
      </c>
      <c r="E50" s="9" t="s">
        <v>226</v>
      </c>
      <c r="F50" s="9" t="s">
        <v>235</v>
      </c>
      <c r="G50" s="9" t="s">
        <v>248</v>
      </c>
      <c r="H50" s="6">
        <v>1312310</v>
      </c>
      <c r="I50" s="6">
        <v>1053882</v>
      </c>
      <c r="J50" s="6">
        <v>985270</v>
      </c>
      <c r="K50" s="6">
        <v>257539</v>
      </c>
      <c r="L50" s="6">
        <v>889</v>
      </c>
    </row>
    <row r="51" spans="1:12">
      <c r="A51" s="9" t="s">
        <v>27</v>
      </c>
      <c r="B51" s="9" t="s">
        <v>28</v>
      </c>
      <c r="C51" s="9" t="s">
        <v>29</v>
      </c>
      <c r="D51" s="9" t="s">
        <v>258</v>
      </c>
      <c r="E51" s="9" t="s">
        <v>226</v>
      </c>
      <c r="F51" s="9" t="s">
        <v>235</v>
      </c>
      <c r="G51" s="9" t="s">
        <v>249</v>
      </c>
      <c r="H51" s="6">
        <v>1257690</v>
      </c>
      <c r="I51" s="6">
        <v>1015362</v>
      </c>
      <c r="J51" s="6">
        <v>951385</v>
      </c>
      <c r="K51" s="6">
        <v>241560</v>
      </c>
      <c r="L51" s="6">
        <v>768</v>
      </c>
    </row>
    <row r="52" spans="1:12">
      <c r="A52" s="9" t="s">
        <v>27</v>
      </c>
      <c r="B52" s="9" t="s">
        <v>28</v>
      </c>
      <c r="C52" s="9" t="s">
        <v>29</v>
      </c>
      <c r="D52" s="9" t="s">
        <v>258</v>
      </c>
      <c r="E52" s="9" t="s">
        <v>226</v>
      </c>
      <c r="F52" s="9" t="s">
        <v>235</v>
      </c>
      <c r="G52" s="9" t="s">
        <v>250</v>
      </c>
      <c r="H52" s="6">
        <v>1200174</v>
      </c>
      <c r="I52" s="6">
        <v>975848</v>
      </c>
      <c r="J52" s="6">
        <v>915068</v>
      </c>
      <c r="K52" s="6">
        <v>223529</v>
      </c>
      <c r="L52" s="6">
        <v>797</v>
      </c>
    </row>
    <row r="53" spans="1:12">
      <c r="A53" s="9" t="s">
        <v>27</v>
      </c>
      <c r="B53" s="9" t="s">
        <v>28</v>
      </c>
      <c r="C53" s="9" t="s">
        <v>29</v>
      </c>
      <c r="D53" s="9" t="s">
        <v>258</v>
      </c>
      <c r="E53" s="9" t="s">
        <v>226</v>
      </c>
      <c r="F53" s="9" t="s">
        <v>235</v>
      </c>
      <c r="G53" s="9" t="s">
        <v>251</v>
      </c>
      <c r="H53" s="6">
        <v>1156422</v>
      </c>
      <c r="I53" s="6">
        <v>935819</v>
      </c>
      <c r="J53" s="6">
        <v>877096</v>
      </c>
      <c r="K53" s="6">
        <v>219868</v>
      </c>
      <c r="L53" s="6">
        <v>735</v>
      </c>
    </row>
    <row r="54" spans="1:12">
      <c r="A54" s="9" t="s">
        <v>27</v>
      </c>
      <c r="B54" s="9" t="s">
        <v>28</v>
      </c>
      <c r="C54" s="9" t="s">
        <v>29</v>
      </c>
      <c r="D54" s="9" t="s">
        <v>258</v>
      </c>
      <c r="E54" s="9" t="s">
        <v>226</v>
      </c>
      <c r="F54" s="9" t="s">
        <v>235</v>
      </c>
      <c r="G54" s="9" t="s">
        <v>252</v>
      </c>
      <c r="H54" s="6">
        <v>1145540</v>
      </c>
      <c r="I54" s="6">
        <v>923895</v>
      </c>
      <c r="J54" s="6">
        <v>865542</v>
      </c>
      <c r="K54" s="6">
        <v>220954</v>
      </c>
      <c r="L54" s="6">
        <v>691</v>
      </c>
    </row>
    <row r="55" spans="1:12">
      <c r="A55" s="9" t="s">
        <v>27</v>
      </c>
      <c r="B55" s="9" t="s">
        <v>28</v>
      </c>
      <c r="C55" s="9" t="s">
        <v>29</v>
      </c>
      <c r="D55" s="9" t="s">
        <v>258</v>
      </c>
      <c r="E55" s="9" t="s">
        <v>226</v>
      </c>
      <c r="F55" s="9" t="s">
        <v>235</v>
      </c>
      <c r="G55" s="9" t="s">
        <v>253</v>
      </c>
      <c r="H55" s="6">
        <v>1120305</v>
      </c>
      <c r="I55" s="6">
        <v>900690</v>
      </c>
      <c r="J55" s="6">
        <v>842922</v>
      </c>
      <c r="K55" s="6">
        <v>218855</v>
      </c>
      <c r="L55" s="6">
        <v>760</v>
      </c>
    </row>
    <row r="56" spans="1:12">
      <c r="A56" s="9" t="s">
        <v>27</v>
      </c>
      <c r="B56" s="9" t="s">
        <v>28</v>
      </c>
      <c r="C56" s="9" t="s">
        <v>29</v>
      </c>
      <c r="D56" s="9" t="s">
        <v>258</v>
      </c>
      <c r="E56" s="9" t="s">
        <v>226</v>
      </c>
      <c r="F56" s="9" t="s">
        <v>235</v>
      </c>
      <c r="G56" s="9" t="s">
        <v>254</v>
      </c>
      <c r="H56" s="6">
        <v>1025069</v>
      </c>
      <c r="I56" s="6">
        <v>812986</v>
      </c>
      <c r="J56" s="6">
        <v>760043</v>
      </c>
      <c r="K56" s="6">
        <v>211328</v>
      </c>
      <c r="L56" s="6">
        <v>755</v>
      </c>
    </row>
    <row r="57" spans="1:12">
      <c r="A57" s="9" t="s">
        <v>27</v>
      </c>
      <c r="B57" s="9" t="s">
        <v>28</v>
      </c>
      <c r="C57" s="9" t="s">
        <v>29</v>
      </c>
      <c r="D57" s="9" t="s">
        <v>258</v>
      </c>
      <c r="E57" s="9" t="s">
        <v>226</v>
      </c>
      <c r="F57" s="9" t="s">
        <v>235</v>
      </c>
      <c r="G57" s="9" t="s">
        <v>255</v>
      </c>
      <c r="H57" s="6">
        <v>899293</v>
      </c>
      <c r="I57" s="6">
        <v>703850</v>
      </c>
      <c r="J57" s="6">
        <v>655872</v>
      </c>
      <c r="K57" s="6">
        <v>194747</v>
      </c>
      <c r="L57" s="6">
        <v>696</v>
      </c>
    </row>
    <row r="58" spans="1:12">
      <c r="A58" s="9" t="s">
        <v>27</v>
      </c>
      <c r="B58" s="9" t="s">
        <v>28</v>
      </c>
      <c r="C58" s="9" t="s">
        <v>29</v>
      </c>
      <c r="D58" s="9" t="s">
        <v>258</v>
      </c>
      <c r="E58" s="9" t="s">
        <v>226</v>
      </c>
      <c r="F58" s="9" t="s">
        <v>235</v>
      </c>
      <c r="G58" s="9" t="s">
        <v>256</v>
      </c>
      <c r="H58" s="6">
        <v>10364555</v>
      </c>
      <c r="I58" s="6">
        <v>6852612</v>
      </c>
      <c r="J58" s="6">
        <v>5643036</v>
      </c>
      <c r="K58" s="6">
        <v>3484979</v>
      </c>
      <c r="L58" s="6">
        <v>26964</v>
      </c>
    </row>
    <row r="59" spans="1:12">
      <c r="A59" s="9" t="s">
        <v>27</v>
      </c>
      <c r="B59" s="9" t="s">
        <v>28</v>
      </c>
      <c r="C59" s="9" t="s">
        <v>29</v>
      </c>
      <c r="D59" s="9" t="s">
        <v>258</v>
      </c>
      <c r="E59" s="9" t="s">
        <v>227</v>
      </c>
      <c r="F59" s="9" t="s">
        <v>6</v>
      </c>
      <c r="G59" s="9" t="s">
        <v>30</v>
      </c>
      <c r="H59" s="6">
        <v>44640216</v>
      </c>
      <c r="I59" s="6">
        <v>30663017</v>
      </c>
      <c r="J59" s="6">
        <v>29364466</v>
      </c>
      <c r="K59" s="6">
        <v>13911159</v>
      </c>
      <c r="L59" s="6">
        <v>66040</v>
      </c>
    </row>
    <row r="60" spans="1:12">
      <c r="A60" s="9" t="s">
        <v>27</v>
      </c>
      <c r="B60" s="9" t="s">
        <v>28</v>
      </c>
      <c r="C60" s="9" t="s">
        <v>29</v>
      </c>
      <c r="D60" s="9" t="s">
        <v>258</v>
      </c>
      <c r="E60" s="9" t="s">
        <v>227</v>
      </c>
      <c r="F60" s="9" t="s">
        <v>234</v>
      </c>
      <c r="G60" s="9" t="s">
        <v>30</v>
      </c>
      <c r="H60" s="6">
        <v>9640526</v>
      </c>
      <c r="I60" s="6">
        <v>6156702</v>
      </c>
      <c r="J60" s="6">
        <v>5837608</v>
      </c>
      <c r="K60" s="6">
        <v>3447498</v>
      </c>
      <c r="L60" s="6">
        <v>36326</v>
      </c>
    </row>
    <row r="61" spans="1:12">
      <c r="A61" s="9" t="s">
        <v>27</v>
      </c>
      <c r="B61" s="9" t="s">
        <v>28</v>
      </c>
      <c r="C61" s="9" t="s">
        <v>29</v>
      </c>
      <c r="D61" s="9" t="s">
        <v>258</v>
      </c>
      <c r="E61" s="9" t="s">
        <v>227</v>
      </c>
      <c r="F61" s="9" t="s">
        <v>235</v>
      </c>
      <c r="G61" s="9" t="s">
        <v>30</v>
      </c>
      <c r="H61" s="6">
        <v>34999690</v>
      </c>
      <c r="I61" s="6">
        <v>24506315</v>
      </c>
      <c r="J61" s="6">
        <v>23526858</v>
      </c>
      <c r="K61" s="6">
        <v>10463661</v>
      </c>
      <c r="L61" s="6">
        <v>29714</v>
      </c>
    </row>
    <row r="62" spans="1:12">
      <c r="A62" s="9" t="s">
        <v>27</v>
      </c>
      <c r="B62" s="9" t="s">
        <v>28</v>
      </c>
      <c r="C62" s="9" t="s">
        <v>29</v>
      </c>
      <c r="D62" s="9" t="s">
        <v>258</v>
      </c>
      <c r="E62" s="9" t="s">
        <v>227</v>
      </c>
      <c r="F62" s="9" t="s">
        <v>235</v>
      </c>
      <c r="G62" s="9" t="s">
        <v>236</v>
      </c>
      <c r="H62" s="6">
        <v>2164469</v>
      </c>
      <c r="I62" s="6">
        <v>1008980</v>
      </c>
      <c r="J62" s="6">
        <v>966128</v>
      </c>
      <c r="K62" s="6">
        <v>1154182</v>
      </c>
      <c r="L62" s="6">
        <v>1307</v>
      </c>
    </row>
    <row r="63" spans="1:12">
      <c r="A63" s="9" t="s">
        <v>27</v>
      </c>
      <c r="B63" s="9" t="s">
        <v>28</v>
      </c>
      <c r="C63" s="9" t="s">
        <v>29</v>
      </c>
      <c r="D63" s="9" t="s">
        <v>258</v>
      </c>
      <c r="E63" s="9" t="s">
        <v>227</v>
      </c>
      <c r="F63" s="9" t="s">
        <v>235</v>
      </c>
      <c r="G63" s="9" t="s">
        <v>237</v>
      </c>
      <c r="H63" s="6">
        <v>2111229</v>
      </c>
      <c r="I63" s="6">
        <v>1226490</v>
      </c>
      <c r="J63" s="6">
        <v>1175211</v>
      </c>
      <c r="K63" s="6">
        <v>883638</v>
      </c>
      <c r="L63" s="6">
        <v>1101</v>
      </c>
    </row>
    <row r="64" spans="1:12">
      <c r="A64" s="9" t="s">
        <v>27</v>
      </c>
      <c r="B64" s="9" t="s">
        <v>28</v>
      </c>
      <c r="C64" s="9" t="s">
        <v>29</v>
      </c>
      <c r="D64" s="9" t="s">
        <v>258</v>
      </c>
      <c r="E64" s="9" t="s">
        <v>227</v>
      </c>
      <c r="F64" s="9" t="s">
        <v>235</v>
      </c>
      <c r="G64" s="9" t="s">
        <v>238</v>
      </c>
      <c r="H64" s="6">
        <v>1891096</v>
      </c>
      <c r="I64" s="6">
        <v>1205254</v>
      </c>
      <c r="J64" s="6">
        <v>1153623</v>
      </c>
      <c r="K64" s="6">
        <v>684904</v>
      </c>
      <c r="L64" s="6">
        <v>938</v>
      </c>
    </row>
    <row r="65" spans="1:12">
      <c r="A65" s="9" t="s">
        <v>27</v>
      </c>
      <c r="B65" s="9" t="s">
        <v>28</v>
      </c>
      <c r="C65" s="9" t="s">
        <v>29</v>
      </c>
      <c r="D65" s="9" t="s">
        <v>258</v>
      </c>
      <c r="E65" s="9" t="s">
        <v>227</v>
      </c>
      <c r="F65" s="9" t="s">
        <v>235</v>
      </c>
      <c r="G65" s="9" t="s">
        <v>239</v>
      </c>
      <c r="H65" s="6">
        <v>1645858</v>
      </c>
      <c r="I65" s="6">
        <v>1094917</v>
      </c>
      <c r="J65" s="6">
        <v>1045448</v>
      </c>
      <c r="K65" s="6">
        <v>550079</v>
      </c>
      <c r="L65" s="6">
        <v>862</v>
      </c>
    </row>
    <row r="66" spans="1:12">
      <c r="A66" s="9" t="s">
        <v>27</v>
      </c>
      <c r="B66" s="9" t="s">
        <v>28</v>
      </c>
      <c r="C66" s="9" t="s">
        <v>29</v>
      </c>
      <c r="D66" s="9" t="s">
        <v>258</v>
      </c>
      <c r="E66" s="9" t="s">
        <v>227</v>
      </c>
      <c r="F66" s="9" t="s">
        <v>235</v>
      </c>
      <c r="G66" s="9" t="s">
        <v>240</v>
      </c>
      <c r="H66" s="6">
        <v>1521570</v>
      </c>
      <c r="I66" s="6">
        <v>1062536</v>
      </c>
      <c r="J66" s="6">
        <v>1014668</v>
      </c>
      <c r="K66" s="6">
        <v>458221</v>
      </c>
      <c r="L66" s="6">
        <v>813</v>
      </c>
    </row>
    <row r="67" spans="1:12">
      <c r="A67" s="9" t="s">
        <v>27</v>
      </c>
      <c r="B67" s="9" t="s">
        <v>28</v>
      </c>
      <c r="C67" s="9" t="s">
        <v>29</v>
      </c>
      <c r="D67" s="9" t="s">
        <v>258</v>
      </c>
      <c r="E67" s="9" t="s">
        <v>227</v>
      </c>
      <c r="F67" s="9" t="s">
        <v>235</v>
      </c>
      <c r="G67" s="9" t="s">
        <v>241</v>
      </c>
      <c r="H67" s="6">
        <v>1437853</v>
      </c>
      <c r="I67" s="6">
        <v>1034298</v>
      </c>
      <c r="J67" s="6">
        <v>988341</v>
      </c>
      <c r="K67" s="6">
        <v>402809</v>
      </c>
      <c r="L67" s="6">
        <v>746</v>
      </c>
    </row>
    <row r="68" spans="1:12">
      <c r="A68" s="9" t="s">
        <v>27</v>
      </c>
      <c r="B68" s="9" t="s">
        <v>28</v>
      </c>
      <c r="C68" s="9" t="s">
        <v>29</v>
      </c>
      <c r="D68" s="9" t="s">
        <v>258</v>
      </c>
      <c r="E68" s="9" t="s">
        <v>227</v>
      </c>
      <c r="F68" s="9" t="s">
        <v>235</v>
      </c>
      <c r="G68" s="9" t="s">
        <v>242</v>
      </c>
      <c r="H68" s="6">
        <v>1360809</v>
      </c>
      <c r="I68" s="6">
        <v>991886</v>
      </c>
      <c r="J68" s="6">
        <v>949585</v>
      </c>
      <c r="K68" s="6">
        <v>368262</v>
      </c>
      <c r="L68" s="6">
        <v>661</v>
      </c>
    </row>
    <row r="69" spans="1:12">
      <c r="A69" s="9" t="s">
        <v>27</v>
      </c>
      <c r="B69" s="9" t="s">
        <v>28</v>
      </c>
      <c r="C69" s="9" t="s">
        <v>29</v>
      </c>
      <c r="D69" s="9" t="s">
        <v>258</v>
      </c>
      <c r="E69" s="9" t="s">
        <v>227</v>
      </c>
      <c r="F69" s="9" t="s">
        <v>235</v>
      </c>
      <c r="G69" s="9" t="s">
        <v>243</v>
      </c>
      <c r="H69" s="6">
        <v>1338046</v>
      </c>
      <c r="I69" s="6">
        <v>997301</v>
      </c>
      <c r="J69" s="6">
        <v>957392</v>
      </c>
      <c r="K69" s="6">
        <v>339988</v>
      </c>
      <c r="L69" s="6">
        <v>757</v>
      </c>
    </row>
    <row r="70" spans="1:12">
      <c r="A70" s="9" t="s">
        <v>27</v>
      </c>
      <c r="B70" s="9" t="s">
        <v>28</v>
      </c>
      <c r="C70" s="9" t="s">
        <v>29</v>
      </c>
      <c r="D70" s="9" t="s">
        <v>258</v>
      </c>
      <c r="E70" s="9" t="s">
        <v>227</v>
      </c>
      <c r="F70" s="9" t="s">
        <v>235</v>
      </c>
      <c r="G70" s="9" t="s">
        <v>244</v>
      </c>
      <c r="H70" s="6">
        <v>1284107</v>
      </c>
      <c r="I70" s="6">
        <v>991875</v>
      </c>
      <c r="J70" s="6">
        <v>954559</v>
      </c>
      <c r="K70" s="6">
        <v>291524</v>
      </c>
      <c r="L70" s="6">
        <v>708</v>
      </c>
    </row>
    <row r="71" spans="1:12">
      <c r="A71" s="9" t="s">
        <v>27</v>
      </c>
      <c r="B71" s="9" t="s">
        <v>28</v>
      </c>
      <c r="C71" s="9" t="s">
        <v>29</v>
      </c>
      <c r="D71" s="9" t="s">
        <v>258</v>
      </c>
      <c r="E71" s="9" t="s">
        <v>227</v>
      </c>
      <c r="F71" s="9" t="s">
        <v>235</v>
      </c>
      <c r="G71" s="9" t="s">
        <v>245</v>
      </c>
      <c r="H71" s="6">
        <v>1274332</v>
      </c>
      <c r="I71" s="6">
        <v>997453</v>
      </c>
      <c r="J71" s="6">
        <v>961898</v>
      </c>
      <c r="K71" s="6">
        <v>276295</v>
      </c>
      <c r="L71" s="6">
        <v>584</v>
      </c>
    </row>
    <row r="72" spans="1:12">
      <c r="A72" s="9" t="s">
        <v>27</v>
      </c>
      <c r="B72" s="9" t="s">
        <v>28</v>
      </c>
      <c r="C72" s="9" t="s">
        <v>29</v>
      </c>
      <c r="D72" s="9" t="s">
        <v>258</v>
      </c>
      <c r="E72" s="9" t="s">
        <v>227</v>
      </c>
      <c r="F72" s="9" t="s">
        <v>235</v>
      </c>
      <c r="G72" s="9" t="s">
        <v>246</v>
      </c>
      <c r="H72" s="6">
        <v>1236153</v>
      </c>
      <c r="I72" s="6">
        <v>976514</v>
      </c>
      <c r="J72" s="6">
        <v>942729</v>
      </c>
      <c r="K72" s="6">
        <v>259051</v>
      </c>
      <c r="L72" s="6">
        <v>588</v>
      </c>
    </row>
    <row r="73" spans="1:12">
      <c r="A73" s="9" t="s">
        <v>27</v>
      </c>
      <c r="B73" s="9" t="s">
        <v>28</v>
      </c>
      <c r="C73" s="9" t="s">
        <v>29</v>
      </c>
      <c r="D73" s="9" t="s">
        <v>258</v>
      </c>
      <c r="E73" s="9" t="s">
        <v>227</v>
      </c>
      <c r="F73" s="9" t="s">
        <v>235</v>
      </c>
      <c r="G73" s="9" t="s">
        <v>247</v>
      </c>
      <c r="H73" s="6">
        <v>1209320</v>
      </c>
      <c r="I73" s="6">
        <v>961437</v>
      </c>
      <c r="J73" s="6">
        <v>929533</v>
      </c>
      <c r="K73" s="6">
        <v>247372</v>
      </c>
      <c r="L73" s="6">
        <v>511</v>
      </c>
    </row>
    <row r="74" spans="1:12">
      <c r="A74" s="9" t="s">
        <v>27</v>
      </c>
      <c r="B74" s="9" t="s">
        <v>28</v>
      </c>
      <c r="C74" s="9" t="s">
        <v>29</v>
      </c>
      <c r="D74" s="9" t="s">
        <v>258</v>
      </c>
      <c r="E74" s="9" t="s">
        <v>227</v>
      </c>
      <c r="F74" s="9" t="s">
        <v>235</v>
      </c>
      <c r="G74" s="9" t="s">
        <v>248</v>
      </c>
      <c r="H74" s="6">
        <v>1197844</v>
      </c>
      <c r="I74" s="6">
        <v>957241</v>
      </c>
      <c r="J74" s="6">
        <v>925767</v>
      </c>
      <c r="K74" s="6">
        <v>239971</v>
      </c>
      <c r="L74" s="6">
        <v>632</v>
      </c>
    </row>
    <row r="75" spans="1:12">
      <c r="A75" s="9" t="s">
        <v>27</v>
      </c>
      <c r="B75" s="9" t="s">
        <v>28</v>
      </c>
      <c r="C75" s="9" t="s">
        <v>29</v>
      </c>
      <c r="D75" s="9" t="s">
        <v>258</v>
      </c>
      <c r="E75" s="9" t="s">
        <v>227</v>
      </c>
      <c r="F75" s="9" t="s">
        <v>235</v>
      </c>
      <c r="G75" s="9" t="s">
        <v>249</v>
      </c>
      <c r="H75" s="6">
        <v>1147254</v>
      </c>
      <c r="I75" s="6">
        <v>921798</v>
      </c>
      <c r="J75" s="6">
        <v>892603</v>
      </c>
      <c r="K75" s="6">
        <v>224966</v>
      </c>
      <c r="L75" s="6">
        <v>490</v>
      </c>
    </row>
    <row r="76" spans="1:12">
      <c r="A76" s="9" t="s">
        <v>27</v>
      </c>
      <c r="B76" s="9" t="s">
        <v>28</v>
      </c>
      <c r="C76" s="9" t="s">
        <v>29</v>
      </c>
      <c r="D76" s="9" t="s">
        <v>258</v>
      </c>
      <c r="E76" s="9" t="s">
        <v>227</v>
      </c>
      <c r="F76" s="9" t="s">
        <v>235</v>
      </c>
      <c r="G76" s="9" t="s">
        <v>250</v>
      </c>
      <c r="H76" s="6">
        <v>1093977</v>
      </c>
      <c r="I76" s="6">
        <v>885330</v>
      </c>
      <c r="J76" s="6">
        <v>858475</v>
      </c>
      <c r="K76" s="6">
        <v>208073</v>
      </c>
      <c r="L76" s="6">
        <v>574</v>
      </c>
    </row>
    <row r="77" spans="1:12">
      <c r="A77" s="9" t="s">
        <v>27</v>
      </c>
      <c r="B77" s="9" t="s">
        <v>28</v>
      </c>
      <c r="C77" s="9" t="s">
        <v>29</v>
      </c>
      <c r="D77" s="9" t="s">
        <v>258</v>
      </c>
      <c r="E77" s="9" t="s">
        <v>227</v>
      </c>
      <c r="F77" s="9" t="s">
        <v>235</v>
      </c>
      <c r="G77" s="9" t="s">
        <v>251</v>
      </c>
      <c r="H77" s="6">
        <v>1053196</v>
      </c>
      <c r="I77" s="6">
        <v>848139</v>
      </c>
      <c r="J77" s="6">
        <v>822131</v>
      </c>
      <c r="K77" s="6">
        <v>204568</v>
      </c>
      <c r="L77" s="6">
        <v>489</v>
      </c>
    </row>
    <row r="78" spans="1:12">
      <c r="A78" s="9" t="s">
        <v>27</v>
      </c>
      <c r="B78" s="9" t="s">
        <v>28</v>
      </c>
      <c r="C78" s="9" t="s">
        <v>29</v>
      </c>
      <c r="D78" s="9" t="s">
        <v>258</v>
      </c>
      <c r="E78" s="9" t="s">
        <v>227</v>
      </c>
      <c r="F78" s="9" t="s">
        <v>235</v>
      </c>
      <c r="G78" s="9" t="s">
        <v>252</v>
      </c>
      <c r="H78" s="6">
        <v>1041956</v>
      </c>
      <c r="I78" s="6">
        <v>836187</v>
      </c>
      <c r="J78" s="6">
        <v>810735</v>
      </c>
      <c r="K78" s="6">
        <v>205280</v>
      </c>
      <c r="L78" s="6">
        <v>489</v>
      </c>
    </row>
    <row r="79" spans="1:12">
      <c r="A79" s="9" t="s">
        <v>27</v>
      </c>
      <c r="B79" s="9" t="s">
        <v>28</v>
      </c>
      <c r="C79" s="9" t="s">
        <v>29</v>
      </c>
      <c r="D79" s="9" t="s">
        <v>258</v>
      </c>
      <c r="E79" s="9" t="s">
        <v>227</v>
      </c>
      <c r="F79" s="9" t="s">
        <v>235</v>
      </c>
      <c r="G79" s="9" t="s">
        <v>253</v>
      </c>
      <c r="H79" s="6">
        <v>1018344</v>
      </c>
      <c r="I79" s="6">
        <v>814527</v>
      </c>
      <c r="J79" s="6">
        <v>789302</v>
      </c>
      <c r="K79" s="6">
        <v>203257</v>
      </c>
      <c r="L79" s="6">
        <v>560</v>
      </c>
    </row>
    <row r="80" spans="1:12">
      <c r="A80" s="9" t="s">
        <v>27</v>
      </c>
      <c r="B80" s="9" t="s">
        <v>28</v>
      </c>
      <c r="C80" s="9" t="s">
        <v>29</v>
      </c>
      <c r="D80" s="9" t="s">
        <v>258</v>
      </c>
      <c r="E80" s="9" t="s">
        <v>227</v>
      </c>
      <c r="F80" s="9" t="s">
        <v>235</v>
      </c>
      <c r="G80" s="9" t="s">
        <v>254</v>
      </c>
      <c r="H80" s="6">
        <v>928413</v>
      </c>
      <c r="I80" s="6">
        <v>731719</v>
      </c>
      <c r="J80" s="6">
        <v>709345</v>
      </c>
      <c r="K80" s="6">
        <v>196160</v>
      </c>
      <c r="L80" s="6">
        <v>534</v>
      </c>
    </row>
    <row r="81" spans="1:12">
      <c r="A81" s="9" t="s">
        <v>27</v>
      </c>
      <c r="B81" s="9" t="s">
        <v>28</v>
      </c>
      <c r="C81" s="9" t="s">
        <v>29</v>
      </c>
      <c r="D81" s="9" t="s">
        <v>258</v>
      </c>
      <c r="E81" s="9" t="s">
        <v>227</v>
      </c>
      <c r="F81" s="9" t="s">
        <v>235</v>
      </c>
      <c r="G81" s="9" t="s">
        <v>255</v>
      </c>
      <c r="H81" s="6">
        <v>811701</v>
      </c>
      <c r="I81" s="6">
        <v>630710</v>
      </c>
      <c r="J81" s="6">
        <v>610143</v>
      </c>
      <c r="K81" s="6">
        <v>180484</v>
      </c>
      <c r="L81" s="6">
        <v>507</v>
      </c>
    </row>
    <row r="82" spans="1:12">
      <c r="A82" s="9" t="s">
        <v>27</v>
      </c>
      <c r="B82" s="9" t="s">
        <v>28</v>
      </c>
      <c r="C82" s="9" t="s">
        <v>29</v>
      </c>
      <c r="D82" s="9" t="s">
        <v>258</v>
      </c>
      <c r="E82" s="9" t="s">
        <v>227</v>
      </c>
      <c r="F82" s="9" t="s">
        <v>235</v>
      </c>
      <c r="G82" s="9" t="s">
        <v>256</v>
      </c>
      <c r="H82" s="6">
        <v>8232163</v>
      </c>
      <c r="I82" s="6">
        <v>5331723</v>
      </c>
      <c r="J82" s="6">
        <v>5069242</v>
      </c>
      <c r="K82" s="6">
        <v>2884577</v>
      </c>
      <c r="L82" s="6">
        <v>15863</v>
      </c>
    </row>
    <row r="83" spans="1:12">
      <c r="A83" s="9" t="s">
        <v>27</v>
      </c>
      <c r="B83" s="9" t="s">
        <v>28</v>
      </c>
      <c r="C83" s="9" t="s">
        <v>29</v>
      </c>
      <c r="D83" s="9" t="s">
        <v>258</v>
      </c>
      <c r="E83" s="9" t="s">
        <v>228</v>
      </c>
      <c r="F83" s="9" t="s">
        <v>6</v>
      </c>
      <c r="G83" s="9" t="s">
        <v>30</v>
      </c>
      <c r="H83" s="6">
        <v>14540595</v>
      </c>
      <c r="I83" s="6">
        <v>2531063</v>
      </c>
      <c r="J83" s="6">
        <v>2267841</v>
      </c>
      <c r="K83" s="6">
        <v>11971593</v>
      </c>
      <c r="L83" s="6">
        <v>37939</v>
      </c>
    </row>
    <row r="84" spans="1:12">
      <c r="A84" s="9" t="s">
        <v>27</v>
      </c>
      <c r="B84" s="9" t="s">
        <v>28</v>
      </c>
      <c r="C84" s="9" t="s">
        <v>29</v>
      </c>
      <c r="D84" s="9" t="s">
        <v>258</v>
      </c>
      <c r="E84" s="9" t="s">
        <v>228</v>
      </c>
      <c r="F84" s="9" t="s">
        <v>234</v>
      </c>
      <c r="G84" s="9" t="s">
        <v>30</v>
      </c>
      <c r="H84" s="6">
        <v>8506784</v>
      </c>
      <c r="I84" s="6">
        <v>1205968</v>
      </c>
      <c r="J84" s="6">
        <v>1071284</v>
      </c>
      <c r="K84" s="6">
        <v>7272018</v>
      </c>
      <c r="L84" s="6">
        <v>28798</v>
      </c>
    </row>
    <row r="85" spans="1:12">
      <c r="A85" s="9" t="s">
        <v>27</v>
      </c>
      <c r="B85" s="9" t="s">
        <v>28</v>
      </c>
      <c r="C85" s="9" t="s">
        <v>29</v>
      </c>
      <c r="D85" s="9" t="s">
        <v>258</v>
      </c>
      <c r="E85" s="9" t="s">
        <v>228</v>
      </c>
      <c r="F85" s="9" t="s">
        <v>235</v>
      </c>
      <c r="G85" s="9" t="s">
        <v>30</v>
      </c>
      <c r="H85" s="6">
        <v>6033811</v>
      </c>
      <c r="I85" s="6">
        <v>1325095</v>
      </c>
      <c r="J85" s="6">
        <v>1196557</v>
      </c>
      <c r="K85" s="6">
        <v>4699575</v>
      </c>
      <c r="L85" s="6">
        <v>9141</v>
      </c>
    </row>
    <row r="86" spans="1:12">
      <c r="A86" s="9" t="s">
        <v>27</v>
      </c>
      <c r="B86" s="9" t="s">
        <v>28</v>
      </c>
      <c r="C86" s="9" t="s">
        <v>29</v>
      </c>
      <c r="D86" s="9" t="s">
        <v>258</v>
      </c>
      <c r="E86" s="9" t="s">
        <v>228</v>
      </c>
      <c r="F86" s="9" t="s">
        <v>235</v>
      </c>
      <c r="G86" s="9" t="s">
        <v>236</v>
      </c>
      <c r="H86" s="6">
        <v>30437</v>
      </c>
      <c r="I86" s="6">
        <v>10512</v>
      </c>
      <c r="J86" s="6">
        <v>9661</v>
      </c>
      <c r="K86" s="6">
        <v>19765</v>
      </c>
      <c r="L86" s="6">
        <v>160</v>
      </c>
    </row>
    <row r="87" spans="1:12">
      <c r="A87" s="9" t="s">
        <v>27</v>
      </c>
      <c r="B87" s="9" t="s">
        <v>28</v>
      </c>
      <c r="C87" s="9" t="s">
        <v>29</v>
      </c>
      <c r="D87" s="9" t="s">
        <v>258</v>
      </c>
      <c r="E87" s="9" t="s">
        <v>228</v>
      </c>
      <c r="F87" s="9" t="s">
        <v>235</v>
      </c>
      <c r="G87" s="9" t="s">
        <v>237</v>
      </c>
      <c r="H87" s="6">
        <v>25140</v>
      </c>
      <c r="I87" s="6">
        <v>11455</v>
      </c>
      <c r="J87" s="6">
        <v>10721</v>
      </c>
      <c r="K87" s="6">
        <v>13578</v>
      </c>
      <c r="L87" s="6">
        <v>107</v>
      </c>
    </row>
    <row r="88" spans="1:12">
      <c r="A88" s="9" t="s">
        <v>27</v>
      </c>
      <c r="B88" s="9" t="s">
        <v>28</v>
      </c>
      <c r="C88" s="9" t="s">
        <v>29</v>
      </c>
      <c r="D88" s="9" t="s">
        <v>258</v>
      </c>
      <c r="E88" s="9" t="s">
        <v>228</v>
      </c>
      <c r="F88" s="9" t="s">
        <v>235</v>
      </c>
      <c r="G88" s="9" t="s">
        <v>238</v>
      </c>
      <c r="H88" s="6">
        <v>21582</v>
      </c>
      <c r="I88" s="6">
        <v>11472</v>
      </c>
      <c r="J88" s="6">
        <v>10630</v>
      </c>
      <c r="K88" s="6">
        <v>10081</v>
      </c>
      <c r="L88" s="6">
        <v>29</v>
      </c>
    </row>
    <row r="89" spans="1:12">
      <c r="A89" s="9" t="s">
        <v>27</v>
      </c>
      <c r="B89" s="9" t="s">
        <v>28</v>
      </c>
      <c r="C89" s="9" t="s">
        <v>29</v>
      </c>
      <c r="D89" s="9" t="s">
        <v>258</v>
      </c>
      <c r="E89" s="9" t="s">
        <v>228</v>
      </c>
      <c r="F89" s="9" t="s">
        <v>235</v>
      </c>
      <c r="G89" s="9" t="s">
        <v>239</v>
      </c>
      <c r="H89" s="6">
        <v>18857</v>
      </c>
      <c r="I89" s="6">
        <v>10588</v>
      </c>
      <c r="J89" s="6">
        <v>9920</v>
      </c>
      <c r="K89" s="6">
        <v>8216</v>
      </c>
      <c r="L89" s="6">
        <v>53</v>
      </c>
    </row>
    <row r="90" spans="1:12">
      <c r="A90" s="9" t="s">
        <v>27</v>
      </c>
      <c r="B90" s="9" t="s">
        <v>28</v>
      </c>
      <c r="C90" s="9" t="s">
        <v>29</v>
      </c>
      <c r="D90" s="9" t="s">
        <v>258</v>
      </c>
      <c r="E90" s="9" t="s">
        <v>228</v>
      </c>
      <c r="F90" s="9" t="s">
        <v>235</v>
      </c>
      <c r="G90" s="9" t="s">
        <v>240</v>
      </c>
      <c r="H90" s="6">
        <v>17349</v>
      </c>
      <c r="I90" s="6">
        <v>10353</v>
      </c>
      <c r="J90" s="6">
        <v>9707</v>
      </c>
      <c r="K90" s="6">
        <v>6914</v>
      </c>
      <c r="L90" s="6">
        <v>82</v>
      </c>
    </row>
    <row r="91" spans="1:12">
      <c r="A91" s="9" t="s">
        <v>27</v>
      </c>
      <c r="B91" s="9" t="s">
        <v>28</v>
      </c>
      <c r="C91" s="9" t="s">
        <v>29</v>
      </c>
      <c r="D91" s="9" t="s">
        <v>258</v>
      </c>
      <c r="E91" s="9" t="s">
        <v>228</v>
      </c>
      <c r="F91" s="9" t="s">
        <v>235</v>
      </c>
      <c r="G91" s="9" t="s">
        <v>241</v>
      </c>
      <c r="H91" s="6">
        <v>16166</v>
      </c>
      <c r="I91" s="6">
        <v>9871</v>
      </c>
      <c r="J91" s="6">
        <v>9159</v>
      </c>
      <c r="K91" s="6">
        <v>6222</v>
      </c>
      <c r="L91" s="6">
        <v>73</v>
      </c>
    </row>
    <row r="92" spans="1:12">
      <c r="A92" s="9" t="s">
        <v>27</v>
      </c>
      <c r="B92" s="9" t="s">
        <v>28</v>
      </c>
      <c r="C92" s="9" t="s">
        <v>29</v>
      </c>
      <c r="D92" s="9" t="s">
        <v>258</v>
      </c>
      <c r="E92" s="9" t="s">
        <v>228</v>
      </c>
      <c r="F92" s="9" t="s">
        <v>235</v>
      </c>
      <c r="G92" s="9" t="s">
        <v>242</v>
      </c>
      <c r="H92" s="6">
        <v>17291</v>
      </c>
      <c r="I92" s="6">
        <v>10667</v>
      </c>
      <c r="J92" s="6">
        <v>9972</v>
      </c>
      <c r="K92" s="6">
        <v>6590</v>
      </c>
      <c r="L92" s="6">
        <v>34</v>
      </c>
    </row>
    <row r="93" spans="1:12">
      <c r="A93" s="9" t="s">
        <v>27</v>
      </c>
      <c r="B93" s="9" t="s">
        <v>28</v>
      </c>
      <c r="C93" s="9" t="s">
        <v>29</v>
      </c>
      <c r="D93" s="9" t="s">
        <v>258</v>
      </c>
      <c r="E93" s="9" t="s">
        <v>228</v>
      </c>
      <c r="F93" s="9" t="s">
        <v>235</v>
      </c>
      <c r="G93" s="9" t="s">
        <v>243</v>
      </c>
      <c r="H93" s="6">
        <v>17120</v>
      </c>
      <c r="I93" s="6">
        <v>11022</v>
      </c>
      <c r="J93" s="6">
        <v>10260</v>
      </c>
      <c r="K93" s="6">
        <v>6035</v>
      </c>
      <c r="L93" s="6">
        <v>63</v>
      </c>
    </row>
    <row r="94" spans="1:12">
      <c r="A94" s="9" t="s">
        <v>27</v>
      </c>
      <c r="B94" s="9" t="s">
        <v>28</v>
      </c>
      <c r="C94" s="9" t="s">
        <v>29</v>
      </c>
      <c r="D94" s="9" t="s">
        <v>258</v>
      </c>
      <c r="E94" s="9" t="s">
        <v>228</v>
      </c>
      <c r="F94" s="9" t="s">
        <v>235</v>
      </c>
      <c r="G94" s="9" t="s">
        <v>244</v>
      </c>
      <c r="H94" s="6">
        <v>17205</v>
      </c>
      <c r="I94" s="6">
        <v>11518</v>
      </c>
      <c r="J94" s="6">
        <v>10948</v>
      </c>
      <c r="K94" s="6">
        <v>5637</v>
      </c>
      <c r="L94" s="6">
        <v>50</v>
      </c>
    </row>
    <row r="95" spans="1:12">
      <c r="A95" s="9" t="s">
        <v>27</v>
      </c>
      <c r="B95" s="9" t="s">
        <v>28</v>
      </c>
      <c r="C95" s="9" t="s">
        <v>29</v>
      </c>
      <c r="D95" s="9" t="s">
        <v>258</v>
      </c>
      <c r="E95" s="9" t="s">
        <v>228</v>
      </c>
      <c r="F95" s="9" t="s">
        <v>235</v>
      </c>
      <c r="G95" s="9" t="s">
        <v>245</v>
      </c>
      <c r="H95" s="6">
        <v>17133</v>
      </c>
      <c r="I95" s="6">
        <v>11461</v>
      </c>
      <c r="J95" s="6">
        <v>10833</v>
      </c>
      <c r="K95" s="6">
        <v>5608</v>
      </c>
      <c r="L95" s="6">
        <v>64</v>
      </c>
    </row>
    <row r="96" spans="1:12">
      <c r="A96" s="9" t="s">
        <v>27</v>
      </c>
      <c r="B96" s="9" t="s">
        <v>28</v>
      </c>
      <c r="C96" s="9" t="s">
        <v>29</v>
      </c>
      <c r="D96" s="9" t="s">
        <v>258</v>
      </c>
      <c r="E96" s="9" t="s">
        <v>228</v>
      </c>
      <c r="F96" s="9" t="s">
        <v>235</v>
      </c>
      <c r="G96" s="9" t="s">
        <v>246</v>
      </c>
      <c r="H96" s="6">
        <v>18314</v>
      </c>
      <c r="I96" s="6">
        <v>12479</v>
      </c>
      <c r="J96" s="6">
        <v>11812</v>
      </c>
      <c r="K96" s="6">
        <v>5760</v>
      </c>
      <c r="L96" s="6">
        <v>75</v>
      </c>
    </row>
    <row r="97" spans="1:12">
      <c r="A97" s="9" t="s">
        <v>27</v>
      </c>
      <c r="B97" s="9" t="s">
        <v>28</v>
      </c>
      <c r="C97" s="9" t="s">
        <v>29</v>
      </c>
      <c r="D97" s="9" t="s">
        <v>258</v>
      </c>
      <c r="E97" s="9" t="s">
        <v>228</v>
      </c>
      <c r="F97" s="9" t="s">
        <v>235</v>
      </c>
      <c r="G97" s="9" t="s">
        <v>247</v>
      </c>
      <c r="H97" s="6">
        <v>18388</v>
      </c>
      <c r="I97" s="6">
        <v>12820</v>
      </c>
      <c r="J97" s="6">
        <v>12115</v>
      </c>
      <c r="K97" s="6">
        <v>5506</v>
      </c>
      <c r="L97" s="6">
        <v>62</v>
      </c>
    </row>
    <row r="98" spans="1:12">
      <c r="A98" s="9" t="s">
        <v>27</v>
      </c>
      <c r="B98" s="9" t="s">
        <v>28</v>
      </c>
      <c r="C98" s="9" t="s">
        <v>29</v>
      </c>
      <c r="D98" s="9" t="s">
        <v>258</v>
      </c>
      <c r="E98" s="9" t="s">
        <v>228</v>
      </c>
      <c r="F98" s="9" t="s">
        <v>235</v>
      </c>
      <c r="G98" s="9" t="s">
        <v>248</v>
      </c>
      <c r="H98" s="6">
        <v>18768</v>
      </c>
      <c r="I98" s="6">
        <v>13174</v>
      </c>
      <c r="J98" s="6">
        <v>12485</v>
      </c>
      <c r="K98" s="6">
        <v>5532</v>
      </c>
      <c r="L98" s="6">
        <v>62</v>
      </c>
    </row>
    <row r="99" spans="1:12">
      <c r="A99" s="9" t="s">
        <v>27</v>
      </c>
      <c r="B99" s="9" t="s">
        <v>28</v>
      </c>
      <c r="C99" s="9" t="s">
        <v>29</v>
      </c>
      <c r="D99" s="9" t="s">
        <v>258</v>
      </c>
      <c r="E99" s="9" t="s">
        <v>228</v>
      </c>
      <c r="F99" s="9" t="s">
        <v>235</v>
      </c>
      <c r="G99" s="9" t="s">
        <v>249</v>
      </c>
      <c r="H99" s="6">
        <v>19718</v>
      </c>
      <c r="I99" s="6">
        <v>13945</v>
      </c>
      <c r="J99" s="6">
        <v>13259</v>
      </c>
      <c r="K99" s="6">
        <v>5686</v>
      </c>
      <c r="L99" s="6">
        <v>87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58</v>
      </c>
      <c r="E100" s="9" t="s">
        <v>228</v>
      </c>
      <c r="F100" s="9" t="s">
        <v>235</v>
      </c>
      <c r="G100" s="9" t="s">
        <v>250</v>
      </c>
      <c r="H100" s="6">
        <v>20492</v>
      </c>
      <c r="I100" s="6">
        <v>14312</v>
      </c>
      <c r="J100" s="6">
        <v>13533</v>
      </c>
      <c r="K100" s="6">
        <v>6128</v>
      </c>
      <c r="L100" s="6">
        <v>52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58</v>
      </c>
      <c r="E101" s="9" t="s">
        <v>228</v>
      </c>
      <c r="F101" s="9" t="s">
        <v>235</v>
      </c>
      <c r="G101" s="9" t="s">
        <v>251</v>
      </c>
      <c r="H101" s="6">
        <v>20965</v>
      </c>
      <c r="I101" s="6">
        <v>14573</v>
      </c>
      <c r="J101" s="6">
        <v>13878</v>
      </c>
      <c r="K101" s="6">
        <v>6331</v>
      </c>
      <c r="L101" s="6">
        <v>61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58</v>
      </c>
      <c r="E102" s="9" t="s">
        <v>228</v>
      </c>
      <c r="F102" s="9" t="s">
        <v>235</v>
      </c>
      <c r="G102" s="9" t="s">
        <v>252</v>
      </c>
      <c r="H102" s="6">
        <v>22619</v>
      </c>
      <c r="I102" s="6">
        <v>15789</v>
      </c>
      <c r="J102" s="6">
        <v>14903</v>
      </c>
      <c r="K102" s="6">
        <v>6790</v>
      </c>
      <c r="L102" s="6">
        <v>40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58</v>
      </c>
      <c r="E103" s="9" t="s">
        <v>228</v>
      </c>
      <c r="F103" s="9" t="s">
        <v>235</v>
      </c>
      <c r="G103" s="9" t="s">
        <v>253</v>
      </c>
      <c r="H103" s="6">
        <v>25150</v>
      </c>
      <c r="I103" s="6">
        <v>17799</v>
      </c>
      <c r="J103" s="6">
        <v>16796</v>
      </c>
      <c r="K103" s="6">
        <v>7281</v>
      </c>
      <c r="L103" s="6">
        <v>70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58</v>
      </c>
      <c r="E104" s="9" t="s">
        <v>228</v>
      </c>
      <c r="F104" s="9" t="s">
        <v>235</v>
      </c>
      <c r="G104" s="9" t="s">
        <v>254</v>
      </c>
      <c r="H104" s="6">
        <v>26567</v>
      </c>
      <c r="I104" s="6">
        <v>18487</v>
      </c>
      <c r="J104" s="6">
        <v>17641</v>
      </c>
      <c r="K104" s="6">
        <v>8019</v>
      </c>
      <c r="L104" s="6">
        <v>61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58</v>
      </c>
      <c r="E105" s="9" t="s">
        <v>228</v>
      </c>
      <c r="F105" s="9" t="s">
        <v>235</v>
      </c>
      <c r="G105" s="9" t="s">
        <v>255</v>
      </c>
      <c r="H105" s="6">
        <v>28028</v>
      </c>
      <c r="I105" s="6">
        <v>18860</v>
      </c>
      <c r="J105" s="6">
        <v>17904</v>
      </c>
      <c r="K105" s="6">
        <v>9100</v>
      </c>
      <c r="L105" s="6">
        <v>68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58</v>
      </c>
      <c r="E106" s="9" t="s">
        <v>228</v>
      </c>
      <c r="F106" s="9" t="s">
        <v>235</v>
      </c>
      <c r="G106" s="9" t="s">
        <v>256</v>
      </c>
      <c r="H106" s="6">
        <v>5616522</v>
      </c>
      <c r="I106" s="6">
        <v>1063938</v>
      </c>
      <c r="J106" s="6">
        <v>950420</v>
      </c>
      <c r="K106" s="6">
        <v>4544796</v>
      </c>
      <c r="L106" s="6">
        <v>7788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58</v>
      </c>
      <c r="E107" s="9" t="s">
        <v>18</v>
      </c>
      <c r="F107" s="9" t="s">
        <v>6</v>
      </c>
      <c r="G107" s="9" t="s">
        <v>30</v>
      </c>
      <c r="H107" s="6">
        <v>6954357</v>
      </c>
      <c r="I107" s="6">
        <v>67180</v>
      </c>
      <c r="J107" s="6">
        <v>50661</v>
      </c>
      <c r="K107" s="6">
        <v>54514</v>
      </c>
      <c r="L107" s="6">
        <v>6832663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58</v>
      </c>
      <c r="E108" s="9" t="s">
        <v>18</v>
      </c>
      <c r="F108" s="9" t="s">
        <v>234</v>
      </c>
      <c r="G108" s="9" t="s">
        <v>30</v>
      </c>
      <c r="H108" s="6">
        <v>1829894</v>
      </c>
      <c r="I108" s="6">
        <v>32074</v>
      </c>
      <c r="J108" s="6">
        <v>23488</v>
      </c>
      <c r="K108" s="6">
        <v>27414</v>
      </c>
      <c r="L108" s="6">
        <v>1770406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58</v>
      </c>
      <c r="E109" s="9" t="s">
        <v>18</v>
      </c>
      <c r="F109" s="9" t="s">
        <v>235</v>
      </c>
      <c r="G109" s="9" t="s">
        <v>30</v>
      </c>
      <c r="H109" s="6">
        <v>5124463</v>
      </c>
      <c r="I109" s="6">
        <v>35106</v>
      </c>
      <c r="J109" s="6">
        <v>27173</v>
      </c>
      <c r="K109" s="6">
        <v>27100</v>
      </c>
      <c r="L109" s="6">
        <v>5062257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58</v>
      </c>
      <c r="E110" s="9" t="s">
        <v>18</v>
      </c>
      <c r="F110" s="9" t="s">
        <v>235</v>
      </c>
      <c r="G110" s="9" t="s">
        <v>236</v>
      </c>
      <c r="H110" s="6">
        <v>350848</v>
      </c>
      <c r="I110" s="6">
        <v>367</v>
      </c>
      <c r="J110" s="6">
        <v>258</v>
      </c>
      <c r="K110" s="6">
        <v>589</v>
      </c>
      <c r="L110" s="6">
        <v>349892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58</v>
      </c>
      <c r="E111" s="9" t="s">
        <v>18</v>
      </c>
      <c r="F111" s="9" t="s">
        <v>235</v>
      </c>
      <c r="G111" s="9" t="s">
        <v>237</v>
      </c>
      <c r="H111" s="6">
        <v>386474</v>
      </c>
      <c r="I111" s="6">
        <v>603</v>
      </c>
      <c r="J111" s="6">
        <v>437</v>
      </c>
      <c r="K111" s="6">
        <v>478</v>
      </c>
      <c r="L111" s="6">
        <v>385393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58</v>
      </c>
      <c r="E112" s="9" t="s">
        <v>18</v>
      </c>
      <c r="F112" s="9" t="s">
        <v>235</v>
      </c>
      <c r="G112" s="9" t="s">
        <v>238</v>
      </c>
      <c r="H112" s="6">
        <v>343299</v>
      </c>
      <c r="I112" s="6">
        <v>522</v>
      </c>
      <c r="J112" s="6">
        <v>441</v>
      </c>
      <c r="K112" s="6">
        <v>448</v>
      </c>
      <c r="L112" s="6">
        <v>342329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58</v>
      </c>
      <c r="E113" s="9" t="s">
        <v>18</v>
      </c>
      <c r="F113" s="9" t="s">
        <v>235</v>
      </c>
      <c r="G113" s="9" t="s">
        <v>239</v>
      </c>
      <c r="H113" s="6">
        <v>295132</v>
      </c>
      <c r="I113" s="6">
        <v>527</v>
      </c>
      <c r="J113" s="6">
        <v>441</v>
      </c>
      <c r="K113" s="6">
        <v>332</v>
      </c>
      <c r="L113" s="6">
        <v>294273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58</v>
      </c>
      <c r="E114" s="9" t="s">
        <v>18</v>
      </c>
      <c r="F114" s="9" t="s">
        <v>235</v>
      </c>
      <c r="G114" s="9" t="s">
        <v>240</v>
      </c>
      <c r="H114" s="6">
        <v>263392</v>
      </c>
      <c r="I114" s="6">
        <v>527</v>
      </c>
      <c r="J114" s="6">
        <v>451</v>
      </c>
      <c r="K114" s="6">
        <v>350</v>
      </c>
      <c r="L114" s="6">
        <v>262515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58</v>
      </c>
      <c r="E115" s="9" t="s">
        <v>18</v>
      </c>
      <c r="F115" s="9" t="s">
        <v>235</v>
      </c>
      <c r="G115" s="9" t="s">
        <v>241</v>
      </c>
      <c r="H115" s="6">
        <v>234858</v>
      </c>
      <c r="I115" s="6">
        <v>635</v>
      </c>
      <c r="J115" s="6">
        <v>530</v>
      </c>
      <c r="K115" s="6">
        <v>269</v>
      </c>
      <c r="L115" s="6">
        <v>233954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58</v>
      </c>
      <c r="E116" s="9" t="s">
        <v>18</v>
      </c>
      <c r="F116" s="9" t="s">
        <v>235</v>
      </c>
      <c r="G116" s="9" t="s">
        <v>242</v>
      </c>
      <c r="H116" s="6">
        <v>217326</v>
      </c>
      <c r="I116" s="6">
        <v>657</v>
      </c>
      <c r="J116" s="6">
        <v>594</v>
      </c>
      <c r="K116" s="6">
        <v>282</v>
      </c>
      <c r="L116" s="6">
        <v>216387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58</v>
      </c>
      <c r="E117" s="9" t="s">
        <v>18</v>
      </c>
      <c r="F117" s="9" t="s">
        <v>235</v>
      </c>
      <c r="G117" s="9" t="s">
        <v>243</v>
      </c>
      <c r="H117" s="6">
        <v>206052</v>
      </c>
      <c r="I117" s="6">
        <v>612</v>
      </c>
      <c r="J117" s="6">
        <v>533</v>
      </c>
      <c r="K117" s="6">
        <v>287</v>
      </c>
      <c r="L117" s="6">
        <v>205153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58</v>
      </c>
      <c r="E118" s="9" t="s">
        <v>18</v>
      </c>
      <c r="F118" s="9" t="s">
        <v>235</v>
      </c>
      <c r="G118" s="9" t="s">
        <v>244</v>
      </c>
      <c r="H118" s="6">
        <v>194307</v>
      </c>
      <c r="I118" s="6">
        <v>574</v>
      </c>
      <c r="J118" s="6">
        <v>548</v>
      </c>
      <c r="K118" s="6">
        <v>318</v>
      </c>
      <c r="L118" s="6">
        <v>193415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58</v>
      </c>
      <c r="E119" s="9" t="s">
        <v>18</v>
      </c>
      <c r="F119" s="9" t="s">
        <v>235</v>
      </c>
      <c r="G119" s="9" t="s">
        <v>245</v>
      </c>
      <c r="H119" s="6">
        <v>190258</v>
      </c>
      <c r="I119" s="6">
        <v>815</v>
      </c>
      <c r="J119" s="6">
        <v>705</v>
      </c>
      <c r="K119" s="6">
        <v>225</v>
      </c>
      <c r="L119" s="6">
        <v>189218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58</v>
      </c>
      <c r="E120" s="9" t="s">
        <v>18</v>
      </c>
      <c r="F120" s="9" t="s">
        <v>235</v>
      </c>
      <c r="G120" s="9" t="s">
        <v>246</v>
      </c>
      <c r="H120" s="6">
        <v>180782</v>
      </c>
      <c r="I120" s="6">
        <v>880</v>
      </c>
      <c r="J120" s="6">
        <v>826</v>
      </c>
      <c r="K120" s="6">
        <v>259</v>
      </c>
      <c r="L120" s="6">
        <v>179643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58</v>
      </c>
      <c r="E121" s="9" t="s">
        <v>18</v>
      </c>
      <c r="F121" s="9" t="s">
        <v>235</v>
      </c>
      <c r="G121" s="9" t="s">
        <v>247</v>
      </c>
      <c r="H121" s="6">
        <v>174466</v>
      </c>
      <c r="I121" s="6">
        <v>744</v>
      </c>
      <c r="J121" s="6">
        <v>631</v>
      </c>
      <c r="K121" s="6">
        <v>229</v>
      </c>
      <c r="L121" s="6">
        <v>173493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58</v>
      </c>
      <c r="E122" s="9" t="s">
        <v>18</v>
      </c>
      <c r="F122" s="9" t="s">
        <v>235</v>
      </c>
      <c r="G122" s="9" t="s">
        <v>248</v>
      </c>
      <c r="H122" s="6">
        <v>165436</v>
      </c>
      <c r="I122" s="6">
        <v>794</v>
      </c>
      <c r="J122" s="6">
        <v>689</v>
      </c>
      <c r="K122" s="6">
        <v>291</v>
      </c>
      <c r="L122" s="6">
        <v>164351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58</v>
      </c>
      <c r="E123" s="9" t="s">
        <v>18</v>
      </c>
      <c r="F123" s="9" t="s">
        <v>235</v>
      </c>
      <c r="G123" s="9" t="s">
        <v>249</v>
      </c>
      <c r="H123" s="6">
        <v>155553</v>
      </c>
      <c r="I123" s="6">
        <v>679</v>
      </c>
      <c r="J123" s="6">
        <v>585</v>
      </c>
      <c r="K123" s="6">
        <v>287</v>
      </c>
      <c r="L123" s="6">
        <v>154587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58</v>
      </c>
      <c r="E124" s="9" t="s">
        <v>18</v>
      </c>
      <c r="F124" s="9" t="s">
        <v>235</v>
      </c>
      <c r="G124" s="9" t="s">
        <v>250</v>
      </c>
      <c r="H124" s="6">
        <v>142991</v>
      </c>
      <c r="I124" s="6">
        <v>719</v>
      </c>
      <c r="J124" s="6">
        <v>614</v>
      </c>
      <c r="K124" s="6">
        <v>234</v>
      </c>
      <c r="L124" s="6">
        <v>142038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58</v>
      </c>
      <c r="E125" s="9" t="s">
        <v>18</v>
      </c>
      <c r="F125" s="9" t="s">
        <v>235</v>
      </c>
      <c r="G125" s="9" t="s">
        <v>251</v>
      </c>
      <c r="H125" s="6">
        <v>132265</v>
      </c>
      <c r="I125" s="6">
        <v>738</v>
      </c>
      <c r="J125" s="6">
        <v>633</v>
      </c>
      <c r="K125" s="6">
        <v>208</v>
      </c>
      <c r="L125" s="6">
        <v>131319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58</v>
      </c>
      <c r="E126" s="9" t="s">
        <v>18</v>
      </c>
      <c r="F126" s="9" t="s">
        <v>235</v>
      </c>
      <c r="G126" s="9" t="s">
        <v>252</v>
      </c>
      <c r="H126" s="6">
        <v>129955</v>
      </c>
      <c r="I126" s="6">
        <v>710</v>
      </c>
      <c r="J126" s="6">
        <v>640</v>
      </c>
      <c r="K126" s="6">
        <v>164</v>
      </c>
      <c r="L126" s="6">
        <v>129081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58</v>
      </c>
      <c r="E127" s="9" t="s">
        <v>18</v>
      </c>
      <c r="F127" s="9" t="s">
        <v>235</v>
      </c>
      <c r="G127" s="9" t="s">
        <v>253</v>
      </c>
      <c r="H127" s="6">
        <v>123501</v>
      </c>
      <c r="I127" s="6">
        <v>674</v>
      </c>
      <c r="J127" s="6">
        <v>594</v>
      </c>
      <c r="K127" s="6">
        <v>183</v>
      </c>
      <c r="L127" s="6">
        <v>122644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58</v>
      </c>
      <c r="E128" s="9" t="s">
        <v>18</v>
      </c>
      <c r="F128" s="9" t="s">
        <v>235</v>
      </c>
      <c r="G128" s="9" t="s">
        <v>254</v>
      </c>
      <c r="H128" s="6">
        <v>117291</v>
      </c>
      <c r="I128" s="6">
        <v>684</v>
      </c>
      <c r="J128" s="6">
        <v>631</v>
      </c>
      <c r="K128" s="6">
        <v>211</v>
      </c>
      <c r="L128" s="6">
        <v>116396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58</v>
      </c>
      <c r="E129" s="9" t="s">
        <v>18</v>
      </c>
      <c r="F129" s="9" t="s">
        <v>235</v>
      </c>
      <c r="G129" s="9" t="s">
        <v>255</v>
      </c>
      <c r="H129" s="6">
        <v>104554</v>
      </c>
      <c r="I129" s="6">
        <v>584</v>
      </c>
      <c r="J129" s="6">
        <v>520</v>
      </c>
      <c r="K129" s="6">
        <v>158</v>
      </c>
      <c r="L129" s="6">
        <v>103812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58</v>
      </c>
      <c r="E130" s="9" t="s">
        <v>18</v>
      </c>
      <c r="F130" s="9" t="s">
        <v>235</v>
      </c>
      <c r="G130" s="9" t="s">
        <v>256</v>
      </c>
      <c r="H130" s="6">
        <v>1015723</v>
      </c>
      <c r="I130" s="6">
        <v>22061</v>
      </c>
      <c r="J130" s="6">
        <v>15872</v>
      </c>
      <c r="K130" s="6">
        <v>21298</v>
      </c>
      <c r="L130" s="6">
        <v>972364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58</v>
      </c>
      <c r="E131" s="9" t="s">
        <v>6</v>
      </c>
      <c r="F131" s="9" t="s">
        <v>6</v>
      </c>
      <c r="G131" s="9" t="s">
        <v>30</v>
      </c>
      <c r="H131" s="6">
        <v>947029</v>
      </c>
      <c r="I131" s="6">
        <v>551368</v>
      </c>
      <c r="J131" s="6">
        <v>477651</v>
      </c>
      <c r="K131" s="6">
        <v>343688</v>
      </c>
      <c r="L131" s="6">
        <v>51973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58</v>
      </c>
      <c r="E132" s="9" t="s">
        <v>6</v>
      </c>
      <c r="F132" s="9" t="s">
        <v>234</v>
      </c>
      <c r="G132" s="9" t="s">
        <v>30</v>
      </c>
      <c r="H132" s="6">
        <v>298656</v>
      </c>
      <c r="I132" s="6">
        <v>127136</v>
      </c>
      <c r="J132" s="6">
        <v>99870</v>
      </c>
      <c r="K132" s="6">
        <v>157314</v>
      </c>
      <c r="L132" s="6">
        <v>14206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58</v>
      </c>
      <c r="E133" s="9" t="s">
        <v>6</v>
      </c>
      <c r="F133" s="9" t="s">
        <v>235</v>
      </c>
      <c r="G133" s="9" t="s">
        <v>30</v>
      </c>
      <c r="H133" s="6">
        <v>648373</v>
      </c>
      <c r="I133" s="6">
        <v>424232</v>
      </c>
      <c r="J133" s="6">
        <v>377781</v>
      </c>
      <c r="K133" s="6">
        <v>186374</v>
      </c>
      <c r="L133" s="6">
        <v>37767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58</v>
      </c>
      <c r="E134" s="9" t="s">
        <v>6</v>
      </c>
      <c r="F134" s="9" t="s">
        <v>235</v>
      </c>
      <c r="G134" s="9" t="s">
        <v>236</v>
      </c>
      <c r="H134" s="6">
        <v>39814</v>
      </c>
      <c r="I134" s="6">
        <v>19348</v>
      </c>
      <c r="J134" s="6">
        <v>18164</v>
      </c>
      <c r="K134" s="6">
        <v>17173</v>
      </c>
      <c r="L134" s="6">
        <v>3293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58</v>
      </c>
      <c r="E135" s="9" t="s">
        <v>6</v>
      </c>
      <c r="F135" s="9" t="s">
        <v>235</v>
      </c>
      <c r="G135" s="9" t="s">
        <v>237</v>
      </c>
      <c r="H135" s="6">
        <v>39497</v>
      </c>
      <c r="I135" s="6">
        <v>25871</v>
      </c>
      <c r="J135" s="6">
        <v>24067</v>
      </c>
      <c r="K135" s="6">
        <v>10059</v>
      </c>
      <c r="L135" s="6">
        <v>3567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58</v>
      </c>
      <c r="E136" s="9" t="s">
        <v>6</v>
      </c>
      <c r="F136" s="9" t="s">
        <v>235</v>
      </c>
      <c r="G136" s="9" t="s">
        <v>238</v>
      </c>
      <c r="H136" s="6">
        <v>35032</v>
      </c>
      <c r="I136" s="6">
        <v>24860</v>
      </c>
      <c r="J136" s="6">
        <v>23254</v>
      </c>
      <c r="K136" s="6">
        <v>7338</v>
      </c>
      <c r="L136" s="6">
        <v>2834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58</v>
      </c>
      <c r="E137" s="9" t="s">
        <v>6</v>
      </c>
      <c r="F137" s="9" t="s">
        <v>235</v>
      </c>
      <c r="G137" s="9" t="s">
        <v>239</v>
      </c>
      <c r="H137" s="6">
        <v>29209</v>
      </c>
      <c r="I137" s="6">
        <v>21488</v>
      </c>
      <c r="J137" s="6">
        <v>19872</v>
      </c>
      <c r="K137" s="6">
        <v>5454</v>
      </c>
      <c r="L137" s="6">
        <v>2267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58</v>
      </c>
      <c r="E138" s="9" t="s">
        <v>6</v>
      </c>
      <c r="F138" s="9" t="s">
        <v>235</v>
      </c>
      <c r="G138" s="9" t="s">
        <v>240</v>
      </c>
      <c r="H138" s="6">
        <v>26475</v>
      </c>
      <c r="I138" s="6">
        <v>20202</v>
      </c>
      <c r="J138" s="6">
        <v>18863</v>
      </c>
      <c r="K138" s="6">
        <v>4369</v>
      </c>
      <c r="L138" s="6">
        <v>1904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58</v>
      </c>
      <c r="E139" s="9" t="s">
        <v>6</v>
      </c>
      <c r="F139" s="9" t="s">
        <v>235</v>
      </c>
      <c r="G139" s="9" t="s">
        <v>241</v>
      </c>
      <c r="H139" s="6">
        <v>24160</v>
      </c>
      <c r="I139" s="6">
        <v>18285</v>
      </c>
      <c r="J139" s="6">
        <v>16852</v>
      </c>
      <c r="K139" s="6">
        <v>4137</v>
      </c>
      <c r="L139" s="6">
        <v>1738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58</v>
      </c>
      <c r="E140" s="9" t="s">
        <v>6</v>
      </c>
      <c r="F140" s="9" t="s">
        <v>235</v>
      </c>
      <c r="G140" s="9" t="s">
        <v>242</v>
      </c>
      <c r="H140" s="6">
        <v>22761</v>
      </c>
      <c r="I140" s="6">
        <v>17284</v>
      </c>
      <c r="J140" s="6">
        <v>15908</v>
      </c>
      <c r="K140" s="6">
        <v>3803</v>
      </c>
      <c r="L140" s="6">
        <v>1674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58</v>
      </c>
      <c r="E141" s="9" t="s">
        <v>6</v>
      </c>
      <c r="F141" s="9" t="s">
        <v>235</v>
      </c>
      <c r="G141" s="9" t="s">
        <v>243</v>
      </c>
      <c r="H141" s="6">
        <v>22343</v>
      </c>
      <c r="I141" s="6">
        <v>17016</v>
      </c>
      <c r="J141" s="6">
        <v>15745</v>
      </c>
      <c r="K141" s="6">
        <v>3752</v>
      </c>
      <c r="L141" s="6">
        <v>1575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58</v>
      </c>
      <c r="E142" s="9" t="s">
        <v>6</v>
      </c>
      <c r="F142" s="9" t="s">
        <v>235</v>
      </c>
      <c r="G142" s="9" t="s">
        <v>244</v>
      </c>
      <c r="H142" s="6">
        <v>21081</v>
      </c>
      <c r="I142" s="6">
        <v>16398</v>
      </c>
      <c r="J142" s="6">
        <v>15234</v>
      </c>
      <c r="K142" s="6">
        <v>3301</v>
      </c>
      <c r="L142" s="6">
        <v>1382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58</v>
      </c>
      <c r="E143" s="9" t="s">
        <v>6</v>
      </c>
      <c r="F143" s="9" t="s">
        <v>235</v>
      </c>
      <c r="G143" s="9" t="s">
        <v>245</v>
      </c>
      <c r="H143" s="6">
        <v>20173</v>
      </c>
      <c r="I143" s="6">
        <v>15970</v>
      </c>
      <c r="J143" s="6">
        <v>14866</v>
      </c>
      <c r="K143" s="6">
        <v>2896</v>
      </c>
      <c r="L143" s="6">
        <v>1307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58</v>
      </c>
      <c r="E144" s="9" t="s">
        <v>6</v>
      </c>
      <c r="F144" s="9" t="s">
        <v>235</v>
      </c>
      <c r="G144" s="9" t="s">
        <v>246</v>
      </c>
      <c r="H144" s="6">
        <v>19641</v>
      </c>
      <c r="I144" s="6">
        <v>15627</v>
      </c>
      <c r="J144" s="6">
        <v>14428</v>
      </c>
      <c r="K144" s="6">
        <v>2815</v>
      </c>
      <c r="L144" s="6">
        <v>1199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58</v>
      </c>
      <c r="E145" s="9" t="s">
        <v>6</v>
      </c>
      <c r="F145" s="9" t="s">
        <v>235</v>
      </c>
      <c r="G145" s="9" t="s">
        <v>247</v>
      </c>
      <c r="H145" s="6">
        <v>18654</v>
      </c>
      <c r="I145" s="6">
        <v>14809</v>
      </c>
      <c r="J145" s="6">
        <v>13730</v>
      </c>
      <c r="K145" s="6">
        <v>2603</v>
      </c>
      <c r="L145" s="6">
        <v>1242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58</v>
      </c>
      <c r="E146" s="9" t="s">
        <v>6</v>
      </c>
      <c r="F146" s="9" t="s">
        <v>235</v>
      </c>
      <c r="G146" s="9" t="s">
        <v>248</v>
      </c>
      <c r="H146" s="6">
        <v>18723</v>
      </c>
      <c r="I146" s="6">
        <v>14966</v>
      </c>
      <c r="J146" s="6">
        <v>13849</v>
      </c>
      <c r="K146" s="6">
        <v>2609</v>
      </c>
      <c r="L146" s="6">
        <v>1148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58</v>
      </c>
      <c r="E147" s="9" t="s">
        <v>6</v>
      </c>
      <c r="F147" s="9" t="s">
        <v>235</v>
      </c>
      <c r="G147" s="9" t="s">
        <v>249</v>
      </c>
      <c r="H147" s="6">
        <v>17129</v>
      </c>
      <c r="I147" s="6">
        <v>13556</v>
      </c>
      <c r="J147" s="6">
        <v>12658</v>
      </c>
      <c r="K147" s="6">
        <v>2353</v>
      </c>
      <c r="L147" s="6">
        <v>1220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58</v>
      </c>
      <c r="E148" s="9" t="s">
        <v>6</v>
      </c>
      <c r="F148" s="9" t="s">
        <v>235</v>
      </c>
      <c r="G148" s="9" t="s">
        <v>250</v>
      </c>
      <c r="H148" s="6">
        <v>16134</v>
      </c>
      <c r="I148" s="6">
        <v>13060</v>
      </c>
      <c r="J148" s="6">
        <v>12217</v>
      </c>
      <c r="K148" s="6">
        <v>2223</v>
      </c>
      <c r="L148" s="6">
        <v>851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58</v>
      </c>
      <c r="E149" s="9" t="s">
        <v>6</v>
      </c>
      <c r="F149" s="9" t="s">
        <v>235</v>
      </c>
      <c r="G149" s="9" t="s">
        <v>251</v>
      </c>
      <c r="H149" s="6">
        <v>15093</v>
      </c>
      <c r="I149" s="6">
        <v>12073</v>
      </c>
      <c r="J149" s="6">
        <v>11169</v>
      </c>
      <c r="K149" s="6">
        <v>2183</v>
      </c>
      <c r="L149" s="6">
        <v>837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58</v>
      </c>
      <c r="E150" s="9" t="s">
        <v>6</v>
      </c>
      <c r="F150" s="9" t="s">
        <v>235</v>
      </c>
      <c r="G150" s="9" t="s">
        <v>252</v>
      </c>
      <c r="H150" s="6">
        <v>15025</v>
      </c>
      <c r="I150" s="6">
        <v>11884</v>
      </c>
      <c r="J150" s="6">
        <v>11021</v>
      </c>
      <c r="K150" s="6">
        <v>2305</v>
      </c>
      <c r="L150" s="6">
        <v>836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58</v>
      </c>
      <c r="E151" s="9" t="s">
        <v>6</v>
      </c>
      <c r="F151" s="9" t="s">
        <v>235</v>
      </c>
      <c r="G151" s="9" t="s">
        <v>253</v>
      </c>
      <c r="H151" s="6">
        <v>14193</v>
      </c>
      <c r="I151" s="6">
        <v>11007</v>
      </c>
      <c r="J151" s="6">
        <v>10204</v>
      </c>
      <c r="K151" s="6">
        <v>2415</v>
      </c>
      <c r="L151" s="6">
        <v>771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58</v>
      </c>
      <c r="E152" s="9" t="s">
        <v>6</v>
      </c>
      <c r="F152" s="9" t="s">
        <v>235</v>
      </c>
      <c r="G152" s="9" t="s">
        <v>254</v>
      </c>
      <c r="H152" s="6">
        <v>11893</v>
      </c>
      <c r="I152" s="6">
        <v>9355</v>
      </c>
      <c r="J152" s="6">
        <v>8682</v>
      </c>
      <c r="K152" s="6">
        <v>1907</v>
      </c>
      <c r="L152" s="6">
        <v>631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58</v>
      </c>
      <c r="E153" s="9" t="s">
        <v>6</v>
      </c>
      <c r="F153" s="9" t="s">
        <v>235</v>
      </c>
      <c r="G153" s="9" t="s">
        <v>255</v>
      </c>
      <c r="H153" s="6">
        <v>9871</v>
      </c>
      <c r="I153" s="6">
        <v>7555</v>
      </c>
      <c r="J153" s="6">
        <v>6890</v>
      </c>
      <c r="K153" s="6">
        <v>1822</v>
      </c>
      <c r="L153" s="6">
        <v>494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58</v>
      </c>
      <c r="E154" s="9" t="s">
        <v>6</v>
      </c>
      <c r="F154" s="9" t="s">
        <v>235</v>
      </c>
      <c r="G154" s="9" t="s">
        <v>256</v>
      </c>
      <c r="H154" s="6">
        <v>211472</v>
      </c>
      <c r="I154" s="6">
        <v>103618</v>
      </c>
      <c r="J154" s="6">
        <v>80108</v>
      </c>
      <c r="K154" s="6">
        <v>100857</v>
      </c>
      <c r="L154" s="6">
        <v>6997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58</v>
      </c>
      <c r="E155" s="9" t="s">
        <v>226</v>
      </c>
      <c r="F155" s="9" t="s">
        <v>6</v>
      </c>
      <c r="G155" s="9" t="s">
        <v>30</v>
      </c>
      <c r="H155" s="6">
        <v>687784</v>
      </c>
      <c r="I155" s="6">
        <v>512799</v>
      </c>
      <c r="J155" s="6">
        <v>443315</v>
      </c>
      <c r="K155" s="6">
        <v>173831</v>
      </c>
      <c r="L155" s="6">
        <v>1154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58</v>
      </c>
      <c r="E156" s="9" t="s">
        <v>226</v>
      </c>
      <c r="F156" s="9" t="s">
        <v>234</v>
      </c>
      <c r="G156" s="9" t="s">
        <v>30</v>
      </c>
      <c r="H156" s="6">
        <v>159398</v>
      </c>
      <c r="I156" s="6">
        <v>107878</v>
      </c>
      <c r="J156" s="6">
        <v>82766</v>
      </c>
      <c r="K156" s="6">
        <v>50858</v>
      </c>
      <c r="L156" s="6">
        <v>662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58</v>
      </c>
      <c r="E157" s="9" t="s">
        <v>226</v>
      </c>
      <c r="F157" s="9" t="s">
        <v>235</v>
      </c>
      <c r="G157" s="9" t="s">
        <v>30</v>
      </c>
      <c r="H157" s="6">
        <v>528386</v>
      </c>
      <c r="I157" s="6">
        <v>404921</v>
      </c>
      <c r="J157" s="6">
        <v>360549</v>
      </c>
      <c r="K157" s="6">
        <v>122973</v>
      </c>
      <c r="L157" s="6">
        <v>492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58</v>
      </c>
      <c r="E158" s="9" t="s">
        <v>226</v>
      </c>
      <c r="F158" s="9" t="s">
        <v>235</v>
      </c>
      <c r="G158" s="9" t="s">
        <v>236</v>
      </c>
      <c r="H158" s="6">
        <v>36073</v>
      </c>
      <c r="I158" s="6">
        <v>19167</v>
      </c>
      <c r="J158" s="6">
        <v>17983</v>
      </c>
      <c r="K158" s="6">
        <v>16891</v>
      </c>
      <c r="L158" s="6">
        <v>1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58</v>
      </c>
      <c r="E159" s="9" t="s">
        <v>226</v>
      </c>
      <c r="F159" s="9" t="s">
        <v>235</v>
      </c>
      <c r="G159" s="9" t="s">
        <v>237</v>
      </c>
      <c r="H159" s="6">
        <v>35535</v>
      </c>
      <c r="I159" s="6">
        <v>25654</v>
      </c>
      <c r="J159" s="6">
        <v>23853</v>
      </c>
      <c r="K159" s="6">
        <v>9862</v>
      </c>
      <c r="L159" s="6">
        <v>19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58</v>
      </c>
      <c r="E160" s="9" t="s">
        <v>226</v>
      </c>
      <c r="F160" s="9" t="s">
        <v>235</v>
      </c>
      <c r="G160" s="9" t="s">
        <v>238</v>
      </c>
      <c r="H160" s="6">
        <v>31885</v>
      </c>
      <c r="I160" s="6">
        <v>24651</v>
      </c>
      <c r="J160" s="6">
        <v>23054</v>
      </c>
      <c r="K160" s="6">
        <v>7216</v>
      </c>
      <c r="L160" s="6">
        <v>18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58</v>
      </c>
      <c r="E161" s="9" t="s">
        <v>226</v>
      </c>
      <c r="F161" s="9" t="s">
        <v>235</v>
      </c>
      <c r="G161" s="9" t="s">
        <v>239</v>
      </c>
      <c r="H161" s="6">
        <v>26652</v>
      </c>
      <c r="I161" s="6">
        <v>21264</v>
      </c>
      <c r="J161" s="6">
        <v>19659</v>
      </c>
      <c r="K161" s="6">
        <v>5378</v>
      </c>
      <c r="L161" s="6">
        <v>10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58</v>
      </c>
      <c r="E162" s="9" t="s">
        <v>226</v>
      </c>
      <c r="F162" s="9" t="s">
        <v>235</v>
      </c>
      <c r="G162" s="9" t="s">
        <v>240</v>
      </c>
      <c r="H162" s="6">
        <v>24308</v>
      </c>
      <c r="I162" s="6">
        <v>20003</v>
      </c>
      <c r="J162" s="6">
        <v>18684</v>
      </c>
      <c r="K162" s="6">
        <v>4285</v>
      </c>
      <c r="L162" s="6">
        <v>20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58</v>
      </c>
      <c r="E163" s="9" t="s">
        <v>226</v>
      </c>
      <c r="F163" s="9" t="s">
        <v>235</v>
      </c>
      <c r="G163" s="9" t="s">
        <v>241</v>
      </c>
      <c r="H163" s="6">
        <v>22195</v>
      </c>
      <c r="I163" s="6">
        <v>18147</v>
      </c>
      <c r="J163" s="6">
        <v>16722</v>
      </c>
      <c r="K163" s="6">
        <v>4036</v>
      </c>
      <c r="L163" s="6">
        <v>12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58</v>
      </c>
      <c r="E164" s="9" t="s">
        <v>226</v>
      </c>
      <c r="F164" s="9" t="s">
        <v>235</v>
      </c>
      <c r="G164" s="9" t="s">
        <v>242</v>
      </c>
      <c r="H164" s="6">
        <v>20790</v>
      </c>
      <c r="I164" s="6">
        <v>17077</v>
      </c>
      <c r="J164" s="6">
        <v>15720</v>
      </c>
      <c r="K164" s="6">
        <v>3701</v>
      </c>
      <c r="L164" s="6">
        <v>12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58</v>
      </c>
      <c r="E165" s="9" t="s">
        <v>226</v>
      </c>
      <c r="F165" s="9" t="s">
        <v>235</v>
      </c>
      <c r="G165" s="9" t="s">
        <v>243</v>
      </c>
      <c r="H165" s="6">
        <v>20488</v>
      </c>
      <c r="I165" s="6">
        <v>16785</v>
      </c>
      <c r="J165" s="6">
        <v>15555</v>
      </c>
      <c r="K165" s="6">
        <v>3682</v>
      </c>
      <c r="L165" s="6">
        <v>21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58</v>
      </c>
      <c r="E166" s="9" t="s">
        <v>226</v>
      </c>
      <c r="F166" s="9" t="s">
        <v>235</v>
      </c>
      <c r="G166" s="9" t="s">
        <v>244</v>
      </c>
      <c r="H166" s="6">
        <v>19402</v>
      </c>
      <c r="I166" s="6">
        <v>16185</v>
      </c>
      <c r="J166" s="6">
        <v>15024</v>
      </c>
      <c r="K166" s="6">
        <v>3205</v>
      </c>
      <c r="L166" s="6">
        <v>12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58</v>
      </c>
      <c r="E167" s="9" t="s">
        <v>226</v>
      </c>
      <c r="F167" s="9" t="s">
        <v>235</v>
      </c>
      <c r="G167" s="9" t="s">
        <v>245</v>
      </c>
      <c r="H167" s="6">
        <v>18593</v>
      </c>
      <c r="I167" s="6">
        <v>15775</v>
      </c>
      <c r="J167" s="6">
        <v>14678</v>
      </c>
      <c r="K167" s="6">
        <v>2802</v>
      </c>
      <c r="L167" s="6">
        <v>16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58</v>
      </c>
      <c r="E168" s="9" t="s">
        <v>226</v>
      </c>
      <c r="F168" s="9" t="s">
        <v>235</v>
      </c>
      <c r="G168" s="9" t="s">
        <v>246</v>
      </c>
      <c r="H168" s="6">
        <v>18143</v>
      </c>
      <c r="I168" s="6">
        <v>15426</v>
      </c>
      <c r="J168" s="6">
        <v>14239</v>
      </c>
      <c r="K168" s="6">
        <v>2714</v>
      </c>
      <c r="L168" s="6">
        <v>3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58</v>
      </c>
      <c r="E169" s="9" t="s">
        <v>226</v>
      </c>
      <c r="F169" s="9" t="s">
        <v>235</v>
      </c>
      <c r="G169" s="9" t="s">
        <v>247</v>
      </c>
      <c r="H169" s="6">
        <v>17195</v>
      </c>
      <c r="I169" s="6">
        <v>14620</v>
      </c>
      <c r="J169" s="6">
        <v>13555</v>
      </c>
      <c r="K169" s="6">
        <v>2563</v>
      </c>
      <c r="L169" s="6">
        <v>12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58</v>
      </c>
      <c r="E170" s="9" t="s">
        <v>226</v>
      </c>
      <c r="F170" s="9" t="s">
        <v>235</v>
      </c>
      <c r="G170" s="9" t="s">
        <v>248</v>
      </c>
      <c r="H170" s="6">
        <v>17234</v>
      </c>
      <c r="I170" s="6">
        <v>14674</v>
      </c>
      <c r="J170" s="6">
        <v>13573</v>
      </c>
      <c r="K170" s="6">
        <v>2547</v>
      </c>
      <c r="L170" s="6">
        <v>13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58</v>
      </c>
      <c r="E171" s="9" t="s">
        <v>226</v>
      </c>
      <c r="F171" s="9" t="s">
        <v>235</v>
      </c>
      <c r="G171" s="9" t="s">
        <v>249</v>
      </c>
      <c r="H171" s="6">
        <v>15650</v>
      </c>
      <c r="I171" s="6">
        <v>13349</v>
      </c>
      <c r="J171" s="6">
        <v>12468</v>
      </c>
      <c r="K171" s="6">
        <v>2284</v>
      </c>
      <c r="L171" s="6">
        <v>17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58</v>
      </c>
      <c r="E172" s="9" t="s">
        <v>226</v>
      </c>
      <c r="F172" s="9" t="s">
        <v>235</v>
      </c>
      <c r="G172" s="9" t="s">
        <v>250</v>
      </c>
      <c r="H172" s="6">
        <v>14972</v>
      </c>
      <c r="I172" s="6">
        <v>12792</v>
      </c>
      <c r="J172" s="6">
        <v>11952</v>
      </c>
      <c r="K172" s="6">
        <v>2176</v>
      </c>
      <c r="L172" s="6">
        <v>4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58</v>
      </c>
      <c r="E173" s="9" t="s">
        <v>226</v>
      </c>
      <c r="F173" s="9" t="s">
        <v>235</v>
      </c>
      <c r="G173" s="9" t="s">
        <v>251</v>
      </c>
      <c r="H173" s="6">
        <v>13938</v>
      </c>
      <c r="I173" s="6">
        <v>11814</v>
      </c>
      <c r="J173" s="6">
        <v>10914</v>
      </c>
      <c r="K173" s="6">
        <v>2120</v>
      </c>
      <c r="L173" s="6">
        <v>4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58</v>
      </c>
      <c r="E174" s="9" t="s">
        <v>226</v>
      </c>
      <c r="F174" s="9" t="s">
        <v>235</v>
      </c>
      <c r="G174" s="9" t="s">
        <v>252</v>
      </c>
      <c r="H174" s="6">
        <v>13846</v>
      </c>
      <c r="I174" s="6">
        <v>11604</v>
      </c>
      <c r="J174" s="6">
        <v>10754</v>
      </c>
      <c r="K174" s="6">
        <v>2242</v>
      </c>
      <c r="L174" s="10" t="s">
        <v>55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58</v>
      </c>
      <c r="E175" s="9" t="s">
        <v>226</v>
      </c>
      <c r="F175" s="9" t="s">
        <v>235</v>
      </c>
      <c r="G175" s="9" t="s">
        <v>253</v>
      </c>
      <c r="H175" s="6">
        <v>13065</v>
      </c>
      <c r="I175" s="6">
        <v>10758</v>
      </c>
      <c r="J175" s="6">
        <v>9973</v>
      </c>
      <c r="K175" s="6">
        <v>2299</v>
      </c>
      <c r="L175" s="6">
        <v>8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58</v>
      </c>
      <c r="E176" s="9" t="s">
        <v>226</v>
      </c>
      <c r="F176" s="9" t="s">
        <v>235</v>
      </c>
      <c r="G176" s="9" t="s">
        <v>254</v>
      </c>
      <c r="H176" s="6">
        <v>10856</v>
      </c>
      <c r="I176" s="6">
        <v>9055</v>
      </c>
      <c r="J176" s="6">
        <v>8382</v>
      </c>
      <c r="K176" s="6">
        <v>1798</v>
      </c>
      <c r="L176" s="6">
        <v>3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58</v>
      </c>
      <c r="E177" s="9" t="s">
        <v>226</v>
      </c>
      <c r="F177" s="9" t="s">
        <v>235</v>
      </c>
      <c r="G177" s="9" t="s">
        <v>255</v>
      </c>
      <c r="H177" s="6">
        <v>9008</v>
      </c>
      <c r="I177" s="6">
        <v>7272</v>
      </c>
      <c r="J177" s="6">
        <v>6614</v>
      </c>
      <c r="K177" s="6">
        <v>1723</v>
      </c>
      <c r="L177" s="6">
        <v>13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58</v>
      </c>
      <c r="E178" s="9" t="s">
        <v>226</v>
      </c>
      <c r="F178" s="9" t="s">
        <v>235</v>
      </c>
      <c r="G178" s="9" t="s">
        <v>256</v>
      </c>
      <c r="H178" s="6">
        <v>128558</v>
      </c>
      <c r="I178" s="6">
        <v>88849</v>
      </c>
      <c r="J178" s="6">
        <v>67193</v>
      </c>
      <c r="K178" s="6">
        <v>39449</v>
      </c>
      <c r="L178" s="6">
        <v>260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58</v>
      </c>
      <c r="E179" s="9" t="s">
        <v>227</v>
      </c>
      <c r="F179" s="9" t="s">
        <v>6</v>
      </c>
      <c r="G179" s="9" t="s">
        <v>30</v>
      </c>
      <c r="H179" s="6">
        <v>570632</v>
      </c>
      <c r="I179" s="6">
        <v>421762</v>
      </c>
      <c r="J179" s="6">
        <v>405956</v>
      </c>
      <c r="K179" s="6">
        <v>148237</v>
      </c>
      <c r="L179" s="6">
        <v>633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58</v>
      </c>
      <c r="E180" s="9" t="s">
        <v>227</v>
      </c>
      <c r="F180" s="9" t="s">
        <v>234</v>
      </c>
      <c r="G180" s="9" t="s">
        <v>30</v>
      </c>
      <c r="H180" s="6">
        <v>117140</v>
      </c>
      <c r="I180" s="6">
        <v>76900</v>
      </c>
      <c r="J180" s="6">
        <v>73162</v>
      </c>
      <c r="K180" s="6">
        <v>39894</v>
      </c>
      <c r="L180" s="6">
        <v>346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58</v>
      </c>
      <c r="E181" s="9" t="s">
        <v>227</v>
      </c>
      <c r="F181" s="9" t="s">
        <v>235</v>
      </c>
      <c r="G181" s="9" t="s">
        <v>30</v>
      </c>
      <c r="H181" s="6">
        <v>453492</v>
      </c>
      <c r="I181" s="6">
        <v>344862</v>
      </c>
      <c r="J181" s="6">
        <v>332794</v>
      </c>
      <c r="K181" s="6">
        <v>108343</v>
      </c>
      <c r="L181" s="6">
        <v>287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58</v>
      </c>
      <c r="E182" s="9" t="s">
        <v>227</v>
      </c>
      <c r="F182" s="9" t="s">
        <v>235</v>
      </c>
      <c r="G182" s="9" t="s">
        <v>236</v>
      </c>
      <c r="H182" s="6">
        <v>32995</v>
      </c>
      <c r="I182" s="6">
        <v>17392</v>
      </c>
      <c r="J182" s="6">
        <v>16904</v>
      </c>
      <c r="K182" s="6">
        <v>15588</v>
      </c>
      <c r="L182" s="6">
        <v>1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58</v>
      </c>
      <c r="E183" s="9" t="s">
        <v>227</v>
      </c>
      <c r="F183" s="9" t="s">
        <v>235</v>
      </c>
      <c r="G183" s="9" t="s">
        <v>237</v>
      </c>
      <c r="H183" s="6">
        <v>32155</v>
      </c>
      <c r="I183" s="6">
        <v>22954</v>
      </c>
      <c r="J183" s="6">
        <v>22271</v>
      </c>
      <c r="K183" s="6">
        <v>9201</v>
      </c>
      <c r="L183" s="10" t="s">
        <v>55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58</v>
      </c>
      <c r="E184" s="9" t="s">
        <v>227</v>
      </c>
      <c r="F184" s="9" t="s">
        <v>235</v>
      </c>
      <c r="G184" s="9" t="s">
        <v>238</v>
      </c>
      <c r="H184" s="6">
        <v>29032</v>
      </c>
      <c r="I184" s="6">
        <v>22207</v>
      </c>
      <c r="J184" s="6">
        <v>21600</v>
      </c>
      <c r="K184" s="6">
        <v>6807</v>
      </c>
      <c r="L184" s="6">
        <v>18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58</v>
      </c>
      <c r="E185" s="9" t="s">
        <v>227</v>
      </c>
      <c r="F185" s="9" t="s">
        <v>235</v>
      </c>
      <c r="G185" s="9" t="s">
        <v>239</v>
      </c>
      <c r="H185" s="6">
        <v>24184</v>
      </c>
      <c r="I185" s="6">
        <v>19146</v>
      </c>
      <c r="J185" s="6">
        <v>18454</v>
      </c>
      <c r="K185" s="6">
        <v>5038</v>
      </c>
      <c r="L185" s="10" t="s">
        <v>55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58</v>
      </c>
      <c r="E186" s="9" t="s">
        <v>227</v>
      </c>
      <c r="F186" s="9" t="s">
        <v>235</v>
      </c>
      <c r="G186" s="9" t="s">
        <v>240</v>
      </c>
      <c r="H186" s="6">
        <v>22116</v>
      </c>
      <c r="I186" s="6">
        <v>18044</v>
      </c>
      <c r="J186" s="6">
        <v>17474</v>
      </c>
      <c r="K186" s="6">
        <v>4055</v>
      </c>
      <c r="L186" s="6">
        <v>17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58</v>
      </c>
      <c r="E187" s="9" t="s">
        <v>227</v>
      </c>
      <c r="F187" s="9" t="s">
        <v>235</v>
      </c>
      <c r="G187" s="9" t="s">
        <v>241</v>
      </c>
      <c r="H187" s="6">
        <v>19986</v>
      </c>
      <c r="I187" s="6">
        <v>16171</v>
      </c>
      <c r="J187" s="6">
        <v>15596</v>
      </c>
      <c r="K187" s="6">
        <v>3810</v>
      </c>
      <c r="L187" s="6">
        <v>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58</v>
      </c>
      <c r="E188" s="9" t="s">
        <v>227</v>
      </c>
      <c r="F188" s="9" t="s">
        <v>235</v>
      </c>
      <c r="G188" s="9" t="s">
        <v>242</v>
      </c>
      <c r="H188" s="6">
        <v>18543</v>
      </c>
      <c r="I188" s="6">
        <v>15035</v>
      </c>
      <c r="J188" s="6">
        <v>14522</v>
      </c>
      <c r="K188" s="6">
        <v>3500</v>
      </c>
      <c r="L188" s="6">
        <v>8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58</v>
      </c>
      <c r="E189" s="9" t="s">
        <v>227</v>
      </c>
      <c r="F189" s="9" t="s">
        <v>235</v>
      </c>
      <c r="G189" s="9" t="s">
        <v>243</v>
      </c>
      <c r="H189" s="6">
        <v>18456</v>
      </c>
      <c r="I189" s="6">
        <v>15017</v>
      </c>
      <c r="J189" s="6">
        <v>14530</v>
      </c>
      <c r="K189" s="6">
        <v>3422</v>
      </c>
      <c r="L189" s="6">
        <v>17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58</v>
      </c>
      <c r="E190" s="9" t="s">
        <v>227</v>
      </c>
      <c r="F190" s="9" t="s">
        <v>235</v>
      </c>
      <c r="G190" s="9" t="s">
        <v>244</v>
      </c>
      <c r="H190" s="6">
        <v>17498</v>
      </c>
      <c r="I190" s="6">
        <v>14510</v>
      </c>
      <c r="J190" s="6">
        <v>14007</v>
      </c>
      <c r="K190" s="6">
        <v>2984</v>
      </c>
      <c r="L190" s="6">
        <v>4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58</v>
      </c>
      <c r="E191" s="9" t="s">
        <v>227</v>
      </c>
      <c r="F191" s="9" t="s">
        <v>235</v>
      </c>
      <c r="G191" s="9" t="s">
        <v>245</v>
      </c>
      <c r="H191" s="6">
        <v>16900</v>
      </c>
      <c r="I191" s="6">
        <v>14315</v>
      </c>
      <c r="J191" s="6">
        <v>13828</v>
      </c>
      <c r="K191" s="6">
        <v>2578</v>
      </c>
      <c r="L191" s="6">
        <v>7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58</v>
      </c>
      <c r="E192" s="9" t="s">
        <v>227</v>
      </c>
      <c r="F192" s="9" t="s">
        <v>235</v>
      </c>
      <c r="G192" s="9" t="s">
        <v>246</v>
      </c>
      <c r="H192" s="6">
        <v>16213</v>
      </c>
      <c r="I192" s="6">
        <v>13696</v>
      </c>
      <c r="J192" s="6">
        <v>13279</v>
      </c>
      <c r="K192" s="6">
        <v>2514</v>
      </c>
      <c r="L192" s="6">
        <v>3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58</v>
      </c>
      <c r="E193" s="9" t="s">
        <v>227</v>
      </c>
      <c r="F193" s="9" t="s">
        <v>235</v>
      </c>
      <c r="G193" s="9" t="s">
        <v>247</v>
      </c>
      <c r="H193" s="6">
        <v>15488</v>
      </c>
      <c r="I193" s="6">
        <v>13128</v>
      </c>
      <c r="J193" s="6">
        <v>12665</v>
      </c>
      <c r="K193" s="6">
        <v>2352</v>
      </c>
      <c r="L193" s="6">
        <v>8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58</v>
      </c>
      <c r="E194" s="9" t="s">
        <v>227</v>
      </c>
      <c r="F194" s="9" t="s">
        <v>235</v>
      </c>
      <c r="G194" s="9" t="s">
        <v>248</v>
      </c>
      <c r="H194" s="6">
        <v>15525</v>
      </c>
      <c r="I194" s="6">
        <v>13155</v>
      </c>
      <c r="J194" s="6">
        <v>12710</v>
      </c>
      <c r="K194" s="6">
        <v>2364</v>
      </c>
      <c r="L194" s="6">
        <v>6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58</v>
      </c>
      <c r="E195" s="9" t="s">
        <v>227</v>
      </c>
      <c r="F195" s="9" t="s">
        <v>235</v>
      </c>
      <c r="G195" s="9" t="s">
        <v>249</v>
      </c>
      <c r="H195" s="6">
        <v>14228</v>
      </c>
      <c r="I195" s="6">
        <v>12069</v>
      </c>
      <c r="J195" s="6">
        <v>11664</v>
      </c>
      <c r="K195" s="6">
        <v>2154</v>
      </c>
      <c r="L195" s="6">
        <v>5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58</v>
      </c>
      <c r="E196" s="9" t="s">
        <v>227</v>
      </c>
      <c r="F196" s="9" t="s">
        <v>235</v>
      </c>
      <c r="G196" s="9" t="s">
        <v>250</v>
      </c>
      <c r="H196" s="6">
        <v>13376</v>
      </c>
      <c r="I196" s="6">
        <v>11377</v>
      </c>
      <c r="J196" s="6">
        <v>11036</v>
      </c>
      <c r="K196" s="6">
        <v>1995</v>
      </c>
      <c r="L196" s="6">
        <v>4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58</v>
      </c>
      <c r="E197" s="9" t="s">
        <v>227</v>
      </c>
      <c r="F197" s="9" t="s">
        <v>235</v>
      </c>
      <c r="G197" s="9" t="s">
        <v>251</v>
      </c>
      <c r="H197" s="6">
        <v>12520</v>
      </c>
      <c r="I197" s="6">
        <v>10519</v>
      </c>
      <c r="J197" s="6">
        <v>10143</v>
      </c>
      <c r="K197" s="6">
        <v>2001</v>
      </c>
      <c r="L197" s="10" t="s">
        <v>55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58</v>
      </c>
      <c r="E198" s="9" t="s">
        <v>227</v>
      </c>
      <c r="F198" s="9" t="s">
        <v>235</v>
      </c>
      <c r="G198" s="9" t="s">
        <v>252</v>
      </c>
      <c r="H198" s="6">
        <v>12424</v>
      </c>
      <c r="I198" s="6">
        <v>10328</v>
      </c>
      <c r="J198" s="6">
        <v>9990</v>
      </c>
      <c r="K198" s="6">
        <v>2096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58</v>
      </c>
      <c r="E199" s="9" t="s">
        <v>227</v>
      </c>
      <c r="F199" s="9" t="s">
        <v>235</v>
      </c>
      <c r="G199" s="9" t="s">
        <v>253</v>
      </c>
      <c r="H199" s="6">
        <v>11680</v>
      </c>
      <c r="I199" s="6">
        <v>9526</v>
      </c>
      <c r="J199" s="6">
        <v>9259</v>
      </c>
      <c r="K199" s="6">
        <v>2150</v>
      </c>
      <c r="L199" s="6">
        <v>4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58</v>
      </c>
      <c r="E200" s="9" t="s">
        <v>227</v>
      </c>
      <c r="F200" s="9" t="s">
        <v>235</v>
      </c>
      <c r="G200" s="9" t="s">
        <v>254</v>
      </c>
      <c r="H200" s="6">
        <v>9606</v>
      </c>
      <c r="I200" s="6">
        <v>7984</v>
      </c>
      <c r="J200" s="6">
        <v>7744</v>
      </c>
      <c r="K200" s="6">
        <v>1619</v>
      </c>
      <c r="L200" s="6">
        <v>3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58</v>
      </c>
      <c r="E201" s="9" t="s">
        <v>227</v>
      </c>
      <c r="F201" s="9" t="s">
        <v>235</v>
      </c>
      <c r="G201" s="9" t="s">
        <v>255</v>
      </c>
      <c r="H201" s="6">
        <v>7836</v>
      </c>
      <c r="I201" s="6">
        <v>6270</v>
      </c>
      <c r="J201" s="6">
        <v>6032</v>
      </c>
      <c r="K201" s="6">
        <v>1556</v>
      </c>
      <c r="L201" s="6">
        <v>10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58</v>
      </c>
      <c r="E202" s="9" t="s">
        <v>227</v>
      </c>
      <c r="F202" s="9" t="s">
        <v>235</v>
      </c>
      <c r="G202" s="9" t="s">
        <v>256</v>
      </c>
      <c r="H202" s="6">
        <v>92731</v>
      </c>
      <c r="I202" s="6">
        <v>62019</v>
      </c>
      <c r="J202" s="6">
        <v>59086</v>
      </c>
      <c r="K202" s="6">
        <v>30559</v>
      </c>
      <c r="L202" s="6">
        <v>153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58</v>
      </c>
      <c r="E203" s="9" t="s">
        <v>228</v>
      </c>
      <c r="F203" s="9" t="s">
        <v>6</v>
      </c>
      <c r="G203" s="9" t="s">
        <v>30</v>
      </c>
      <c r="H203" s="6">
        <v>207493</v>
      </c>
      <c r="I203" s="6">
        <v>37797</v>
      </c>
      <c r="J203" s="6">
        <v>33760</v>
      </c>
      <c r="K203" s="6">
        <v>169272</v>
      </c>
      <c r="L203" s="6">
        <v>424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58</v>
      </c>
      <c r="E204" s="9" t="s">
        <v>228</v>
      </c>
      <c r="F204" s="9" t="s">
        <v>234</v>
      </c>
      <c r="G204" s="9" t="s">
        <v>30</v>
      </c>
      <c r="H204" s="6">
        <v>125300</v>
      </c>
      <c r="I204" s="6">
        <v>18860</v>
      </c>
      <c r="J204" s="6">
        <v>16806</v>
      </c>
      <c r="K204" s="6">
        <v>106126</v>
      </c>
      <c r="L204" s="6">
        <v>314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58</v>
      </c>
      <c r="E205" s="9" t="s">
        <v>228</v>
      </c>
      <c r="F205" s="9" t="s">
        <v>235</v>
      </c>
      <c r="G205" s="9" t="s">
        <v>30</v>
      </c>
      <c r="H205" s="6">
        <v>82193</v>
      </c>
      <c r="I205" s="6">
        <v>18937</v>
      </c>
      <c r="J205" s="6">
        <v>16954</v>
      </c>
      <c r="K205" s="6">
        <v>63146</v>
      </c>
      <c r="L205" s="6">
        <v>110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58</v>
      </c>
      <c r="E206" s="9" t="s">
        <v>228</v>
      </c>
      <c r="F206" s="9" t="s">
        <v>235</v>
      </c>
      <c r="G206" s="9" t="s">
        <v>236</v>
      </c>
      <c r="H206" s="6">
        <v>470</v>
      </c>
      <c r="I206" s="6">
        <v>181</v>
      </c>
      <c r="J206" s="6">
        <v>181</v>
      </c>
      <c r="K206" s="6">
        <v>282</v>
      </c>
      <c r="L206" s="6">
        <v>7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58</v>
      </c>
      <c r="E207" s="9" t="s">
        <v>228</v>
      </c>
      <c r="F207" s="9" t="s">
        <v>235</v>
      </c>
      <c r="G207" s="9" t="s">
        <v>237</v>
      </c>
      <c r="H207" s="6">
        <v>400</v>
      </c>
      <c r="I207" s="6">
        <v>203</v>
      </c>
      <c r="J207" s="6">
        <v>203</v>
      </c>
      <c r="K207" s="6">
        <v>197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58</v>
      </c>
      <c r="E208" s="9" t="s">
        <v>228</v>
      </c>
      <c r="F208" s="9" t="s">
        <v>235</v>
      </c>
      <c r="G208" s="9" t="s">
        <v>238</v>
      </c>
      <c r="H208" s="6">
        <v>317</v>
      </c>
      <c r="I208" s="6">
        <v>200</v>
      </c>
      <c r="J208" s="6">
        <v>191</v>
      </c>
      <c r="K208" s="6">
        <v>112</v>
      </c>
      <c r="L208" s="6">
        <v>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58</v>
      </c>
      <c r="E209" s="9" t="s">
        <v>228</v>
      </c>
      <c r="F209" s="9" t="s">
        <v>235</v>
      </c>
      <c r="G209" s="9" t="s">
        <v>239</v>
      </c>
      <c r="H209" s="6">
        <v>300</v>
      </c>
      <c r="I209" s="6">
        <v>224</v>
      </c>
      <c r="J209" s="6">
        <v>213</v>
      </c>
      <c r="K209" s="6">
        <v>76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58</v>
      </c>
      <c r="E210" s="9" t="s">
        <v>228</v>
      </c>
      <c r="F210" s="9" t="s">
        <v>235</v>
      </c>
      <c r="G210" s="9" t="s">
        <v>240</v>
      </c>
      <c r="H210" s="6">
        <v>273</v>
      </c>
      <c r="I210" s="6">
        <v>189</v>
      </c>
      <c r="J210" s="6">
        <v>174</v>
      </c>
      <c r="K210" s="6">
        <v>84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58</v>
      </c>
      <c r="E211" s="9" t="s">
        <v>228</v>
      </c>
      <c r="F211" s="9" t="s">
        <v>235</v>
      </c>
      <c r="G211" s="9" t="s">
        <v>241</v>
      </c>
      <c r="H211" s="6">
        <v>236</v>
      </c>
      <c r="I211" s="6">
        <v>135</v>
      </c>
      <c r="J211" s="6">
        <v>130</v>
      </c>
      <c r="K211" s="6">
        <v>101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58</v>
      </c>
      <c r="E212" s="9" t="s">
        <v>228</v>
      </c>
      <c r="F212" s="9" t="s">
        <v>235</v>
      </c>
      <c r="G212" s="9" t="s">
        <v>242</v>
      </c>
      <c r="H212" s="6">
        <v>295</v>
      </c>
      <c r="I212" s="6">
        <v>193</v>
      </c>
      <c r="J212" s="6">
        <v>174</v>
      </c>
      <c r="K212" s="6">
        <v>102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58</v>
      </c>
      <c r="E213" s="9" t="s">
        <v>228</v>
      </c>
      <c r="F213" s="9" t="s">
        <v>235</v>
      </c>
      <c r="G213" s="9" t="s">
        <v>243</v>
      </c>
      <c r="H213" s="6">
        <v>295</v>
      </c>
      <c r="I213" s="6">
        <v>216</v>
      </c>
      <c r="J213" s="6">
        <v>175</v>
      </c>
      <c r="K213" s="6">
        <v>70</v>
      </c>
      <c r="L213" s="6">
        <v>9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58</v>
      </c>
      <c r="E214" s="9" t="s">
        <v>228</v>
      </c>
      <c r="F214" s="9" t="s">
        <v>235</v>
      </c>
      <c r="G214" s="9" t="s">
        <v>244</v>
      </c>
      <c r="H214" s="6">
        <v>309</v>
      </c>
      <c r="I214" s="6">
        <v>213</v>
      </c>
      <c r="J214" s="6">
        <v>210</v>
      </c>
      <c r="K214" s="6">
        <v>96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58</v>
      </c>
      <c r="E215" s="9" t="s">
        <v>228</v>
      </c>
      <c r="F215" s="9" t="s">
        <v>235</v>
      </c>
      <c r="G215" s="9" t="s">
        <v>245</v>
      </c>
      <c r="H215" s="6">
        <v>270</v>
      </c>
      <c r="I215" s="6">
        <v>181</v>
      </c>
      <c r="J215" s="6">
        <v>174</v>
      </c>
      <c r="K215" s="6">
        <v>89</v>
      </c>
      <c r="L215" s="10" t="s">
        <v>55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58</v>
      </c>
      <c r="E216" s="9" t="s">
        <v>228</v>
      </c>
      <c r="F216" s="9" t="s">
        <v>235</v>
      </c>
      <c r="G216" s="9" t="s">
        <v>246</v>
      </c>
      <c r="H216" s="6">
        <v>278</v>
      </c>
      <c r="I216" s="6">
        <v>182</v>
      </c>
      <c r="J216" s="6">
        <v>175</v>
      </c>
      <c r="K216" s="6">
        <v>96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58</v>
      </c>
      <c r="E217" s="9" t="s">
        <v>228</v>
      </c>
      <c r="F217" s="9" t="s">
        <v>235</v>
      </c>
      <c r="G217" s="9" t="s">
        <v>247</v>
      </c>
      <c r="H217" s="6">
        <v>229</v>
      </c>
      <c r="I217" s="6">
        <v>189</v>
      </c>
      <c r="J217" s="6">
        <v>175</v>
      </c>
      <c r="K217" s="6">
        <v>40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58</v>
      </c>
      <c r="E218" s="9" t="s">
        <v>228</v>
      </c>
      <c r="F218" s="9" t="s">
        <v>235</v>
      </c>
      <c r="G218" s="9" t="s">
        <v>248</v>
      </c>
      <c r="H218" s="6">
        <v>346</v>
      </c>
      <c r="I218" s="6">
        <v>284</v>
      </c>
      <c r="J218" s="6">
        <v>272</v>
      </c>
      <c r="K218" s="6">
        <v>62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58</v>
      </c>
      <c r="E219" s="9" t="s">
        <v>228</v>
      </c>
      <c r="F219" s="9" t="s">
        <v>235</v>
      </c>
      <c r="G219" s="9" t="s">
        <v>249</v>
      </c>
      <c r="H219" s="6">
        <v>263</v>
      </c>
      <c r="I219" s="6">
        <v>202</v>
      </c>
      <c r="J219" s="6">
        <v>185</v>
      </c>
      <c r="K219" s="6">
        <v>61</v>
      </c>
      <c r="L219" s="10" t="s">
        <v>55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58</v>
      </c>
      <c r="E220" s="9" t="s">
        <v>228</v>
      </c>
      <c r="F220" s="9" t="s">
        <v>235</v>
      </c>
      <c r="G220" s="9" t="s">
        <v>250</v>
      </c>
      <c r="H220" s="6">
        <v>297</v>
      </c>
      <c r="I220" s="6">
        <v>250</v>
      </c>
      <c r="J220" s="6">
        <v>247</v>
      </c>
      <c r="K220" s="6">
        <v>47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58</v>
      </c>
      <c r="E221" s="9" t="s">
        <v>228</v>
      </c>
      <c r="F221" s="9" t="s">
        <v>235</v>
      </c>
      <c r="G221" s="9" t="s">
        <v>251</v>
      </c>
      <c r="H221" s="6">
        <v>319</v>
      </c>
      <c r="I221" s="6">
        <v>259</v>
      </c>
      <c r="J221" s="6">
        <v>255</v>
      </c>
      <c r="K221" s="6">
        <v>60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58</v>
      </c>
      <c r="E222" s="9" t="s">
        <v>228</v>
      </c>
      <c r="F222" s="9" t="s">
        <v>235</v>
      </c>
      <c r="G222" s="9" t="s">
        <v>252</v>
      </c>
      <c r="H222" s="6">
        <v>335</v>
      </c>
      <c r="I222" s="6">
        <v>272</v>
      </c>
      <c r="J222" s="6">
        <v>259</v>
      </c>
      <c r="K222" s="6">
        <v>63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58</v>
      </c>
      <c r="E223" s="9" t="s">
        <v>228</v>
      </c>
      <c r="F223" s="9" t="s">
        <v>235</v>
      </c>
      <c r="G223" s="9" t="s">
        <v>253</v>
      </c>
      <c r="H223" s="6">
        <v>353</v>
      </c>
      <c r="I223" s="6">
        <v>240</v>
      </c>
      <c r="J223" s="6">
        <v>222</v>
      </c>
      <c r="K223" s="6">
        <v>113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58</v>
      </c>
      <c r="E224" s="9" t="s">
        <v>228</v>
      </c>
      <c r="F224" s="9" t="s">
        <v>235</v>
      </c>
      <c r="G224" s="9" t="s">
        <v>254</v>
      </c>
      <c r="H224" s="6">
        <v>406</v>
      </c>
      <c r="I224" s="6">
        <v>297</v>
      </c>
      <c r="J224" s="6">
        <v>297</v>
      </c>
      <c r="K224" s="6">
        <v>109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58</v>
      </c>
      <c r="E225" s="9" t="s">
        <v>228</v>
      </c>
      <c r="F225" s="9" t="s">
        <v>235</v>
      </c>
      <c r="G225" s="9" t="s">
        <v>255</v>
      </c>
      <c r="H225" s="6">
        <v>375</v>
      </c>
      <c r="I225" s="6">
        <v>276</v>
      </c>
      <c r="J225" s="6">
        <v>269</v>
      </c>
      <c r="K225" s="6">
        <v>99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58</v>
      </c>
      <c r="E226" s="9" t="s">
        <v>228</v>
      </c>
      <c r="F226" s="9" t="s">
        <v>235</v>
      </c>
      <c r="G226" s="9" t="s">
        <v>256</v>
      </c>
      <c r="H226" s="6">
        <v>75827</v>
      </c>
      <c r="I226" s="6">
        <v>14551</v>
      </c>
      <c r="J226" s="6">
        <v>12773</v>
      </c>
      <c r="K226" s="6">
        <v>61187</v>
      </c>
      <c r="L226" s="6">
        <v>89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58</v>
      </c>
      <c r="E227" s="9" t="s">
        <v>18</v>
      </c>
      <c r="F227" s="9" t="s">
        <v>6</v>
      </c>
      <c r="G227" s="9" t="s">
        <v>30</v>
      </c>
      <c r="H227" s="6">
        <v>51752</v>
      </c>
      <c r="I227" s="6">
        <v>772</v>
      </c>
      <c r="J227" s="6">
        <v>576</v>
      </c>
      <c r="K227" s="6">
        <v>585</v>
      </c>
      <c r="L227" s="6">
        <v>50395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58</v>
      </c>
      <c r="E228" s="9" t="s">
        <v>18</v>
      </c>
      <c r="F228" s="9" t="s">
        <v>234</v>
      </c>
      <c r="G228" s="9" t="s">
        <v>30</v>
      </c>
      <c r="H228" s="6">
        <v>13958</v>
      </c>
      <c r="I228" s="6">
        <v>398</v>
      </c>
      <c r="J228" s="6">
        <v>298</v>
      </c>
      <c r="K228" s="6">
        <v>330</v>
      </c>
      <c r="L228" s="6">
        <v>13230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58</v>
      </c>
      <c r="E229" s="9" t="s">
        <v>18</v>
      </c>
      <c r="F229" s="9" t="s">
        <v>235</v>
      </c>
      <c r="G229" s="9" t="s">
        <v>30</v>
      </c>
      <c r="H229" s="6">
        <v>37794</v>
      </c>
      <c r="I229" s="6">
        <v>374</v>
      </c>
      <c r="J229" s="6">
        <v>278</v>
      </c>
      <c r="K229" s="6">
        <v>255</v>
      </c>
      <c r="L229" s="6">
        <v>37165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58</v>
      </c>
      <c r="E230" s="9" t="s">
        <v>18</v>
      </c>
      <c r="F230" s="9" t="s">
        <v>235</v>
      </c>
      <c r="G230" s="9" t="s">
        <v>236</v>
      </c>
      <c r="H230" s="6">
        <v>3271</v>
      </c>
      <c r="I230" s="10" t="s">
        <v>55</v>
      </c>
      <c r="J230" s="10" t="s">
        <v>55</v>
      </c>
      <c r="K230" s="10" t="s">
        <v>55</v>
      </c>
      <c r="L230" s="6">
        <v>3271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58</v>
      </c>
      <c r="E231" s="9" t="s">
        <v>18</v>
      </c>
      <c r="F231" s="9" t="s">
        <v>235</v>
      </c>
      <c r="G231" s="9" t="s">
        <v>237</v>
      </c>
      <c r="H231" s="6">
        <v>3562</v>
      </c>
      <c r="I231" s="6">
        <v>14</v>
      </c>
      <c r="J231" s="6">
        <v>11</v>
      </c>
      <c r="K231" s="10" t="s">
        <v>55</v>
      </c>
      <c r="L231" s="6">
        <v>3548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58</v>
      </c>
      <c r="E232" s="9" t="s">
        <v>18</v>
      </c>
      <c r="F232" s="9" t="s">
        <v>235</v>
      </c>
      <c r="G232" s="9" t="s">
        <v>238</v>
      </c>
      <c r="H232" s="6">
        <v>2830</v>
      </c>
      <c r="I232" s="6">
        <v>9</v>
      </c>
      <c r="J232" s="6">
        <v>9</v>
      </c>
      <c r="K232" s="6">
        <v>10</v>
      </c>
      <c r="L232" s="6">
        <v>2811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58</v>
      </c>
      <c r="E233" s="9" t="s">
        <v>18</v>
      </c>
      <c r="F233" s="9" t="s">
        <v>235</v>
      </c>
      <c r="G233" s="9" t="s">
        <v>239</v>
      </c>
      <c r="H233" s="6">
        <v>2257</v>
      </c>
      <c r="I233" s="10" t="s">
        <v>55</v>
      </c>
      <c r="J233" s="10" t="s">
        <v>55</v>
      </c>
      <c r="K233" s="10" t="s">
        <v>55</v>
      </c>
      <c r="L233" s="6">
        <v>2257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58</v>
      </c>
      <c r="E234" s="9" t="s">
        <v>18</v>
      </c>
      <c r="F234" s="9" t="s">
        <v>235</v>
      </c>
      <c r="G234" s="9" t="s">
        <v>240</v>
      </c>
      <c r="H234" s="6">
        <v>1894</v>
      </c>
      <c r="I234" s="6">
        <v>10</v>
      </c>
      <c r="J234" s="6">
        <v>5</v>
      </c>
      <c r="K234" s="10" t="s">
        <v>55</v>
      </c>
      <c r="L234" s="6">
        <v>1884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58</v>
      </c>
      <c r="E235" s="9" t="s">
        <v>18</v>
      </c>
      <c r="F235" s="9" t="s">
        <v>235</v>
      </c>
      <c r="G235" s="9" t="s">
        <v>241</v>
      </c>
      <c r="H235" s="6">
        <v>1729</v>
      </c>
      <c r="I235" s="6">
        <v>3</v>
      </c>
      <c r="J235" s="10" t="s">
        <v>55</v>
      </c>
      <c r="K235" s="10" t="s">
        <v>55</v>
      </c>
      <c r="L235" s="6">
        <v>1726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58</v>
      </c>
      <c r="E236" s="9" t="s">
        <v>18</v>
      </c>
      <c r="F236" s="9" t="s">
        <v>235</v>
      </c>
      <c r="G236" s="9" t="s">
        <v>242</v>
      </c>
      <c r="H236" s="6">
        <v>1676</v>
      </c>
      <c r="I236" s="6">
        <v>14</v>
      </c>
      <c r="J236" s="6">
        <v>14</v>
      </c>
      <c r="K236" s="10" t="s">
        <v>55</v>
      </c>
      <c r="L236" s="6">
        <v>1662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58</v>
      </c>
      <c r="E237" s="9" t="s">
        <v>18</v>
      </c>
      <c r="F237" s="9" t="s">
        <v>235</v>
      </c>
      <c r="G237" s="9" t="s">
        <v>243</v>
      </c>
      <c r="H237" s="6">
        <v>1560</v>
      </c>
      <c r="I237" s="6">
        <v>15</v>
      </c>
      <c r="J237" s="6">
        <v>15</v>
      </c>
      <c r="K237" s="10" t="s">
        <v>55</v>
      </c>
      <c r="L237" s="6">
        <v>1545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58</v>
      </c>
      <c r="E238" s="9" t="s">
        <v>18</v>
      </c>
      <c r="F238" s="9" t="s">
        <v>235</v>
      </c>
      <c r="G238" s="9" t="s">
        <v>244</v>
      </c>
      <c r="H238" s="6">
        <v>1370</v>
      </c>
      <c r="I238" s="10" t="s">
        <v>55</v>
      </c>
      <c r="J238" s="10" t="s">
        <v>55</v>
      </c>
      <c r="K238" s="10" t="s">
        <v>55</v>
      </c>
      <c r="L238" s="6">
        <v>1370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58</v>
      </c>
      <c r="E239" s="9" t="s">
        <v>18</v>
      </c>
      <c r="F239" s="9" t="s">
        <v>235</v>
      </c>
      <c r="G239" s="9" t="s">
        <v>245</v>
      </c>
      <c r="H239" s="6">
        <v>1310</v>
      </c>
      <c r="I239" s="6">
        <v>14</v>
      </c>
      <c r="J239" s="6">
        <v>14</v>
      </c>
      <c r="K239" s="6">
        <v>5</v>
      </c>
      <c r="L239" s="6">
        <v>1291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58</v>
      </c>
      <c r="E240" s="9" t="s">
        <v>18</v>
      </c>
      <c r="F240" s="9" t="s">
        <v>235</v>
      </c>
      <c r="G240" s="9" t="s">
        <v>246</v>
      </c>
      <c r="H240" s="6">
        <v>1220</v>
      </c>
      <c r="I240" s="6">
        <v>19</v>
      </c>
      <c r="J240" s="6">
        <v>14</v>
      </c>
      <c r="K240" s="6">
        <v>5</v>
      </c>
      <c r="L240" s="6">
        <v>1196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58</v>
      </c>
      <c r="E241" s="9" t="s">
        <v>18</v>
      </c>
      <c r="F241" s="9" t="s">
        <v>235</v>
      </c>
      <c r="G241" s="9" t="s">
        <v>247</v>
      </c>
      <c r="H241" s="6">
        <v>1230</v>
      </c>
      <c r="I241" s="10" t="s">
        <v>55</v>
      </c>
      <c r="J241" s="10" t="s">
        <v>55</v>
      </c>
      <c r="K241" s="10" t="s">
        <v>55</v>
      </c>
      <c r="L241" s="6">
        <v>1230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58</v>
      </c>
      <c r="E242" s="9" t="s">
        <v>18</v>
      </c>
      <c r="F242" s="9" t="s">
        <v>235</v>
      </c>
      <c r="G242" s="9" t="s">
        <v>248</v>
      </c>
      <c r="H242" s="6">
        <v>1143</v>
      </c>
      <c r="I242" s="6">
        <v>8</v>
      </c>
      <c r="J242" s="6">
        <v>4</v>
      </c>
      <c r="K242" s="10" t="s">
        <v>55</v>
      </c>
      <c r="L242" s="6">
        <v>1135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58</v>
      </c>
      <c r="E243" s="9" t="s">
        <v>18</v>
      </c>
      <c r="F243" s="9" t="s">
        <v>235</v>
      </c>
      <c r="G243" s="9" t="s">
        <v>249</v>
      </c>
      <c r="H243" s="6">
        <v>1216</v>
      </c>
      <c r="I243" s="6">
        <v>5</v>
      </c>
      <c r="J243" s="6">
        <v>5</v>
      </c>
      <c r="K243" s="6">
        <v>8</v>
      </c>
      <c r="L243" s="6">
        <v>1203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58</v>
      </c>
      <c r="E244" s="9" t="s">
        <v>18</v>
      </c>
      <c r="F244" s="9" t="s">
        <v>235</v>
      </c>
      <c r="G244" s="9" t="s">
        <v>250</v>
      </c>
      <c r="H244" s="6">
        <v>865</v>
      </c>
      <c r="I244" s="6">
        <v>18</v>
      </c>
      <c r="J244" s="6">
        <v>18</v>
      </c>
      <c r="K244" s="10" t="s">
        <v>55</v>
      </c>
      <c r="L244" s="6">
        <v>847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58</v>
      </c>
      <c r="E245" s="9" t="s">
        <v>18</v>
      </c>
      <c r="F245" s="9" t="s">
        <v>235</v>
      </c>
      <c r="G245" s="9" t="s">
        <v>251</v>
      </c>
      <c r="H245" s="6">
        <v>836</v>
      </c>
      <c r="I245" s="10" t="s">
        <v>55</v>
      </c>
      <c r="J245" s="10" t="s">
        <v>55</v>
      </c>
      <c r="K245" s="6">
        <v>3</v>
      </c>
      <c r="L245" s="6">
        <v>833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58</v>
      </c>
      <c r="E246" s="9" t="s">
        <v>18</v>
      </c>
      <c r="F246" s="9" t="s">
        <v>235</v>
      </c>
      <c r="G246" s="9" t="s">
        <v>252</v>
      </c>
      <c r="H246" s="6">
        <v>844</v>
      </c>
      <c r="I246" s="6">
        <v>8</v>
      </c>
      <c r="J246" s="6">
        <v>8</v>
      </c>
      <c r="K246" s="10" t="s">
        <v>55</v>
      </c>
      <c r="L246" s="6">
        <v>836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58</v>
      </c>
      <c r="E247" s="9" t="s">
        <v>18</v>
      </c>
      <c r="F247" s="9" t="s">
        <v>235</v>
      </c>
      <c r="G247" s="9" t="s">
        <v>253</v>
      </c>
      <c r="H247" s="6">
        <v>775</v>
      </c>
      <c r="I247" s="6">
        <v>9</v>
      </c>
      <c r="J247" s="6">
        <v>9</v>
      </c>
      <c r="K247" s="6">
        <v>3</v>
      </c>
      <c r="L247" s="6">
        <v>763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58</v>
      </c>
      <c r="E248" s="9" t="s">
        <v>18</v>
      </c>
      <c r="F248" s="9" t="s">
        <v>235</v>
      </c>
      <c r="G248" s="9" t="s">
        <v>254</v>
      </c>
      <c r="H248" s="6">
        <v>631</v>
      </c>
      <c r="I248" s="6">
        <v>3</v>
      </c>
      <c r="J248" s="6">
        <v>3</v>
      </c>
      <c r="K248" s="10" t="s">
        <v>55</v>
      </c>
      <c r="L248" s="6">
        <v>628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58</v>
      </c>
      <c r="E249" s="9" t="s">
        <v>18</v>
      </c>
      <c r="F249" s="9" t="s">
        <v>235</v>
      </c>
      <c r="G249" s="9" t="s">
        <v>255</v>
      </c>
      <c r="H249" s="6">
        <v>488</v>
      </c>
      <c r="I249" s="6">
        <v>7</v>
      </c>
      <c r="J249" s="6">
        <v>7</v>
      </c>
      <c r="K249" s="10" t="s">
        <v>55</v>
      </c>
      <c r="L249" s="6">
        <v>481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58</v>
      </c>
      <c r="E250" s="9" t="s">
        <v>18</v>
      </c>
      <c r="F250" s="9" t="s">
        <v>235</v>
      </c>
      <c r="G250" s="9" t="s">
        <v>256</v>
      </c>
      <c r="H250" s="6">
        <v>7087</v>
      </c>
      <c r="I250" s="6">
        <v>218</v>
      </c>
      <c r="J250" s="6">
        <v>142</v>
      </c>
      <c r="K250" s="6">
        <v>221</v>
      </c>
      <c r="L250" s="6">
        <v>6648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58</v>
      </c>
      <c r="E251" s="9" t="s">
        <v>6</v>
      </c>
      <c r="F251" s="9" t="s">
        <v>6</v>
      </c>
      <c r="G251" s="9" t="s">
        <v>30</v>
      </c>
      <c r="H251" s="6">
        <v>60000</v>
      </c>
      <c r="I251" s="6">
        <v>33671</v>
      </c>
      <c r="J251" s="6">
        <v>29052</v>
      </c>
      <c r="K251" s="6">
        <v>23403</v>
      </c>
      <c r="L251" s="6">
        <v>2926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58</v>
      </c>
      <c r="E252" s="9" t="s">
        <v>6</v>
      </c>
      <c r="F252" s="9" t="s">
        <v>234</v>
      </c>
      <c r="G252" s="9" t="s">
        <v>30</v>
      </c>
      <c r="H252" s="6">
        <v>20490</v>
      </c>
      <c r="I252" s="6">
        <v>8252</v>
      </c>
      <c r="J252" s="6">
        <v>6452</v>
      </c>
      <c r="K252" s="6">
        <v>11730</v>
      </c>
      <c r="L252" s="6">
        <v>508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58</v>
      </c>
      <c r="E253" s="9" t="s">
        <v>6</v>
      </c>
      <c r="F253" s="9" t="s">
        <v>235</v>
      </c>
      <c r="G253" s="9" t="s">
        <v>30</v>
      </c>
      <c r="H253" s="6">
        <v>39510</v>
      </c>
      <c r="I253" s="6">
        <v>25419</v>
      </c>
      <c r="J253" s="6">
        <v>22600</v>
      </c>
      <c r="K253" s="6">
        <v>11673</v>
      </c>
      <c r="L253" s="6">
        <v>2418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58</v>
      </c>
      <c r="E254" s="9" t="s">
        <v>6</v>
      </c>
      <c r="F254" s="9" t="s">
        <v>235</v>
      </c>
      <c r="G254" s="9" t="s">
        <v>236</v>
      </c>
      <c r="H254" s="6">
        <v>2319</v>
      </c>
      <c r="I254" s="6">
        <v>1080</v>
      </c>
      <c r="J254" s="6">
        <v>1039</v>
      </c>
      <c r="K254" s="6">
        <v>1014</v>
      </c>
      <c r="L254" s="6">
        <v>225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58</v>
      </c>
      <c r="E255" s="9" t="s">
        <v>6</v>
      </c>
      <c r="F255" s="9" t="s">
        <v>235</v>
      </c>
      <c r="G255" s="9" t="s">
        <v>237</v>
      </c>
      <c r="H255" s="6">
        <v>2097</v>
      </c>
      <c r="I255" s="6">
        <v>1442</v>
      </c>
      <c r="J255" s="6">
        <v>1378</v>
      </c>
      <c r="K255" s="6">
        <v>407</v>
      </c>
      <c r="L255" s="6">
        <v>248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58</v>
      </c>
      <c r="E256" s="9" t="s">
        <v>6</v>
      </c>
      <c r="F256" s="9" t="s">
        <v>235</v>
      </c>
      <c r="G256" s="9" t="s">
        <v>238</v>
      </c>
      <c r="H256" s="6">
        <v>1863</v>
      </c>
      <c r="I256" s="6">
        <v>1370</v>
      </c>
      <c r="J256" s="6">
        <v>1274</v>
      </c>
      <c r="K256" s="6">
        <v>310</v>
      </c>
      <c r="L256" s="6">
        <v>183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58</v>
      </c>
      <c r="E257" s="9" t="s">
        <v>6</v>
      </c>
      <c r="F257" s="9" t="s">
        <v>235</v>
      </c>
      <c r="G257" s="9" t="s">
        <v>239</v>
      </c>
      <c r="H257" s="6">
        <v>1605</v>
      </c>
      <c r="I257" s="6">
        <v>1289</v>
      </c>
      <c r="J257" s="6">
        <v>1215</v>
      </c>
      <c r="K257" s="6">
        <v>167</v>
      </c>
      <c r="L257" s="6">
        <v>149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58</v>
      </c>
      <c r="E258" s="9" t="s">
        <v>6</v>
      </c>
      <c r="F258" s="9" t="s">
        <v>235</v>
      </c>
      <c r="G258" s="9" t="s">
        <v>240</v>
      </c>
      <c r="H258" s="6">
        <v>1601</v>
      </c>
      <c r="I258" s="6">
        <v>1301</v>
      </c>
      <c r="J258" s="6">
        <v>1218</v>
      </c>
      <c r="K258" s="6">
        <v>161</v>
      </c>
      <c r="L258" s="6">
        <v>139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58</v>
      </c>
      <c r="E259" s="9" t="s">
        <v>6</v>
      </c>
      <c r="F259" s="9" t="s">
        <v>235</v>
      </c>
      <c r="G259" s="9" t="s">
        <v>241</v>
      </c>
      <c r="H259" s="6">
        <v>1391</v>
      </c>
      <c r="I259" s="6">
        <v>1064</v>
      </c>
      <c r="J259" s="6">
        <v>983</v>
      </c>
      <c r="K259" s="6">
        <v>203</v>
      </c>
      <c r="L259" s="6">
        <v>124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58</v>
      </c>
      <c r="E260" s="9" t="s">
        <v>6</v>
      </c>
      <c r="F260" s="9" t="s">
        <v>235</v>
      </c>
      <c r="G260" s="9" t="s">
        <v>242</v>
      </c>
      <c r="H260" s="6">
        <v>1394</v>
      </c>
      <c r="I260" s="6">
        <v>1119</v>
      </c>
      <c r="J260" s="6">
        <v>1070</v>
      </c>
      <c r="K260" s="6">
        <v>161</v>
      </c>
      <c r="L260" s="6">
        <v>114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58</v>
      </c>
      <c r="E261" s="9" t="s">
        <v>6</v>
      </c>
      <c r="F261" s="9" t="s">
        <v>235</v>
      </c>
      <c r="G261" s="9" t="s">
        <v>243</v>
      </c>
      <c r="H261" s="6">
        <v>1222</v>
      </c>
      <c r="I261" s="6">
        <v>957</v>
      </c>
      <c r="J261" s="6">
        <v>884</v>
      </c>
      <c r="K261" s="6">
        <v>160</v>
      </c>
      <c r="L261" s="6">
        <v>10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58</v>
      </c>
      <c r="E262" s="9" t="s">
        <v>6</v>
      </c>
      <c r="F262" s="9" t="s">
        <v>235</v>
      </c>
      <c r="G262" s="9" t="s">
        <v>244</v>
      </c>
      <c r="H262" s="6">
        <v>1246</v>
      </c>
      <c r="I262" s="6">
        <v>947</v>
      </c>
      <c r="J262" s="6">
        <v>877</v>
      </c>
      <c r="K262" s="6">
        <v>206</v>
      </c>
      <c r="L262" s="6">
        <v>93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58</v>
      </c>
      <c r="E263" s="9" t="s">
        <v>6</v>
      </c>
      <c r="F263" s="9" t="s">
        <v>235</v>
      </c>
      <c r="G263" s="9" t="s">
        <v>245</v>
      </c>
      <c r="H263" s="6">
        <v>1139</v>
      </c>
      <c r="I263" s="6">
        <v>899</v>
      </c>
      <c r="J263" s="6">
        <v>859</v>
      </c>
      <c r="K263" s="6">
        <v>144</v>
      </c>
      <c r="L263" s="6">
        <v>96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58</v>
      </c>
      <c r="E264" s="9" t="s">
        <v>6</v>
      </c>
      <c r="F264" s="9" t="s">
        <v>235</v>
      </c>
      <c r="G264" s="9" t="s">
        <v>246</v>
      </c>
      <c r="H264" s="6">
        <v>965</v>
      </c>
      <c r="I264" s="6">
        <v>774</v>
      </c>
      <c r="J264" s="6">
        <v>715</v>
      </c>
      <c r="K264" s="6">
        <v>146</v>
      </c>
      <c r="L264" s="6">
        <v>45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58</v>
      </c>
      <c r="E265" s="9" t="s">
        <v>6</v>
      </c>
      <c r="F265" s="9" t="s">
        <v>235</v>
      </c>
      <c r="G265" s="9" t="s">
        <v>247</v>
      </c>
      <c r="H265" s="6">
        <v>970</v>
      </c>
      <c r="I265" s="6">
        <v>804</v>
      </c>
      <c r="J265" s="6">
        <v>755</v>
      </c>
      <c r="K265" s="6">
        <v>89</v>
      </c>
      <c r="L265" s="6">
        <v>77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58</v>
      </c>
      <c r="E266" s="9" t="s">
        <v>6</v>
      </c>
      <c r="F266" s="9" t="s">
        <v>235</v>
      </c>
      <c r="G266" s="9" t="s">
        <v>248</v>
      </c>
      <c r="H266" s="6">
        <v>1104</v>
      </c>
      <c r="I266" s="6">
        <v>863</v>
      </c>
      <c r="J266" s="6">
        <v>810</v>
      </c>
      <c r="K266" s="6">
        <v>180</v>
      </c>
      <c r="L266" s="6">
        <v>61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58</v>
      </c>
      <c r="E267" s="9" t="s">
        <v>6</v>
      </c>
      <c r="F267" s="9" t="s">
        <v>235</v>
      </c>
      <c r="G267" s="9" t="s">
        <v>249</v>
      </c>
      <c r="H267" s="6">
        <v>1006</v>
      </c>
      <c r="I267" s="6">
        <v>808</v>
      </c>
      <c r="J267" s="6">
        <v>781</v>
      </c>
      <c r="K267" s="6">
        <v>131</v>
      </c>
      <c r="L267" s="6">
        <v>67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58</v>
      </c>
      <c r="E268" s="9" t="s">
        <v>6</v>
      </c>
      <c r="F268" s="9" t="s">
        <v>235</v>
      </c>
      <c r="G268" s="9" t="s">
        <v>250</v>
      </c>
      <c r="H268" s="6">
        <v>959</v>
      </c>
      <c r="I268" s="6">
        <v>756</v>
      </c>
      <c r="J268" s="6">
        <v>725</v>
      </c>
      <c r="K268" s="6">
        <v>121</v>
      </c>
      <c r="L268" s="6">
        <v>82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58</v>
      </c>
      <c r="E269" s="9" t="s">
        <v>6</v>
      </c>
      <c r="F269" s="9" t="s">
        <v>235</v>
      </c>
      <c r="G269" s="9" t="s">
        <v>251</v>
      </c>
      <c r="H269" s="6">
        <v>871</v>
      </c>
      <c r="I269" s="6">
        <v>703</v>
      </c>
      <c r="J269" s="6">
        <v>661</v>
      </c>
      <c r="K269" s="6">
        <v>114</v>
      </c>
      <c r="L269" s="6">
        <v>54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58</v>
      </c>
      <c r="E270" s="9" t="s">
        <v>6</v>
      </c>
      <c r="F270" s="9" t="s">
        <v>235</v>
      </c>
      <c r="G270" s="9" t="s">
        <v>252</v>
      </c>
      <c r="H270" s="6">
        <v>814</v>
      </c>
      <c r="I270" s="6">
        <v>625</v>
      </c>
      <c r="J270" s="6">
        <v>597</v>
      </c>
      <c r="K270" s="6">
        <v>128</v>
      </c>
      <c r="L270" s="6">
        <v>61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58</v>
      </c>
      <c r="E271" s="9" t="s">
        <v>6</v>
      </c>
      <c r="F271" s="9" t="s">
        <v>235</v>
      </c>
      <c r="G271" s="9" t="s">
        <v>253</v>
      </c>
      <c r="H271" s="6">
        <v>826</v>
      </c>
      <c r="I271" s="6">
        <v>667</v>
      </c>
      <c r="J271" s="6">
        <v>637</v>
      </c>
      <c r="K271" s="6">
        <v>128</v>
      </c>
      <c r="L271" s="6">
        <v>31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58</v>
      </c>
      <c r="E272" s="9" t="s">
        <v>6</v>
      </c>
      <c r="F272" s="9" t="s">
        <v>235</v>
      </c>
      <c r="G272" s="9" t="s">
        <v>254</v>
      </c>
      <c r="H272" s="6">
        <v>637</v>
      </c>
      <c r="I272" s="6">
        <v>496</v>
      </c>
      <c r="J272" s="6">
        <v>481</v>
      </c>
      <c r="K272" s="6">
        <v>92</v>
      </c>
      <c r="L272" s="6">
        <v>49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58</v>
      </c>
      <c r="E273" s="9" t="s">
        <v>6</v>
      </c>
      <c r="F273" s="9" t="s">
        <v>235</v>
      </c>
      <c r="G273" s="9" t="s">
        <v>255</v>
      </c>
      <c r="H273" s="6">
        <v>649</v>
      </c>
      <c r="I273" s="6">
        <v>531</v>
      </c>
      <c r="J273" s="6">
        <v>474</v>
      </c>
      <c r="K273" s="6">
        <v>86</v>
      </c>
      <c r="L273" s="6">
        <v>32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58</v>
      </c>
      <c r="E274" s="9" t="s">
        <v>6</v>
      </c>
      <c r="F274" s="9" t="s">
        <v>235</v>
      </c>
      <c r="G274" s="9" t="s">
        <v>256</v>
      </c>
      <c r="H274" s="6">
        <v>14832</v>
      </c>
      <c r="I274" s="6">
        <v>6924</v>
      </c>
      <c r="J274" s="6">
        <v>5167</v>
      </c>
      <c r="K274" s="6">
        <v>7525</v>
      </c>
      <c r="L274" s="6">
        <v>383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58</v>
      </c>
      <c r="E275" s="9" t="s">
        <v>226</v>
      </c>
      <c r="F275" s="9" t="s">
        <v>6</v>
      </c>
      <c r="G275" s="9" t="s">
        <v>30</v>
      </c>
      <c r="H275" s="6">
        <v>40442</v>
      </c>
      <c r="I275" s="6">
        <v>30757</v>
      </c>
      <c r="J275" s="6">
        <v>26446</v>
      </c>
      <c r="K275" s="6">
        <v>9672</v>
      </c>
      <c r="L275" s="6">
        <v>13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58</v>
      </c>
      <c r="E276" s="9" t="s">
        <v>226</v>
      </c>
      <c r="F276" s="9" t="s">
        <v>234</v>
      </c>
      <c r="G276" s="9" t="s">
        <v>30</v>
      </c>
      <c r="H276" s="6">
        <v>10008</v>
      </c>
      <c r="I276" s="6">
        <v>6814</v>
      </c>
      <c r="J276" s="6">
        <v>5144</v>
      </c>
      <c r="K276" s="6">
        <v>3184</v>
      </c>
      <c r="L276" s="6">
        <v>10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58</v>
      </c>
      <c r="E277" s="9" t="s">
        <v>226</v>
      </c>
      <c r="F277" s="9" t="s">
        <v>235</v>
      </c>
      <c r="G277" s="9" t="s">
        <v>30</v>
      </c>
      <c r="H277" s="6">
        <v>30434</v>
      </c>
      <c r="I277" s="6">
        <v>23943</v>
      </c>
      <c r="J277" s="6">
        <v>21302</v>
      </c>
      <c r="K277" s="6">
        <v>6488</v>
      </c>
      <c r="L277" s="6">
        <v>3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58</v>
      </c>
      <c r="E278" s="9" t="s">
        <v>226</v>
      </c>
      <c r="F278" s="9" t="s">
        <v>235</v>
      </c>
      <c r="G278" s="9" t="s">
        <v>236</v>
      </c>
      <c r="H278" s="6">
        <v>2059</v>
      </c>
      <c r="I278" s="6">
        <v>1076</v>
      </c>
      <c r="J278" s="6">
        <v>1035</v>
      </c>
      <c r="K278" s="6">
        <v>983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58</v>
      </c>
      <c r="E279" s="9" t="s">
        <v>226</v>
      </c>
      <c r="F279" s="9" t="s">
        <v>235</v>
      </c>
      <c r="G279" s="9" t="s">
        <v>237</v>
      </c>
      <c r="H279" s="6">
        <v>1834</v>
      </c>
      <c r="I279" s="6">
        <v>1430</v>
      </c>
      <c r="J279" s="6">
        <v>1366</v>
      </c>
      <c r="K279" s="6">
        <v>404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58</v>
      </c>
      <c r="E280" s="9" t="s">
        <v>226</v>
      </c>
      <c r="F280" s="9" t="s">
        <v>235</v>
      </c>
      <c r="G280" s="9" t="s">
        <v>238</v>
      </c>
      <c r="H280" s="6">
        <v>1665</v>
      </c>
      <c r="I280" s="6">
        <v>1359</v>
      </c>
      <c r="J280" s="6">
        <v>1263</v>
      </c>
      <c r="K280" s="6">
        <v>306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58</v>
      </c>
      <c r="E281" s="9" t="s">
        <v>226</v>
      </c>
      <c r="F281" s="9" t="s">
        <v>235</v>
      </c>
      <c r="G281" s="9" t="s">
        <v>239</v>
      </c>
      <c r="H281" s="6">
        <v>1443</v>
      </c>
      <c r="I281" s="6">
        <v>1276</v>
      </c>
      <c r="J281" s="6">
        <v>1205</v>
      </c>
      <c r="K281" s="6">
        <v>167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58</v>
      </c>
      <c r="E282" s="9" t="s">
        <v>226</v>
      </c>
      <c r="F282" s="9" t="s">
        <v>235</v>
      </c>
      <c r="G282" s="9" t="s">
        <v>240</v>
      </c>
      <c r="H282" s="6">
        <v>1451</v>
      </c>
      <c r="I282" s="6">
        <v>1290</v>
      </c>
      <c r="J282" s="6">
        <v>1207</v>
      </c>
      <c r="K282" s="6">
        <v>161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58</v>
      </c>
      <c r="E283" s="9" t="s">
        <v>226</v>
      </c>
      <c r="F283" s="9" t="s">
        <v>235</v>
      </c>
      <c r="G283" s="9" t="s">
        <v>241</v>
      </c>
      <c r="H283" s="6">
        <v>1238</v>
      </c>
      <c r="I283" s="6">
        <v>1035</v>
      </c>
      <c r="J283" s="6">
        <v>954</v>
      </c>
      <c r="K283" s="6">
        <v>203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58</v>
      </c>
      <c r="E284" s="9" t="s">
        <v>226</v>
      </c>
      <c r="F284" s="9" t="s">
        <v>235</v>
      </c>
      <c r="G284" s="9" t="s">
        <v>242</v>
      </c>
      <c r="H284" s="6">
        <v>1244</v>
      </c>
      <c r="I284" s="6">
        <v>1092</v>
      </c>
      <c r="J284" s="6">
        <v>1043</v>
      </c>
      <c r="K284" s="6">
        <v>152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58</v>
      </c>
      <c r="E285" s="9" t="s">
        <v>226</v>
      </c>
      <c r="F285" s="9" t="s">
        <v>235</v>
      </c>
      <c r="G285" s="9" t="s">
        <v>243</v>
      </c>
      <c r="H285" s="6">
        <v>1080</v>
      </c>
      <c r="I285" s="6">
        <v>929</v>
      </c>
      <c r="J285" s="6">
        <v>865</v>
      </c>
      <c r="K285" s="6">
        <v>151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58</v>
      </c>
      <c r="E286" s="9" t="s">
        <v>226</v>
      </c>
      <c r="F286" s="9" t="s">
        <v>235</v>
      </c>
      <c r="G286" s="9" t="s">
        <v>244</v>
      </c>
      <c r="H286" s="6">
        <v>1120</v>
      </c>
      <c r="I286" s="6">
        <v>929</v>
      </c>
      <c r="J286" s="6">
        <v>859</v>
      </c>
      <c r="K286" s="6">
        <v>191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58</v>
      </c>
      <c r="E287" s="9" t="s">
        <v>226</v>
      </c>
      <c r="F287" s="9" t="s">
        <v>235</v>
      </c>
      <c r="G287" s="9" t="s">
        <v>245</v>
      </c>
      <c r="H287" s="6">
        <v>1034</v>
      </c>
      <c r="I287" s="6">
        <v>890</v>
      </c>
      <c r="J287" s="6">
        <v>850</v>
      </c>
      <c r="K287" s="6">
        <v>144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58</v>
      </c>
      <c r="E288" s="9" t="s">
        <v>226</v>
      </c>
      <c r="F288" s="9" t="s">
        <v>235</v>
      </c>
      <c r="G288" s="9" t="s">
        <v>246</v>
      </c>
      <c r="H288" s="6">
        <v>910</v>
      </c>
      <c r="I288" s="6">
        <v>764</v>
      </c>
      <c r="J288" s="6">
        <v>705</v>
      </c>
      <c r="K288" s="6">
        <v>146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58</v>
      </c>
      <c r="E289" s="9" t="s">
        <v>226</v>
      </c>
      <c r="F289" s="9" t="s">
        <v>235</v>
      </c>
      <c r="G289" s="9" t="s">
        <v>247</v>
      </c>
      <c r="H289" s="6">
        <v>873</v>
      </c>
      <c r="I289" s="6">
        <v>788</v>
      </c>
      <c r="J289" s="6">
        <v>739</v>
      </c>
      <c r="K289" s="6">
        <v>85</v>
      </c>
      <c r="L289" s="10" t="s">
        <v>5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58</v>
      </c>
      <c r="E290" s="9" t="s">
        <v>226</v>
      </c>
      <c r="F290" s="9" t="s">
        <v>235</v>
      </c>
      <c r="G290" s="9" t="s">
        <v>248</v>
      </c>
      <c r="H290" s="6">
        <v>1020</v>
      </c>
      <c r="I290" s="6">
        <v>843</v>
      </c>
      <c r="J290" s="6">
        <v>790</v>
      </c>
      <c r="K290" s="6">
        <v>177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58</v>
      </c>
      <c r="E291" s="9" t="s">
        <v>226</v>
      </c>
      <c r="F291" s="9" t="s">
        <v>235</v>
      </c>
      <c r="G291" s="9" t="s">
        <v>249</v>
      </c>
      <c r="H291" s="6">
        <v>924</v>
      </c>
      <c r="I291" s="6">
        <v>797</v>
      </c>
      <c r="J291" s="6">
        <v>770</v>
      </c>
      <c r="K291" s="6">
        <v>124</v>
      </c>
      <c r="L291" s="6">
        <v>3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58</v>
      </c>
      <c r="E292" s="9" t="s">
        <v>226</v>
      </c>
      <c r="F292" s="9" t="s">
        <v>235</v>
      </c>
      <c r="G292" s="9" t="s">
        <v>250</v>
      </c>
      <c r="H292" s="6">
        <v>846</v>
      </c>
      <c r="I292" s="6">
        <v>729</v>
      </c>
      <c r="J292" s="6">
        <v>698</v>
      </c>
      <c r="K292" s="6">
        <v>117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58</v>
      </c>
      <c r="E293" s="9" t="s">
        <v>226</v>
      </c>
      <c r="F293" s="9" t="s">
        <v>235</v>
      </c>
      <c r="G293" s="9" t="s">
        <v>251</v>
      </c>
      <c r="H293" s="6">
        <v>806</v>
      </c>
      <c r="I293" s="6">
        <v>692</v>
      </c>
      <c r="J293" s="6">
        <v>650</v>
      </c>
      <c r="K293" s="6">
        <v>114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58</v>
      </c>
      <c r="E294" s="9" t="s">
        <v>226</v>
      </c>
      <c r="F294" s="9" t="s">
        <v>235</v>
      </c>
      <c r="G294" s="9" t="s">
        <v>252</v>
      </c>
      <c r="H294" s="6">
        <v>723</v>
      </c>
      <c r="I294" s="6">
        <v>603</v>
      </c>
      <c r="J294" s="6">
        <v>575</v>
      </c>
      <c r="K294" s="6">
        <v>120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58</v>
      </c>
      <c r="E295" s="9" t="s">
        <v>226</v>
      </c>
      <c r="F295" s="9" t="s">
        <v>235</v>
      </c>
      <c r="G295" s="9" t="s">
        <v>253</v>
      </c>
      <c r="H295" s="6">
        <v>765</v>
      </c>
      <c r="I295" s="6">
        <v>642</v>
      </c>
      <c r="J295" s="6">
        <v>612</v>
      </c>
      <c r="K295" s="6">
        <v>123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58</v>
      </c>
      <c r="E296" s="9" t="s">
        <v>226</v>
      </c>
      <c r="F296" s="9" t="s">
        <v>235</v>
      </c>
      <c r="G296" s="9" t="s">
        <v>254</v>
      </c>
      <c r="H296" s="6">
        <v>562</v>
      </c>
      <c r="I296" s="6">
        <v>470</v>
      </c>
      <c r="J296" s="6">
        <v>455</v>
      </c>
      <c r="K296" s="6">
        <v>92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58</v>
      </c>
      <c r="E297" s="9" t="s">
        <v>226</v>
      </c>
      <c r="F297" s="9" t="s">
        <v>235</v>
      </c>
      <c r="G297" s="9" t="s">
        <v>255</v>
      </c>
      <c r="H297" s="6">
        <v>591</v>
      </c>
      <c r="I297" s="6">
        <v>513</v>
      </c>
      <c r="J297" s="6">
        <v>456</v>
      </c>
      <c r="K297" s="6">
        <v>78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58</v>
      </c>
      <c r="E298" s="9" t="s">
        <v>226</v>
      </c>
      <c r="F298" s="9" t="s">
        <v>235</v>
      </c>
      <c r="G298" s="9" t="s">
        <v>256</v>
      </c>
      <c r="H298" s="6">
        <v>8246</v>
      </c>
      <c r="I298" s="6">
        <v>5796</v>
      </c>
      <c r="J298" s="6">
        <v>4205</v>
      </c>
      <c r="K298" s="6">
        <v>2450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58</v>
      </c>
      <c r="E299" s="9" t="s">
        <v>227</v>
      </c>
      <c r="F299" s="9" t="s">
        <v>6</v>
      </c>
      <c r="G299" s="9" t="s">
        <v>30</v>
      </c>
      <c r="H299" s="6">
        <v>33284</v>
      </c>
      <c r="I299" s="6">
        <v>25154</v>
      </c>
      <c r="J299" s="6">
        <v>24450</v>
      </c>
      <c r="K299" s="6">
        <v>8126</v>
      </c>
      <c r="L299" s="6">
        <v>4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58</v>
      </c>
      <c r="E300" s="9" t="s">
        <v>227</v>
      </c>
      <c r="F300" s="9" t="s">
        <v>234</v>
      </c>
      <c r="G300" s="9" t="s">
        <v>30</v>
      </c>
      <c r="H300" s="6">
        <v>7290</v>
      </c>
      <c r="I300" s="6">
        <v>4816</v>
      </c>
      <c r="J300" s="6">
        <v>4620</v>
      </c>
      <c r="K300" s="6">
        <v>2470</v>
      </c>
      <c r="L300" s="6">
        <v>4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58</v>
      </c>
      <c r="E301" s="9" t="s">
        <v>227</v>
      </c>
      <c r="F301" s="9" t="s">
        <v>235</v>
      </c>
      <c r="G301" s="9" t="s">
        <v>30</v>
      </c>
      <c r="H301" s="6">
        <v>25994</v>
      </c>
      <c r="I301" s="6">
        <v>20338</v>
      </c>
      <c r="J301" s="6">
        <v>19830</v>
      </c>
      <c r="K301" s="6">
        <v>5656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58</v>
      </c>
      <c r="E302" s="9" t="s">
        <v>227</v>
      </c>
      <c r="F302" s="9" t="s">
        <v>235</v>
      </c>
      <c r="G302" s="9" t="s">
        <v>236</v>
      </c>
      <c r="H302" s="6">
        <v>1929</v>
      </c>
      <c r="I302" s="6">
        <v>1018</v>
      </c>
      <c r="J302" s="6">
        <v>1000</v>
      </c>
      <c r="K302" s="6">
        <v>911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58</v>
      </c>
      <c r="E303" s="9" t="s">
        <v>227</v>
      </c>
      <c r="F303" s="9" t="s">
        <v>235</v>
      </c>
      <c r="G303" s="9" t="s">
        <v>237</v>
      </c>
      <c r="H303" s="6">
        <v>1680</v>
      </c>
      <c r="I303" s="6">
        <v>1296</v>
      </c>
      <c r="J303" s="6">
        <v>1265</v>
      </c>
      <c r="K303" s="6">
        <v>384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58</v>
      </c>
      <c r="E304" s="9" t="s">
        <v>227</v>
      </c>
      <c r="F304" s="9" t="s">
        <v>235</v>
      </c>
      <c r="G304" s="9" t="s">
        <v>238</v>
      </c>
      <c r="H304" s="6">
        <v>1492</v>
      </c>
      <c r="I304" s="6">
        <v>1193</v>
      </c>
      <c r="J304" s="6">
        <v>1173</v>
      </c>
      <c r="K304" s="6">
        <v>299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58</v>
      </c>
      <c r="E305" s="9" t="s">
        <v>227</v>
      </c>
      <c r="F305" s="9" t="s">
        <v>235</v>
      </c>
      <c r="G305" s="9" t="s">
        <v>239</v>
      </c>
      <c r="H305" s="6">
        <v>1315</v>
      </c>
      <c r="I305" s="6">
        <v>1154</v>
      </c>
      <c r="J305" s="6">
        <v>1139</v>
      </c>
      <c r="K305" s="6">
        <v>161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58</v>
      </c>
      <c r="E306" s="9" t="s">
        <v>227</v>
      </c>
      <c r="F306" s="9" t="s">
        <v>235</v>
      </c>
      <c r="G306" s="9" t="s">
        <v>240</v>
      </c>
      <c r="H306" s="6">
        <v>1331</v>
      </c>
      <c r="I306" s="6">
        <v>1178</v>
      </c>
      <c r="J306" s="6">
        <v>1134</v>
      </c>
      <c r="K306" s="6">
        <v>153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58</v>
      </c>
      <c r="E307" s="9" t="s">
        <v>227</v>
      </c>
      <c r="F307" s="9" t="s">
        <v>235</v>
      </c>
      <c r="G307" s="9" t="s">
        <v>241</v>
      </c>
      <c r="H307" s="6">
        <v>1119</v>
      </c>
      <c r="I307" s="6">
        <v>940</v>
      </c>
      <c r="J307" s="6">
        <v>904</v>
      </c>
      <c r="K307" s="6">
        <v>179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58</v>
      </c>
      <c r="E308" s="9" t="s">
        <v>227</v>
      </c>
      <c r="F308" s="9" t="s">
        <v>235</v>
      </c>
      <c r="G308" s="9" t="s">
        <v>242</v>
      </c>
      <c r="H308" s="6">
        <v>1121</v>
      </c>
      <c r="I308" s="6">
        <v>978</v>
      </c>
      <c r="J308" s="6">
        <v>970</v>
      </c>
      <c r="K308" s="6">
        <v>143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58</v>
      </c>
      <c r="E309" s="9" t="s">
        <v>227</v>
      </c>
      <c r="F309" s="9" t="s">
        <v>235</v>
      </c>
      <c r="G309" s="9" t="s">
        <v>243</v>
      </c>
      <c r="H309" s="6">
        <v>958</v>
      </c>
      <c r="I309" s="6">
        <v>816</v>
      </c>
      <c r="J309" s="6">
        <v>800</v>
      </c>
      <c r="K309" s="6">
        <v>142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58</v>
      </c>
      <c r="E310" s="9" t="s">
        <v>227</v>
      </c>
      <c r="F310" s="9" t="s">
        <v>235</v>
      </c>
      <c r="G310" s="9" t="s">
        <v>244</v>
      </c>
      <c r="H310" s="6">
        <v>982</v>
      </c>
      <c r="I310" s="6">
        <v>814</v>
      </c>
      <c r="J310" s="6">
        <v>791</v>
      </c>
      <c r="K310" s="6">
        <v>168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58</v>
      </c>
      <c r="E311" s="9" t="s">
        <v>227</v>
      </c>
      <c r="F311" s="9" t="s">
        <v>235</v>
      </c>
      <c r="G311" s="9" t="s">
        <v>245</v>
      </c>
      <c r="H311" s="6">
        <v>938</v>
      </c>
      <c r="I311" s="6">
        <v>808</v>
      </c>
      <c r="J311" s="6">
        <v>782</v>
      </c>
      <c r="K311" s="6">
        <v>130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58</v>
      </c>
      <c r="E312" s="9" t="s">
        <v>227</v>
      </c>
      <c r="F312" s="9" t="s">
        <v>235</v>
      </c>
      <c r="G312" s="9" t="s">
        <v>246</v>
      </c>
      <c r="H312" s="6">
        <v>827</v>
      </c>
      <c r="I312" s="6">
        <v>710</v>
      </c>
      <c r="J312" s="6">
        <v>682</v>
      </c>
      <c r="K312" s="6">
        <v>117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58</v>
      </c>
      <c r="E313" s="9" t="s">
        <v>227</v>
      </c>
      <c r="F313" s="9" t="s">
        <v>235</v>
      </c>
      <c r="G313" s="9" t="s">
        <v>247</v>
      </c>
      <c r="H313" s="6">
        <v>803</v>
      </c>
      <c r="I313" s="6">
        <v>725</v>
      </c>
      <c r="J313" s="6">
        <v>702</v>
      </c>
      <c r="K313" s="6">
        <v>78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58</v>
      </c>
      <c r="E314" s="9" t="s">
        <v>227</v>
      </c>
      <c r="F314" s="9" t="s">
        <v>235</v>
      </c>
      <c r="G314" s="9" t="s">
        <v>248</v>
      </c>
      <c r="H314" s="6">
        <v>930</v>
      </c>
      <c r="I314" s="6">
        <v>762</v>
      </c>
      <c r="J314" s="6">
        <v>751</v>
      </c>
      <c r="K314" s="6">
        <v>168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58</v>
      </c>
      <c r="E315" s="9" t="s">
        <v>227</v>
      </c>
      <c r="F315" s="9" t="s">
        <v>235</v>
      </c>
      <c r="G315" s="9" t="s">
        <v>249</v>
      </c>
      <c r="H315" s="6">
        <v>863</v>
      </c>
      <c r="I315" s="6">
        <v>743</v>
      </c>
      <c r="J315" s="6">
        <v>735</v>
      </c>
      <c r="K315" s="6">
        <v>120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58</v>
      </c>
      <c r="E316" s="9" t="s">
        <v>227</v>
      </c>
      <c r="F316" s="9" t="s">
        <v>235</v>
      </c>
      <c r="G316" s="9" t="s">
        <v>250</v>
      </c>
      <c r="H316" s="6">
        <v>765</v>
      </c>
      <c r="I316" s="6">
        <v>648</v>
      </c>
      <c r="J316" s="6">
        <v>633</v>
      </c>
      <c r="K316" s="6">
        <v>117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58</v>
      </c>
      <c r="E317" s="9" t="s">
        <v>227</v>
      </c>
      <c r="F317" s="9" t="s">
        <v>235</v>
      </c>
      <c r="G317" s="9" t="s">
        <v>251</v>
      </c>
      <c r="H317" s="6">
        <v>746</v>
      </c>
      <c r="I317" s="6">
        <v>632</v>
      </c>
      <c r="J317" s="6">
        <v>617</v>
      </c>
      <c r="K317" s="6">
        <v>114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58</v>
      </c>
      <c r="E318" s="9" t="s">
        <v>227</v>
      </c>
      <c r="F318" s="9" t="s">
        <v>235</v>
      </c>
      <c r="G318" s="9" t="s">
        <v>252</v>
      </c>
      <c r="H318" s="6">
        <v>683</v>
      </c>
      <c r="I318" s="6">
        <v>566</v>
      </c>
      <c r="J318" s="6">
        <v>560</v>
      </c>
      <c r="K318" s="6">
        <v>117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58</v>
      </c>
      <c r="E319" s="9" t="s">
        <v>227</v>
      </c>
      <c r="F319" s="9" t="s">
        <v>235</v>
      </c>
      <c r="G319" s="9" t="s">
        <v>253</v>
      </c>
      <c r="H319" s="6">
        <v>693</v>
      </c>
      <c r="I319" s="6">
        <v>578</v>
      </c>
      <c r="J319" s="6">
        <v>578</v>
      </c>
      <c r="K319" s="6">
        <v>115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58</v>
      </c>
      <c r="E320" s="9" t="s">
        <v>227</v>
      </c>
      <c r="F320" s="9" t="s">
        <v>235</v>
      </c>
      <c r="G320" s="9" t="s">
        <v>254</v>
      </c>
      <c r="H320" s="6">
        <v>521</v>
      </c>
      <c r="I320" s="6">
        <v>432</v>
      </c>
      <c r="J320" s="6">
        <v>421</v>
      </c>
      <c r="K320" s="6">
        <v>89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58</v>
      </c>
      <c r="E321" s="9" t="s">
        <v>227</v>
      </c>
      <c r="F321" s="9" t="s">
        <v>235</v>
      </c>
      <c r="G321" s="9" t="s">
        <v>255</v>
      </c>
      <c r="H321" s="6">
        <v>505</v>
      </c>
      <c r="I321" s="6">
        <v>445</v>
      </c>
      <c r="J321" s="6">
        <v>419</v>
      </c>
      <c r="K321" s="6">
        <v>60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58</v>
      </c>
      <c r="E322" s="9" t="s">
        <v>227</v>
      </c>
      <c r="F322" s="9" t="s">
        <v>235</v>
      </c>
      <c r="G322" s="9" t="s">
        <v>256</v>
      </c>
      <c r="H322" s="6">
        <v>5793</v>
      </c>
      <c r="I322" s="6">
        <v>3902</v>
      </c>
      <c r="J322" s="6">
        <v>3774</v>
      </c>
      <c r="K322" s="6">
        <v>1891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58</v>
      </c>
      <c r="E323" s="9" t="s">
        <v>228</v>
      </c>
      <c r="F323" s="9" t="s">
        <v>6</v>
      </c>
      <c r="G323" s="9" t="s">
        <v>30</v>
      </c>
      <c r="H323" s="6">
        <v>16632</v>
      </c>
      <c r="I323" s="6">
        <v>2899</v>
      </c>
      <c r="J323" s="6">
        <v>2591</v>
      </c>
      <c r="K323" s="6">
        <v>13731</v>
      </c>
      <c r="L323" s="6">
        <v>2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58</v>
      </c>
      <c r="E324" s="9" t="s">
        <v>228</v>
      </c>
      <c r="F324" s="9" t="s">
        <v>234</v>
      </c>
      <c r="G324" s="9" t="s">
        <v>30</v>
      </c>
      <c r="H324" s="6">
        <v>9986</v>
      </c>
      <c r="I324" s="6">
        <v>1438</v>
      </c>
      <c r="J324" s="6">
        <v>1308</v>
      </c>
      <c r="K324" s="6">
        <v>8546</v>
      </c>
      <c r="L324" s="6">
        <v>2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58</v>
      </c>
      <c r="E325" s="9" t="s">
        <v>228</v>
      </c>
      <c r="F325" s="9" t="s">
        <v>235</v>
      </c>
      <c r="G325" s="9" t="s">
        <v>30</v>
      </c>
      <c r="H325" s="6">
        <v>6646</v>
      </c>
      <c r="I325" s="6">
        <v>1461</v>
      </c>
      <c r="J325" s="6">
        <v>1283</v>
      </c>
      <c r="K325" s="6">
        <v>5185</v>
      </c>
      <c r="L325" s="10" t="s">
        <v>5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58</v>
      </c>
      <c r="E326" s="9" t="s">
        <v>228</v>
      </c>
      <c r="F326" s="9" t="s">
        <v>235</v>
      </c>
      <c r="G326" s="9" t="s">
        <v>236</v>
      </c>
      <c r="H326" s="6">
        <v>35</v>
      </c>
      <c r="I326" s="6">
        <v>4</v>
      </c>
      <c r="J326" s="6">
        <v>4</v>
      </c>
      <c r="K326" s="6">
        <v>31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58</v>
      </c>
      <c r="E327" s="9" t="s">
        <v>228</v>
      </c>
      <c r="F327" s="9" t="s">
        <v>235</v>
      </c>
      <c r="G327" s="9" t="s">
        <v>237</v>
      </c>
      <c r="H327" s="6">
        <v>15</v>
      </c>
      <c r="I327" s="6">
        <v>12</v>
      </c>
      <c r="J327" s="6">
        <v>12</v>
      </c>
      <c r="K327" s="6">
        <v>3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58</v>
      </c>
      <c r="E328" s="9" t="s">
        <v>228</v>
      </c>
      <c r="F328" s="9" t="s">
        <v>235</v>
      </c>
      <c r="G328" s="9" t="s">
        <v>238</v>
      </c>
      <c r="H328" s="6">
        <v>15</v>
      </c>
      <c r="I328" s="6">
        <v>11</v>
      </c>
      <c r="J328" s="6">
        <v>11</v>
      </c>
      <c r="K328" s="6">
        <v>4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58</v>
      </c>
      <c r="E329" s="9" t="s">
        <v>228</v>
      </c>
      <c r="F329" s="9" t="s">
        <v>235</v>
      </c>
      <c r="G329" s="9" t="s">
        <v>239</v>
      </c>
      <c r="H329" s="6">
        <v>13</v>
      </c>
      <c r="I329" s="6">
        <v>13</v>
      </c>
      <c r="J329" s="6">
        <v>10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58</v>
      </c>
      <c r="E330" s="9" t="s">
        <v>228</v>
      </c>
      <c r="F330" s="9" t="s">
        <v>235</v>
      </c>
      <c r="G330" s="9" t="s">
        <v>240</v>
      </c>
      <c r="H330" s="6">
        <v>11</v>
      </c>
      <c r="I330" s="6">
        <v>11</v>
      </c>
      <c r="J330" s="6">
        <v>11</v>
      </c>
      <c r="K330" s="10" t="s">
        <v>55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58</v>
      </c>
      <c r="E331" s="9" t="s">
        <v>228</v>
      </c>
      <c r="F331" s="9" t="s">
        <v>235</v>
      </c>
      <c r="G331" s="9" t="s">
        <v>241</v>
      </c>
      <c r="H331" s="6">
        <v>29</v>
      </c>
      <c r="I331" s="6">
        <v>29</v>
      </c>
      <c r="J331" s="6">
        <v>29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58</v>
      </c>
      <c r="E332" s="9" t="s">
        <v>228</v>
      </c>
      <c r="F332" s="9" t="s">
        <v>235</v>
      </c>
      <c r="G332" s="9" t="s">
        <v>242</v>
      </c>
      <c r="H332" s="6">
        <v>27</v>
      </c>
      <c r="I332" s="6">
        <v>18</v>
      </c>
      <c r="J332" s="6">
        <v>18</v>
      </c>
      <c r="K332" s="6">
        <v>9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58</v>
      </c>
      <c r="E333" s="9" t="s">
        <v>228</v>
      </c>
      <c r="F333" s="9" t="s">
        <v>235</v>
      </c>
      <c r="G333" s="9" t="s">
        <v>243</v>
      </c>
      <c r="H333" s="6">
        <v>37</v>
      </c>
      <c r="I333" s="6">
        <v>28</v>
      </c>
      <c r="J333" s="6">
        <v>19</v>
      </c>
      <c r="K333" s="6">
        <v>9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58</v>
      </c>
      <c r="E334" s="9" t="s">
        <v>228</v>
      </c>
      <c r="F334" s="9" t="s">
        <v>235</v>
      </c>
      <c r="G334" s="9" t="s">
        <v>244</v>
      </c>
      <c r="H334" s="6">
        <v>33</v>
      </c>
      <c r="I334" s="6">
        <v>18</v>
      </c>
      <c r="J334" s="6">
        <v>18</v>
      </c>
      <c r="K334" s="6">
        <v>1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58</v>
      </c>
      <c r="E335" s="9" t="s">
        <v>228</v>
      </c>
      <c r="F335" s="9" t="s">
        <v>235</v>
      </c>
      <c r="G335" s="9" t="s">
        <v>245</v>
      </c>
      <c r="H335" s="6">
        <v>9</v>
      </c>
      <c r="I335" s="6">
        <v>9</v>
      </c>
      <c r="J335" s="6">
        <v>9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58</v>
      </c>
      <c r="E336" s="9" t="s">
        <v>228</v>
      </c>
      <c r="F336" s="9" t="s">
        <v>235</v>
      </c>
      <c r="G336" s="9" t="s">
        <v>246</v>
      </c>
      <c r="H336" s="6">
        <v>10</v>
      </c>
      <c r="I336" s="6">
        <v>10</v>
      </c>
      <c r="J336" s="6">
        <v>10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58</v>
      </c>
      <c r="E337" s="9" t="s">
        <v>228</v>
      </c>
      <c r="F337" s="9" t="s">
        <v>235</v>
      </c>
      <c r="G337" s="9" t="s">
        <v>247</v>
      </c>
      <c r="H337" s="6">
        <v>20</v>
      </c>
      <c r="I337" s="6">
        <v>16</v>
      </c>
      <c r="J337" s="6">
        <v>16</v>
      </c>
      <c r="K337" s="6">
        <v>4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58</v>
      </c>
      <c r="E338" s="9" t="s">
        <v>228</v>
      </c>
      <c r="F338" s="9" t="s">
        <v>235</v>
      </c>
      <c r="G338" s="9" t="s">
        <v>248</v>
      </c>
      <c r="H338" s="6">
        <v>23</v>
      </c>
      <c r="I338" s="6">
        <v>20</v>
      </c>
      <c r="J338" s="6">
        <v>20</v>
      </c>
      <c r="K338" s="6">
        <v>3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58</v>
      </c>
      <c r="E339" s="9" t="s">
        <v>228</v>
      </c>
      <c r="F339" s="9" t="s">
        <v>235</v>
      </c>
      <c r="G339" s="9" t="s">
        <v>249</v>
      </c>
      <c r="H339" s="6">
        <v>18</v>
      </c>
      <c r="I339" s="6">
        <v>11</v>
      </c>
      <c r="J339" s="6">
        <v>11</v>
      </c>
      <c r="K339" s="6">
        <v>7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58</v>
      </c>
      <c r="E340" s="9" t="s">
        <v>228</v>
      </c>
      <c r="F340" s="9" t="s">
        <v>235</v>
      </c>
      <c r="G340" s="9" t="s">
        <v>250</v>
      </c>
      <c r="H340" s="6">
        <v>31</v>
      </c>
      <c r="I340" s="6">
        <v>27</v>
      </c>
      <c r="J340" s="6">
        <v>27</v>
      </c>
      <c r="K340" s="6">
        <v>4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58</v>
      </c>
      <c r="E341" s="9" t="s">
        <v>228</v>
      </c>
      <c r="F341" s="9" t="s">
        <v>235</v>
      </c>
      <c r="G341" s="9" t="s">
        <v>251</v>
      </c>
      <c r="H341" s="6">
        <v>11</v>
      </c>
      <c r="I341" s="6">
        <v>11</v>
      </c>
      <c r="J341" s="6">
        <v>11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58</v>
      </c>
      <c r="E342" s="9" t="s">
        <v>228</v>
      </c>
      <c r="F342" s="9" t="s">
        <v>235</v>
      </c>
      <c r="G342" s="9" t="s">
        <v>252</v>
      </c>
      <c r="H342" s="6">
        <v>30</v>
      </c>
      <c r="I342" s="6">
        <v>22</v>
      </c>
      <c r="J342" s="6">
        <v>22</v>
      </c>
      <c r="K342" s="6">
        <v>8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58</v>
      </c>
      <c r="E343" s="9" t="s">
        <v>228</v>
      </c>
      <c r="F343" s="9" t="s">
        <v>235</v>
      </c>
      <c r="G343" s="9" t="s">
        <v>253</v>
      </c>
      <c r="H343" s="6">
        <v>30</v>
      </c>
      <c r="I343" s="6">
        <v>25</v>
      </c>
      <c r="J343" s="6">
        <v>25</v>
      </c>
      <c r="K343" s="6">
        <v>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58</v>
      </c>
      <c r="E344" s="9" t="s">
        <v>228</v>
      </c>
      <c r="F344" s="9" t="s">
        <v>235</v>
      </c>
      <c r="G344" s="9" t="s">
        <v>254</v>
      </c>
      <c r="H344" s="6">
        <v>23</v>
      </c>
      <c r="I344" s="6">
        <v>23</v>
      </c>
      <c r="J344" s="6">
        <v>23</v>
      </c>
      <c r="K344" s="10" t="s">
        <v>55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58</v>
      </c>
      <c r="E345" s="9" t="s">
        <v>228</v>
      </c>
      <c r="F345" s="9" t="s">
        <v>235</v>
      </c>
      <c r="G345" s="9" t="s">
        <v>255</v>
      </c>
      <c r="H345" s="6">
        <v>26</v>
      </c>
      <c r="I345" s="6">
        <v>18</v>
      </c>
      <c r="J345" s="6">
        <v>18</v>
      </c>
      <c r="K345" s="6">
        <v>8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58</v>
      </c>
      <c r="E346" s="9" t="s">
        <v>228</v>
      </c>
      <c r="F346" s="9" t="s">
        <v>235</v>
      </c>
      <c r="G346" s="9" t="s">
        <v>256</v>
      </c>
      <c r="H346" s="6">
        <v>6200</v>
      </c>
      <c r="I346" s="6">
        <v>1125</v>
      </c>
      <c r="J346" s="6">
        <v>959</v>
      </c>
      <c r="K346" s="6">
        <v>5075</v>
      </c>
      <c r="L346" s="10" t="s">
        <v>5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58</v>
      </c>
      <c r="E347" s="9" t="s">
        <v>18</v>
      </c>
      <c r="F347" s="9" t="s">
        <v>6</v>
      </c>
      <c r="G347" s="9" t="s">
        <v>30</v>
      </c>
      <c r="H347" s="6">
        <v>2926</v>
      </c>
      <c r="I347" s="6">
        <v>15</v>
      </c>
      <c r="J347" s="6">
        <v>15</v>
      </c>
      <c r="K347" s="10" t="s">
        <v>55</v>
      </c>
      <c r="L347" s="6">
        <v>2911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58</v>
      </c>
      <c r="E348" s="9" t="s">
        <v>18</v>
      </c>
      <c r="F348" s="9" t="s">
        <v>234</v>
      </c>
      <c r="G348" s="9" t="s">
        <v>30</v>
      </c>
      <c r="H348" s="6">
        <v>496</v>
      </c>
      <c r="I348" s="10" t="s">
        <v>55</v>
      </c>
      <c r="J348" s="10" t="s">
        <v>55</v>
      </c>
      <c r="K348" s="10" t="s">
        <v>55</v>
      </c>
      <c r="L348" s="6">
        <v>496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58</v>
      </c>
      <c r="E349" s="9" t="s">
        <v>18</v>
      </c>
      <c r="F349" s="9" t="s">
        <v>235</v>
      </c>
      <c r="G349" s="9" t="s">
        <v>30</v>
      </c>
      <c r="H349" s="6">
        <v>2430</v>
      </c>
      <c r="I349" s="6">
        <v>15</v>
      </c>
      <c r="J349" s="6">
        <v>15</v>
      </c>
      <c r="K349" s="10" t="s">
        <v>55</v>
      </c>
      <c r="L349" s="6">
        <v>2415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58</v>
      </c>
      <c r="E350" s="9" t="s">
        <v>18</v>
      </c>
      <c r="F350" s="9" t="s">
        <v>235</v>
      </c>
      <c r="G350" s="9" t="s">
        <v>236</v>
      </c>
      <c r="H350" s="6">
        <v>225</v>
      </c>
      <c r="I350" s="10" t="s">
        <v>55</v>
      </c>
      <c r="J350" s="10" t="s">
        <v>55</v>
      </c>
      <c r="K350" s="10" t="s">
        <v>55</v>
      </c>
      <c r="L350" s="6">
        <v>225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58</v>
      </c>
      <c r="E351" s="9" t="s">
        <v>18</v>
      </c>
      <c r="F351" s="9" t="s">
        <v>235</v>
      </c>
      <c r="G351" s="9" t="s">
        <v>237</v>
      </c>
      <c r="H351" s="6">
        <v>248</v>
      </c>
      <c r="I351" s="10" t="s">
        <v>55</v>
      </c>
      <c r="J351" s="10" t="s">
        <v>55</v>
      </c>
      <c r="K351" s="10" t="s">
        <v>55</v>
      </c>
      <c r="L351" s="6">
        <v>248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58</v>
      </c>
      <c r="E352" s="9" t="s">
        <v>18</v>
      </c>
      <c r="F352" s="9" t="s">
        <v>235</v>
      </c>
      <c r="G352" s="9" t="s">
        <v>238</v>
      </c>
      <c r="H352" s="6">
        <v>183</v>
      </c>
      <c r="I352" s="10" t="s">
        <v>55</v>
      </c>
      <c r="J352" s="10" t="s">
        <v>55</v>
      </c>
      <c r="K352" s="10" t="s">
        <v>55</v>
      </c>
      <c r="L352" s="6">
        <v>183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58</v>
      </c>
      <c r="E353" s="9" t="s">
        <v>18</v>
      </c>
      <c r="F353" s="9" t="s">
        <v>235</v>
      </c>
      <c r="G353" s="9" t="s">
        <v>239</v>
      </c>
      <c r="H353" s="6">
        <v>149</v>
      </c>
      <c r="I353" s="10" t="s">
        <v>55</v>
      </c>
      <c r="J353" s="10" t="s">
        <v>55</v>
      </c>
      <c r="K353" s="10" t="s">
        <v>55</v>
      </c>
      <c r="L353" s="6">
        <v>149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58</v>
      </c>
      <c r="E354" s="9" t="s">
        <v>18</v>
      </c>
      <c r="F354" s="9" t="s">
        <v>235</v>
      </c>
      <c r="G354" s="9" t="s">
        <v>240</v>
      </c>
      <c r="H354" s="6">
        <v>139</v>
      </c>
      <c r="I354" s="10" t="s">
        <v>55</v>
      </c>
      <c r="J354" s="10" t="s">
        <v>55</v>
      </c>
      <c r="K354" s="10" t="s">
        <v>55</v>
      </c>
      <c r="L354" s="6">
        <v>139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58</v>
      </c>
      <c r="E355" s="9" t="s">
        <v>18</v>
      </c>
      <c r="F355" s="9" t="s">
        <v>235</v>
      </c>
      <c r="G355" s="9" t="s">
        <v>241</v>
      </c>
      <c r="H355" s="6">
        <v>124</v>
      </c>
      <c r="I355" s="10" t="s">
        <v>55</v>
      </c>
      <c r="J355" s="10" t="s">
        <v>55</v>
      </c>
      <c r="K355" s="10" t="s">
        <v>55</v>
      </c>
      <c r="L355" s="6">
        <v>124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58</v>
      </c>
      <c r="E356" s="9" t="s">
        <v>18</v>
      </c>
      <c r="F356" s="9" t="s">
        <v>235</v>
      </c>
      <c r="G356" s="9" t="s">
        <v>242</v>
      </c>
      <c r="H356" s="6">
        <v>123</v>
      </c>
      <c r="I356" s="6">
        <v>9</v>
      </c>
      <c r="J356" s="6">
        <v>9</v>
      </c>
      <c r="K356" s="10" t="s">
        <v>55</v>
      </c>
      <c r="L356" s="6">
        <v>114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58</v>
      </c>
      <c r="E357" s="9" t="s">
        <v>18</v>
      </c>
      <c r="F357" s="9" t="s">
        <v>235</v>
      </c>
      <c r="G357" s="9" t="s">
        <v>243</v>
      </c>
      <c r="H357" s="6">
        <v>105</v>
      </c>
      <c r="I357" s="10" t="s">
        <v>55</v>
      </c>
      <c r="J357" s="10" t="s">
        <v>55</v>
      </c>
      <c r="K357" s="10" t="s">
        <v>55</v>
      </c>
      <c r="L357" s="6">
        <v>10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58</v>
      </c>
      <c r="E358" s="9" t="s">
        <v>18</v>
      </c>
      <c r="F358" s="9" t="s">
        <v>235</v>
      </c>
      <c r="G358" s="9" t="s">
        <v>244</v>
      </c>
      <c r="H358" s="6">
        <v>93</v>
      </c>
      <c r="I358" s="10" t="s">
        <v>55</v>
      </c>
      <c r="J358" s="10" t="s">
        <v>55</v>
      </c>
      <c r="K358" s="10" t="s">
        <v>55</v>
      </c>
      <c r="L358" s="6">
        <v>93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58</v>
      </c>
      <c r="E359" s="9" t="s">
        <v>18</v>
      </c>
      <c r="F359" s="9" t="s">
        <v>235</v>
      </c>
      <c r="G359" s="9" t="s">
        <v>245</v>
      </c>
      <c r="H359" s="6">
        <v>96</v>
      </c>
      <c r="I359" s="10" t="s">
        <v>55</v>
      </c>
      <c r="J359" s="10" t="s">
        <v>55</v>
      </c>
      <c r="K359" s="10" t="s">
        <v>55</v>
      </c>
      <c r="L359" s="6">
        <v>96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58</v>
      </c>
      <c r="E360" s="9" t="s">
        <v>18</v>
      </c>
      <c r="F360" s="9" t="s">
        <v>235</v>
      </c>
      <c r="G360" s="9" t="s">
        <v>246</v>
      </c>
      <c r="H360" s="6">
        <v>45</v>
      </c>
      <c r="I360" s="10" t="s">
        <v>55</v>
      </c>
      <c r="J360" s="10" t="s">
        <v>55</v>
      </c>
      <c r="K360" s="10" t="s">
        <v>55</v>
      </c>
      <c r="L360" s="6">
        <v>45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58</v>
      </c>
      <c r="E361" s="9" t="s">
        <v>18</v>
      </c>
      <c r="F361" s="9" t="s">
        <v>235</v>
      </c>
      <c r="G361" s="9" t="s">
        <v>247</v>
      </c>
      <c r="H361" s="6">
        <v>77</v>
      </c>
      <c r="I361" s="10" t="s">
        <v>55</v>
      </c>
      <c r="J361" s="10" t="s">
        <v>55</v>
      </c>
      <c r="K361" s="10" t="s">
        <v>55</v>
      </c>
      <c r="L361" s="6">
        <v>77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58</v>
      </c>
      <c r="E362" s="9" t="s">
        <v>18</v>
      </c>
      <c r="F362" s="9" t="s">
        <v>235</v>
      </c>
      <c r="G362" s="9" t="s">
        <v>248</v>
      </c>
      <c r="H362" s="6">
        <v>61</v>
      </c>
      <c r="I362" s="10" t="s">
        <v>55</v>
      </c>
      <c r="J362" s="10" t="s">
        <v>55</v>
      </c>
      <c r="K362" s="10" t="s">
        <v>55</v>
      </c>
      <c r="L362" s="6">
        <v>61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58</v>
      </c>
      <c r="E363" s="9" t="s">
        <v>18</v>
      </c>
      <c r="F363" s="9" t="s">
        <v>235</v>
      </c>
      <c r="G363" s="9" t="s">
        <v>249</v>
      </c>
      <c r="H363" s="6">
        <v>64</v>
      </c>
      <c r="I363" s="10" t="s">
        <v>55</v>
      </c>
      <c r="J363" s="10" t="s">
        <v>55</v>
      </c>
      <c r="K363" s="10" t="s">
        <v>55</v>
      </c>
      <c r="L363" s="6">
        <v>64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58</v>
      </c>
      <c r="E364" s="9" t="s">
        <v>18</v>
      </c>
      <c r="F364" s="9" t="s">
        <v>235</v>
      </c>
      <c r="G364" s="9" t="s">
        <v>250</v>
      </c>
      <c r="H364" s="6">
        <v>82</v>
      </c>
      <c r="I364" s="10" t="s">
        <v>55</v>
      </c>
      <c r="J364" s="10" t="s">
        <v>55</v>
      </c>
      <c r="K364" s="10" t="s">
        <v>55</v>
      </c>
      <c r="L364" s="6">
        <v>82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58</v>
      </c>
      <c r="E365" s="9" t="s">
        <v>18</v>
      </c>
      <c r="F365" s="9" t="s">
        <v>235</v>
      </c>
      <c r="G365" s="9" t="s">
        <v>251</v>
      </c>
      <c r="H365" s="6">
        <v>54</v>
      </c>
      <c r="I365" s="10" t="s">
        <v>55</v>
      </c>
      <c r="J365" s="10" t="s">
        <v>55</v>
      </c>
      <c r="K365" s="10" t="s">
        <v>55</v>
      </c>
      <c r="L365" s="6">
        <v>54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58</v>
      </c>
      <c r="E366" s="9" t="s">
        <v>18</v>
      </c>
      <c r="F366" s="9" t="s">
        <v>235</v>
      </c>
      <c r="G366" s="9" t="s">
        <v>252</v>
      </c>
      <c r="H366" s="6">
        <v>61</v>
      </c>
      <c r="I366" s="10" t="s">
        <v>55</v>
      </c>
      <c r="J366" s="10" t="s">
        <v>55</v>
      </c>
      <c r="K366" s="10" t="s">
        <v>55</v>
      </c>
      <c r="L366" s="6">
        <v>61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58</v>
      </c>
      <c r="E367" s="9" t="s">
        <v>18</v>
      </c>
      <c r="F367" s="9" t="s">
        <v>235</v>
      </c>
      <c r="G367" s="9" t="s">
        <v>253</v>
      </c>
      <c r="H367" s="6">
        <v>31</v>
      </c>
      <c r="I367" s="10" t="s">
        <v>55</v>
      </c>
      <c r="J367" s="10" t="s">
        <v>55</v>
      </c>
      <c r="K367" s="10" t="s">
        <v>55</v>
      </c>
      <c r="L367" s="6">
        <v>31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58</v>
      </c>
      <c r="E368" s="9" t="s">
        <v>18</v>
      </c>
      <c r="F368" s="9" t="s">
        <v>235</v>
      </c>
      <c r="G368" s="9" t="s">
        <v>254</v>
      </c>
      <c r="H368" s="6">
        <v>52</v>
      </c>
      <c r="I368" s="6">
        <v>3</v>
      </c>
      <c r="J368" s="6">
        <v>3</v>
      </c>
      <c r="K368" s="10" t="s">
        <v>55</v>
      </c>
      <c r="L368" s="6">
        <v>49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58</v>
      </c>
      <c r="E369" s="9" t="s">
        <v>18</v>
      </c>
      <c r="F369" s="9" t="s">
        <v>235</v>
      </c>
      <c r="G369" s="9" t="s">
        <v>255</v>
      </c>
      <c r="H369" s="6">
        <v>32</v>
      </c>
      <c r="I369" s="10" t="s">
        <v>55</v>
      </c>
      <c r="J369" s="10" t="s">
        <v>55</v>
      </c>
      <c r="K369" s="10" t="s">
        <v>55</v>
      </c>
      <c r="L369" s="6">
        <v>32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58</v>
      </c>
      <c r="E370" s="9" t="s">
        <v>18</v>
      </c>
      <c r="F370" s="9" t="s">
        <v>235</v>
      </c>
      <c r="G370" s="9" t="s">
        <v>256</v>
      </c>
      <c r="H370" s="6">
        <v>386</v>
      </c>
      <c r="I370" s="6">
        <v>3</v>
      </c>
      <c r="J370" s="6">
        <v>3</v>
      </c>
      <c r="K370" s="10" t="s">
        <v>55</v>
      </c>
      <c r="L370" s="6">
        <v>38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D140F9-249C-4F13-A22C-5D7664D7ECA9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7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0</v>
      </c>
      <c r="E11" s="5" t="s">
        <v>6</v>
      </c>
      <c r="F11" s="5" t="s">
        <v>6</v>
      </c>
      <c r="G11" s="5" t="s">
        <v>30</v>
      </c>
      <c r="H11" s="6">
        <v>11237621</v>
      </c>
      <c r="I11" s="6">
        <v>8239288</v>
      </c>
      <c r="J11" s="6">
        <v>7099531</v>
      </c>
      <c r="K11" s="6">
        <v>2578580</v>
      </c>
      <c r="L11" s="6">
        <v>419753</v>
      </c>
    </row>
    <row r="12" spans="1:12">
      <c r="A12" s="9" t="s">
        <v>27</v>
      </c>
      <c r="B12" s="9" t="s">
        <v>28</v>
      </c>
      <c r="C12" s="9" t="s">
        <v>29</v>
      </c>
      <c r="D12" s="9" t="s">
        <v>260</v>
      </c>
      <c r="E12" s="9" t="s">
        <v>6</v>
      </c>
      <c r="F12" s="9" t="s">
        <v>234</v>
      </c>
      <c r="G12" s="9" t="s">
        <v>30</v>
      </c>
      <c r="H12" s="6">
        <v>2810594</v>
      </c>
      <c r="I12" s="6">
        <v>1880625</v>
      </c>
      <c r="J12" s="6">
        <v>1563048</v>
      </c>
      <c r="K12" s="6">
        <v>844219</v>
      </c>
      <c r="L12" s="6">
        <v>85750</v>
      </c>
    </row>
    <row r="13" spans="1:12">
      <c r="A13" s="9" t="s">
        <v>27</v>
      </c>
      <c r="B13" s="9" t="s">
        <v>28</v>
      </c>
      <c r="C13" s="9" t="s">
        <v>29</v>
      </c>
      <c r="D13" s="9" t="s">
        <v>260</v>
      </c>
      <c r="E13" s="9" t="s">
        <v>6</v>
      </c>
      <c r="F13" s="9" t="s">
        <v>235</v>
      </c>
      <c r="G13" s="9" t="s">
        <v>30</v>
      </c>
      <c r="H13" s="6">
        <v>8427027</v>
      </c>
      <c r="I13" s="6">
        <v>6358663</v>
      </c>
      <c r="J13" s="6">
        <v>5536483</v>
      </c>
      <c r="K13" s="6">
        <v>1734361</v>
      </c>
      <c r="L13" s="6">
        <v>334003</v>
      </c>
    </row>
    <row r="14" spans="1:12">
      <c r="A14" s="9" t="s">
        <v>27</v>
      </c>
      <c r="B14" s="9" t="s">
        <v>28</v>
      </c>
      <c r="C14" s="9" t="s">
        <v>29</v>
      </c>
      <c r="D14" s="9" t="s">
        <v>260</v>
      </c>
      <c r="E14" s="9" t="s">
        <v>6</v>
      </c>
      <c r="F14" s="9" t="s">
        <v>235</v>
      </c>
      <c r="G14" s="9" t="s">
        <v>236</v>
      </c>
      <c r="H14" s="6">
        <v>319996</v>
      </c>
      <c r="I14" s="6">
        <v>154841</v>
      </c>
      <c r="J14" s="6">
        <v>135270</v>
      </c>
      <c r="K14" s="6">
        <v>144509</v>
      </c>
      <c r="L14" s="6">
        <v>20646</v>
      </c>
    </row>
    <row r="15" spans="1:12">
      <c r="A15" s="9" t="s">
        <v>27</v>
      </c>
      <c r="B15" s="9" t="s">
        <v>28</v>
      </c>
      <c r="C15" s="9" t="s">
        <v>29</v>
      </c>
      <c r="D15" s="9" t="s">
        <v>260</v>
      </c>
      <c r="E15" s="9" t="s">
        <v>6</v>
      </c>
      <c r="F15" s="9" t="s">
        <v>235</v>
      </c>
      <c r="G15" s="9" t="s">
        <v>237</v>
      </c>
      <c r="H15" s="6">
        <v>327506</v>
      </c>
      <c r="I15" s="6">
        <v>202499</v>
      </c>
      <c r="J15" s="6">
        <v>177754</v>
      </c>
      <c r="K15" s="6">
        <v>105012</v>
      </c>
      <c r="L15" s="6">
        <v>19995</v>
      </c>
    </row>
    <row r="16" spans="1:12">
      <c r="A16" s="9" t="s">
        <v>27</v>
      </c>
      <c r="B16" s="9" t="s">
        <v>28</v>
      </c>
      <c r="C16" s="9" t="s">
        <v>29</v>
      </c>
      <c r="D16" s="9" t="s">
        <v>260</v>
      </c>
      <c r="E16" s="9" t="s">
        <v>6</v>
      </c>
      <c r="F16" s="9" t="s">
        <v>235</v>
      </c>
      <c r="G16" s="9" t="s">
        <v>238</v>
      </c>
      <c r="H16" s="6">
        <v>297302</v>
      </c>
      <c r="I16" s="6">
        <v>203665</v>
      </c>
      <c r="J16" s="6">
        <v>178950</v>
      </c>
      <c r="K16" s="6">
        <v>76610</v>
      </c>
      <c r="L16" s="6">
        <v>17027</v>
      </c>
    </row>
    <row r="17" spans="1:12">
      <c r="A17" s="9" t="s">
        <v>27</v>
      </c>
      <c r="B17" s="9" t="s">
        <v>28</v>
      </c>
      <c r="C17" s="9" t="s">
        <v>29</v>
      </c>
      <c r="D17" s="9" t="s">
        <v>260</v>
      </c>
      <c r="E17" s="9" t="s">
        <v>6</v>
      </c>
      <c r="F17" s="9" t="s">
        <v>235</v>
      </c>
      <c r="G17" s="9" t="s">
        <v>239</v>
      </c>
      <c r="H17" s="6">
        <v>272703</v>
      </c>
      <c r="I17" s="6">
        <v>199689</v>
      </c>
      <c r="J17" s="6">
        <v>175699</v>
      </c>
      <c r="K17" s="6">
        <v>58931</v>
      </c>
      <c r="L17" s="6">
        <v>14083</v>
      </c>
    </row>
    <row r="18" spans="1:12">
      <c r="A18" s="9" t="s">
        <v>27</v>
      </c>
      <c r="B18" s="9" t="s">
        <v>28</v>
      </c>
      <c r="C18" s="9" t="s">
        <v>29</v>
      </c>
      <c r="D18" s="9" t="s">
        <v>260</v>
      </c>
      <c r="E18" s="9" t="s">
        <v>6</v>
      </c>
      <c r="F18" s="9" t="s">
        <v>235</v>
      </c>
      <c r="G18" s="9" t="s">
        <v>240</v>
      </c>
      <c r="H18" s="6">
        <v>264499</v>
      </c>
      <c r="I18" s="6">
        <v>202422</v>
      </c>
      <c r="J18" s="6">
        <v>178463</v>
      </c>
      <c r="K18" s="6">
        <v>48650</v>
      </c>
      <c r="L18" s="6">
        <v>13427</v>
      </c>
    </row>
    <row r="19" spans="1:12">
      <c r="A19" s="9" t="s">
        <v>27</v>
      </c>
      <c r="B19" s="9" t="s">
        <v>28</v>
      </c>
      <c r="C19" s="9" t="s">
        <v>29</v>
      </c>
      <c r="D19" s="9" t="s">
        <v>260</v>
      </c>
      <c r="E19" s="9" t="s">
        <v>6</v>
      </c>
      <c r="F19" s="9" t="s">
        <v>235</v>
      </c>
      <c r="G19" s="9" t="s">
        <v>241</v>
      </c>
      <c r="H19" s="6">
        <v>260638</v>
      </c>
      <c r="I19" s="6">
        <v>203805</v>
      </c>
      <c r="J19" s="6">
        <v>180067</v>
      </c>
      <c r="K19" s="6">
        <v>44259</v>
      </c>
      <c r="L19" s="6">
        <v>12574</v>
      </c>
    </row>
    <row r="20" spans="1:12">
      <c r="A20" s="9" t="s">
        <v>27</v>
      </c>
      <c r="B20" s="9" t="s">
        <v>28</v>
      </c>
      <c r="C20" s="9" t="s">
        <v>29</v>
      </c>
      <c r="D20" s="9" t="s">
        <v>260</v>
      </c>
      <c r="E20" s="9" t="s">
        <v>6</v>
      </c>
      <c r="F20" s="9" t="s">
        <v>235</v>
      </c>
      <c r="G20" s="9" t="s">
        <v>242</v>
      </c>
      <c r="H20" s="6">
        <v>258921</v>
      </c>
      <c r="I20" s="6">
        <v>205857</v>
      </c>
      <c r="J20" s="6">
        <v>181616</v>
      </c>
      <c r="K20" s="6">
        <v>40537</v>
      </c>
      <c r="L20" s="6">
        <v>12527</v>
      </c>
    </row>
    <row r="21" spans="1:12">
      <c r="A21" s="9" t="s">
        <v>27</v>
      </c>
      <c r="B21" s="9" t="s">
        <v>28</v>
      </c>
      <c r="C21" s="9" t="s">
        <v>29</v>
      </c>
      <c r="D21" s="9" t="s">
        <v>260</v>
      </c>
      <c r="E21" s="9" t="s">
        <v>6</v>
      </c>
      <c r="F21" s="9" t="s">
        <v>235</v>
      </c>
      <c r="G21" s="9" t="s">
        <v>243</v>
      </c>
      <c r="H21" s="6">
        <v>263750</v>
      </c>
      <c r="I21" s="6">
        <v>212318</v>
      </c>
      <c r="J21" s="6">
        <v>188334</v>
      </c>
      <c r="K21" s="6">
        <v>40069</v>
      </c>
      <c r="L21" s="6">
        <v>11363</v>
      </c>
    </row>
    <row r="22" spans="1:12">
      <c r="A22" s="9" t="s">
        <v>27</v>
      </c>
      <c r="B22" s="9" t="s">
        <v>28</v>
      </c>
      <c r="C22" s="9" t="s">
        <v>29</v>
      </c>
      <c r="D22" s="9" t="s">
        <v>260</v>
      </c>
      <c r="E22" s="9" t="s">
        <v>6</v>
      </c>
      <c r="F22" s="9" t="s">
        <v>235</v>
      </c>
      <c r="G22" s="9" t="s">
        <v>244</v>
      </c>
      <c r="H22" s="6">
        <v>264159</v>
      </c>
      <c r="I22" s="6">
        <v>216550</v>
      </c>
      <c r="J22" s="6">
        <v>192892</v>
      </c>
      <c r="K22" s="6">
        <v>35999</v>
      </c>
      <c r="L22" s="6">
        <v>11610</v>
      </c>
    </row>
    <row r="23" spans="1:12">
      <c r="A23" s="9" t="s">
        <v>27</v>
      </c>
      <c r="B23" s="9" t="s">
        <v>28</v>
      </c>
      <c r="C23" s="9" t="s">
        <v>29</v>
      </c>
      <c r="D23" s="9" t="s">
        <v>260</v>
      </c>
      <c r="E23" s="9" t="s">
        <v>6</v>
      </c>
      <c r="F23" s="9" t="s">
        <v>235</v>
      </c>
      <c r="G23" s="9" t="s">
        <v>245</v>
      </c>
      <c r="H23" s="6">
        <v>271152</v>
      </c>
      <c r="I23" s="6">
        <v>223786</v>
      </c>
      <c r="J23" s="6">
        <v>198782</v>
      </c>
      <c r="K23" s="6">
        <v>35633</v>
      </c>
      <c r="L23" s="6">
        <v>11733</v>
      </c>
    </row>
    <row r="24" spans="1:12">
      <c r="A24" s="9" t="s">
        <v>27</v>
      </c>
      <c r="B24" s="9" t="s">
        <v>28</v>
      </c>
      <c r="C24" s="9" t="s">
        <v>29</v>
      </c>
      <c r="D24" s="9" t="s">
        <v>260</v>
      </c>
      <c r="E24" s="9" t="s">
        <v>6</v>
      </c>
      <c r="F24" s="9" t="s">
        <v>235</v>
      </c>
      <c r="G24" s="9" t="s">
        <v>246</v>
      </c>
      <c r="H24" s="6">
        <v>271387</v>
      </c>
      <c r="I24" s="6">
        <v>224246</v>
      </c>
      <c r="J24" s="6">
        <v>198875</v>
      </c>
      <c r="K24" s="6">
        <v>35219</v>
      </c>
      <c r="L24" s="6">
        <v>11922</v>
      </c>
    </row>
    <row r="25" spans="1:12">
      <c r="A25" s="9" t="s">
        <v>27</v>
      </c>
      <c r="B25" s="9" t="s">
        <v>28</v>
      </c>
      <c r="C25" s="9" t="s">
        <v>29</v>
      </c>
      <c r="D25" s="9" t="s">
        <v>260</v>
      </c>
      <c r="E25" s="9" t="s">
        <v>6</v>
      </c>
      <c r="F25" s="9" t="s">
        <v>235</v>
      </c>
      <c r="G25" s="9" t="s">
        <v>247</v>
      </c>
      <c r="H25" s="6">
        <v>278163</v>
      </c>
      <c r="I25" s="6">
        <v>230744</v>
      </c>
      <c r="J25" s="6">
        <v>205678</v>
      </c>
      <c r="K25" s="6">
        <v>35912</v>
      </c>
      <c r="L25" s="6">
        <v>11507</v>
      </c>
    </row>
    <row r="26" spans="1:12">
      <c r="A26" s="9" t="s">
        <v>27</v>
      </c>
      <c r="B26" s="9" t="s">
        <v>28</v>
      </c>
      <c r="C26" s="9" t="s">
        <v>29</v>
      </c>
      <c r="D26" s="9" t="s">
        <v>260</v>
      </c>
      <c r="E26" s="9" t="s">
        <v>6</v>
      </c>
      <c r="F26" s="9" t="s">
        <v>235</v>
      </c>
      <c r="G26" s="9" t="s">
        <v>248</v>
      </c>
      <c r="H26" s="6">
        <v>283846</v>
      </c>
      <c r="I26" s="6">
        <v>236164</v>
      </c>
      <c r="J26" s="6">
        <v>210808</v>
      </c>
      <c r="K26" s="6">
        <v>36297</v>
      </c>
      <c r="L26" s="6">
        <v>11385</v>
      </c>
    </row>
    <row r="27" spans="1:12">
      <c r="A27" s="9" t="s">
        <v>27</v>
      </c>
      <c r="B27" s="9" t="s">
        <v>28</v>
      </c>
      <c r="C27" s="9" t="s">
        <v>29</v>
      </c>
      <c r="D27" s="9" t="s">
        <v>260</v>
      </c>
      <c r="E27" s="9" t="s">
        <v>6</v>
      </c>
      <c r="F27" s="9" t="s">
        <v>235</v>
      </c>
      <c r="G27" s="9" t="s">
        <v>249</v>
      </c>
      <c r="H27" s="6">
        <v>284725</v>
      </c>
      <c r="I27" s="6">
        <v>237690</v>
      </c>
      <c r="J27" s="6">
        <v>212556</v>
      </c>
      <c r="K27" s="6">
        <v>35666</v>
      </c>
      <c r="L27" s="6">
        <v>11369</v>
      </c>
    </row>
    <row r="28" spans="1:12">
      <c r="A28" s="9" t="s">
        <v>27</v>
      </c>
      <c r="B28" s="9" t="s">
        <v>28</v>
      </c>
      <c r="C28" s="9" t="s">
        <v>29</v>
      </c>
      <c r="D28" s="9" t="s">
        <v>260</v>
      </c>
      <c r="E28" s="9" t="s">
        <v>6</v>
      </c>
      <c r="F28" s="9" t="s">
        <v>235</v>
      </c>
      <c r="G28" s="9" t="s">
        <v>250</v>
      </c>
      <c r="H28" s="6">
        <v>280877</v>
      </c>
      <c r="I28" s="6">
        <v>235527</v>
      </c>
      <c r="J28" s="6">
        <v>210851</v>
      </c>
      <c r="K28" s="6">
        <v>34771</v>
      </c>
      <c r="L28" s="6">
        <v>10579</v>
      </c>
    </row>
    <row r="29" spans="1:12">
      <c r="A29" s="9" t="s">
        <v>27</v>
      </c>
      <c r="B29" s="9" t="s">
        <v>28</v>
      </c>
      <c r="C29" s="9" t="s">
        <v>29</v>
      </c>
      <c r="D29" s="9" t="s">
        <v>260</v>
      </c>
      <c r="E29" s="9" t="s">
        <v>6</v>
      </c>
      <c r="F29" s="9" t="s">
        <v>235</v>
      </c>
      <c r="G29" s="9" t="s">
        <v>251</v>
      </c>
      <c r="H29" s="6">
        <v>276738</v>
      </c>
      <c r="I29" s="6">
        <v>231157</v>
      </c>
      <c r="J29" s="6">
        <v>207458</v>
      </c>
      <c r="K29" s="6">
        <v>34998</v>
      </c>
      <c r="L29" s="6">
        <v>10583</v>
      </c>
    </row>
    <row r="30" spans="1:12">
      <c r="A30" s="9" t="s">
        <v>27</v>
      </c>
      <c r="B30" s="9" t="s">
        <v>28</v>
      </c>
      <c r="C30" s="9" t="s">
        <v>29</v>
      </c>
      <c r="D30" s="9" t="s">
        <v>260</v>
      </c>
      <c r="E30" s="9" t="s">
        <v>6</v>
      </c>
      <c r="F30" s="9" t="s">
        <v>235</v>
      </c>
      <c r="G30" s="9" t="s">
        <v>252</v>
      </c>
      <c r="H30" s="6">
        <v>283643</v>
      </c>
      <c r="I30" s="6">
        <v>236312</v>
      </c>
      <c r="J30" s="6">
        <v>211654</v>
      </c>
      <c r="K30" s="6">
        <v>36832</v>
      </c>
      <c r="L30" s="6">
        <v>10499</v>
      </c>
    </row>
    <row r="31" spans="1:12">
      <c r="A31" s="9" t="s">
        <v>27</v>
      </c>
      <c r="B31" s="9" t="s">
        <v>28</v>
      </c>
      <c r="C31" s="9" t="s">
        <v>29</v>
      </c>
      <c r="D31" s="9" t="s">
        <v>260</v>
      </c>
      <c r="E31" s="9" t="s">
        <v>6</v>
      </c>
      <c r="F31" s="9" t="s">
        <v>235</v>
      </c>
      <c r="G31" s="9" t="s">
        <v>253</v>
      </c>
      <c r="H31" s="6">
        <v>286230</v>
      </c>
      <c r="I31" s="6">
        <v>237578</v>
      </c>
      <c r="J31" s="6">
        <v>212298</v>
      </c>
      <c r="K31" s="6">
        <v>38049</v>
      </c>
      <c r="L31" s="6">
        <v>10603</v>
      </c>
    </row>
    <row r="32" spans="1:12">
      <c r="A32" s="9" t="s">
        <v>27</v>
      </c>
      <c r="B32" s="9" t="s">
        <v>28</v>
      </c>
      <c r="C32" s="9" t="s">
        <v>29</v>
      </c>
      <c r="D32" s="9" t="s">
        <v>260</v>
      </c>
      <c r="E32" s="9" t="s">
        <v>6</v>
      </c>
      <c r="F32" s="9" t="s">
        <v>235</v>
      </c>
      <c r="G32" s="9" t="s">
        <v>254</v>
      </c>
      <c r="H32" s="6">
        <v>262827</v>
      </c>
      <c r="I32" s="6">
        <v>215549</v>
      </c>
      <c r="J32" s="6">
        <v>192865</v>
      </c>
      <c r="K32" s="6">
        <v>36413</v>
      </c>
      <c r="L32" s="6">
        <v>10865</v>
      </c>
    </row>
    <row r="33" spans="1:12">
      <c r="A33" s="9" t="s">
        <v>27</v>
      </c>
      <c r="B33" s="9" t="s">
        <v>28</v>
      </c>
      <c r="C33" s="9" t="s">
        <v>29</v>
      </c>
      <c r="D33" s="9" t="s">
        <v>260</v>
      </c>
      <c r="E33" s="9" t="s">
        <v>6</v>
      </c>
      <c r="F33" s="9" t="s">
        <v>235</v>
      </c>
      <c r="G33" s="9" t="s">
        <v>255</v>
      </c>
      <c r="H33" s="6">
        <v>227130</v>
      </c>
      <c r="I33" s="6">
        <v>183061</v>
      </c>
      <c r="J33" s="6">
        <v>163535</v>
      </c>
      <c r="K33" s="6">
        <v>34450</v>
      </c>
      <c r="L33" s="6">
        <v>9619</v>
      </c>
    </row>
    <row r="34" spans="1:12">
      <c r="A34" s="9" t="s">
        <v>27</v>
      </c>
      <c r="B34" s="9" t="s">
        <v>28</v>
      </c>
      <c r="C34" s="9" t="s">
        <v>29</v>
      </c>
      <c r="D34" s="9" t="s">
        <v>260</v>
      </c>
      <c r="E34" s="9" t="s">
        <v>6</v>
      </c>
      <c r="F34" s="9" t="s">
        <v>235</v>
      </c>
      <c r="G34" s="9" t="s">
        <v>256</v>
      </c>
      <c r="H34" s="6">
        <v>2890835</v>
      </c>
      <c r="I34" s="6">
        <v>2065203</v>
      </c>
      <c r="J34" s="6">
        <v>1722078</v>
      </c>
      <c r="K34" s="6">
        <v>745545</v>
      </c>
      <c r="L34" s="6">
        <v>80087</v>
      </c>
    </row>
    <row r="35" spans="1:12">
      <c r="A35" s="9" t="s">
        <v>27</v>
      </c>
      <c r="B35" s="9" t="s">
        <v>28</v>
      </c>
      <c r="C35" s="9" t="s">
        <v>29</v>
      </c>
      <c r="D35" s="9" t="s">
        <v>260</v>
      </c>
      <c r="E35" s="9" t="s">
        <v>226</v>
      </c>
      <c r="F35" s="9" t="s">
        <v>6</v>
      </c>
      <c r="G35" s="9" t="s">
        <v>30</v>
      </c>
      <c r="H35" s="6">
        <v>9944232</v>
      </c>
      <c r="I35" s="6">
        <v>7868858</v>
      </c>
      <c r="J35" s="6">
        <v>6757378</v>
      </c>
      <c r="K35" s="6">
        <v>2056347</v>
      </c>
      <c r="L35" s="6">
        <v>19027</v>
      </c>
    </row>
    <row r="36" spans="1:12">
      <c r="A36" s="9" t="s">
        <v>27</v>
      </c>
      <c r="B36" s="9" t="s">
        <v>28</v>
      </c>
      <c r="C36" s="9" t="s">
        <v>29</v>
      </c>
      <c r="D36" s="9" t="s">
        <v>260</v>
      </c>
      <c r="E36" s="9" t="s">
        <v>226</v>
      </c>
      <c r="F36" s="9" t="s">
        <v>234</v>
      </c>
      <c r="G36" s="9" t="s">
        <v>30</v>
      </c>
      <c r="H36" s="6">
        <v>2288721</v>
      </c>
      <c r="I36" s="6">
        <v>1724212</v>
      </c>
      <c r="J36" s="6">
        <v>1419108</v>
      </c>
      <c r="K36" s="6">
        <v>558793</v>
      </c>
      <c r="L36" s="6">
        <v>5716</v>
      </c>
    </row>
    <row r="37" spans="1:12">
      <c r="A37" s="9" t="s">
        <v>27</v>
      </c>
      <c r="B37" s="9" t="s">
        <v>28</v>
      </c>
      <c r="C37" s="9" t="s">
        <v>29</v>
      </c>
      <c r="D37" s="9" t="s">
        <v>260</v>
      </c>
      <c r="E37" s="9" t="s">
        <v>226</v>
      </c>
      <c r="F37" s="9" t="s">
        <v>235</v>
      </c>
      <c r="G37" s="9" t="s">
        <v>30</v>
      </c>
      <c r="H37" s="6">
        <v>7655511</v>
      </c>
      <c r="I37" s="6">
        <v>6144646</v>
      </c>
      <c r="J37" s="6">
        <v>5338270</v>
      </c>
      <c r="K37" s="6">
        <v>1497554</v>
      </c>
      <c r="L37" s="6">
        <v>13311</v>
      </c>
    </row>
    <row r="38" spans="1:12">
      <c r="A38" s="9" t="s">
        <v>27</v>
      </c>
      <c r="B38" s="9" t="s">
        <v>28</v>
      </c>
      <c r="C38" s="9" t="s">
        <v>29</v>
      </c>
      <c r="D38" s="9" t="s">
        <v>260</v>
      </c>
      <c r="E38" s="9" t="s">
        <v>226</v>
      </c>
      <c r="F38" s="9" t="s">
        <v>235</v>
      </c>
      <c r="G38" s="9" t="s">
        <v>236</v>
      </c>
      <c r="H38" s="6">
        <v>293000</v>
      </c>
      <c r="I38" s="6">
        <v>152472</v>
      </c>
      <c r="J38" s="6">
        <v>133128</v>
      </c>
      <c r="K38" s="6">
        <v>139493</v>
      </c>
      <c r="L38" s="6">
        <v>1035</v>
      </c>
    </row>
    <row r="39" spans="1:12">
      <c r="A39" s="9" t="s">
        <v>27</v>
      </c>
      <c r="B39" s="9" t="s">
        <v>28</v>
      </c>
      <c r="C39" s="9" t="s">
        <v>29</v>
      </c>
      <c r="D39" s="9" t="s">
        <v>260</v>
      </c>
      <c r="E39" s="9" t="s">
        <v>226</v>
      </c>
      <c r="F39" s="9" t="s">
        <v>235</v>
      </c>
      <c r="G39" s="9" t="s">
        <v>237</v>
      </c>
      <c r="H39" s="6">
        <v>302644</v>
      </c>
      <c r="I39" s="6">
        <v>199905</v>
      </c>
      <c r="J39" s="6">
        <v>175467</v>
      </c>
      <c r="K39" s="6">
        <v>101753</v>
      </c>
      <c r="L39" s="6">
        <v>986</v>
      </c>
    </row>
    <row r="40" spans="1:12">
      <c r="A40" s="9" t="s">
        <v>27</v>
      </c>
      <c r="B40" s="9" t="s">
        <v>28</v>
      </c>
      <c r="C40" s="9" t="s">
        <v>29</v>
      </c>
      <c r="D40" s="9" t="s">
        <v>260</v>
      </c>
      <c r="E40" s="9" t="s">
        <v>226</v>
      </c>
      <c r="F40" s="9" t="s">
        <v>235</v>
      </c>
      <c r="G40" s="9" t="s">
        <v>238</v>
      </c>
      <c r="H40" s="6">
        <v>276407</v>
      </c>
      <c r="I40" s="6">
        <v>201390</v>
      </c>
      <c r="J40" s="6">
        <v>176860</v>
      </c>
      <c r="K40" s="6">
        <v>74311</v>
      </c>
      <c r="L40" s="6">
        <v>706</v>
      </c>
    </row>
    <row r="41" spans="1:12">
      <c r="A41" s="9" t="s">
        <v>27</v>
      </c>
      <c r="B41" s="9" t="s">
        <v>28</v>
      </c>
      <c r="C41" s="9" t="s">
        <v>29</v>
      </c>
      <c r="D41" s="9" t="s">
        <v>260</v>
      </c>
      <c r="E41" s="9" t="s">
        <v>226</v>
      </c>
      <c r="F41" s="9" t="s">
        <v>235</v>
      </c>
      <c r="G41" s="9" t="s">
        <v>239</v>
      </c>
      <c r="H41" s="6">
        <v>254918</v>
      </c>
      <c r="I41" s="6">
        <v>197148</v>
      </c>
      <c r="J41" s="6">
        <v>173416</v>
      </c>
      <c r="K41" s="6">
        <v>57209</v>
      </c>
      <c r="L41" s="6">
        <v>561</v>
      </c>
    </row>
    <row r="42" spans="1:12">
      <c r="A42" s="9" t="s">
        <v>27</v>
      </c>
      <c r="B42" s="9" t="s">
        <v>28</v>
      </c>
      <c r="C42" s="9" t="s">
        <v>29</v>
      </c>
      <c r="D42" s="9" t="s">
        <v>260</v>
      </c>
      <c r="E42" s="9" t="s">
        <v>226</v>
      </c>
      <c r="F42" s="9" t="s">
        <v>235</v>
      </c>
      <c r="G42" s="9" t="s">
        <v>240</v>
      </c>
      <c r="H42" s="6">
        <v>247679</v>
      </c>
      <c r="I42" s="6">
        <v>200079</v>
      </c>
      <c r="J42" s="6">
        <v>176446</v>
      </c>
      <c r="K42" s="6">
        <v>47174</v>
      </c>
      <c r="L42" s="6">
        <v>426</v>
      </c>
    </row>
    <row r="43" spans="1:12">
      <c r="A43" s="9" t="s">
        <v>27</v>
      </c>
      <c r="B43" s="9" t="s">
        <v>28</v>
      </c>
      <c r="C43" s="9" t="s">
        <v>29</v>
      </c>
      <c r="D43" s="9" t="s">
        <v>260</v>
      </c>
      <c r="E43" s="9" t="s">
        <v>226</v>
      </c>
      <c r="F43" s="9" t="s">
        <v>235</v>
      </c>
      <c r="G43" s="9" t="s">
        <v>241</v>
      </c>
      <c r="H43" s="6">
        <v>244764</v>
      </c>
      <c r="I43" s="6">
        <v>201488</v>
      </c>
      <c r="J43" s="6">
        <v>177936</v>
      </c>
      <c r="K43" s="6">
        <v>42744</v>
      </c>
      <c r="L43" s="6">
        <v>532</v>
      </c>
    </row>
    <row r="44" spans="1:12">
      <c r="A44" s="9" t="s">
        <v>27</v>
      </c>
      <c r="B44" s="9" t="s">
        <v>28</v>
      </c>
      <c r="C44" s="9" t="s">
        <v>29</v>
      </c>
      <c r="D44" s="9" t="s">
        <v>260</v>
      </c>
      <c r="E44" s="9" t="s">
        <v>226</v>
      </c>
      <c r="F44" s="9" t="s">
        <v>235</v>
      </c>
      <c r="G44" s="9" t="s">
        <v>242</v>
      </c>
      <c r="H44" s="6">
        <v>243492</v>
      </c>
      <c r="I44" s="6">
        <v>203789</v>
      </c>
      <c r="J44" s="6">
        <v>179715</v>
      </c>
      <c r="K44" s="6">
        <v>39236</v>
      </c>
      <c r="L44" s="6">
        <v>467</v>
      </c>
    </row>
    <row r="45" spans="1:12">
      <c r="A45" s="9" t="s">
        <v>27</v>
      </c>
      <c r="B45" s="9" t="s">
        <v>28</v>
      </c>
      <c r="C45" s="9" t="s">
        <v>29</v>
      </c>
      <c r="D45" s="9" t="s">
        <v>260</v>
      </c>
      <c r="E45" s="9" t="s">
        <v>226</v>
      </c>
      <c r="F45" s="9" t="s">
        <v>235</v>
      </c>
      <c r="G45" s="9" t="s">
        <v>243</v>
      </c>
      <c r="H45" s="6">
        <v>248816</v>
      </c>
      <c r="I45" s="6">
        <v>209645</v>
      </c>
      <c r="J45" s="6">
        <v>185832</v>
      </c>
      <c r="K45" s="6">
        <v>38713</v>
      </c>
      <c r="L45" s="6">
        <v>458</v>
      </c>
    </row>
    <row r="46" spans="1:12">
      <c r="A46" s="9" t="s">
        <v>27</v>
      </c>
      <c r="B46" s="9" t="s">
        <v>28</v>
      </c>
      <c r="C46" s="9" t="s">
        <v>29</v>
      </c>
      <c r="D46" s="9" t="s">
        <v>260</v>
      </c>
      <c r="E46" s="9" t="s">
        <v>226</v>
      </c>
      <c r="F46" s="9" t="s">
        <v>235</v>
      </c>
      <c r="G46" s="9" t="s">
        <v>244</v>
      </c>
      <c r="H46" s="6">
        <v>248871</v>
      </c>
      <c r="I46" s="6">
        <v>213930</v>
      </c>
      <c r="J46" s="6">
        <v>190469</v>
      </c>
      <c r="K46" s="6">
        <v>34618</v>
      </c>
      <c r="L46" s="6">
        <v>323</v>
      </c>
    </row>
    <row r="47" spans="1:12">
      <c r="A47" s="9" t="s">
        <v>27</v>
      </c>
      <c r="B47" s="9" t="s">
        <v>28</v>
      </c>
      <c r="C47" s="9" t="s">
        <v>29</v>
      </c>
      <c r="D47" s="9" t="s">
        <v>260</v>
      </c>
      <c r="E47" s="9" t="s">
        <v>226</v>
      </c>
      <c r="F47" s="9" t="s">
        <v>235</v>
      </c>
      <c r="G47" s="9" t="s">
        <v>245</v>
      </c>
      <c r="H47" s="6">
        <v>255978</v>
      </c>
      <c r="I47" s="6">
        <v>221146</v>
      </c>
      <c r="J47" s="6">
        <v>196339</v>
      </c>
      <c r="K47" s="6">
        <v>34450</v>
      </c>
      <c r="L47" s="6">
        <v>382</v>
      </c>
    </row>
    <row r="48" spans="1:12">
      <c r="A48" s="9" t="s">
        <v>27</v>
      </c>
      <c r="B48" s="9" t="s">
        <v>28</v>
      </c>
      <c r="C48" s="9" t="s">
        <v>29</v>
      </c>
      <c r="D48" s="9" t="s">
        <v>260</v>
      </c>
      <c r="E48" s="9" t="s">
        <v>226</v>
      </c>
      <c r="F48" s="9" t="s">
        <v>235</v>
      </c>
      <c r="G48" s="9" t="s">
        <v>246</v>
      </c>
      <c r="H48" s="6">
        <v>255958</v>
      </c>
      <c r="I48" s="6">
        <v>221438</v>
      </c>
      <c r="J48" s="6">
        <v>196286</v>
      </c>
      <c r="K48" s="6">
        <v>34071</v>
      </c>
      <c r="L48" s="6">
        <v>449</v>
      </c>
    </row>
    <row r="49" spans="1:12">
      <c r="A49" s="9" t="s">
        <v>27</v>
      </c>
      <c r="B49" s="9" t="s">
        <v>28</v>
      </c>
      <c r="C49" s="9" t="s">
        <v>29</v>
      </c>
      <c r="D49" s="9" t="s">
        <v>260</v>
      </c>
      <c r="E49" s="9" t="s">
        <v>226</v>
      </c>
      <c r="F49" s="9" t="s">
        <v>235</v>
      </c>
      <c r="G49" s="9" t="s">
        <v>247</v>
      </c>
      <c r="H49" s="6">
        <v>262674</v>
      </c>
      <c r="I49" s="6">
        <v>227589</v>
      </c>
      <c r="J49" s="6">
        <v>202738</v>
      </c>
      <c r="K49" s="6">
        <v>34672</v>
      </c>
      <c r="L49" s="6">
        <v>413</v>
      </c>
    </row>
    <row r="50" spans="1:12">
      <c r="A50" s="9" t="s">
        <v>27</v>
      </c>
      <c r="B50" s="9" t="s">
        <v>28</v>
      </c>
      <c r="C50" s="9" t="s">
        <v>29</v>
      </c>
      <c r="D50" s="9" t="s">
        <v>260</v>
      </c>
      <c r="E50" s="9" t="s">
        <v>226</v>
      </c>
      <c r="F50" s="9" t="s">
        <v>235</v>
      </c>
      <c r="G50" s="9" t="s">
        <v>248</v>
      </c>
      <c r="H50" s="6">
        <v>268718</v>
      </c>
      <c r="I50" s="6">
        <v>233180</v>
      </c>
      <c r="J50" s="6">
        <v>208065</v>
      </c>
      <c r="K50" s="6">
        <v>35054</v>
      </c>
      <c r="L50" s="6">
        <v>484</v>
      </c>
    </row>
    <row r="51" spans="1:12">
      <c r="A51" s="9" t="s">
        <v>27</v>
      </c>
      <c r="B51" s="9" t="s">
        <v>28</v>
      </c>
      <c r="C51" s="9" t="s">
        <v>29</v>
      </c>
      <c r="D51" s="9" t="s">
        <v>260</v>
      </c>
      <c r="E51" s="9" t="s">
        <v>226</v>
      </c>
      <c r="F51" s="9" t="s">
        <v>235</v>
      </c>
      <c r="G51" s="9" t="s">
        <v>249</v>
      </c>
      <c r="H51" s="6">
        <v>269172</v>
      </c>
      <c r="I51" s="6">
        <v>234300</v>
      </c>
      <c r="J51" s="6">
        <v>209354</v>
      </c>
      <c r="K51" s="6">
        <v>34481</v>
      </c>
      <c r="L51" s="6">
        <v>391</v>
      </c>
    </row>
    <row r="52" spans="1:12">
      <c r="A52" s="9" t="s">
        <v>27</v>
      </c>
      <c r="B52" s="9" t="s">
        <v>28</v>
      </c>
      <c r="C52" s="9" t="s">
        <v>29</v>
      </c>
      <c r="D52" s="9" t="s">
        <v>260</v>
      </c>
      <c r="E52" s="9" t="s">
        <v>226</v>
      </c>
      <c r="F52" s="9" t="s">
        <v>235</v>
      </c>
      <c r="G52" s="9" t="s">
        <v>250</v>
      </c>
      <c r="H52" s="6">
        <v>265816</v>
      </c>
      <c r="I52" s="6">
        <v>232032</v>
      </c>
      <c r="J52" s="6">
        <v>207578</v>
      </c>
      <c r="K52" s="6">
        <v>33447</v>
      </c>
      <c r="L52" s="6">
        <v>337</v>
      </c>
    </row>
    <row r="53" spans="1:12">
      <c r="A53" s="9" t="s">
        <v>27</v>
      </c>
      <c r="B53" s="9" t="s">
        <v>28</v>
      </c>
      <c r="C53" s="9" t="s">
        <v>29</v>
      </c>
      <c r="D53" s="9" t="s">
        <v>260</v>
      </c>
      <c r="E53" s="9" t="s">
        <v>226</v>
      </c>
      <c r="F53" s="9" t="s">
        <v>235</v>
      </c>
      <c r="G53" s="9" t="s">
        <v>251</v>
      </c>
      <c r="H53" s="6">
        <v>261341</v>
      </c>
      <c r="I53" s="6">
        <v>227522</v>
      </c>
      <c r="J53" s="6">
        <v>204004</v>
      </c>
      <c r="K53" s="6">
        <v>33497</v>
      </c>
      <c r="L53" s="6">
        <v>322</v>
      </c>
    </row>
    <row r="54" spans="1:12">
      <c r="A54" s="9" t="s">
        <v>27</v>
      </c>
      <c r="B54" s="9" t="s">
        <v>28</v>
      </c>
      <c r="C54" s="9" t="s">
        <v>29</v>
      </c>
      <c r="D54" s="9" t="s">
        <v>260</v>
      </c>
      <c r="E54" s="9" t="s">
        <v>226</v>
      </c>
      <c r="F54" s="9" t="s">
        <v>235</v>
      </c>
      <c r="G54" s="9" t="s">
        <v>252</v>
      </c>
      <c r="H54" s="6">
        <v>268072</v>
      </c>
      <c r="I54" s="6">
        <v>232353</v>
      </c>
      <c r="J54" s="6">
        <v>207972</v>
      </c>
      <c r="K54" s="6">
        <v>35263</v>
      </c>
      <c r="L54" s="6">
        <v>456</v>
      </c>
    </row>
    <row r="55" spans="1:12">
      <c r="A55" s="9" t="s">
        <v>27</v>
      </c>
      <c r="B55" s="9" t="s">
        <v>28</v>
      </c>
      <c r="C55" s="9" t="s">
        <v>29</v>
      </c>
      <c r="D55" s="9" t="s">
        <v>260</v>
      </c>
      <c r="E55" s="9" t="s">
        <v>226</v>
      </c>
      <c r="F55" s="9" t="s">
        <v>235</v>
      </c>
      <c r="G55" s="9" t="s">
        <v>253</v>
      </c>
      <c r="H55" s="6">
        <v>269874</v>
      </c>
      <c r="I55" s="6">
        <v>233212</v>
      </c>
      <c r="J55" s="6">
        <v>208187</v>
      </c>
      <c r="K55" s="6">
        <v>36290</v>
      </c>
      <c r="L55" s="6">
        <v>372</v>
      </c>
    </row>
    <row r="56" spans="1:12">
      <c r="A56" s="9" t="s">
        <v>27</v>
      </c>
      <c r="B56" s="9" t="s">
        <v>28</v>
      </c>
      <c r="C56" s="9" t="s">
        <v>29</v>
      </c>
      <c r="D56" s="9" t="s">
        <v>260</v>
      </c>
      <c r="E56" s="9" t="s">
        <v>226</v>
      </c>
      <c r="F56" s="9" t="s">
        <v>235</v>
      </c>
      <c r="G56" s="9" t="s">
        <v>254</v>
      </c>
      <c r="H56" s="6">
        <v>246352</v>
      </c>
      <c r="I56" s="6">
        <v>211186</v>
      </c>
      <c r="J56" s="6">
        <v>188777</v>
      </c>
      <c r="K56" s="6">
        <v>34792</v>
      </c>
      <c r="L56" s="6">
        <v>374</v>
      </c>
    </row>
    <row r="57" spans="1:12">
      <c r="A57" s="9" t="s">
        <v>27</v>
      </c>
      <c r="B57" s="9" t="s">
        <v>28</v>
      </c>
      <c r="C57" s="9" t="s">
        <v>29</v>
      </c>
      <c r="D57" s="9" t="s">
        <v>260</v>
      </c>
      <c r="E57" s="9" t="s">
        <v>226</v>
      </c>
      <c r="F57" s="9" t="s">
        <v>235</v>
      </c>
      <c r="G57" s="9" t="s">
        <v>255</v>
      </c>
      <c r="H57" s="6">
        <v>211880</v>
      </c>
      <c r="I57" s="6">
        <v>178843</v>
      </c>
      <c r="J57" s="6">
        <v>159522</v>
      </c>
      <c r="K57" s="6">
        <v>32707</v>
      </c>
      <c r="L57" s="6">
        <v>330</v>
      </c>
    </row>
    <row r="58" spans="1:12">
      <c r="A58" s="9" t="s">
        <v>27</v>
      </c>
      <c r="B58" s="9" t="s">
        <v>28</v>
      </c>
      <c r="C58" s="9" t="s">
        <v>29</v>
      </c>
      <c r="D58" s="9" t="s">
        <v>260</v>
      </c>
      <c r="E58" s="9" t="s">
        <v>226</v>
      </c>
      <c r="F58" s="9" t="s">
        <v>235</v>
      </c>
      <c r="G58" s="9" t="s">
        <v>256</v>
      </c>
      <c r="H58" s="6">
        <v>2459085</v>
      </c>
      <c r="I58" s="6">
        <v>1911999</v>
      </c>
      <c r="J58" s="6">
        <v>1580179</v>
      </c>
      <c r="K58" s="6">
        <v>543579</v>
      </c>
      <c r="L58" s="6">
        <v>3507</v>
      </c>
    </row>
    <row r="59" spans="1:12">
      <c r="A59" s="9" t="s">
        <v>27</v>
      </c>
      <c r="B59" s="9" t="s">
        <v>28</v>
      </c>
      <c r="C59" s="9" t="s">
        <v>29</v>
      </c>
      <c r="D59" s="9" t="s">
        <v>260</v>
      </c>
      <c r="E59" s="9" t="s">
        <v>227</v>
      </c>
      <c r="F59" s="9" t="s">
        <v>6</v>
      </c>
      <c r="G59" s="9" t="s">
        <v>30</v>
      </c>
      <c r="H59" s="6">
        <v>8154342</v>
      </c>
      <c r="I59" s="6">
        <v>6373041</v>
      </c>
      <c r="J59" s="6">
        <v>6099600</v>
      </c>
      <c r="K59" s="6">
        <v>1768580</v>
      </c>
      <c r="L59" s="6">
        <v>12721</v>
      </c>
    </row>
    <row r="60" spans="1:12">
      <c r="A60" s="9" t="s">
        <v>27</v>
      </c>
      <c r="B60" s="9" t="s">
        <v>28</v>
      </c>
      <c r="C60" s="9" t="s">
        <v>29</v>
      </c>
      <c r="D60" s="9" t="s">
        <v>260</v>
      </c>
      <c r="E60" s="9" t="s">
        <v>227</v>
      </c>
      <c r="F60" s="9" t="s">
        <v>234</v>
      </c>
      <c r="G60" s="9" t="s">
        <v>30</v>
      </c>
      <c r="H60" s="6">
        <v>1797655</v>
      </c>
      <c r="I60" s="6">
        <v>1325400</v>
      </c>
      <c r="J60" s="6">
        <v>1258808</v>
      </c>
      <c r="K60" s="6">
        <v>468354</v>
      </c>
      <c r="L60" s="6">
        <v>3901</v>
      </c>
    </row>
    <row r="61" spans="1:12">
      <c r="A61" s="9" t="s">
        <v>27</v>
      </c>
      <c r="B61" s="9" t="s">
        <v>28</v>
      </c>
      <c r="C61" s="9" t="s">
        <v>29</v>
      </c>
      <c r="D61" s="9" t="s">
        <v>260</v>
      </c>
      <c r="E61" s="9" t="s">
        <v>227</v>
      </c>
      <c r="F61" s="9" t="s">
        <v>235</v>
      </c>
      <c r="G61" s="9" t="s">
        <v>30</v>
      </c>
      <c r="H61" s="6">
        <v>6356687</v>
      </c>
      <c r="I61" s="6">
        <v>5047641</v>
      </c>
      <c r="J61" s="6">
        <v>4840792</v>
      </c>
      <c r="K61" s="6">
        <v>1300226</v>
      </c>
      <c r="L61" s="6">
        <v>8820</v>
      </c>
    </row>
    <row r="62" spans="1:12">
      <c r="A62" s="9" t="s">
        <v>27</v>
      </c>
      <c r="B62" s="9" t="s">
        <v>28</v>
      </c>
      <c r="C62" s="9" t="s">
        <v>29</v>
      </c>
      <c r="D62" s="9" t="s">
        <v>260</v>
      </c>
      <c r="E62" s="9" t="s">
        <v>227</v>
      </c>
      <c r="F62" s="9" t="s">
        <v>235</v>
      </c>
      <c r="G62" s="9" t="s">
        <v>236</v>
      </c>
      <c r="H62" s="6">
        <v>252846</v>
      </c>
      <c r="I62" s="6">
        <v>129783</v>
      </c>
      <c r="J62" s="6">
        <v>122908</v>
      </c>
      <c r="K62" s="6">
        <v>122277</v>
      </c>
      <c r="L62" s="6">
        <v>786</v>
      </c>
    </row>
    <row r="63" spans="1:12">
      <c r="A63" s="9" t="s">
        <v>27</v>
      </c>
      <c r="B63" s="9" t="s">
        <v>28</v>
      </c>
      <c r="C63" s="9" t="s">
        <v>29</v>
      </c>
      <c r="D63" s="9" t="s">
        <v>260</v>
      </c>
      <c r="E63" s="9" t="s">
        <v>227</v>
      </c>
      <c r="F63" s="9" t="s">
        <v>235</v>
      </c>
      <c r="G63" s="9" t="s">
        <v>237</v>
      </c>
      <c r="H63" s="6">
        <v>261252</v>
      </c>
      <c r="I63" s="6">
        <v>170557</v>
      </c>
      <c r="J63" s="6">
        <v>162422</v>
      </c>
      <c r="K63" s="6">
        <v>90057</v>
      </c>
      <c r="L63" s="6">
        <v>638</v>
      </c>
    </row>
    <row r="64" spans="1:12">
      <c r="A64" s="9" t="s">
        <v>27</v>
      </c>
      <c r="B64" s="9" t="s">
        <v>28</v>
      </c>
      <c r="C64" s="9" t="s">
        <v>29</v>
      </c>
      <c r="D64" s="9" t="s">
        <v>260</v>
      </c>
      <c r="E64" s="9" t="s">
        <v>227</v>
      </c>
      <c r="F64" s="9" t="s">
        <v>235</v>
      </c>
      <c r="G64" s="9" t="s">
        <v>238</v>
      </c>
      <c r="H64" s="6">
        <v>237019</v>
      </c>
      <c r="I64" s="6">
        <v>170446</v>
      </c>
      <c r="J64" s="6">
        <v>162291</v>
      </c>
      <c r="K64" s="6">
        <v>66075</v>
      </c>
      <c r="L64" s="6">
        <v>498</v>
      </c>
    </row>
    <row r="65" spans="1:12">
      <c r="A65" s="9" t="s">
        <v>27</v>
      </c>
      <c r="B65" s="9" t="s">
        <v>28</v>
      </c>
      <c r="C65" s="9" t="s">
        <v>29</v>
      </c>
      <c r="D65" s="9" t="s">
        <v>260</v>
      </c>
      <c r="E65" s="9" t="s">
        <v>227</v>
      </c>
      <c r="F65" s="9" t="s">
        <v>235</v>
      </c>
      <c r="G65" s="9" t="s">
        <v>239</v>
      </c>
      <c r="H65" s="6">
        <v>218377</v>
      </c>
      <c r="I65" s="6">
        <v>167121</v>
      </c>
      <c r="J65" s="6">
        <v>159604</v>
      </c>
      <c r="K65" s="6">
        <v>50931</v>
      </c>
      <c r="L65" s="6">
        <v>325</v>
      </c>
    </row>
    <row r="66" spans="1:12">
      <c r="A66" s="9" t="s">
        <v>27</v>
      </c>
      <c r="B66" s="9" t="s">
        <v>28</v>
      </c>
      <c r="C66" s="9" t="s">
        <v>29</v>
      </c>
      <c r="D66" s="9" t="s">
        <v>260</v>
      </c>
      <c r="E66" s="9" t="s">
        <v>227</v>
      </c>
      <c r="F66" s="9" t="s">
        <v>235</v>
      </c>
      <c r="G66" s="9" t="s">
        <v>240</v>
      </c>
      <c r="H66" s="6">
        <v>212110</v>
      </c>
      <c r="I66" s="6">
        <v>169965</v>
      </c>
      <c r="J66" s="6">
        <v>162402</v>
      </c>
      <c r="K66" s="6">
        <v>41831</v>
      </c>
      <c r="L66" s="6">
        <v>314</v>
      </c>
    </row>
    <row r="67" spans="1:12">
      <c r="A67" s="9" t="s">
        <v>27</v>
      </c>
      <c r="B67" s="9" t="s">
        <v>28</v>
      </c>
      <c r="C67" s="9" t="s">
        <v>29</v>
      </c>
      <c r="D67" s="9" t="s">
        <v>260</v>
      </c>
      <c r="E67" s="9" t="s">
        <v>227</v>
      </c>
      <c r="F67" s="9" t="s">
        <v>235</v>
      </c>
      <c r="G67" s="9" t="s">
        <v>241</v>
      </c>
      <c r="H67" s="6">
        <v>208352</v>
      </c>
      <c r="I67" s="6">
        <v>170328</v>
      </c>
      <c r="J67" s="6">
        <v>163064</v>
      </c>
      <c r="K67" s="6">
        <v>37636</v>
      </c>
      <c r="L67" s="6">
        <v>388</v>
      </c>
    </row>
    <row r="68" spans="1:12">
      <c r="A68" s="9" t="s">
        <v>27</v>
      </c>
      <c r="B68" s="9" t="s">
        <v>28</v>
      </c>
      <c r="C68" s="9" t="s">
        <v>29</v>
      </c>
      <c r="D68" s="9" t="s">
        <v>260</v>
      </c>
      <c r="E68" s="9" t="s">
        <v>227</v>
      </c>
      <c r="F68" s="9" t="s">
        <v>235</v>
      </c>
      <c r="G68" s="9" t="s">
        <v>242</v>
      </c>
      <c r="H68" s="6">
        <v>207085</v>
      </c>
      <c r="I68" s="6">
        <v>171825</v>
      </c>
      <c r="J68" s="6">
        <v>164541</v>
      </c>
      <c r="K68" s="6">
        <v>34974</v>
      </c>
      <c r="L68" s="6">
        <v>286</v>
      </c>
    </row>
    <row r="69" spans="1:12">
      <c r="A69" s="9" t="s">
        <v>27</v>
      </c>
      <c r="B69" s="9" t="s">
        <v>28</v>
      </c>
      <c r="C69" s="9" t="s">
        <v>29</v>
      </c>
      <c r="D69" s="9" t="s">
        <v>260</v>
      </c>
      <c r="E69" s="9" t="s">
        <v>227</v>
      </c>
      <c r="F69" s="9" t="s">
        <v>235</v>
      </c>
      <c r="G69" s="9" t="s">
        <v>243</v>
      </c>
      <c r="H69" s="6">
        <v>212053</v>
      </c>
      <c r="I69" s="6">
        <v>177548</v>
      </c>
      <c r="J69" s="6">
        <v>170365</v>
      </c>
      <c r="K69" s="6">
        <v>34231</v>
      </c>
      <c r="L69" s="6">
        <v>274</v>
      </c>
    </row>
    <row r="70" spans="1:12">
      <c r="A70" s="9" t="s">
        <v>27</v>
      </c>
      <c r="B70" s="9" t="s">
        <v>28</v>
      </c>
      <c r="C70" s="9" t="s">
        <v>29</v>
      </c>
      <c r="D70" s="9" t="s">
        <v>260</v>
      </c>
      <c r="E70" s="9" t="s">
        <v>227</v>
      </c>
      <c r="F70" s="9" t="s">
        <v>235</v>
      </c>
      <c r="G70" s="9" t="s">
        <v>244</v>
      </c>
      <c r="H70" s="6">
        <v>211638</v>
      </c>
      <c r="I70" s="6">
        <v>180886</v>
      </c>
      <c r="J70" s="6">
        <v>174284</v>
      </c>
      <c r="K70" s="6">
        <v>30542</v>
      </c>
      <c r="L70" s="6">
        <v>210</v>
      </c>
    </row>
    <row r="71" spans="1:12">
      <c r="A71" s="9" t="s">
        <v>27</v>
      </c>
      <c r="B71" s="9" t="s">
        <v>28</v>
      </c>
      <c r="C71" s="9" t="s">
        <v>29</v>
      </c>
      <c r="D71" s="9" t="s">
        <v>260</v>
      </c>
      <c r="E71" s="9" t="s">
        <v>227</v>
      </c>
      <c r="F71" s="9" t="s">
        <v>235</v>
      </c>
      <c r="G71" s="9" t="s">
        <v>245</v>
      </c>
      <c r="H71" s="6">
        <v>218352</v>
      </c>
      <c r="I71" s="6">
        <v>187483</v>
      </c>
      <c r="J71" s="6">
        <v>180296</v>
      </c>
      <c r="K71" s="6">
        <v>30611</v>
      </c>
      <c r="L71" s="6">
        <v>258</v>
      </c>
    </row>
    <row r="72" spans="1:12">
      <c r="A72" s="9" t="s">
        <v>27</v>
      </c>
      <c r="B72" s="9" t="s">
        <v>28</v>
      </c>
      <c r="C72" s="9" t="s">
        <v>29</v>
      </c>
      <c r="D72" s="9" t="s">
        <v>260</v>
      </c>
      <c r="E72" s="9" t="s">
        <v>227</v>
      </c>
      <c r="F72" s="9" t="s">
        <v>235</v>
      </c>
      <c r="G72" s="9" t="s">
        <v>246</v>
      </c>
      <c r="H72" s="6">
        <v>216330</v>
      </c>
      <c r="I72" s="6">
        <v>186021</v>
      </c>
      <c r="J72" s="6">
        <v>179120</v>
      </c>
      <c r="K72" s="6">
        <v>30025</v>
      </c>
      <c r="L72" s="6">
        <v>284</v>
      </c>
    </row>
    <row r="73" spans="1:12">
      <c r="A73" s="9" t="s">
        <v>27</v>
      </c>
      <c r="B73" s="9" t="s">
        <v>28</v>
      </c>
      <c r="C73" s="9" t="s">
        <v>29</v>
      </c>
      <c r="D73" s="9" t="s">
        <v>260</v>
      </c>
      <c r="E73" s="9" t="s">
        <v>227</v>
      </c>
      <c r="F73" s="9" t="s">
        <v>235</v>
      </c>
      <c r="G73" s="9" t="s">
        <v>247</v>
      </c>
      <c r="H73" s="6">
        <v>222510</v>
      </c>
      <c r="I73" s="6">
        <v>191784</v>
      </c>
      <c r="J73" s="6">
        <v>184971</v>
      </c>
      <c r="K73" s="6">
        <v>30453</v>
      </c>
      <c r="L73" s="6">
        <v>273</v>
      </c>
    </row>
    <row r="74" spans="1:12">
      <c r="A74" s="9" t="s">
        <v>27</v>
      </c>
      <c r="B74" s="9" t="s">
        <v>28</v>
      </c>
      <c r="C74" s="9" t="s">
        <v>29</v>
      </c>
      <c r="D74" s="9" t="s">
        <v>260</v>
      </c>
      <c r="E74" s="9" t="s">
        <v>227</v>
      </c>
      <c r="F74" s="9" t="s">
        <v>235</v>
      </c>
      <c r="G74" s="9" t="s">
        <v>248</v>
      </c>
      <c r="H74" s="6">
        <v>228515</v>
      </c>
      <c r="I74" s="6">
        <v>197276</v>
      </c>
      <c r="J74" s="6">
        <v>190374</v>
      </c>
      <c r="K74" s="6">
        <v>30941</v>
      </c>
      <c r="L74" s="6">
        <v>298</v>
      </c>
    </row>
    <row r="75" spans="1:12">
      <c r="A75" s="9" t="s">
        <v>27</v>
      </c>
      <c r="B75" s="9" t="s">
        <v>28</v>
      </c>
      <c r="C75" s="9" t="s">
        <v>29</v>
      </c>
      <c r="D75" s="9" t="s">
        <v>260</v>
      </c>
      <c r="E75" s="9" t="s">
        <v>227</v>
      </c>
      <c r="F75" s="9" t="s">
        <v>235</v>
      </c>
      <c r="G75" s="9" t="s">
        <v>249</v>
      </c>
      <c r="H75" s="6">
        <v>229524</v>
      </c>
      <c r="I75" s="6">
        <v>198849</v>
      </c>
      <c r="J75" s="6">
        <v>191683</v>
      </c>
      <c r="K75" s="6">
        <v>30387</v>
      </c>
      <c r="L75" s="6">
        <v>288</v>
      </c>
    </row>
    <row r="76" spans="1:12">
      <c r="A76" s="9" t="s">
        <v>27</v>
      </c>
      <c r="B76" s="9" t="s">
        <v>28</v>
      </c>
      <c r="C76" s="9" t="s">
        <v>29</v>
      </c>
      <c r="D76" s="9" t="s">
        <v>260</v>
      </c>
      <c r="E76" s="9" t="s">
        <v>227</v>
      </c>
      <c r="F76" s="9" t="s">
        <v>235</v>
      </c>
      <c r="G76" s="9" t="s">
        <v>250</v>
      </c>
      <c r="H76" s="6">
        <v>226167</v>
      </c>
      <c r="I76" s="6">
        <v>196609</v>
      </c>
      <c r="J76" s="6">
        <v>190096</v>
      </c>
      <c r="K76" s="6">
        <v>29283</v>
      </c>
      <c r="L76" s="6">
        <v>275</v>
      </c>
    </row>
    <row r="77" spans="1:12">
      <c r="A77" s="9" t="s">
        <v>27</v>
      </c>
      <c r="B77" s="9" t="s">
        <v>28</v>
      </c>
      <c r="C77" s="9" t="s">
        <v>29</v>
      </c>
      <c r="D77" s="9" t="s">
        <v>260</v>
      </c>
      <c r="E77" s="9" t="s">
        <v>227</v>
      </c>
      <c r="F77" s="9" t="s">
        <v>235</v>
      </c>
      <c r="G77" s="9" t="s">
        <v>251</v>
      </c>
      <c r="H77" s="6">
        <v>222871</v>
      </c>
      <c r="I77" s="6">
        <v>192945</v>
      </c>
      <c r="J77" s="6">
        <v>186356</v>
      </c>
      <c r="K77" s="6">
        <v>29771</v>
      </c>
      <c r="L77" s="6">
        <v>155</v>
      </c>
    </row>
    <row r="78" spans="1:12">
      <c r="A78" s="9" t="s">
        <v>27</v>
      </c>
      <c r="B78" s="9" t="s">
        <v>28</v>
      </c>
      <c r="C78" s="9" t="s">
        <v>29</v>
      </c>
      <c r="D78" s="9" t="s">
        <v>260</v>
      </c>
      <c r="E78" s="9" t="s">
        <v>227</v>
      </c>
      <c r="F78" s="9" t="s">
        <v>235</v>
      </c>
      <c r="G78" s="9" t="s">
        <v>252</v>
      </c>
      <c r="H78" s="6">
        <v>228443</v>
      </c>
      <c r="I78" s="6">
        <v>196867</v>
      </c>
      <c r="J78" s="6">
        <v>189982</v>
      </c>
      <c r="K78" s="6">
        <v>31335</v>
      </c>
      <c r="L78" s="6">
        <v>241</v>
      </c>
    </row>
    <row r="79" spans="1:12">
      <c r="A79" s="9" t="s">
        <v>27</v>
      </c>
      <c r="B79" s="9" t="s">
        <v>28</v>
      </c>
      <c r="C79" s="9" t="s">
        <v>29</v>
      </c>
      <c r="D79" s="9" t="s">
        <v>260</v>
      </c>
      <c r="E79" s="9" t="s">
        <v>227</v>
      </c>
      <c r="F79" s="9" t="s">
        <v>235</v>
      </c>
      <c r="G79" s="9" t="s">
        <v>253</v>
      </c>
      <c r="H79" s="6">
        <v>229012</v>
      </c>
      <c r="I79" s="6">
        <v>196466</v>
      </c>
      <c r="J79" s="6">
        <v>189724</v>
      </c>
      <c r="K79" s="6">
        <v>32302</v>
      </c>
      <c r="L79" s="6">
        <v>244</v>
      </c>
    </row>
    <row r="80" spans="1:12">
      <c r="A80" s="9" t="s">
        <v>27</v>
      </c>
      <c r="B80" s="9" t="s">
        <v>28</v>
      </c>
      <c r="C80" s="9" t="s">
        <v>29</v>
      </c>
      <c r="D80" s="9" t="s">
        <v>260</v>
      </c>
      <c r="E80" s="9" t="s">
        <v>227</v>
      </c>
      <c r="F80" s="9" t="s">
        <v>235</v>
      </c>
      <c r="G80" s="9" t="s">
        <v>254</v>
      </c>
      <c r="H80" s="6">
        <v>209319</v>
      </c>
      <c r="I80" s="6">
        <v>178279</v>
      </c>
      <c r="J80" s="6">
        <v>172408</v>
      </c>
      <c r="K80" s="6">
        <v>30787</v>
      </c>
      <c r="L80" s="6">
        <v>253</v>
      </c>
    </row>
    <row r="81" spans="1:12">
      <c r="A81" s="9" t="s">
        <v>27</v>
      </c>
      <c r="B81" s="9" t="s">
        <v>28</v>
      </c>
      <c r="C81" s="9" t="s">
        <v>29</v>
      </c>
      <c r="D81" s="9" t="s">
        <v>260</v>
      </c>
      <c r="E81" s="9" t="s">
        <v>227</v>
      </c>
      <c r="F81" s="9" t="s">
        <v>235</v>
      </c>
      <c r="G81" s="9" t="s">
        <v>255</v>
      </c>
      <c r="H81" s="6">
        <v>179586</v>
      </c>
      <c r="I81" s="6">
        <v>150523</v>
      </c>
      <c r="J81" s="6">
        <v>145089</v>
      </c>
      <c r="K81" s="6">
        <v>28868</v>
      </c>
      <c r="L81" s="6">
        <v>195</v>
      </c>
    </row>
    <row r="82" spans="1:12">
      <c r="A82" s="9" t="s">
        <v>27</v>
      </c>
      <c r="B82" s="9" t="s">
        <v>28</v>
      </c>
      <c r="C82" s="9" t="s">
        <v>29</v>
      </c>
      <c r="D82" s="9" t="s">
        <v>260</v>
      </c>
      <c r="E82" s="9" t="s">
        <v>227</v>
      </c>
      <c r="F82" s="9" t="s">
        <v>235</v>
      </c>
      <c r="G82" s="9" t="s">
        <v>256</v>
      </c>
      <c r="H82" s="6">
        <v>1925326</v>
      </c>
      <c r="I82" s="6">
        <v>1466080</v>
      </c>
      <c r="J82" s="6">
        <v>1398812</v>
      </c>
      <c r="K82" s="6">
        <v>456909</v>
      </c>
      <c r="L82" s="6">
        <v>2337</v>
      </c>
    </row>
    <row r="83" spans="1:12">
      <c r="A83" s="9" t="s">
        <v>27</v>
      </c>
      <c r="B83" s="9" t="s">
        <v>28</v>
      </c>
      <c r="C83" s="9" t="s">
        <v>29</v>
      </c>
      <c r="D83" s="9" t="s">
        <v>260</v>
      </c>
      <c r="E83" s="9" t="s">
        <v>228</v>
      </c>
      <c r="F83" s="9" t="s">
        <v>6</v>
      </c>
      <c r="G83" s="9" t="s">
        <v>30</v>
      </c>
      <c r="H83" s="6">
        <v>882575</v>
      </c>
      <c r="I83" s="6">
        <v>362318</v>
      </c>
      <c r="J83" s="6">
        <v>335747</v>
      </c>
      <c r="K83" s="6">
        <v>518720</v>
      </c>
      <c r="L83" s="6">
        <v>1537</v>
      </c>
    </row>
    <row r="84" spans="1:12">
      <c r="A84" s="9" t="s">
        <v>27</v>
      </c>
      <c r="B84" s="9" t="s">
        <v>28</v>
      </c>
      <c r="C84" s="9" t="s">
        <v>29</v>
      </c>
      <c r="D84" s="9" t="s">
        <v>260</v>
      </c>
      <c r="E84" s="9" t="s">
        <v>228</v>
      </c>
      <c r="F84" s="9" t="s">
        <v>234</v>
      </c>
      <c r="G84" s="9" t="s">
        <v>30</v>
      </c>
      <c r="H84" s="6">
        <v>439011</v>
      </c>
      <c r="I84" s="6">
        <v>154020</v>
      </c>
      <c r="J84" s="6">
        <v>142066</v>
      </c>
      <c r="K84" s="6">
        <v>284497</v>
      </c>
      <c r="L84" s="6">
        <v>494</v>
      </c>
    </row>
    <row r="85" spans="1:12">
      <c r="A85" s="9" t="s">
        <v>27</v>
      </c>
      <c r="B85" s="9" t="s">
        <v>28</v>
      </c>
      <c r="C85" s="9" t="s">
        <v>29</v>
      </c>
      <c r="D85" s="9" t="s">
        <v>260</v>
      </c>
      <c r="E85" s="9" t="s">
        <v>228</v>
      </c>
      <c r="F85" s="9" t="s">
        <v>235</v>
      </c>
      <c r="G85" s="9" t="s">
        <v>30</v>
      </c>
      <c r="H85" s="6">
        <v>443564</v>
      </c>
      <c r="I85" s="6">
        <v>208298</v>
      </c>
      <c r="J85" s="6">
        <v>193681</v>
      </c>
      <c r="K85" s="6">
        <v>234223</v>
      </c>
      <c r="L85" s="6">
        <v>1043</v>
      </c>
    </row>
    <row r="86" spans="1:12">
      <c r="A86" s="9" t="s">
        <v>27</v>
      </c>
      <c r="B86" s="9" t="s">
        <v>28</v>
      </c>
      <c r="C86" s="9" t="s">
        <v>29</v>
      </c>
      <c r="D86" s="9" t="s">
        <v>260</v>
      </c>
      <c r="E86" s="9" t="s">
        <v>228</v>
      </c>
      <c r="F86" s="9" t="s">
        <v>235</v>
      </c>
      <c r="G86" s="9" t="s">
        <v>236</v>
      </c>
      <c r="H86" s="6">
        <v>7082</v>
      </c>
      <c r="I86" s="6">
        <v>2168</v>
      </c>
      <c r="J86" s="6">
        <v>1999</v>
      </c>
      <c r="K86" s="6">
        <v>4823</v>
      </c>
      <c r="L86" s="6">
        <v>91</v>
      </c>
    </row>
    <row r="87" spans="1:12">
      <c r="A87" s="9" t="s">
        <v>27</v>
      </c>
      <c r="B87" s="9" t="s">
        <v>28</v>
      </c>
      <c r="C87" s="9" t="s">
        <v>29</v>
      </c>
      <c r="D87" s="9" t="s">
        <v>260</v>
      </c>
      <c r="E87" s="9" t="s">
        <v>228</v>
      </c>
      <c r="F87" s="9" t="s">
        <v>235</v>
      </c>
      <c r="G87" s="9" t="s">
        <v>237</v>
      </c>
      <c r="H87" s="6">
        <v>5528</v>
      </c>
      <c r="I87" s="6">
        <v>2438</v>
      </c>
      <c r="J87" s="6">
        <v>2181</v>
      </c>
      <c r="K87" s="6">
        <v>3063</v>
      </c>
      <c r="L87" s="6">
        <v>27</v>
      </c>
    </row>
    <row r="88" spans="1:12">
      <c r="A88" s="9" t="s">
        <v>27</v>
      </c>
      <c r="B88" s="9" t="s">
        <v>28</v>
      </c>
      <c r="C88" s="9" t="s">
        <v>29</v>
      </c>
      <c r="D88" s="9" t="s">
        <v>260</v>
      </c>
      <c r="E88" s="9" t="s">
        <v>228</v>
      </c>
      <c r="F88" s="9" t="s">
        <v>235</v>
      </c>
      <c r="G88" s="9" t="s">
        <v>238</v>
      </c>
      <c r="H88" s="6">
        <v>4363</v>
      </c>
      <c r="I88" s="6">
        <v>2161</v>
      </c>
      <c r="J88" s="6">
        <v>1996</v>
      </c>
      <c r="K88" s="6">
        <v>2164</v>
      </c>
      <c r="L88" s="6">
        <v>38</v>
      </c>
    </row>
    <row r="89" spans="1:12">
      <c r="A89" s="9" t="s">
        <v>27</v>
      </c>
      <c r="B89" s="9" t="s">
        <v>28</v>
      </c>
      <c r="C89" s="9" t="s">
        <v>29</v>
      </c>
      <c r="D89" s="9" t="s">
        <v>260</v>
      </c>
      <c r="E89" s="9" t="s">
        <v>228</v>
      </c>
      <c r="F89" s="9" t="s">
        <v>235</v>
      </c>
      <c r="G89" s="9" t="s">
        <v>239</v>
      </c>
      <c r="H89" s="6">
        <v>4016</v>
      </c>
      <c r="I89" s="6">
        <v>2331</v>
      </c>
      <c r="J89" s="6">
        <v>2124</v>
      </c>
      <c r="K89" s="6">
        <v>1653</v>
      </c>
      <c r="L89" s="6">
        <v>32</v>
      </c>
    </row>
    <row r="90" spans="1:12">
      <c r="A90" s="9" t="s">
        <v>27</v>
      </c>
      <c r="B90" s="9" t="s">
        <v>28</v>
      </c>
      <c r="C90" s="9" t="s">
        <v>29</v>
      </c>
      <c r="D90" s="9" t="s">
        <v>260</v>
      </c>
      <c r="E90" s="9" t="s">
        <v>228</v>
      </c>
      <c r="F90" s="9" t="s">
        <v>235</v>
      </c>
      <c r="G90" s="9" t="s">
        <v>240</v>
      </c>
      <c r="H90" s="6">
        <v>3573</v>
      </c>
      <c r="I90" s="6">
        <v>2165</v>
      </c>
      <c r="J90" s="6">
        <v>1904</v>
      </c>
      <c r="K90" s="6">
        <v>1373</v>
      </c>
      <c r="L90" s="6">
        <v>35</v>
      </c>
    </row>
    <row r="91" spans="1:12">
      <c r="A91" s="9" t="s">
        <v>27</v>
      </c>
      <c r="B91" s="9" t="s">
        <v>28</v>
      </c>
      <c r="C91" s="9" t="s">
        <v>29</v>
      </c>
      <c r="D91" s="9" t="s">
        <v>260</v>
      </c>
      <c r="E91" s="9" t="s">
        <v>228</v>
      </c>
      <c r="F91" s="9" t="s">
        <v>235</v>
      </c>
      <c r="G91" s="9" t="s">
        <v>241</v>
      </c>
      <c r="H91" s="6">
        <v>3634</v>
      </c>
      <c r="I91" s="6">
        <v>2208</v>
      </c>
      <c r="J91" s="6">
        <v>2050</v>
      </c>
      <c r="K91" s="6">
        <v>1402</v>
      </c>
      <c r="L91" s="6">
        <v>24</v>
      </c>
    </row>
    <row r="92" spans="1:12">
      <c r="A92" s="9" t="s">
        <v>27</v>
      </c>
      <c r="B92" s="9" t="s">
        <v>28</v>
      </c>
      <c r="C92" s="9" t="s">
        <v>29</v>
      </c>
      <c r="D92" s="9" t="s">
        <v>260</v>
      </c>
      <c r="E92" s="9" t="s">
        <v>228</v>
      </c>
      <c r="F92" s="9" t="s">
        <v>235</v>
      </c>
      <c r="G92" s="9" t="s">
        <v>242</v>
      </c>
      <c r="H92" s="6">
        <v>3254</v>
      </c>
      <c r="I92" s="6">
        <v>1967</v>
      </c>
      <c r="J92" s="6">
        <v>1829</v>
      </c>
      <c r="K92" s="6">
        <v>1265</v>
      </c>
      <c r="L92" s="6">
        <v>22</v>
      </c>
    </row>
    <row r="93" spans="1:12">
      <c r="A93" s="9" t="s">
        <v>27</v>
      </c>
      <c r="B93" s="9" t="s">
        <v>28</v>
      </c>
      <c r="C93" s="9" t="s">
        <v>29</v>
      </c>
      <c r="D93" s="9" t="s">
        <v>260</v>
      </c>
      <c r="E93" s="9" t="s">
        <v>228</v>
      </c>
      <c r="F93" s="9" t="s">
        <v>235</v>
      </c>
      <c r="G93" s="9" t="s">
        <v>243</v>
      </c>
      <c r="H93" s="6">
        <v>3816</v>
      </c>
      <c r="I93" s="6">
        <v>2519</v>
      </c>
      <c r="J93" s="6">
        <v>2388</v>
      </c>
      <c r="K93" s="6">
        <v>1263</v>
      </c>
      <c r="L93" s="6">
        <v>34</v>
      </c>
    </row>
    <row r="94" spans="1:12">
      <c r="A94" s="9" t="s">
        <v>27</v>
      </c>
      <c r="B94" s="9" t="s">
        <v>28</v>
      </c>
      <c r="C94" s="9" t="s">
        <v>29</v>
      </c>
      <c r="D94" s="9" t="s">
        <v>260</v>
      </c>
      <c r="E94" s="9" t="s">
        <v>228</v>
      </c>
      <c r="F94" s="9" t="s">
        <v>235</v>
      </c>
      <c r="G94" s="9" t="s">
        <v>244</v>
      </c>
      <c r="H94" s="6">
        <v>3837</v>
      </c>
      <c r="I94" s="6">
        <v>2495</v>
      </c>
      <c r="J94" s="6">
        <v>2319</v>
      </c>
      <c r="K94" s="6">
        <v>1324</v>
      </c>
      <c r="L94" s="6">
        <v>18</v>
      </c>
    </row>
    <row r="95" spans="1:12">
      <c r="A95" s="9" t="s">
        <v>27</v>
      </c>
      <c r="B95" s="9" t="s">
        <v>28</v>
      </c>
      <c r="C95" s="9" t="s">
        <v>29</v>
      </c>
      <c r="D95" s="9" t="s">
        <v>260</v>
      </c>
      <c r="E95" s="9" t="s">
        <v>228</v>
      </c>
      <c r="F95" s="9" t="s">
        <v>235</v>
      </c>
      <c r="G95" s="9" t="s">
        <v>245</v>
      </c>
      <c r="H95" s="6">
        <v>3681</v>
      </c>
      <c r="I95" s="6">
        <v>2537</v>
      </c>
      <c r="J95" s="6">
        <v>2364</v>
      </c>
      <c r="K95" s="6">
        <v>1123</v>
      </c>
      <c r="L95" s="6">
        <v>21</v>
      </c>
    </row>
    <row r="96" spans="1:12">
      <c r="A96" s="9" t="s">
        <v>27</v>
      </c>
      <c r="B96" s="9" t="s">
        <v>28</v>
      </c>
      <c r="C96" s="9" t="s">
        <v>29</v>
      </c>
      <c r="D96" s="9" t="s">
        <v>260</v>
      </c>
      <c r="E96" s="9" t="s">
        <v>228</v>
      </c>
      <c r="F96" s="9" t="s">
        <v>235</v>
      </c>
      <c r="G96" s="9" t="s">
        <v>246</v>
      </c>
      <c r="H96" s="6">
        <v>3858</v>
      </c>
      <c r="I96" s="6">
        <v>2734</v>
      </c>
      <c r="J96" s="6">
        <v>2548</v>
      </c>
      <c r="K96" s="6">
        <v>1084</v>
      </c>
      <c r="L96" s="6">
        <v>40</v>
      </c>
    </row>
    <row r="97" spans="1:12">
      <c r="A97" s="9" t="s">
        <v>27</v>
      </c>
      <c r="B97" s="9" t="s">
        <v>28</v>
      </c>
      <c r="C97" s="9" t="s">
        <v>29</v>
      </c>
      <c r="D97" s="9" t="s">
        <v>260</v>
      </c>
      <c r="E97" s="9" t="s">
        <v>228</v>
      </c>
      <c r="F97" s="9" t="s">
        <v>235</v>
      </c>
      <c r="G97" s="9" t="s">
        <v>247</v>
      </c>
      <c r="H97" s="6">
        <v>4200</v>
      </c>
      <c r="I97" s="6">
        <v>2982</v>
      </c>
      <c r="J97" s="6">
        <v>2792</v>
      </c>
      <c r="K97" s="6">
        <v>1202</v>
      </c>
      <c r="L97" s="6">
        <v>16</v>
      </c>
    </row>
    <row r="98" spans="1:12">
      <c r="A98" s="9" t="s">
        <v>27</v>
      </c>
      <c r="B98" s="9" t="s">
        <v>28</v>
      </c>
      <c r="C98" s="9" t="s">
        <v>29</v>
      </c>
      <c r="D98" s="9" t="s">
        <v>260</v>
      </c>
      <c r="E98" s="9" t="s">
        <v>228</v>
      </c>
      <c r="F98" s="9" t="s">
        <v>235</v>
      </c>
      <c r="G98" s="9" t="s">
        <v>248</v>
      </c>
      <c r="H98" s="6">
        <v>4095</v>
      </c>
      <c r="I98" s="6">
        <v>2860</v>
      </c>
      <c r="J98" s="6">
        <v>2647</v>
      </c>
      <c r="K98" s="6">
        <v>1199</v>
      </c>
      <c r="L98" s="6">
        <v>36</v>
      </c>
    </row>
    <row r="99" spans="1:12">
      <c r="A99" s="9" t="s">
        <v>27</v>
      </c>
      <c r="B99" s="9" t="s">
        <v>28</v>
      </c>
      <c r="C99" s="9" t="s">
        <v>29</v>
      </c>
      <c r="D99" s="9" t="s">
        <v>260</v>
      </c>
      <c r="E99" s="9" t="s">
        <v>228</v>
      </c>
      <c r="F99" s="9" t="s">
        <v>235</v>
      </c>
      <c r="G99" s="9" t="s">
        <v>249</v>
      </c>
      <c r="H99" s="6">
        <v>4371</v>
      </c>
      <c r="I99" s="6">
        <v>3223</v>
      </c>
      <c r="J99" s="6">
        <v>3064</v>
      </c>
      <c r="K99" s="6">
        <v>1139</v>
      </c>
      <c r="L99" s="6">
        <v>9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0</v>
      </c>
      <c r="E100" s="9" t="s">
        <v>228</v>
      </c>
      <c r="F100" s="9" t="s">
        <v>235</v>
      </c>
      <c r="G100" s="9" t="s">
        <v>250</v>
      </c>
      <c r="H100" s="6">
        <v>4562</v>
      </c>
      <c r="I100" s="6">
        <v>3267</v>
      </c>
      <c r="J100" s="6">
        <v>3087</v>
      </c>
      <c r="K100" s="6">
        <v>1277</v>
      </c>
      <c r="L100" s="6">
        <v>18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0</v>
      </c>
      <c r="E101" s="9" t="s">
        <v>228</v>
      </c>
      <c r="F101" s="9" t="s">
        <v>235</v>
      </c>
      <c r="G101" s="9" t="s">
        <v>251</v>
      </c>
      <c r="H101" s="6">
        <v>4944</v>
      </c>
      <c r="I101" s="6">
        <v>3449</v>
      </c>
      <c r="J101" s="6">
        <v>3310</v>
      </c>
      <c r="K101" s="6">
        <v>1460</v>
      </c>
      <c r="L101" s="6">
        <v>35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0</v>
      </c>
      <c r="E102" s="9" t="s">
        <v>228</v>
      </c>
      <c r="F102" s="9" t="s">
        <v>235</v>
      </c>
      <c r="G102" s="9" t="s">
        <v>252</v>
      </c>
      <c r="H102" s="6">
        <v>5320</v>
      </c>
      <c r="I102" s="6">
        <v>3753</v>
      </c>
      <c r="J102" s="6">
        <v>3519</v>
      </c>
      <c r="K102" s="6">
        <v>1533</v>
      </c>
      <c r="L102" s="6">
        <v>34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0</v>
      </c>
      <c r="E103" s="9" t="s">
        <v>228</v>
      </c>
      <c r="F103" s="9" t="s">
        <v>235</v>
      </c>
      <c r="G103" s="9" t="s">
        <v>253</v>
      </c>
      <c r="H103" s="6">
        <v>5825</v>
      </c>
      <c r="I103" s="6">
        <v>4115</v>
      </c>
      <c r="J103" s="6">
        <v>3890</v>
      </c>
      <c r="K103" s="6">
        <v>1677</v>
      </c>
      <c r="L103" s="6">
        <v>33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0</v>
      </c>
      <c r="E104" s="9" t="s">
        <v>228</v>
      </c>
      <c r="F104" s="9" t="s">
        <v>235</v>
      </c>
      <c r="G104" s="9" t="s">
        <v>254</v>
      </c>
      <c r="H104" s="6">
        <v>5764</v>
      </c>
      <c r="I104" s="6">
        <v>4181</v>
      </c>
      <c r="J104" s="6">
        <v>3938</v>
      </c>
      <c r="K104" s="6">
        <v>1566</v>
      </c>
      <c r="L104" s="6">
        <v>17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0</v>
      </c>
      <c r="E105" s="9" t="s">
        <v>228</v>
      </c>
      <c r="F105" s="9" t="s">
        <v>235</v>
      </c>
      <c r="G105" s="9" t="s">
        <v>255</v>
      </c>
      <c r="H105" s="6">
        <v>5751</v>
      </c>
      <c r="I105" s="6">
        <v>4034</v>
      </c>
      <c r="J105" s="6">
        <v>3846</v>
      </c>
      <c r="K105" s="6">
        <v>1693</v>
      </c>
      <c r="L105" s="6">
        <v>24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0</v>
      </c>
      <c r="E106" s="9" t="s">
        <v>228</v>
      </c>
      <c r="F106" s="9" t="s">
        <v>235</v>
      </c>
      <c r="G106" s="9" t="s">
        <v>256</v>
      </c>
      <c r="H106" s="6">
        <v>352090</v>
      </c>
      <c r="I106" s="6">
        <v>150711</v>
      </c>
      <c r="J106" s="6">
        <v>139886</v>
      </c>
      <c r="K106" s="6">
        <v>200940</v>
      </c>
      <c r="L106" s="6">
        <v>439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0</v>
      </c>
      <c r="E107" s="9" t="s">
        <v>18</v>
      </c>
      <c r="F107" s="9" t="s">
        <v>6</v>
      </c>
      <c r="G107" s="9" t="s">
        <v>30</v>
      </c>
      <c r="H107" s="6">
        <v>410814</v>
      </c>
      <c r="I107" s="6">
        <v>8112</v>
      </c>
      <c r="J107" s="6">
        <v>6406</v>
      </c>
      <c r="K107" s="6">
        <v>3513</v>
      </c>
      <c r="L107" s="6">
        <v>399189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0</v>
      </c>
      <c r="E108" s="9" t="s">
        <v>18</v>
      </c>
      <c r="F108" s="9" t="s">
        <v>234</v>
      </c>
      <c r="G108" s="9" t="s">
        <v>30</v>
      </c>
      <c r="H108" s="6">
        <v>82862</v>
      </c>
      <c r="I108" s="6">
        <v>2393</v>
      </c>
      <c r="J108" s="6">
        <v>1874</v>
      </c>
      <c r="K108" s="6">
        <v>929</v>
      </c>
      <c r="L108" s="6">
        <v>79540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0</v>
      </c>
      <c r="E109" s="9" t="s">
        <v>18</v>
      </c>
      <c r="F109" s="9" t="s">
        <v>235</v>
      </c>
      <c r="G109" s="9" t="s">
        <v>30</v>
      </c>
      <c r="H109" s="6">
        <v>327952</v>
      </c>
      <c r="I109" s="6">
        <v>5719</v>
      </c>
      <c r="J109" s="6">
        <v>4532</v>
      </c>
      <c r="K109" s="6">
        <v>2584</v>
      </c>
      <c r="L109" s="6">
        <v>319649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0</v>
      </c>
      <c r="E110" s="9" t="s">
        <v>18</v>
      </c>
      <c r="F110" s="9" t="s">
        <v>235</v>
      </c>
      <c r="G110" s="9" t="s">
        <v>236</v>
      </c>
      <c r="H110" s="6">
        <v>19914</v>
      </c>
      <c r="I110" s="6">
        <v>201</v>
      </c>
      <c r="J110" s="6">
        <v>143</v>
      </c>
      <c r="K110" s="6">
        <v>193</v>
      </c>
      <c r="L110" s="6">
        <v>19520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0</v>
      </c>
      <c r="E111" s="9" t="s">
        <v>18</v>
      </c>
      <c r="F111" s="9" t="s">
        <v>235</v>
      </c>
      <c r="G111" s="9" t="s">
        <v>237</v>
      </c>
      <c r="H111" s="6">
        <v>19334</v>
      </c>
      <c r="I111" s="6">
        <v>156</v>
      </c>
      <c r="J111" s="6">
        <v>106</v>
      </c>
      <c r="K111" s="6">
        <v>196</v>
      </c>
      <c r="L111" s="6">
        <v>18982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0</v>
      </c>
      <c r="E112" s="9" t="s">
        <v>18</v>
      </c>
      <c r="F112" s="9" t="s">
        <v>235</v>
      </c>
      <c r="G112" s="9" t="s">
        <v>238</v>
      </c>
      <c r="H112" s="6">
        <v>16532</v>
      </c>
      <c r="I112" s="6">
        <v>114</v>
      </c>
      <c r="J112" s="6">
        <v>94</v>
      </c>
      <c r="K112" s="6">
        <v>135</v>
      </c>
      <c r="L112" s="6">
        <v>16283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0</v>
      </c>
      <c r="E113" s="9" t="s">
        <v>18</v>
      </c>
      <c r="F113" s="9" t="s">
        <v>235</v>
      </c>
      <c r="G113" s="9" t="s">
        <v>239</v>
      </c>
      <c r="H113" s="6">
        <v>13769</v>
      </c>
      <c r="I113" s="6">
        <v>210</v>
      </c>
      <c r="J113" s="6">
        <v>159</v>
      </c>
      <c r="K113" s="6">
        <v>69</v>
      </c>
      <c r="L113" s="6">
        <v>13490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0</v>
      </c>
      <c r="E114" s="9" t="s">
        <v>18</v>
      </c>
      <c r="F114" s="9" t="s">
        <v>235</v>
      </c>
      <c r="G114" s="9" t="s">
        <v>240</v>
      </c>
      <c r="H114" s="6">
        <v>13247</v>
      </c>
      <c r="I114" s="6">
        <v>178</v>
      </c>
      <c r="J114" s="6">
        <v>113</v>
      </c>
      <c r="K114" s="6">
        <v>103</v>
      </c>
      <c r="L114" s="6">
        <v>12966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0</v>
      </c>
      <c r="E115" s="9" t="s">
        <v>18</v>
      </c>
      <c r="F115" s="9" t="s">
        <v>235</v>
      </c>
      <c r="G115" s="9" t="s">
        <v>241</v>
      </c>
      <c r="H115" s="6">
        <v>12240</v>
      </c>
      <c r="I115" s="6">
        <v>109</v>
      </c>
      <c r="J115" s="6">
        <v>81</v>
      </c>
      <c r="K115" s="6">
        <v>113</v>
      </c>
      <c r="L115" s="6">
        <v>12018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0</v>
      </c>
      <c r="E116" s="9" t="s">
        <v>18</v>
      </c>
      <c r="F116" s="9" t="s">
        <v>235</v>
      </c>
      <c r="G116" s="9" t="s">
        <v>242</v>
      </c>
      <c r="H116" s="6">
        <v>12175</v>
      </c>
      <c r="I116" s="6">
        <v>101</v>
      </c>
      <c r="J116" s="6">
        <v>72</v>
      </c>
      <c r="K116" s="6">
        <v>36</v>
      </c>
      <c r="L116" s="6">
        <v>12038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0</v>
      </c>
      <c r="E117" s="9" t="s">
        <v>18</v>
      </c>
      <c r="F117" s="9" t="s">
        <v>235</v>
      </c>
      <c r="G117" s="9" t="s">
        <v>243</v>
      </c>
      <c r="H117" s="6">
        <v>11118</v>
      </c>
      <c r="I117" s="6">
        <v>154</v>
      </c>
      <c r="J117" s="6">
        <v>114</v>
      </c>
      <c r="K117" s="6">
        <v>93</v>
      </c>
      <c r="L117" s="6">
        <v>10871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0</v>
      </c>
      <c r="E118" s="9" t="s">
        <v>18</v>
      </c>
      <c r="F118" s="9" t="s">
        <v>235</v>
      </c>
      <c r="G118" s="9" t="s">
        <v>244</v>
      </c>
      <c r="H118" s="6">
        <v>11451</v>
      </c>
      <c r="I118" s="6">
        <v>125</v>
      </c>
      <c r="J118" s="6">
        <v>104</v>
      </c>
      <c r="K118" s="6">
        <v>57</v>
      </c>
      <c r="L118" s="6">
        <v>11269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0</v>
      </c>
      <c r="E119" s="9" t="s">
        <v>18</v>
      </c>
      <c r="F119" s="9" t="s">
        <v>235</v>
      </c>
      <c r="G119" s="9" t="s">
        <v>245</v>
      </c>
      <c r="H119" s="6">
        <v>11493</v>
      </c>
      <c r="I119" s="6">
        <v>103</v>
      </c>
      <c r="J119" s="6">
        <v>79</v>
      </c>
      <c r="K119" s="6">
        <v>60</v>
      </c>
      <c r="L119" s="6">
        <v>11330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0</v>
      </c>
      <c r="E120" s="9" t="s">
        <v>18</v>
      </c>
      <c r="F120" s="9" t="s">
        <v>235</v>
      </c>
      <c r="G120" s="9" t="s">
        <v>246</v>
      </c>
      <c r="H120" s="6">
        <v>11571</v>
      </c>
      <c r="I120" s="6">
        <v>74</v>
      </c>
      <c r="J120" s="6">
        <v>41</v>
      </c>
      <c r="K120" s="6">
        <v>64</v>
      </c>
      <c r="L120" s="6">
        <v>11433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0</v>
      </c>
      <c r="E121" s="9" t="s">
        <v>18</v>
      </c>
      <c r="F121" s="9" t="s">
        <v>235</v>
      </c>
      <c r="G121" s="9" t="s">
        <v>247</v>
      </c>
      <c r="H121" s="6">
        <v>11289</v>
      </c>
      <c r="I121" s="6">
        <v>173</v>
      </c>
      <c r="J121" s="6">
        <v>148</v>
      </c>
      <c r="K121" s="6">
        <v>38</v>
      </c>
      <c r="L121" s="6">
        <v>11078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0</v>
      </c>
      <c r="E122" s="9" t="s">
        <v>18</v>
      </c>
      <c r="F122" s="9" t="s">
        <v>235</v>
      </c>
      <c r="G122" s="9" t="s">
        <v>248</v>
      </c>
      <c r="H122" s="6">
        <v>11033</v>
      </c>
      <c r="I122" s="6">
        <v>124</v>
      </c>
      <c r="J122" s="6">
        <v>96</v>
      </c>
      <c r="K122" s="6">
        <v>44</v>
      </c>
      <c r="L122" s="6">
        <v>10865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0</v>
      </c>
      <c r="E123" s="9" t="s">
        <v>18</v>
      </c>
      <c r="F123" s="9" t="s">
        <v>235</v>
      </c>
      <c r="G123" s="9" t="s">
        <v>249</v>
      </c>
      <c r="H123" s="6">
        <v>11182</v>
      </c>
      <c r="I123" s="6">
        <v>167</v>
      </c>
      <c r="J123" s="6">
        <v>138</v>
      </c>
      <c r="K123" s="6">
        <v>46</v>
      </c>
      <c r="L123" s="6">
        <v>10969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0</v>
      </c>
      <c r="E124" s="9" t="s">
        <v>18</v>
      </c>
      <c r="F124" s="9" t="s">
        <v>235</v>
      </c>
      <c r="G124" s="9" t="s">
        <v>250</v>
      </c>
      <c r="H124" s="6">
        <v>10499</v>
      </c>
      <c r="I124" s="6">
        <v>228</v>
      </c>
      <c r="J124" s="6">
        <v>186</v>
      </c>
      <c r="K124" s="6">
        <v>47</v>
      </c>
      <c r="L124" s="6">
        <v>10224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0</v>
      </c>
      <c r="E125" s="9" t="s">
        <v>18</v>
      </c>
      <c r="F125" s="9" t="s">
        <v>235</v>
      </c>
      <c r="G125" s="9" t="s">
        <v>251</v>
      </c>
      <c r="H125" s="6">
        <v>10453</v>
      </c>
      <c r="I125" s="6">
        <v>186</v>
      </c>
      <c r="J125" s="6">
        <v>144</v>
      </c>
      <c r="K125" s="6">
        <v>41</v>
      </c>
      <c r="L125" s="6">
        <v>10226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0</v>
      </c>
      <c r="E126" s="9" t="s">
        <v>18</v>
      </c>
      <c r="F126" s="9" t="s">
        <v>235</v>
      </c>
      <c r="G126" s="9" t="s">
        <v>252</v>
      </c>
      <c r="H126" s="6">
        <v>10251</v>
      </c>
      <c r="I126" s="6">
        <v>206</v>
      </c>
      <c r="J126" s="6">
        <v>163</v>
      </c>
      <c r="K126" s="6">
        <v>36</v>
      </c>
      <c r="L126" s="6">
        <v>10009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0</v>
      </c>
      <c r="E127" s="9" t="s">
        <v>18</v>
      </c>
      <c r="F127" s="9" t="s">
        <v>235</v>
      </c>
      <c r="G127" s="9" t="s">
        <v>253</v>
      </c>
      <c r="H127" s="6">
        <v>10531</v>
      </c>
      <c r="I127" s="6">
        <v>251</v>
      </c>
      <c r="J127" s="6">
        <v>221</v>
      </c>
      <c r="K127" s="6">
        <v>82</v>
      </c>
      <c r="L127" s="6">
        <v>10198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0</v>
      </c>
      <c r="E128" s="9" t="s">
        <v>18</v>
      </c>
      <c r="F128" s="9" t="s">
        <v>235</v>
      </c>
      <c r="G128" s="9" t="s">
        <v>254</v>
      </c>
      <c r="H128" s="6">
        <v>10711</v>
      </c>
      <c r="I128" s="6">
        <v>182</v>
      </c>
      <c r="J128" s="6">
        <v>150</v>
      </c>
      <c r="K128" s="6">
        <v>55</v>
      </c>
      <c r="L128" s="6">
        <v>10474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0</v>
      </c>
      <c r="E129" s="9" t="s">
        <v>18</v>
      </c>
      <c r="F129" s="9" t="s">
        <v>235</v>
      </c>
      <c r="G129" s="9" t="s">
        <v>255</v>
      </c>
      <c r="H129" s="6">
        <v>9499</v>
      </c>
      <c r="I129" s="6">
        <v>184</v>
      </c>
      <c r="J129" s="6">
        <v>167</v>
      </c>
      <c r="K129" s="6">
        <v>50</v>
      </c>
      <c r="L129" s="6">
        <v>9265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0</v>
      </c>
      <c r="E130" s="9" t="s">
        <v>18</v>
      </c>
      <c r="F130" s="9" t="s">
        <v>235</v>
      </c>
      <c r="G130" s="9" t="s">
        <v>256</v>
      </c>
      <c r="H130" s="6">
        <v>79660</v>
      </c>
      <c r="I130" s="6">
        <v>2493</v>
      </c>
      <c r="J130" s="6">
        <v>2013</v>
      </c>
      <c r="K130" s="6">
        <v>1026</v>
      </c>
      <c r="L130" s="6">
        <v>76141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0</v>
      </c>
      <c r="E131" s="9" t="s">
        <v>6</v>
      </c>
      <c r="F131" s="9" t="s">
        <v>6</v>
      </c>
      <c r="G131" s="9" t="s">
        <v>30</v>
      </c>
      <c r="H131" s="6">
        <v>218605</v>
      </c>
      <c r="I131" s="6">
        <v>172680</v>
      </c>
      <c r="J131" s="6">
        <v>134649</v>
      </c>
      <c r="K131" s="6">
        <v>40802</v>
      </c>
      <c r="L131" s="6">
        <v>5123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0</v>
      </c>
      <c r="E132" s="9" t="s">
        <v>6</v>
      </c>
      <c r="F132" s="9" t="s">
        <v>234</v>
      </c>
      <c r="G132" s="9" t="s">
        <v>30</v>
      </c>
      <c r="H132" s="6">
        <v>58776</v>
      </c>
      <c r="I132" s="6">
        <v>42232</v>
      </c>
      <c r="J132" s="6">
        <v>31814</v>
      </c>
      <c r="K132" s="6">
        <v>15647</v>
      </c>
      <c r="L132" s="6">
        <v>897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0</v>
      </c>
      <c r="E133" s="9" t="s">
        <v>6</v>
      </c>
      <c r="F133" s="9" t="s">
        <v>235</v>
      </c>
      <c r="G133" s="9" t="s">
        <v>30</v>
      </c>
      <c r="H133" s="6">
        <v>159829</v>
      </c>
      <c r="I133" s="6">
        <v>130448</v>
      </c>
      <c r="J133" s="6">
        <v>102835</v>
      </c>
      <c r="K133" s="6">
        <v>25155</v>
      </c>
      <c r="L133" s="6">
        <v>4226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0</v>
      </c>
      <c r="E134" s="9" t="s">
        <v>6</v>
      </c>
      <c r="F134" s="9" t="s">
        <v>235</v>
      </c>
      <c r="G134" s="9" t="s">
        <v>236</v>
      </c>
      <c r="H134" s="6">
        <v>8069</v>
      </c>
      <c r="I134" s="6">
        <v>4502</v>
      </c>
      <c r="J134" s="6">
        <v>3757</v>
      </c>
      <c r="K134" s="6">
        <v>3227</v>
      </c>
      <c r="L134" s="6">
        <v>340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0</v>
      </c>
      <c r="E135" s="9" t="s">
        <v>6</v>
      </c>
      <c r="F135" s="9" t="s">
        <v>235</v>
      </c>
      <c r="G135" s="9" t="s">
        <v>237</v>
      </c>
      <c r="H135" s="6">
        <v>7712</v>
      </c>
      <c r="I135" s="6">
        <v>5947</v>
      </c>
      <c r="J135" s="6">
        <v>4871</v>
      </c>
      <c r="K135" s="6">
        <v>1491</v>
      </c>
      <c r="L135" s="6">
        <v>274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0</v>
      </c>
      <c r="E136" s="9" t="s">
        <v>6</v>
      </c>
      <c r="F136" s="9" t="s">
        <v>235</v>
      </c>
      <c r="G136" s="9" t="s">
        <v>238</v>
      </c>
      <c r="H136" s="6">
        <v>6850</v>
      </c>
      <c r="I136" s="6">
        <v>5714</v>
      </c>
      <c r="J136" s="6">
        <v>4673</v>
      </c>
      <c r="K136" s="6">
        <v>851</v>
      </c>
      <c r="L136" s="6">
        <v>285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0</v>
      </c>
      <c r="E137" s="9" t="s">
        <v>6</v>
      </c>
      <c r="F137" s="9" t="s">
        <v>235</v>
      </c>
      <c r="G137" s="9" t="s">
        <v>239</v>
      </c>
      <c r="H137" s="6">
        <v>6025</v>
      </c>
      <c r="I137" s="6">
        <v>5077</v>
      </c>
      <c r="J137" s="6">
        <v>4175</v>
      </c>
      <c r="K137" s="6">
        <v>738</v>
      </c>
      <c r="L137" s="6">
        <v>210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0</v>
      </c>
      <c r="E138" s="9" t="s">
        <v>6</v>
      </c>
      <c r="F138" s="9" t="s">
        <v>235</v>
      </c>
      <c r="G138" s="9" t="s">
        <v>240</v>
      </c>
      <c r="H138" s="6">
        <v>5468</v>
      </c>
      <c r="I138" s="6">
        <v>4675</v>
      </c>
      <c r="J138" s="6">
        <v>3784</v>
      </c>
      <c r="K138" s="6">
        <v>637</v>
      </c>
      <c r="L138" s="6">
        <v>156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0</v>
      </c>
      <c r="E139" s="9" t="s">
        <v>6</v>
      </c>
      <c r="F139" s="9" t="s">
        <v>235</v>
      </c>
      <c r="G139" s="9" t="s">
        <v>241</v>
      </c>
      <c r="H139" s="6">
        <v>5382</v>
      </c>
      <c r="I139" s="6">
        <v>4721</v>
      </c>
      <c r="J139" s="6">
        <v>3888</v>
      </c>
      <c r="K139" s="6">
        <v>511</v>
      </c>
      <c r="L139" s="6">
        <v>150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0</v>
      </c>
      <c r="E140" s="9" t="s">
        <v>6</v>
      </c>
      <c r="F140" s="9" t="s">
        <v>235</v>
      </c>
      <c r="G140" s="9" t="s">
        <v>242</v>
      </c>
      <c r="H140" s="6">
        <v>4912</v>
      </c>
      <c r="I140" s="6">
        <v>4311</v>
      </c>
      <c r="J140" s="6">
        <v>3580</v>
      </c>
      <c r="K140" s="6">
        <v>459</v>
      </c>
      <c r="L140" s="6">
        <v>142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0</v>
      </c>
      <c r="E141" s="9" t="s">
        <v>6</v>
      </c>
      <c r="F141" s="9" t="s">
        <v>235</v>
      </c>
      <c r="G141" s="9" t="s">
        <v>243</v>
      </c>
      <c r="H141" s="6">
        <v>5378</v>
      </c>
      <c r="I141" s="6">
        <v>4738</v>
      </c>
      <c r="J141" s="6">
        <v>3851</v>
      </c>
      <c r="K141" s="6">
        <v>509</v>
      </c>
      <c r="L141" s="6">
        <v>131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0</v>
      </c>
      <c r="E142" s="9" t="s">
        <v>6</v>
      </c>
      <c r="F142" s="9" t="s">
        <v>235</v>
      </c>
      <c r="G142" s="9" t="s">
        <v>244</v>
      </c>
      <c r="H142" s="6">
        <v>5576</v>
      </c>
      <c r="I142" s="6">
        <v>4992</v>
      </c>
      <c r="J142" s="6">
        <v>4160</v>
      </c>
      <c r="K142" s="6">
        <v>478</v>
      </c>
      <c r="L142" s="6">
        <v>106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0</v>
      </c>
      <c r="E143" s="9" t="s">
        <v>6</v>
      </c>
      <c r="F143" s="9" t="s">
        <v>235</v>
      </c>
      <c r="G143" s="9" t="s">
        <v>245</v>
      </c>
      <c r="H143" s="6">
        <v>5265</v>
      </c>
      <c r="I143" s="6">
        <v>4601</v>
      </c>
      <c r="J143" s="6">
        <v>3862</v>
      </c>
      <c r="K143" s="6">
        <v>495</v>
      </c>
      <c r="L143" s="6">
        <v>169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0</v>
      </c>
      <c r="E144" s="9" t="s">
        <v>6</v>
      </c>
      <c r="F144" s="9" t="s">
        <v>235</v>
      </c>
      <c r="G144" s="9" t="s">
        <v>246</v>
      </c>
      <c r="H144" s="6">
        <v>5509</v>
      </c>
      <c r="I144" s="6">
        <v>4903</v>
      </c>
      <c r="J144" s="6">
        <v>3945</v>
      </c>
      <c r="K144" s="6">
        <v>422</v>
      </c>
      <c r="L144" s="6">
        <v>184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0</v>
      </c>
      <c r="E145" s="9" t="s">
        <v>6</v>
      </c>
      <c r="F145" s="9" t="s">
        <v>235</v>
      </c>
      <c r="G145" s="9" t="s">
        <v>247</v>
      </c>
      <c r="H145" s="6">
        <v>5198</v>
      </c>
      <c r="I145" s="6">
        <v>4579</v>
      </c>
      <c r="J145" s="6">
        <v>3603</v>
      </c>
      <c r="K145" s="6">
        <v>460</v>
      </c>
      <c r="L145" s="6">
        <v>159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0</v>
      </c>
      <c r="E146" s="9" t="s">
        <v>6</v>
      </c>
      <c r="F146" s="9" t="s">
        <v>235</v>
      </c>
      <c r="G146" s="9" t="s">
        <v>248</v>
      </c>
      <c r="H146" s="6">
        <v>5223</v>
      </c>
      <c r="I146" s="6">
        <v>4676</v>
      </c>
      <c r="J146" s="6">
        <v>3876</v>
      </c>
      <c r="K146" s="6">
        <v>428</v>
      </c>
      <c r="L146" s="6">
        <v>119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0</v>
      </c>
      <c r="E147" s="9" t="s">
        <v>6</v>
      </c>
      <c r="F147" s="9" t="s">
        <v>235</v>
      </c>
      <c r="G147" s="9" t="s">
        <v>249</v>
      </c>
      <c r="H147" s="6">
        <v>4898</v>
      </c>
      <c r="I147" s="6">
        <v>4317</v>
      </c>
      <c r="J147" s="6">
        <v>3500</v>
      </c>
      <c r="K147" s="6">
        <v>388</v>
      </c>
      <c r="L147" s="6">
        <v>193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0</v>
      </c>
      <c r="E148" s="9" t="s">
        <v>6</v>
      </c>
      <c r="F148" s="9" t="s">
        <v>235</v>
      </c>
      <c r="G148" s="9" t="s">
        <v>250</v>
      </c>
      <c r="H148" s="6">
        <v>4808</v>
      </c>
      <c r="I148" s="6">
        <v>4166</v>
      </c>
      <c r="J148" s="6">
        <v>3359</v>
      </c>
      <c r="K148" s="6">
        <v>491</v>
      </c>
      <c r="L148" s="6">
        <v>151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0</v>
      </c>
      <c r="E149" s="9" t="s">
        <v>6</v>
      </c>
      <c r="F149" s="9" t="s">
        <v>235</v>
      </c>
      <c r="G149" s="9" t="s">
        <v>251</v>
      </c>
      <c r="H149" s="6">
        <v>4754</v>
      </c>
      <c r="I149" s="6">
        <v>4068</v>
      </c>
      <c r="J149" s="6">
        <v>3407</v>
      </c>
      <c r="K149" s="6">
        <v>587</v>
      </c>
      <c r="L149" s="6">
        <v>99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0</v>
      </c>
      <c r="E150" s="9" t="s">
        <v>6</v>
      </c>
      <c r="F150" s="9" t="s">
        <v>235</v>
      </c>
      <c r="G150" s="9" t="s">
        <v>252</v>
      </c>
      <c r="H150" s="6">
        <v>4559</v>
      </c>
      <c r="I150" s="6">
        <v>3953</v>
      </c>
      <c r="J150" s="6">
        <v>3231</v>
      </c>
      <c r="K150" s="6">
        <v>494</v>
      </c>
      <c r="L150" s="6">
        <v>112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0</v>
      </c>
      <c r="E151" s="9" t="s">
        <v>6</v>
      </c>
      <c r="F151" s="9" t="s">
        <v>235</v>
      </c>
      <c r="G151" s="9" t="s">
        <v>253</v>
      </c>
      <c r="H151" s="6">
        <v>5021</v>
      </c>
      <c r="I151" s="6">
        <v>4437</v>
      </c>
      <c r="J151" s="6">
        <v>3603</v>
      </c>
      <c r="K151" s="6">
        <v>489</v>
      </c>
      <c r="L151" s="6">
        <v>95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0</v>
      </c>
      <c r="E152" s="9" t="s">
        <v>6</v>
      </c>
      <c r="F152" s="9" t="s">
        <v>235</v>
      </c>
      <c r="G152" s="9" t="s">
        <v>254</v>
      </c>
      <c r="H152" s="6">
        <v>4206</v>
      </c>
      <c r="I152" s="6">
        <v>3537</v>
      </c>
      <c r="J152" s="6">
        <v>2732</v>
      </c>
      <c r="K152" s="6">
        <v>540</v>
      </c>
      <c r="L152" s="6">
        <v>129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0</v>
      </c>
      <c r="E153" s="9" t="s">
        <v>6</v>
      </c>
      <c r="F153" s="9" t="s">
        <v>235</v>
      </c>
      <c r="G153" s="9" t="s">
        <v>255</v>
      </c>
      <c r="H153" s="6">
        <v>3441</v>
      </c>
      <c r="I153" s="6">
        <v>2941</v>
      </c>
      <c r="J153" s="6">
        <v>2300</v>
      </c>
      <c r="K153" s="6">
        <v>391</v>
      </c>
      <c r="L153" s="6">
        <v>109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0</v>
      </c>
      <c r="E154" s="9" t="s">
        <v>6</v>
      </c>
      <c r="F154" s="9" t="s">
        <v>235</v>
      </c>
      <c r="G154" s="9" t="s">
        <v>256</v>
      </c>
      <c r="H154" s="6">
        <v>51575</v>
      </c>
      <c r="I154" s="6">
        <v>39593</v>
      </c>
      <c r="J154" s="6">
        <v>28678</v>
      </c>
      <c r="K154" s="6">
        <v>11069</v>
      </c>
      <c r="L154" s="6">
        <v>913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0</v>
      </c>
      <c r="E155" s="9" t="s">
        <v>226</v>
      </c>
      <c r="F155" s="9" t="s">
        <v>6</v>
      </c>
      <c r="G155" s="9" t="s">
        <v>30</v>
      </c>
      <c r="H155" s="6">
        <v>196633</v>
      </c>
      <c r="I155" s="6">
        <v>165358</v>
      </c>
      <c r="J155" s="6">
        <v>127907</v>
      </c>
      <c r="K155" s="6">
        <v>31066</v>
      </c>
      <c r="L155" s="6">
        <v>209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0</v>
      </c>
      <c r="E156" s="9" t="s">
        <v>226</v>
      </c>
      <c r="F156" s="9" t="s">
        <v>234</v>
      </c>
      <c r="G156" s="9" t="s">
        <v>30</v>
      </c>
      <c r="H156" s="6">
        <v>48723</v>
      </c>
      <c r="I156" s="6">
        <v>38804</v>
      </c>
      <c r="J156" s="6">
        <v>28617</v>
      </c>
      <c r="K156" s="6">
        <v>9851</v>
      </c>
      <c r="L156" s="6">
        <v>68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0</v>
      </c>
      <c r="E157" s="9" t="s">
        <v>226</v>
      </c>
      <c r="F157" s="9" t="s">
        <v>235</v>
      </c>
      <c r="G157" s="9" t="s">
        <v>30</v>
      </c>
      <c r="H157" s="6">
        <v>147910</v>
      </c>
      <c r="I157" s="6">
        <v>126554</v>
      </c>
      <c r="J157" s="6">
        <v>99290</v>
      </c>
      <c r="K157" s="6">
        <v>21215</v>
      </c>
      <c r="L157" s="6">
        <v>141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0</v>
      </c>
      <c r="E158" s="9" t="s">
        <v>226</v>
      </c>
      <c r="F158" s="9" t="s">
        <v>235</v>
      </c>
      <c r="G158" s="9" t="s">
        <v>236</v>
      </c>
      <c r="H158" s="6">
        <v>7566</v>
      </c>
      <c r="I158" s="6">
        <v>4469</v>
      </c>
      <c r="J158" s="6">
        <v>3724</v>
      </c>
      <c r="K158" s="6">
        <v>3097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0</v>
      </c>
      <c r="E159" s="9" t="s">
        <v>226</v>
      </c>
      <c r="F159" s="9" t="s">
        <v>235</v>
      </c>
      <c r="G159" s="9" t="s">
        <v>237</v>
      </c>
      <c r="H159" s="6">
        <v>7241</v>
      </c>
      <c r="I159" s="6">
        <v>5848</v>
      </c>
      <c r="J159" s="6">
        <v>4781</v>
      </c>
      <c r="K159" s="6">
        <v>1380</v>
      </c>
      <c r="L159" s="6">
        <v>13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0</v>
      </c>
      <c r="E160" s="9" t="s">
        <v>226</v>
      </c>
      <c r="F160" s="9" t="s">
        <v>235</v>
      </c>
      <c r="G160" s="9" t="s">
        <v>238</v>
      </c>
      <c r="H160" s="6">
        <v>6477</v>
      </c>
      <c r="I160" s="6">
        <v>5643</v>
      </c>
      <c r="J160" s="6">
        <v>4602</v>
      </c>
      <c r="K160" s="6">
        <v>834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0</v>
      </c>
      <c r="E161" s="9" t="s">
        <v>226</v>
      </c>
      <c r="F161" s="9" t="s">
        <v>235</v>
      </c>
      <c r="G161" s="9" t="s">
        <v>239</v>
      </c>
      <c r="H161" s="6">
        <v>5694</v>
      </c>
      <c r="I161" s="6">
        <v>4972</v>
      </c>
      <c r="J161" s="6">
        <v>4079</v>
      </c>
      <c r="K161" s="6">
        <v>718</v>
      </c>
      <c r="L161" s="6">
        <v>4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0</v>
      </c>
      <c r="E162" s="9" t="s">
        <v>226</v>
      </c>
      <c r="F162" s="9" t="s">
        <v>235</v>
      </c>
      <c r="G162" s="9" t="s">
        <v>240</v>
      </c>
      <c r="H162" s="6">
        <v>5166</v>
      </c>
      <c r="I162" s="6">
        <v>4584</v>
      </c>
      <c r="J162" s="6">
        <v>3727</v>
      </c>
      <c r="K162" s="6">
        <v>582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0</v>
      </c>
      <c r="E163" s="9" t="s">
        <v>226</v>
      </c>
      <c r="F163" s="9" t="s">
        <v>235</v>
      </c>
      <c r="G163" s="9" t="s">
        <v>241</v>
      </c>
      <c r="H163" s="6">
        <v>5180</v>
      </c>
      <c r="I163" s="6">
        <v>4687</v>
      </c>
      <c r="J163" s="6">
        <v>3861</v>
      </c>
      <c r="K163" s="6">
        <v>493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0</v>
      </c>
      <c r="E164" s="9" t="s">
        <v>226</v>
      </c>
      <c r="F164" s="9" t="s">
        <v>235</v>
      </c>
      <c r="G164" s="9" t="s">
        <v>242</v>
      </c>
      <c r="H164" s="6">
        <v>4717</v>
      </c>
      <c r="I164" s="6">
        <v>4287</v>
      </c>
      <c r="J164" s="6">
        <v>3556</v>
      </c>
      <c r="K164" s="6">
        <v>430</v>
      </c>
      <c r="L164" s="10" t="s">
        <v>55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0</v>
      </c>
      <c r="E165" s="9" t="s">
        <v>226</v>
      </c>
      <c r="F165" s="9" t="s">
        <v>235</v>
      </c>
      <c r="G165" s="9" t="s">
        <v>243</v>
      </c>
      <c r="H165" s="6">
        <v>5228</v>
      </c>
      <c r="I165" s="6">
        <v>4705</v>
      </c>
      <c r="J165" s="6">
        <v>3818</v>
      </c>
      <c r="K165" s="6">
        <v>504</v>
      </c>
      <c r="L165" s="6">
        <v>19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0</v>
      </c>
      <c r="E166" s="9" t="s">
        <v>226</v>
      </c>
      <c r="F166" s="9" t="s">
        <v>235</v>
      </c>
      <c r="G166" s="9" t="s">
        <v>244</v>
      </c>
      <c r="H166" s="6">
        <v>5427</v>
      </c>
      <c r="I166" s="6">
        <v>4958</v>
      </c>
      <c r="J166" s="6">
        <v>4134</v>
      </c>
      <c r="K166" s="6">
        <v>464</v>
      </c>
      <c r="L166" s="6">
        <v>5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0</v>
      </c>
      <c r="E167" s="9" t="s">
        <v>226</v>
      </c>
      <c r="F167" s="9" t="s">
        <v>235</v>
      </c>
      <c r="G167" s="9" t="s">
        <v>245</v>
      </c>
      <c r="H167" s="6">
        <v>5007</v>
      </c>
      <c r="I167" s="6">
        <v>4517</v>
      </c>
      <c r="J167" s="6">
        <v>3803</v>
      </c>
      <c r="K167" s="6">
        <v>483</v>
      </c>
      <c r="L167" s="6">
        <v>7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0</v>
      </c>
      <c r="E168" s="9" t="s">
        <v>226</v>
      </c>
      <c r="F168" s="9" t="s">
        <v>235</v>
      </c>
      <c r="G168" s="9" t="s">
        <v>246</v>
      </c>
      <c r="H168" s="6">
        <v>5230</v>
      </c>
      <c r="I168" s="6">
        <v>4825</v>
      </c>
      <c r="J168" s="6">
        <v>3880</v>
      </c>
      <c r="K168" s="6">
        <v>400</v>
      </c>
      <c r="L168" s="6">
        <v>5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0</v>
      </c>
      <c r="E169" s="9" t="s">
        <v>226</v>
      </c>
      <c r="F169" s="9" t="s">
        <v>235</v>
      </c>
      <c r="G169" s="9" t="s">
        <v>247</v>
      </c>
      <c r="H169" s="6">
        <v>4987</v>
      </c>
      <c r="I169" s="6">
        <v>4527</v>
      </c>
      <c r="J169" s="6">
        <v>3551</v>
      </c>
      <c r="K169" s="6">
        <v>455</v>
      </c>
      <c r="L169" s="6">
        <v>5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0</v>
      </c>
      <c r="E170" s="9" t="s">
        <v>226</v>
      </c>
      <c r="F170" s="9" t="s">
        <v>235</v>
      </c>
      <c r="G170" s="9" t="s">
        <v>248</v>
      </c>
      <c r="H170" s="6">
        <v>4993</v>
      </c>
      <c r="I170" s="6">
        <v>4588</v>
      </c>
      <c r="J170" s="6">
        <v>3800</v>
      </c>
      <c r="K170" s="6">
        <v>405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0</v>
      </c>
      <c r="E171" s="9" t="s">
        <v>226</v>
      </c>
      <c r="F171" s="9" t="s">
        <v>235</v>
      </c>
      <c r="G171" s="9" t="s">
        <v>249</v>
      </c>
      <c r="H171" s="6">
        <v>4658</v>
      </c>
      <c r="I171" s="6">
        <v>4280</v>
      </c>
      <c r="J171" s="6">
        <v>3463</v>
      </c>
      <c r="K171" s="6">
        <v>372</v>
      </c>
      <c r="L171" s="6">
        <v>6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0</v>
      </c>
      <c r="E172" s="9" t="s">
        <v>226</v>
      </c>
      <c r="F172" s="9" t="s">
        <v>235</v>
      </c>
      <c r="G172" s="9" t="s">
        <v>250</v>
      </c>
      <c r="H172" s="6">
        <v>4598</v>
      </c>
      <c r="I172" s="6">
        <v>4124</v>
      </c>
      <c r="J172" s="6">
        <v>3317</v>
      </c>
      <c r="K172" s="6">
        <v>474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0</v>
      </c>
      <c r="E173" s="9" t="s">
        <v>226</v>
      </c>
      <c r="F173" s="9" t="s">
        <v>235</v>
      </c>
      <c r="G173" s="9" t="s">
        <v>251</v>
      </c>
      <c r="H173" s="6">
        <v>4562</v>
      </c>
      <c r="I173" s="6">
        <v>4000</v>
      </c>
      <c r="J173" s="6">
        <v>3344</v>
      </c>
      <c r="K173" s="6">
        <v>556</v>
      </c>
      <c r="L173" s="6">
        <v>6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0</v>
      </c>
      <c r="E174" s="9" t="s">
        <v>226</v>
      </c>
      <c r="F174" s="9" t="s">
        <v>235</v>
      </c>
      <c r="G174" s="9" t="s">
        <v>252</v>
      </c>
      <c r="H174" s="6">
        <v>4380</v>
      </c>
      <c r="I174" s="6">
        <v>3896</v>
      </c>
      <c r="J174" s="6">
        <v>3180</v>
      </c>
      <c r="K174" s="6">
        <v>476</v>
      </c>
      <c r="L174" s="6">
        <v>8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0</v>
      </c>
      <c r="E175" s="9" t="s">
        <v>226</v>
      </c>
      <c r="F175" s="9" t="s">
        <v>235</v>
      </c>
      <c r="G175" s="9" t="s">
        <v>253</v>
      </c>
      <c r="H175" s="6">
        <v>4787</v>
      </c>
      <c r="I175" s="6">
        <v>4328</v>
      </c>
      <c r="J175" s="6">
        <v>3494</v>
      </c>
      <c r="K175" s="6">
        <v>454</v>
      </c>
      <c r="L175" s="6">
        <v>5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0</v>
      </c>
      <c r="E176" s="9" t="s">
        <v>226</v>
      </c>
      <c r="F176" s="9" t="s">
        <v>235</v>
      </c>
      <c r="G176" s="9" t="s">
        <v>254</v>
      </c>
      <c r="H176" s="6">
        <v>3979</v>
      </c>
      <c r="I176" s="6">
        <v>3477</v>
      </c>
      <c r="J176" s="6">
        <v>2678</v>
      </c>
      <c r="K176" s="6">
        <v>496</v>
      </c>
      <c r="L176" s="6">
        <v>6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0</v>
      </c>
      <c r="E177" s="9" t="s">
        <v>226</v>
      </c>
      <c r="F177" s="9" t="s">
        <v>235</v>
      </c>
      <c r="G177" s="9" t="s">
        <v>255</v>
      </c>
      <c r="H177" s="6">
        <v>3217</v>
      </c>
      <c r="I177" s="6">
        <v>2872</v>
      </c>
      <c r="J177" s="6">
        <v>2243</v>
      </c>
      <c r="K177" s="6">
        <v>345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0</v>
      </c>
      <c r="E178" s="9" t="s">
        <v>226</v>
      </c>
      <c r="F178" s="9" t="s">
        <v>235</v>
      </c>
      <c r="G178" s="9" t="s">
        <v>256</v>
      </c>
      <c r="H178" s="6">
        <v>44816</v>
      </c>
      <c r="I178" s="6">
        <v>36967</v>
      </c>
      <c r="J178" s="6">
        <v>26255</v>
      </c>
      <c r="K178" s="6">
        <v>7797</v>
      </c>
      <c r="L178" s="6">
        <v>52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0</v>
      </c>
      <c r="E179" s="9" t="s">
        <v>227</v>
      </c>
      <c r="F179" s="9" t="s">
        <v>6</v>
      </c>
      <c r="G179" s="9" t="s">
        <v>30</v>
      </c>
      <c r="H179" s="6">
        <v>140724</v>
      </c>
      <c r="I179" s="6">
        <v>115671</v>
      </c>
      <c r="J179" s="6">
        <v>110904</v>
      </c>
      <c r="K179" s="6">
        <v>24948</v>
      </c>
      <c r="L179" s="6">
        <v>105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0</v>
      </c>
      <c r="E180" s="9" t="s">
        <v>227</v>
      </c>
      <c r="F180" s="9" t="s">
        <v>234</v>
      </c>
      <c r="G180" s="9" t="s">
        <v>30</v>
      </c>
      <c r="H180" s="6">
        <v>33076</v>
      </c>
      <c r="I180" s="6">
        <v>25308</v>
      </c>
      <c r="J180" s="6">
        <v>24051</v>
      </c>
      <c r="K180" s="6">
        <v>7740</v>
      </c>
      <c r="L180" s="6">
        <v>28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0</v>
      </c>
      <c r="E181" s="9" t="s">
        <v>227</v>
      </c>
      <c r="F181" s="9" t="s">
        <v>235</v>
      </c>
      <c r="G181" s="9" t="s">
        <v>30</v>
      </c>
      <c r="H181" s="6">
        <v>107648</v>
      </c>
      <c r="I181" s="6">
        <v>90363</v>
      </c>
      <c r="J181" s="6">
        <v>86853</v>
      </c>
      <c r="K181" s="6">
        <v>17208</v>
      </c>
      <c r="L181" s="6">
        <v>77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0</v>
      </c>
      <c r="E182" s="9" t="s">
        <v>227</v>
      </c>
      <c r="F182" s="9" t="s">
        <v>235</v>
      </c>
      <c r="G182" s="9" t="s">
        <v>236</v>
      </c>
      <c r="H182" s="6">
        <v>5924</v>
      </c>
      <c r="I182" s="6">
        <v>3451</v>
      </c>
      <c r="J182" s="6">
        <v>3358</v>
      </c>
      <c r="K182" s="6">
        <v>2473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0</v>
      </c>
      <c r="E183" s="9" t="s">
        <v>227</v>
      </c>
      <c r="F183" s="9" t="s">
        <v>235</v>
      </c>
      <c r="G183" s="9" t="s">
        <v>237</v>
      </c>
      <c r="H183" s="6">
        <v>5547</v>
      </c>
      <c r="I183" s="6">
        <v>4433</v>
      </c>
      <c r="J183" s="6">
        <v>4265</v>
      </c>
      <c r="K183" s="6">
        <v>1101</v>
      </c>
      <c r="L183" s="6">
        <v>13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0</v>
      </c>
      <c r="E184" s="9" t="s">
        <v>227</v>
      </c>
      <c r="F184" s="9" t="s">
        <v>235</v>
      </c>
      <c r="G184" s="9" t="s">
        <v>238</v>
      </c>
      <c r="H184" s="6">
        <v>4930</v>
      </c>
      <c r="I184" s="6">
        <v>4251</v>
      </c>
      <c r="J184" s="6">
        <v>4036</v>
      </c>
      <c r="K184" s="6">
        <v>679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0</v>
      </c>
      <c r="E185" s="9" t="s">
        <v>227</v>
      </c>
      <c r="F185" s="9" t="s">
        <v>235</v>
      </c>
      <c r="G185" s="9" t="s">
        <v>239</v>
      </c>
      <c r="H185" s="6">
        <v>4282</v>
      </c>
      <c r="I185" s="6">
        <v>3698</v>
      </c>
      <c r="J185" s="6">
        <v>3575</v>
      </c>
      <c r="K185" s="6">
        <v>580</v>
      </c>
      <c r="L185" s="6">
        <v>4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0</v>
      </c>
      <c r="E186" s="9" t="s">
        <v>227</v>
      </c>
      <c r="F186" s="9" t="s">
        <v>235</v>
      </c>
      <c r="G186" s="9" t="s">
        <v>240</v>
      </c>
      <c r="H186" s="6">
        <v>3968</v>
      </c>
      <c r="I186" s="6">
        <v>3463</v>
      </c>
      <c r="J186" s="6">
        <v>3332</v>
      </c>
      <c r="K186" s="6">
        <v>505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0</v>
      </c>
      <c r="E187" s="9" t="s">
        <v>227</v>
      </c>
      <c r="F187" s="9" t="s">
        <v>235</v>
      </c>
      <c r="G187" s="9" t="s">
        <v>241</v>
      </c>
      <c r="H187" s="6">
        <v>3855</v>
      </c>
      <c r="I187" s="6">
        <v>3482</v>
      </c>
      <c r="J187" s="6">
        <v>3387</v>
      </c>
      <c r="K187" s="6">
        <v>373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0</v>
      </c>
      <c r="E188" s="9" t="s">
        <v>227</v>
      </c>
      <c r="F188" s="9" t="s">
        <v>235</v>
      </c>
      <c r="G188" s="9" t="s">
        <v>242</v>
      </c>
      <c r="H188" s="6">
        <v>3645</v>
      </c>
      <c r="I188" s="6">
        <v>3257</v>
      </c>
      <c r="J188" s="6">
        <v>3172</v>
      </c>
      <c r="K188" s="6">
        <v>388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0</v>
      </c>
      <c r="E189" s="9" t="s">
        <v>227</v>
      </c>
      <c r="F189" s="9" t="s">
        <v>235</v>
      </c>
      <c r="G189" s="9" t="s">
        <v>243</v>
      </c>
      <c r="H189" s="6">
        <v>3995</v>
      </c>
      <c r="I189" s="6">
        <v>3572</v>
      </c>
      <c r="J189" s="6">
        <v>3430</v>
      </c>
      <c r="K189" s="6">
        <v>416</v>
      </c>
      <c r="L189" s="6">
        <v>7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0</v>
      </c>
      <c r="E190" s="9" t="s">
        <v>227</v>
      </c>
      <c r="F190" s="9" t="s">
        <v>235</v>
      </c>
      <c r="G190" s="9" t="s">
        <v>244</v>
      </c>
      <c r="H190" s="6">
        <v>4239</v>
      </c>
      <c r="I190" s="6">
        <v>3851</v>
      </c>
      <c r="J190" s="6">
        <v>3722</v>
      </c>
      <c r="K190" s="6">
        <v>383</v>
      </c>
      <c r="L190" s="6">
        <v>5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0</v>
      </c>
      <c r="E191" s="9" t="s">
        <v>227</v>
      </c>
      <c r="F191" s="9" t="s">
        <v>235</v>
      </c>
      <c r="G191" s="9" t="s">
        <v>245</v>
      </c>
      <c r="H191" s="6">
        <v>3875</v>
      </c>
      <c r="I191" s="6">
        <v>3459</v>
      </c>
      <c r="J191" s="6">
        <v>3349</v>
      </c>
      <c r="K191" s="6">
        <v>409</v>
      </c>
      <c r="L191" s="6">
        <v>7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0</v>
      </c>
      <c r="E192" s="9" t="s">
        <v>227</v>
      </c>
      <c r="F192" s="9" t="s">
        <v>235</v>
      </c>
      <c r="G192" s="9" t="s">
        <v>246</v>
      </c>
      <c r="H192" s="6">
        <v>3917</v>
      </c>
      <c r="I192" s="6">
        <v>3568</v>
      </c>
      <c r="J192" s="6">
        <v>3460</v>
      </c>
      <c r="K192" s="6">
        <v>349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0</v>
      </c>
      <c r="E193" s="9" t="s">
        <v>227</v>
      </c>
      <c r="F193" s="9" t="s">
        <v>235</v>
      </c>
      <c r="G193" s="9" t="s">
        <v>247</v>
      </c>
      <c r="H193" s="6">
        <v>3670</v>
      </c>
      <c r="I193" s="6">
        <v>3262</v>
      </c>
      <c r="J193" s="6">
        <v>3148</v>
      </c>
      <c r="K193" s="6">
        <v>408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0</v>
      </c>
      <c r="E194" s="9" t="s">
        <v>227</v>
      </c>
      <c r="F194" s="9" t="s">
        <v>235</v>
      </c>
      <c r="G194" s="9" t="s">
        <v>248</v>
      </c>
      <c r="H194" s="6">
        <v>3814</v>
      </c>
      <c r="I194" s="6">
        <v>3465</v>
      </c>
      <c r="J194" s="6">
        <v>3354</v>
      </c>
      <c r="K194" s="6">
        <v>349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0</v>
      </c>
      <c r="E195" s="9" t="s">
        <v>227</v>
      </c>
      <c r="F195" s="9" t="s">
        <v>235</v>
      </c>
      <c r="G195" s="9" t="s">
        <v>249</v>
      </c>
      <c r="H195" s="6">
        <v>3568</v>
      </c>
      <c r="I195" s="6">
        <v>3242</v>
      </c>
      <c r="J195" s="6">
        <v>3091</v>
      </c>
      <c r="K195" s="6">
        <v>320</v>
      </c>
      <c r="L195" s="6">
        <v>6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0</v>
      </c>
      <c r="E196" s="9" t="s">
        <v>227</v>
      </c>
      <c r="F196" s="9" t="s">
        <v>235</v>
      </c>
      <c r="G196" s="9" t="s">
        <v>250</v>
      </c>
      <c r="H196" s="6">
        <v>3442</v>
      </c>
      <c r="I196" s="6">
        <v>3058</v>
      </c>
      <c r="J196" s="6">
        <v>2940</v>
      </c>
      <c r="K196" s="6">
        <v>384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0</v>
      </c>
      <c r="E197" s="9" t="s">
        <v>227</v>
      </c>
      <c r="F197" s="9" t="s">
        <v>235</v>
      </c>
      <c r="G197" s="9" t="s">
        <v>251</v>
      </c>
      <c r="H197" s="6">
        <v>3446</v>
      </c>
      <c r="I197" s="6">
        <v>3008</v>
      </c>
      <c r="J197" s="6">
        <v>2921</v>
      </c>
      <c r="K197" s="6">
        <v>432</v>
      </c>
      <c r="L197" s="6">
        <v>6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0</v>
      </c>
      <c r="E198" s="9" t="s">
        <v>227</v>
      </c>
      <c r="F198" s="9" t="s">
        <v>235</v>
      </c>
      <c r="G198" s="9" t="s">
        <v>252</v>
      </c>
      <c r="H198" s="6">
        <v>3347</v>
      </c>
      <c r="I198" s="6">
        <v>2931</v>
      </c>
      <c r="J198" s="6">
        <v>2808</v>
      </c>
      <c r="K198" s="6">
        <v>416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0</v>
      </c>
      <c r="E199" s="9" t="s">
        <v>227</v>
      </c>
      <c r="F199" s="9" t="s">
        <v>235</v>
      </c>
      <c r="G199" s="9" t="s">
        <v>253</v>
      </c>
      <c r="H199" s="6">
        <v>3597</v>
      </c>
      <c r="I199" s="6">
        <v>3205</v>
      </c>
      <c r="J199" s="6">
        <v>3041</v>
      </c>
      <c r="K199" s="6">
        <v>392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0</v>
      </c>
      <c r="E200" s="9" t="s">
        <v>227</v>
      </c>
      <c r="F200" s="9" t="s">
        <v>235</v>
      </c>
      <c r="G200" s="9" t="s">
        <v>254</v>
      </c>
      <c r="H200" s="6">
        <v>2793</v>
      </c>
      <c r="I200" s="6">
        <v>2384</v>
      </c>
      <c r="J200" s="6">
        <v>2304</v>
      </c>
      <c r="K200" s="6">
        <v>403</v>
      </c>
      <c r="L200" s="6">
        <v>6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0</v>
      </c>
      <c r="E201" s="9" t="s">
        <v>227</v>
      </c>
      <c r="F201" s="9" t="s">
        <v>235</v>
      </c>
      <c r="G201" s="9" t="s">
        <v>255</v>
      </c>
      <c r="H201" s="6">
        <v>2353</v>
      </c>
      <c r="I201" s="6">
        <v>2051</v>
      </c>
      <c r="J201" s="6">
        <v>1964</v>
      </c>
      <c r="K201" s="6">
        <v>302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0</v>
      </c>
      <c r="E202" s="9" t="s">
        <v>227</v>
      </c>
      <c r="F202" s="9" t="s">
        <v>235</v>
      </c>
      <c r="G202" s="9" t="s">
        <v>256</v>
      </c>
      <c r="H202" s="6">
        <v>29441</v>
      </c>
      <c r="I202" s="6">
        <v>23272</v>
      </c>
      <c r="J202" s="6">
        <v>22196</v>
      </c>
      <c r="K202" s="6">
        <v>6146</v>
      </c>
      <c r="L202" s="6">
        <v>23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0</v>
      </c>
      <c r="E203" s="9" t="s">
        <v>228</v>
      </c>
      <c r="F203" s="9" t="s">
        <v>6</v>
      </c>
      <c r="G203" s="9" t="s">
        <v>30</v>
      </c>
      <c r="H203" s="6">
        <v>16923</v>
      </c>
      <c r="I203" s="6">
        <v>7209</v>
      </c>
      <c r="J203" s="6">
        <v>6655</v>
      </c>
      <c r="K203" s="6">
        <v>9703</v>
      </c>
      <c r="L203" s="6">
        <v>11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0</v>
      </c>
      <c r="E204" s="9" t="s">
        <v>228</v>
      </c>
      <c r="F204" s="9" t="s">
        <v>234</v>
      </c>
      <c r="G204" s="9" t="s">
        <v>30</v>
      </c>
      <c r="H204" s="6">
        <v>9175</v>
      </c>
      <c r="I204" s="6">
        <v>3385</v>
      </c>
      <c r="J204" s="6">
        <v>3154</v>
      </c>
      <c r="K204" s="6">
        <v>5790</v>
      </c>
      <c r="L204" s="10" t="s">
        <v>55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0</v>
      </c>
      <c r="E205" s="9" t="s">
        <v>228</v>
      </c>
      <c r="F205" s="9" t="s">
        <v>235</v>
      </c>
      <c r="G205" s="9" t="s">
        <v>30</v>
      </c>
      <c r="H205" s="6">
        <v>7748</v>
      </c>
      <c r="I205" s="6">
        <v>3824</v>
      </c>
      <c r="J205" s="6">
        <v>3501</v>
      </c>
      <c r="K205" s="6">
        <v>3913</v>
      </c>
      <c r="L205" s="6">
        <v>11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0</v>
      </c>
      <c r="E206" s="9" t="s">
        <v>228</v>
      </c>
      <c r="F206" s="9" t="s">
        <v>235</v>
      </c>
      <c r="G206" s="9" t="s">
        <v>236</v>
      </c>
      <c r="H206" s="6">
        <v>157</v>
      </c>
      <c r="I206" s="6">
        <v>33</v>
      </c>
      <c r="J206" s="6">
        <v>33</v>
      </c>
      <c r="K206" s="6">
        <v>124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0</v>
      </c>
      <c r="E207" s="9" t="s">
        <v>228</v>
      </c>
      <c r="F207" s="9" t="s">
        <v>235</v>
      </c>
      <c r="G207" s="9" t="s">
        <v>237</v>
      </c>
      <c r="H207" s="6">
        <v>197</v>
      </c>
      <c r="I207" s="6">
        <v>92</v>
      </c>
      <c r="J207" s="6">
        <v>83</v>
      </c>
      <c r="K207" s="6">
        <v>105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0</v>
      </c>
      <c r="E208" s="9" t="s">
        <v>228</v>
      </c>
      <c r="F208" s="9" t="s">
        <v>235</v>
      </c>
      <c r="G208" s="9" t="s">
        <v>238</v>
      </c>
      <c r="H208" s="6">
        <v>78</v>
      </c>
      <c r="I208" s="6">
        <v>61</v>
      </c>
      <c r="J208" s="6">
        <v>61</v>
      </c>
      <c r="K208" s="6">
        <v>17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0</v>
      </c>
      <c r="E209" s="9" t="s">
        <v>228</v>
      </c>
      <c r="F209" s="9" t="s">
        <v>235</v>
      </c>
      <c r="G209" s="9" t="s">
        <v>239</v>
      </c>
      <c r="H209" s="6">
        <v>116</v>
      </c>
      <c r="I209" s="6">
        <v>96</v>
      </c>
      <c r="J209" s="6">
        <v>96</v>
      </c>
      <c r="K209" s="6">
        <v>20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0</v>
      </c>
      <c r="E210" s="9" t="s">
        <v>228</v>
      </c>
      <c r="F210" s="9" t="s">
        <v>235</v>
      </c>
      <c r="G210" s="9" t="s">
        <v>240</v>
      </c>
      <c r="H210" s="6">
        <v>146</v>
      </c>
      <c r="I210" s="6">
        <v>91</v>
      </c>
      <c r="J210" s="6">
        <v>57</v>
      </c>
      <c r="K210" s="6">
        <v>55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0</v>
      </c>
      <c r="E211" s="9" t="s">
        <v>228</v>
      </c>
      <c r="F211" s="9" t="s">
        <v>235</v>
      </c>
      <c r="G211" s="9" t="s">
        <v>241</v>
      </c>
      <c r="H211" s="6">
        <v>52</v>
      </c>
      <c r="I211" s="6">
        <v>34</v>
      </c>
      <c r="J211" s="6">
        <v>27</v>
      </c>
      <c r="K211" s="6">
        <v>18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0</v>
      </c>
      <c r="E212" s="9" t="s">
        <v>228</v>
      </c>
      <c r="F212" s="9" t="s">
        <v>235</v>
      </c>
      <c r="G212" s="9" t="s">
        <v>242</v>
      </c>
      <c r="H212" s="6">
        <v>53</v>
      </c>
      <c r="I212" s="6">
        <v>24</v>
      </c>
      <c r="J212" s="6">
        <v>24</v>
      </c>
      <c r="K212" s="6">
        <v>29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0</v>
      </c>
      <c r="E213" s="9" t="s">
        <v>228</v>
      </c>
      <c r="F213" s="9" t="s">
        <v>235</v>
      </c>
      <c r="G213" s="9" t="s">
        <v>243</v>
      </c>
      <c r="H213" s="6">
        <v>38</v>
      </c>
      <c r="I213" s="6">
        <v>33</v>
      </c>
      <c r="J213" s="6">
        <v>33</v>
      </c>
      <c r="K213" s="6">
        <v>5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0</v>
      </c>
      <c r="E214" s="9" t="s">
        <v>228</v>
      </c>
      <c r="F214" s="9" t="s">
        <v>235</v>
      </c>
      <c r="G214" s="9" t="s">
        <v>244</v>
      </c>
      <c r="H214" s="6">
        <v>48</v>
      </c>
      <c r="I214" s="6">
        <v>34</v>
      </c>
      <c r="J214" s="6">
        <v>26</v>
      </c>
      <c r="K214" s="6">
        <v>14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0</v>
      </c>
      <c r="E215" s="9" t="s">
        <v>228</v>
      </c>
      <c r="F215" s="9" t="s">
        <v>235</v>
      </c>
      <c r="G215" s="9" t="s">
        <v>245</v>
      </c>
      <c r="H215" s="6">
        <v>98</v>
      </c>
      <c r="I215" s="6">
        <v>79</v>
      </c>
      <c r="J215" s="6">
        <v>54</v>
      </c>
      <c r="K215" s="6">
        <v>12</v>
      </c>
      <c r="L215" s="6">
        <v>7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0</v>
      </c>
      <c r="E216" s="9" t="s">
        <v>228</v>
      </c>
      <c r="F216" s="9" t="s">
        <v>235</v>
      </c>
      <c r="G216" s="9" t="s">
        <v>246</v>
      </c>
      <c r="H216" s="6">
        <v>100</v>
      </c>
      <c r="I216" s="6">
        <v>78</v>
      </c>
      <c r="J216" s="6">
        <v>65</v>
      </c>
      <c r="K216" s="6">
        <v>22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0</v>
      </c>
      <c r="E217" s="9" t="s">
        <v>228</v>
      </c>
      <c r="F217" s="9" t="s">
        <v>235</v>
      </c>
      <c r="G217" s="9" t="s">
        <v>247</v>
      </c>
      <c r="H217" s="6">
        <v>57</v>
      </c>
      <c r="I217" s="6">
        <v>52</v>
      </c>
      <c r="J217" s="6">
        <v>52</v>
      </c>
      <c r="K217" s="6">
        <v>5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0</v>
      </c>
      <c r="E218" s="9" t="s">
        <v>228</v>
      </c>
      <c r="F218" s="9" t="s">
        <v>235</v>
      </c>
      <c r="G218" s="9" t="s">
        <v>248</v>
      </c>
      <c r="H218" s="6">
        <v>111</v>
      </c>
      <c r="I218" s="6">
        <v>88</v>
      </c>
      <c r="J218" s="6">
        <v>76</v>
      </c>
      <c r="K218" s="6">
        <v>23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0</v>
      </c>
      <c r="E219" s="9" t="s">
        <v>228</v>
      </c>
      <c r="F219" s="9" t="s">
        <v>235</v>
      </c>
      <c r="G219" s="9" t="s">
        <v>249</v>
      </c>
      <c r="H219" s="6">
        <v>51</v>
      </c>
      <c r="I219" s="6">
        <v>37</v>
      </c>
      <c r="J219" s="6">
        <v>37</v>
      </c>
      <c r="K219" s="6">
        <v>10</v>
      </c>
      <c r="L219" s="6">
        <v>4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0</v>
      </c>
      <c r="E220" s="9" t="s">
        <v>228</v>
      </c>
      <c r="F220" s="9" t="s">
        <v>235</v>
      </c>
      <c r="G220" s="9" t="s">
        <v>250</v>
      </c>
      <c r="H220" s="6">
        <v>59</v>
      </c>
      <c r="I220" s="6">
        <v>42</v>
      </c>
      <c r="J220" s="6">
        <v>42</v>
      </c>
      <c r="K220" s="6">
        <v>17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0</v>
      </c>
      <c r="E221" s="9" t="s">
        <v>228</v>
      </c>
      <c r="F221" s="9" t="s">
        <v>235</v>
      </c>
      <c r="G221" s="9" t="s">
        <v>251</v>
      </c>
      <c r="H221" s="6">
        <v>99</v>
      </c>
      <c r="I221" s="6">
        <v>68</v>
      </c>
      <c r="J221" s="6">
        <v>63</v>
      </c>
      <c r="K221" s="6">
        <v>31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0</v>
      </c>
      <c r="E222" s="9" t="s">
        <v>228</v>
      </c>
      <c r="F222" s="9" t="s">
        <v>235</v>
      </c>
      <c r="G222" s="9" t="s">
        <v>252</v>
      </c>
      <c r="H222" s="6">
        <v>75</v>
      </c>
      <c r="I222" s="6">
        <v>57</v>
      </c>
      <c r="J222" s="6">
        <v>51</v>
      </c>
      <c r="K222" s="6">
        <v>18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0</v>
      </c>
      <c r="E223" s="9" t="s">
        <v>228</v>
      </c>
      <c r="F223" s="9" t="s">
        <v>235</v>
      </c>
      <c r="G223" s="9" t="s">
        <v>253</v>
      </c>
      <c r="H223" s="6">
        <v>140</v>
      </c>
      <c r="I223" s="6">
        <v>109</v>
      </c>
      <c r="J223" s="6">
        <v>109</v>
      </c>
      <c r="K223" s="6">
        <v>31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0</v>
      </c>
      <c r="E224" s="9" t="s">
        <v>228</v>
      </c>
      <c r="F224" s="9" t="s">
        <v>235</v>
      </c>
      <c r="G224" s="9" t="s">
        <v>254</v>
      </c>
      <c r="H224" s="6">
        <v>104</v>
      </c>
      <c r="I224" s="6">
        <v>60</v>
      </c>
      <c r="J224" s="6">
        <v>54</v>
      </c>
      <c r="K224" s="6">
        <v>44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0</v>
      </c>
      <c r="E225" s="9" t="s">
        <v>228</v>
      </c>
      <c r="F225" s="9" t="s">
        <v>235</v>
      </c>
      <c r="G225" s="9" t="s">
        <v>255</v>
      </c>
      <c r="H225" s="6">
        <v>115</v>
      </c>
      <c r="I225" s="6">
        <v>69</v>
      </c>
      <c r="J225" s="6">
        <v>57</v>
      </c>
      <c r="K225" s="6">
        <v>46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0</v>
      </c>
      <c r="E226" s="9" t="s">
        <v>228</v>
      </c>
      <c r="F226" s="9" t="s">
        <v>235</v>
      </c>
      <c r="G226" s="9" t="s">
        <v>256</v>
      </c>
      <c r="H226" s="6">
        <v>5854</v>
      </c>
      <c r="I226" s="6">
        <v>2587</v>
      </c>
      <c r="J226" s="6">
        <v>2401</v>
      </c>
      <c r="K226" s="6">
        <v>3267</v>
      </c>
      <c r="L226" s="10" t="s">
        <v>55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0</v>
      </c>
      <c r="E227" s="9" t="s">
        <v>18</v>
      </c>
      <c r="F227" s="9" t="s">
        <v>6</v>
      </c>
      <c r="G227" s="9" t="s">
        <v>30</v>
      </c>
      <c r="H227" s="6">
        <v>5049</v>
      </c>
      <c r="I227" s="6">
        <v>113</v>
      </c>
      <c r="J227" s="6">
        <v>87</v>
      </c>
      <c r="K227" s="6">
        <v>33</v>
      </c>
      <c r="L227" s="6">
        <v>4903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0</v>
      </c>
      <c r="E228" s="9" t="s">
        <v>18</v>
      </c>
      <c r="F228" s="9" t="s">
        <v>234</v>
      </c>
      <c r="G228" s="9" t="s">
        <v>30</v>
      </c>
      <c r="H228" s="6">
        <v>878</v>
      </c>
      <c r="I228" s="6">
        <v>43</v>
      </c>
      <c r="J228" s="6">
        <v>43</v>
      </c>
      <c r="K228" s="6">
        <v>6</v>
      </c>
      <c r="L228" s="6">
        <v>829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0</v>
      </c>
      <c r="E229" s="9" t="s">
        <v>18</v>
      </c>
      <c r="F229" s="9" t="s">
        <v>235</v>
      </c>
      <c r="G229" s="9" t="s">
        <v>30</v>
      </c>
      <c r="H229" s="6">
        <v>4171</v>
      </c>
      <c r="I229" s="6">
        <v>70</v>
      </c>
      <c r="J229" s="6">
        <v>44</v>
      </c>
      <c r="K229" s="6">
        <v>27</v>
      </c>
      <c r="L229" s="6">
        <v>4074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0</v>
      </c>
      <c r="E230" s="9" t="s">
        <v>18</v>
      </c>
      <c r="F230" s="9" t="s">
        <v>235</v>
      </c>
      <c r="G230" s="9" t="s">
        <v>236</v>
      </c>
      <c r="H230" s="6">
        <v>346</v>
      </c>
      <c r="I230" s="10" t="s">
        <v>55</v>
      </c>
      <c r="J230" s="10" t="s">
        <v>55</v>
      </c>
      <c r="K230" s="6">
        <v>6</v>
      </c>
      <c r="L230" s="6">
        <v>340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0</v>
      </c>
      <c r="E231" s="9" t="s">
        <v>18</v>
      </c>
      <c r="F231" s="9" t="s">
        <v>235</v>
      </c>
      <c r="G231" s="9" t="s">
        <v>237</v>
      </c>
      <c r="H231" s="6">
        <v>274</v>
      </c>
      <c r="I231" s="6">
        <v>7</v>
      </c>
      <c r="J231" s="6">
        <v>7</v>
      </c>
      <c r="K231" s="6">
        <v>6</v>
      </c>
      <c r="L231" s="6">
        <v>261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0</v>
      </c>
      <c r="E232" s="9" t="s">
        <v>18</v>
      </c>
      <c r="F232" s="9" t="s">
        <v>235</v>
      </c>
      <c r="G232" s="9" t="s">
        <v>238</v>
      </c>
      <c r="H232" s="6">
        <v>295</v>
      </c>
      <c r="I232" s="6">
        <v>10</v>
      </c>
      <c r="J232" s="6">
        <v>10</v>
      </c>
      <c r="K232" s="10" t="s">
        <v>55</v>
      </c>
      <c r="L232" s="6">
        <v>285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0</v>
      </c>
      <c r="E233" s="9" t="s">
        <v>18</v>
      </c>
      <c r="F233" s="9" t="s">
        <v>235</v>
      </c>
      <c r="G233" s="9" t="s">
        <v>239</v>
      </c>
      <c r="H233" s="6">
        <v>215</v>
      </c>
      <c r="I233" s="6">
        <v>9</v>
      </c>
      <c r="J233" s="10" t="s">
        <v>55</v>
      </c>
      <c r="K233" s="10" t="s">
        <v>55</v>
      </c>
      <c r="L233" s="6">
        <v>206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0</v>
      </c>
      <c r="E234" s="9" t="s">
        <v>18</v>
      </c>
      <c r="F234" s="9" t="s">
        <v>235</v>
      </c>
      <c r="G234" s="9" t="s">
        <v>240</v>
      </c>
      <c r="H234" s="6">
        <v>156</v>
      </c>
      <c r="I234" s="10" t="s">
        <v>55</v>
      </c>
      <c r="J234" s="10" t="s">
        <v>55</v>
      </c>
      <c r="K234" s="10" t="s">
        <v>55</v>
      </c>
      <c r="L234" s="6">
        <v>156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0</v>
      </c>
      <c r="E235" s="9" t="s">
        <v>18</v>
      </c>
      <c r="F235" s="9" t="s">
        <v>235</v>
      </c>
      <c r="G235" s="9" t="s">
        <v>241</v>
      </c>
      <c r="H235" s="6">
        <v>150</v>
      </c>
      <c r="I235" s="10" t="s">
        <v>55</v>
      </c>
      <c r="J235" s="10" t="s">
        <v>55</v>
      </c>
      <c r="K235" s="10" t="s">
        <v>55</v>
      </c>
      <c r="L235" s="6">
        <v>150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0</v>
      </c>
      <c r="E236" s="9" t="s">
        <v>18</v>
      </c>
      <c r="F236" s="9" t="s">
        <v>235</v>
      </c>
      <c r="G236" s="9" t="s">
        <v>242</v>
      </c>
      <c r="H236" s="6">
        <v>142</v>
      </c>
      <c r="I236" s="10" t="s">
        <v>55</v>
      </c>
      <c r="J236" s="10" t="s">
        <v>55</v>
      </c>
      <c r="K236" s="10" t="s">
        <v>55</v>
      </c>
      <c r="L236" s="6">
        <v>142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0</v>
      </c>
      <c r="E237" s="9" t="s">
        <v>18</v>
      </c>
      <c r="F237" s="9" t="s">
        <v>235</v>
      </c>
      <c r="G237" s="9" t="s">
        <v>243</v>
      </c>
      <c r="H237" s="6">
        <v>112</v>
      </c>
      <c r="I237" s="10" t="s">
        <v>55</v>
      </c>
      <c r="J237" s="10" t="s">
        <v>55</v>
      </c>
      <c r="K237" s="10" t="s">
        <v>55</v>
      </c>
      <c r="L237" s="6">
        <v>112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0</v>
      </c>
      <c r="E238" s="9" t="s">
        <v>18</v>
      </c>
      <c r="F238" s="9" t="s">
        <v>235</v>
      </c>
      <c r="G238" s="9" t="s">
        <v>244</v>
      </c>
      <c r="H238" s="6">
        <v>101</v>
      </c>
      <c r="I238" s="10" t="s">
        <v>55</v>
      </c>
      <c r="J238" s="10" t="s">
        <v>55</v>
      </c>
      <c r="K238" s="10" t="s">
        <v>55</v>
      </c>
      <c r="L238" s="6">
        <v>101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0</v>
      </c>
      <c r="E239" s="9" t="s">
        <v>18</v>
      </c>
      <c r="F239" s="9" t="s">
        <v>235</v>
      </c>
      <c r="G239" s="9" t="s">
        <v>245</v>
      </c>
      <c r="H239" s="6">
        <v>160</v>
      </c>
      <c r="I239" s="6">
        <v>5</v>
      </c>
      <c r="J239" s="6">
        <v>5</v>
      </c>
      <c r="K239" s="10" t="s">
        <v>55</v>
      </c>
      <c r="L239" s="6">
        <v>1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0</v>
      </c>
      <c r="E240" s="9" t="s">
        <v>18</v>
      </c>
      <c r="F240" s="9" t="s">
        <v>235</v>
      </c>
      <c r="G240" s="9" t="s">
        <v>246</v>
      </c>
      <c r="H240" s="6">
        <v>179</v>
      </c>
      <c r="I240" s="10" t="s">
        <v>55</v>
      </c>
      <c r="J240" s="10" t="s">
        <v>55</v>
      </c>
      <c r="K240" s="10" t="s">
        <v>55</v>
      </c>
      <c r="L240" s="6">
        <v>179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0</v>
      </c>
      <c r="E241" s="9" t="s">
        <v>18</v>
      </c>
      <c r="F241" s="9" t="s">
        <v>235</v>
      </c>
      <c r="G241" s="9" t="s">
        <v>247</v>
      </c>
      <c r="H241" s="6">
        <v>154</v>
      </c>
      <c r="I241" s="10" t="s">
        <v>55</v>
      </c>
      <c r="J241" s="10" t="s">
        <v>55</v>
      </c>
      <c r="K241" s="10" t="s">
        <v>55</v>
      </c>
      <c r="L241" s="6">
        <v>154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0</v>
      </c>
      <c r="E242" s="9" t="s">
        <v>18</v>
      </c>
      <c r="F242" s="9" t="s">
        <v>235</v>
      </c>
      <c r="G242" s="9" t="s">
        <v>248</v>
      </c>
      <c r="H242" s="6">
        <v>119</v>
      </c>
      <c r="I242" s="10" t="s">
        <v>55</v>
      </c>
      <c r="J242" s="10" t="s">
        <v>55</v>
      </c>
      <c r="K242" s="10" t="s">
        <v>55</v>
      </c>
      <c r="L242" s="6">
        <v>119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0</v>
      </c>
      <c r="E243" s="9" t="s">
        <v>18</v>
      </c>
      <c r="F243" s="9" t="s">
        <v>235</v>
      </c>
      <c r="G243" s="9" t="s">
        <v>249</v>
      </c>
      <c r="H243" s="6">
        <v>189</v>
      </c>
      <c r="I243" s="10" t="s">
        <v>55</v>
      </c>
      <c r="J243" s="10" t="s">
        <v>55</v>
      </c>
      <c r="K243" s="6">
        <v>6</v>
      </c>
      <c r="L243" s="6">
        <v>183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0</v>
      </c>
      <c r="E244" s="9" t="s">
        <v>18</v>
      </c>
      <c r="F244" s="9" t="s">
        <v>235</v>
      </c>
      <c r="G244" s="9" t="s">
        <v>250</v>
      </c>
      <c r="H244" s="6">
        <v>151</v>
      </c>
      <c r="I244" s="10" t="s">
        <v>55</v>
      </c>
      <c r="J244" s="10" t="s">
        <v>55</v>
      </c>
      <c r="K244" s="10" t="s">
        <v>55</v>
      </c>
      <c r="L244" s="6">
        <v>151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0</v>
      </c>
      <c r="E245" s="9" t="s">
        <v>18</v>
      </c>
      <c r="F245" s="9" t="s">
        <v>235</v>
      </c>
      <c r="G245" s="9" t="s">
        <v>251</v>
      </c>
      <c r="H245" s="6">
        <v>93</v>
      </c>
      <c r="I245" s="10" t="s">
        <v>55</v>
      </c>
      <c r="J245" s="10" t="s">
        <v>55</v>
      </c>
      <c r="K245" s="10" t="s">
        <v>55</v>
      </c>
      <c r="L245" s="6">
        <v>93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0</v>
      </c>
      <c r="E246" s="9" t="s">
        <v>18</v>
      </c>
      <c r="F246" s="9" t="s">
        <v>235</v>
      </c>
      <c r="G246" s="9" t="s">
        <v>252</v>
      </c>
      <c r="H246" s="6">
        <v>104</v>
      </c>
      <c r="I246" s="10" t="s">
        <v>55</v>
      </c>
      <c r="J246" s="10" t="s">
        <v>55</v>
      </c>
      <c r="K246" s="10" t="s">
        <v>55</v>
      </c>
      <c r="L246" s="6">
        <v>104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0</v>
      </c>
      <c r="E247" s="9" t="s">
        <v>18</v>
      </c>
      <c r="F247" s="9" t="s">
        <v>235</v>
      </c>
      <c r="G247" s="9" t="s">
        <v>253</v>
      </c>
      <c r="H247" s="6">
        <v>94</v>
      </c>
      <c r="I247" s="10" t="s">
        <v>55</v>
      </c>
      <c r="J247" s="10" t="s">
        <v>55</v>
      </c>
      <c r="K247" s="6">
        <v>4</v>
      </c>
      <c r="L247" s="6">
        <v>90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0</v>
      </c>
      <c r="E248" s="9" t="s">
        <v>18</v>
      </c>
      <c r="F248" s="9" t="s">
        <v>235</v>
      </c>
      <c r="G248" s="9" t="s">
        <v>254</v>
      </c>
      <c r="H248" s="6">
        <v>123</v>
      </c>
      <c r="I248" s="10" t="s">
        <v>55</v>
      </c>
      <c r="J248" s="10" t="s">
        <v>55</v>
      </c>
      <c r="K248" s="10" t="s">
        <v>55</v>
      </c>
      <c r="L248" s="6">
        <v>123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0</v>
      </c>
      <c r="E249" s="9" t="s">
        <v>18</v>
      </c>
      <c r="F249" s="9" t="s">
        <v>235</v>
      </c>
      <c r="G249" s="9" t="s">
        <v>255</v>
      </c>
      <c r="H249" s="6">
        <v>109</v>
      </c>
      <c r="I249" s="10" t="s">
        <v>55</v>
      </c>
      <c r="J249" s="10" t="s">
        <v>55</v>
      </c>
      <c r="K249" s="10" t="s">
        <v>55</v>
      </c>
      <c r="L249" s="6">
        <v>109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0</v>
      </c>
      <c r="E250" s="9" t="s">
        <v>18</v>
      </c>
      <c r="F250" s="9" t="s">
        <v>235</v>
      </c>
      <c r="G250" s="9" t="s">
        <v>256</v>
      </c>
      <c r="H250" s="6">
        <v>905</v>
      </c>
      <c r="I250" s="6">
        <v>39</v>
      </c>
      <c r="J250" s="6">
        <v>22</v>
      </c>
      <c r="K250" s="6">
        <v>5</v>
      </c>
      <c r="L250" s="6">
        <v>861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0</v>
      </c>
      <c r="E251" s="9" t="s">
        <v>6</v>
      </c>
      <c r="F251" s="9" t="s">
        <v>6</v>
      </c>
      <c r="G251" s="9" t="s">
        <v>30</v>
      </c>
      <c r="H251" s="6">
        <v>21431</v>
      </c>
      <c r="I251" s="6">
        <v>17172</v>
      </c>
      <c r="J251" s="6">
        <v>12163</v>
      </c>
      <c r="K251" s="6">
        <v>3636</v>
      </c>
      <c r="L251" s="6">
        <v>623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0</v>
      </c>
      <c r="E252" s="9" t="s">
        <v>6</v>
      </c>
      <c r="F252" s="9" t="s">
        <v>234</v>
      </c>
      <c r="G252" s="9" t="s">
        <v>30</v>
      </c>
      <c r="H252" s="6">
        <v>6007</v>
      </c>
      <c r="I252" s="6">
        <v>4443</v>
      </c>
      <c r="J252" s="6">
        <v>3017</v>
      </c>
      <c r="K252" s="6">
        <v>1485</v>
      </c>
      <c r="L252" s="6">
        <v>79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0</v>
      </c>
      <c r="E253" s="9" t="s">
        <v>6</v>
      </c>
      <c r="F253" s="9" t="s">
        <v>235</v>
      </c>
      <c r="G253" s="9" t="s">
        <v>30</v>
      </c>
      <c r="H253" s="6">
        <v>15424</v>
      </c>
      <c r="I253" s="6">
        <v>12729</v>
      </c>
      <c r="J253" s="6">
        <v>9146</v>
      </c>
      <c r="K253" s="6">
        <v>2151</v>
      </c>
      <c r="L253" s="6">
        <v>544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0</v>
      </c>
      <c r="E254" s="9" t="s">
        <v>6</v>
      </c>
      <c r="F254" s="9" t="s">
        <v>235</v>
      </c>
      <c r="G254" s="9" t="s">
        <v>236</v>
      </c>
      <c r="H254" s="6">
        <v>580</v>
      </c>
      <c r="I254" s="6">
        <v>310</v>
      </c>
      <c r="J254" s="6">
        <v>240</v>
      </c>
      <c r="K254" s="6">
        <v>233</v>
      </c>
      <c r="L254" s="6">
        <v>37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0</v>
      </c>
      <c r="E255" s="9" t="s">
        <v>6</v>
      </c>
      <c r="F255" s="9" t="s">
        <v>235</v>
      </c>
      <c r="G255" s="9" t="s">
        <v>237</v>
      </c>
      <c r="H255" s="6">
        <v>806</v>
      </c>
      <c r="I255" s="6">
        <v>631</v>
      </c>
      <c r="J255" s="6">
        <v>513</v>
      </c>
      <c r="K255" s="6">
        <v>159</v>
      </c>
      <c r="L255" s="6">
        <v>16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0</v>
      </c>
      <c r="E256" s="9" t="s">
        <v>6</v>
      </c>
      <c r="F256" s="9" t="s">
        <v>235</v>
      </c>
      <c r="G256" s="9" t="s">
        <v>238</v>
      </c>
      <c r="H256" s="6">
        <v>650</v>
      </c>
      <c r="I256" s="6">
        <v>552</v>
      </c>
      <c r="J256" s="6">
        <v>415</v>
      </c>
      <c r="K256" s="6">
        <v>65</v>
      </c>
      <c r="L256" s="6">
        <v>33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0</v>
      </c>
      <c r="E257" s="9" t="s">
        <v>6</v>
      </c>
      <c r="F257" s="9" t="s">
        <v>235</v>
      </c>
      <c r="G257" s="9" t="s">
        <v>239</v>
      </c>
      <c r="H257" s="6">
        <v>565</v>
      </c>
      <c r="I257" s="6">
        <v>474</v>
      </c>
      <c r="J257" s="6">
        <v>384</v>
      </c>
      <c r="K257" s="6">
        <v>63</v>
      </c>
      <c r="L257" s="6">
        <v>28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0</v>
      </c>
      <c r="E258" s="9" t="s">
        <v>6</v>
      </c>
      <c r="F258" s="9" t="s">
        <v>235</v>
      </c>
      <c r="G258" s="9" t="s">
        <v>240</v>
      </c>
      <c r="H258" s="6">
        <v>610</v>
      </c>
      <c r="I258" s="6">
        <v>534</v>
      </c>
      <c r="J258" s="6">
        <v>372</v>
      </c>
      <c r="K258" s="6">
        <v>60</v>
      </c>
      <c r="L258" s="6">
        <v>16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0</v>
      </c>
      <c r="E259" s="9" t="s">
        <v>6</v>
      </c>
      <c r="F259" s="9" t="s">
        <v>235</v>
      </c>
      <c r="G259" s="9" t="s">
        <v>241</v>
      </c>
      <c r="H259" s="6">
        <v>481</v>
      </c>
      <c r="I259" s="6">
        <v>407</v>
      </c>
      <c r="J259" s="6">
        <v>344</v>
      </c>
      <c r="K259" s="6">
        <v>44</v>
      </c>
      <c r="L259" s="6">
        <v>30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0</v>
      </c>
      <c r="E260" s="9" t="s">
        <v>6</v>
      </c>
      <c r="F260" s="9" t="s">
        <v>235</v>
      </c>
      <c r="G260" s="9" t="s">
        <v>242</v>
      </c>
      <c r="H260" s="6">
        <v>521</v>
      </c>
      <c r="I260" s="6">
        <v>459</v>
      </c>
      <c r="J260" s="6">
        <v>377</v>
      </c>
      <c r="K260" s="6">
        <v>38</v>
      </c>
      <c r="L260" s="6">
        <v>24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0</v>
      </c>
      <c r="E261" s="9" t="s">
        <v>6</v>
      </c>
      <c r="F261" s="9" t="s">
        <v>235</v>
      </c>
      <c r="G261" s="9" t="s">
        <v>243</v>
      </c>
      <c r="H261" s="6">
        <v>525</v>
      </c>
      <c r="I261" s="6">
        <v>469</v>
      </c>
      <c r="J261" s="6">
        <v>370</v>
      </c>
      <c r="K261" s="6">
        <v>56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0</v>
      </c>
      <c r="E262" s="9" t="s">
        <v>6</v>
      </c>
      <c r="F262" s="9" t="s">
        <v>235</v>
      </c>
      <c r="G262" s="9" t="s">
        <v>244</v>
      </c>
      <c r="H262" s="6">
        <v>492</v>
      </c>
      <c r="I262" s="6">
        <v>444</v>
      </c>
      <c r="J262" s="6">
        <v>385</v>
      </c>
      <c r="K262" s="6">
        <v>43</v>
      </c>
      <c r="L262" s="6">
        <v>5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0</v>
      </c>
      <c r="E263" s="9" t="s">
        <v>6</v>
      </c>
      <c r="F263" s="9" t="s">
        <v>235</v>
      </c>
      <c r="G263" s="9" t="s">
        <v>245</v>
      </c>
      <c r="H263" s="6">
        <v>482</v>
      </c>
      <c r="I263" s="6">
        <v>432</v>
      </c>
      <c r="J263" s="6">
        <v>323</v>
      </c>
      <c r="K263" s="6">
        <v>36</v>
      </c>
      <c r="L263" s="6">
        <v>14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0</v>
      </c>
      <c r="E264" s="9" t="s">
        <v>6</v>
      </c>
      <c r="F264" s="9" t="s">
        <v>235</v>
      </c>
      <c r="G264" s="9" t="s">
        <v>246</v>
      </c>
      <c r="H264" s="6">
        <v>553</v>
      </c>
      <c r="I264" s="6">
        <v>497</v>
      </c>
      <c r="J264" s="6">
        <v>361</v>
      </c>
      <c r="K264" s="6">
        <v>35</v>
      </c>
      <c r="L264" s="6">
        <v>21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0</v>
      </c>
      <c r="E265" s="9" t="s">
        <v>6</v>
      </c>
      <c r="F265" s="9" t="s">
        <v>235</v>
      </c>
      <c r="G265" s="9" t="s">
        <v>247</v>
      </c>
      <c r="H265" s="6">
        <v>602</v>
      </c>
      <c r="I265" s="6">
        <v>523</v>
      </c>
      <c r="J265" s="6">
        <v>411</v>
      </c>
      <c r="K265" s="6">
        <v>44</v>
      </c>
      <c r="L265" s="6">
        <v>35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0</v>
      </c>
      <c r="E266" s="9" t="s">
        <v>6</v>
      </c>
      <c r="F266" s="9" t="s">
        <v>235</v>
      </c>
      <c r="G266" s="9" t="s">
        <v>248</v>
      </c>
      <c r="H266" s="6">
        <v>519</v>
      </c>
      <c r="I266" s="6">
        <v>485</v>
      </c>
      <c r="J266" s="6">
        <v>398</v>
      </c>
      <c r="K266" s="6">
        <v>20</v>
      </c>
      <c r="L266" s="6">
        <v>14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0</v>
      </c>
      <c r="E267" s="9" t="s">
        <v>6</v>
      </c>
      <c r="F267" s="9" t="s">
        <v>235</v>
      </c>
      <c r="G267" s="9" t="s">
        <v>249</v>
      </c>
      <c r="H267" s="6">
        <v>473</v>
      </c>
      <c r="I267" s="6">
        <v>387</v>
      </c>
      <c r="J267" s="6">
        <v>301</v>
      </c>
      <c r="K267" s="6">
        <v>35</v>
      </c>
      <c r="L267" s="6">
        <v>51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0</v>
      </c>
      <c r="E268" s="9" t="s">
        <v>6</v>
      </c>
      <c r="F268" s="9" t="s">
        <v>235</v>
      </c>
      <c r="G268" s="9" t="s">
        <v>250</v>
      </c>
      <c r="H268" s="6">
        <v>478</v>
      </c>
      <c r="I268" s="6">
        <v>404</v>
      </c>
      <c r="J268" s="6">
        <v>288</v>
      </c>
      <c r="K268" s="6">
        <v>56</v>
      </c>
      <c r="L268" s="6">
        <v>18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0</v>
      </c>
      <c r="E269" s="9" t="s">
        <v>6</v>
      </c>
      <c r="F269" s="9" t="s">
        <v>235</v>
      </c>
      <c r="G269" s="9" t="s">
        <v>251</v>
      </c>
      <c r="H269" s="6">
        <v>465</v>
      </c>
      <c r="I269" s="6">
        <v>396</v>
      </c>
      <c r="J269" s="6">
        <v>296</v>
      </c>
      <c r="K269" s="6">
        <v>42</v>
      </c>
      <c r="L269" s="6">
        <v>27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0</v>
      </c>
      <c r="E270" s="9" t="s">
        <v>6</v>
      </c>
      <c r="F270" s="9" t="s">
        <v>235</v>
      </c>
      <c r="G270" s="9" t="s">
        <v>252</v>
      </c>
      <c r="H270" s="6">
        <v>426</v>
      </c>
      <c r="I270" s="6">
        <v>373</v>
      </c>
      <c r="J270" s="6">
        <v>275</v>
      </c>
      <c r="K270" s="6">
        <v>31</v>
      </c>
      <c r="L270" s="6">
        <v>22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0</v>
      </c>
      <c r="E271" s="9" t="s">
        <v>6</v>
      </c>
      <c r="F271" s="9" t="s">
        <v>235</v>
      </c>
      <c r="G271" s="9" t="s">
        <v>253</v>
      </c>
      <c r="H271" s="6">
        <v>419</v>
      </c>
      <c r="I271" s="6">
        <v>374</v>
      </c>
      <c r="J271" s="6">
        <v>272</v>
      </c>
      <c r="K271" s="6">
        <v>33</v>
      </c>
      <c r="L271" s="6">
        <v>12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0</v>
      </c>
      <c r="E272" s="9" t="s">
        <v>6</v>
      </c>
      <c r="F272" s="9" t="s">
        <v>235</v>
      </c>
      <c r="G272" s="9" t="s">
        <v>254</v>
      </c>
      <c r="H272" s="6">
        <v>466</v>
      </c>
      <c r="I272" s="6">
        <v>406</v>
      </c>
      <c r="J272" s="6">
        <v>284</v>
      </c>
      <c r="K272" s="6">
        <v>38</v>
      </c>
      <c r="L272" s="6">
        <v>22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0</v>
      </c>
      <c r="E273" s="9" t="s">
        <v>6</v>
      </c>
      <c r="F273" s="9" t="s">
        <v>235</v>
      </c>
      <c r="G273" s="9" t="s">
        <v>255</v>
      </c>
      <c r="H273" s="6">
        <v>340</v>
      </c>
      <c r="I273" s="6">
        <v>288</v>
      </c>
      <c r="J273" s="6">
        <v>178</v>
      </c>
      <c r="K273" s="6">
        <v>36</v>
      </c>
      <c r="L273" s="6">
        <v>16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0</v>
      </c>
      <c r="E274" s="9" t="s">
        <v>6</v>
      </c>
      <c r="F274" s="9" t="s">
        <v>235</v>
      </c>
      <c r="G274" s="9" t="s">
        <v>256</v>
      </c>
      <c r="H274" s="6">
        <v>4971</v>
      </c>
      <c r="I274" s="6">
        <v>3884</v>
      </c>
      <c r="J274" s="6">
        <v>2359</v>
      </c>
      <c r="K274" s="6">
        <v>984</v>
      </c>
      <c r="L274" s="6">
        <v>103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0</v>
      </c>
      <c r="E275" s="9" t="s">
        <v>226</v>
      </c>
      <c r="F275" s="9" t="s">
        <v>6</v>
      </c>
      <c r="G275" s="9" t="s">
        <v>30</v>
      </c>
      <c r="H275" s="6">
        <v>19181</v>
      </c>
      <c r="I275" s="6">
        <v>16495</v>
      </c>
      <c r="J275" s="6">
        <v>11545</v>
      </c>
      <c r="K275" s="6">
        <v>2681</v>
      </c>
      <c r="L275" s="6">
        <v>5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0</v>
      </c>
      <c r="E276" s="9" t="s">
        <v>226</v>
      </c>
      <c r="F276" s="9" t="s">
        <v>234</v>
      </c>
      <c r="G276" s="9" t="s">
        <v>30</v>
      </c>
      <c r="H276" s="6">
        <v>5080</v>
      </c>
      <c r="I276" s="6">
        <v>4144</v>
      </c>
      <c r="J276" s="6">
        <v>2730</v>
      </c>
      <c r="K276" s="6">
        <v>936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0</v>
      </c>
      <c r="E277" s="9" t="s">
        <v>226</v>
      </c>
      <c r="F277" s="9" t="s">
        <v>235</v>
      </c>
      <c r="G277" s="9" t="s">
        <v>30</v>
      </c>
      <c r="H277" s="6">
        <v>14101</v>
      </c>
      <c r="I277" s="6">
        <v>12351</v>
      </c>
      <c r="J277" s="6">
        <v>8815</v>
      </c>
      <c r="K277" s="6">
        <v>1745</v>
      </c>
      <c r="L277" s="6">
        <v>5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0</v>
      </c>
      <c r="E278" s="9" t="s">
        <v>226</v>
      </c>
      <c r="F278" s="9" t="s">
        <v>235</v>
      </c>
      <c r="G278" s="9" t="s">
        <v>236</v>
      </c>
      <c r="H278" s="6">
        <v>537</v>
      </c>
      <c r="I278" s="6">
        <v>310</v>
      </c>
      <c r="J278" s="6">
        <v>240</v>
      </c>
      <c r="K278" s="6">
        <v>227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0</v>
      </c>
      <c r="E279" s="9" t="s">
        <v>226</v>
      </c>
      <c r="F279" s="9" t="s">
        <v>235</v>
      </c>
      <c r="G279" s="9" t="s">
        <v>237</v>
      </c>
      <c r="H279" s="6">
        <v>750</v>
      </c>
      <c r="I279" s="6">
        <v>614</v>
      </c>
      <c r="J279" s="6">
        <v>496</v>
      </c>
      <c r="K279" s="6">
        <v>136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0</v>
      </c>
      <c r="E280" s="9" t="s">
        <v>226</v>
      </c>
      <c r="F280" s="9" t="s">
        <v>235</v>
      </c>
      <c r="G280" s="9" t="s">
        <v>238</v>
      </c>
      <c r="H280" s="6">
        <v>613</v>
      </c>
      <c r="I280" s="6">
        <v>552</v>
      </c>
      <c r="J280" s="6">
        <v>415</v>
      </c>
      <c r="K280" s="6">
        <v>61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0</v>
      </c>
      <c r="E281" s="9" t="s">
        <v>226</v>
      </c>
      <c r="F281" s="9" t="s">
        <v>235</v>
      </c>
      <c r="G281" s="9" t="s">
        <v>239</v>
      </c>
      <c r="H281" s="6">
        <v>516</v>
      </c>
      <c r="I281" s="6">
        <v>453</v>
      </c>
      <c r="J281" s="6">
        <v>363</v>
      </c>
      <c r="K281" s="6">
        <v>63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0</v>
      </c>
      <c r="E282" s="9" t="s">
        <v>226</v>
      </c>
      <c r="F282" s="9" t="s">
        <v>235</v>
      </c>
      <c r="G282" s="9" t="s">
        <v>240</v>
      </c>
      <c r="H282" s="6">
        <v>567</v>
      </c>
      <c r="I282" s="6">
        <v>520</v>
      </c>
      <c r="J282" s="6">
        <v>372</v>
      </c>
      <c r="K282" s="6">
        <v>47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0</v>
      </c>
      <c r="E283" s="9" t="s">
        <v>226</v>
      </c>
      <c r="F283" s="9" t="s">
        <v>235</v>
      </c>
      <c r="G283" s="9" t="s">
        <v>241</v>
      </c>
      <c r="H283" s="6">
        <v>451</v>
      </c>
      <c r="I283" s="6">
        <v>407</v>
      </c>
      <c r="J283" s="6">
        <v>344</v>
      </c>
      <c r="K283" s="6">
        <v>44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0</v>
      </c>
      <c r="E284" s="9" t="s">
        <v>226</v>
      </c>
      <c r="F284" s="9" t="s">
        <v>235</v>
      </c>
      <c r="G284" s="9" t="s">
        <v>242</v>
      </c>
      <c r="H284" s="6">
        <v>497</v>
      </c>
      <c r="I284" s="6">
        <v>459</v>
      </c>
      <c r="J284" s="6">
        <v>377</v>
      </c>
      <c r="K284" s="6">
        <v>38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0</v>
      </c>
      <c r="E285" s="9" t="s">
        <v>226</v>
      </c>
      <c r="F285" s="9" t="s">
        <v>235</v>
      </c>
      <c r="G285" s="9" t="s">
        <v>243</v>
      </c>
      <c r="H285" s="6">
        <v>525</v>
      </c>
      <c r="I285" s="6">
        <v>469</v>
      </c>
      <c r="J285" s="6">
        <v>370</v>
      </c>
      <c r="K285" s="6">
        <v>56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0</v>
      </c>
      <c r="E286" s="9" t="s">
        <v>226</v>
      </c>
      <c r="F286" s="9" t="s">
        <v>235</v>
      </c>
      <c r="G286" s="9" t="s">
        <v>244</v>
      </c>
      <c r="H286" s="6">
        <v>483</v>
      </c>
      <c r="I286" s="6">
        <v>440</v>
      </c>
      <c r="J286" s="6">
        <v>381</v>
      </c>
      <c r="K286" s="6">
        <v>43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0</v>
      </c>
      <c r="E287" s="9" t="s">
        <v>226</v>
      </c>
      <c r="F287" s="9" t="s">
        <v>235</v>
      </c>
      <c r="G287" s="9" t="s">
        <v>245</v>
      </c>
      <c r="H287" s="6">
        <v>461</v>
      </c>
      <c r="I287" s="6">
        <v>425</v>
      </c>
      <c r="J287" s="6">
        <v>323</v>
      </c>
      <c r="K287" s="6">
        <v>36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0</v>
      </c>
      <c r="E288" s="9" t="s">
        <v>226</v>
      </c>
      <c r="F288" s="9" t="s">
        <v>235</v>
      </c>
      <c r="G288" s="9" t="s">
        <v>246</v>
      </c>
      <c r="H288" s="6">
        <v>532</v>
      </c>
      <c r="I288" s="6">
        <v>497</v>
      </c>
      <c r="J288" s="6">
        <v>361</v>
      </c>
      <c r="K288" s="6">
        <v>35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0</v>
      </c>
      <c r="E289" s="9" t="s">
        <v>226</v>
      </c>
      <c r="F289" s="9" t="s">
        <v>235</v>
      </c>
      <c r="G289" s="9" t="s">
        <v>247</v>
      </c>
      <c r="H289" s="6">
        <v>572</v>
      </c>
      <c r="I289" s="6">
        <v>523</v>
      </c>
      <c r="J289" s="6">
        <v>411</v>
      </c>
      <c r="K289" s="6">
        <v>44</v>
      </c>
      <c r="L289" s="6">
        <v>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0</v>
      </c>
      <c r="E290" s="9" t="s">
        <v>226</v>
      </c>
      <c r="F290" s="9" t="s">
        <v>235</v>
      </c>
      <c r="G290" s="9" t="s">
        <v>248</v>
      </c>
      <c r="H290" s="6">
        <v>501</v>
      </c>
      <c r="I290" s="6">
        <v>485</v>
      </c>
      <c r="J290" s="6">
        <v>398</v>
      </c>
      <c r="K290" s="6">
        <v>16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0</v>
      </c>
      <c r="E291" s="9" t="s">
        <v>226</v>
      </c>
      <c r="F291" s="9" t="s">
        <v>235</v>
      </c>
      <c r="G291" s="9" t="s">
        <v>249</v>
      </c>
      <c r="H291" s="6">
        <v>422</v>
      </c>
      <c r="I291" s="6">
        <v>387</v>
      </c>
      <c r="J291" s="6">
        <v>301</v>
      </c>
      <c r="K291" s="6">
        <v>35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0</v>
      </c>
      <c r="E292" s="9" t="s">
        <v>226</v>
      </c>
      <c r="F292" s="9" t="s">
        <v>235</v>
      </c>
      <c r="G292" s="9" t="s">
        <v>250</v>
      </c>
      <c r="H292" s="6">
        <v>455</v>
      </c>
      <c r="I292" s="6">
        <v>399</v>
      </c>
      <c r="J292" s="6">
        <v>283</v>
      </c>
      <c r="K292" s="6">
        <v>56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0</v>
      </c>
      <c r="E293" s="9" t="s">
        <v>226</v>
      </c>
      <c r="F293" s="9" t="s">
        <v>235</v>
      </c>
      <c r="G293" s="9" t="s">
        <v>251</v>
      </c>
      <c r="H293" s="6">
        <v>428</v>
      </c>
      <c r="I293" s="6">
        <v>386</v>
      </c>
      <c r="J293" s="6">
        <v>286</v>
      </c>
      <c r="K293" s="6">
        <v>42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0</v>
      </c>
      <c r="E294" s="9" t="s">
        <v>226</v>
      </c>
      <c r="F294" s="9" t="s">
        <v>235</v>
      </c>
      <c r="G294" s="9" t="s">
        <v>252</v>
      </c>
      <c r="H294" s="6">
        <v>400</v>
      </c>
      <c r="I294" s="6">
        <v>373</v>
      </c>
      <c r="J294" s="6">
        <v>275</v>
      </c>
      <c r="K294" s="6">
        <v>27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0</v>
      </c>
      <c r="E295" s="9" t="s">
        <v>226</v>
      </c>
      <c r="F295" s="9" t="s">
        <v>235</v>
      </c>
      <c r="G295" s="9" t="s">
        <v>253</v>
      </c>
      <c r="H295" s="6">
        <v>398</v>
      </c>
      <c r="I295" s="6">
        <v>365</v>
      </c>
      <c r="J295" s="6">
        <v>263</v>
      </c>
      <c r="K295" s="6">
        <v>33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0</v>
      </c>
      <c r="E296" s="9" t="s">
        <v>226</v>
      </c>
      <c r="F296" s="9" t="s">
        <v>235</v>
      </c>
      <c r="G296" s="9" t="s">
        <v>254</v>
      </c>
      <c r="H296" s="6">
        <v>425</v>
      </c>
      <c r="I296" s="6">
        <v>391</v>
      </c>
      <c r="J296" s="6">
        <v>269</v>
      </c>
      <c r="K296" s="6">
        <v>34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0</v>
      </c>
      <c r="E297" s="9" t="s">
        <v>226</v>
      </c>
      <c r="F297" s="9" t="s">
        <v>235</v>
      </c>
      <c r="G297" s="9" t="s">
        <v>255</v>
      </c>
      <c r="H297" s="6">
        <v>314</v>
      </c>
      <c r="I297" s="6">
        <v>282</v>
      </c>
      <c r="J297" s="6">
        <v>172</v>
      </c>
      <c r="K297" s="6">
        <v>32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0</v>
      </c>
      <c r="E298" s="9" t="s">
        <v>226</v>
      </c>
      <c r="F298" s="9" t="s">
        <v>235</v>
      </c>
      <c r="G298" s="9" t="s">
        <v>256</v>
      </c>
      <c r="H298" s="6">
        <v>4254</v>
      </c>
      <c r="I298" s="6">
        <v>3614</v>
      </c>
      <c r="J298" s="6">
        <v>2115</v>
      </c>
      <c r="K298" s="6">
        <v>640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0</v>
      </c>
      <c r="E299" s="9" t="s">
        <v>227</v>
      </c>
      <c r="F299" s="9" t="s">
        <v>6</v>
      </c>
      <c r="G299" s="9" t="s">
        <v>30</v>
      </c>
      <c r="H299" s="6">
        <v>12701</v>
      </c>
      <c r="I299" s="6">
        <v>10557</v>
      </c>
      <c r="J299" s="6">
        <v>10146</v>
      </c>
      <c r="K299" s="6">
        <v>2144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0</v>
      </c>
      <c r="E300" s="9" t="s">
        <v>227</v>
      </c>
      <c r="F300" s="9" t="s">
        <v>234</v>
      </c>
      <c r="G300" s="9" t="s">
        <v>30</v>
      </c>
      <c r="H300" s="6">
        <v>3252</v>
      </c>
      <c r="I300" s="6">
        <v>2501</v>
      </c>
      <c r="J300" s="6">
        <v>2347</v>
      </c>
      <c r="K300" s="6">
        <v>751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0</v>
      </c>
      <c r="E301" s="9" t="s">
        <v>227</v>
      </c>
      <c r="F301" s="9" t="s">
        <v>235</v>
      </c>
      <c r="G301" s="9" t="s">
        <v>30</v>
      </c>
      <c r="H301" s="6">
        <v>9449</v>
      </c>
      <c r="I301" s="6">
        <v>8056</v>
      </c>
      <c r="J301" s="6">
        <v>7799</v>
      </c>
      <c r="K301" s="6">
        <v>1393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0</v>
      </c>
      <c r="E302" s="9" t="s">
        <v>227</v>
      </c>
      <c r="F302" s="9" t="s">
        <v>235</v>
      </c>
      <c r="G302" s="9" t="s">
        <v>236</v>
      </c>
      <c r="H302" s="6">
        <v>399</v>
      </c>
      <c r="I302" s="6">
        <v>218</v>
      </c>
      <c r="J302" s="6">
        <v>211</v>
      </c>
      <c r="K302" s="6">
        <v>181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0</v>
      </c>
      <c r="E303" s="9" t="s">
        <v>227</v>
      </c>
      <c r="F303" s="9" t="s">
        <v>235</v>
      </c>
      <c r="G303" s="9" t="s">
        <v>237</v>
      </c>
      <c r="H303" s="6">
        <v>543</v>
      </c>
      <c r="I303" s="6">
        <v>451</v>
      </c>
      <c r="J303" s="6">
        <v>439</v>
      </c>
      <c r="K303" s="6">
        <v>92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0</v>
      </c>
      <c r="E304" s="9" t="s">
        <v>227</v>
      </c>
      <c r="F304" s="9" t="s">
        <v>235</v>
      </c>
      <c r="G304" s="9" t="s">
        <v>238</v>
      </c>
      <c r="H304" s="6">
        <v>411</v>
      </c>
      <c r="I304" s="6">
        <v>371</v>
      </c>
      <c r="J304" s="6">
        <v>348</v>
      </c>
      <c r="K304" s="6">
        <v>40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0</v>
      </c>
      <c r="E305" s="9" t="s">
        <v>227</v>
      </c>
      <c r="F305" s="9" t="s">
        <v>235</v>
      </c>
      <c r="G305" s="9" t="s">
        <v>239</v>
      </c>
      <c r="H305" s="6">
        <v>392</v>
      </c>
      <c r="I305" s="6">
        <v>340</v>
      </c>
      <c r="J305" s="6">
        <v>334</v>
      </c>
      <c r="K305" s="6">
        <v>52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0</v>
      </c>
      <c r="E306" s="9" t="s">
        <v>227</v>
      </c>
      <c r="F306" s="9" t="s">
        <v>235</v>
      </c>
      <c r="G306" s="9" t="s">
        <v>240</v>
      </c>
      <c r="H306" s="6">
        <v>379</v>
      </c>
      <c r="I306" s="6">
        <v>348</v>
      </c>
      <c r="J306" s="6">
        <v>327</v>
      </c>
      <c r="K306" s="6">
        <v>31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0</v>
      </c>
      <c r="E307" s="9" t="s">
        <v>227</v>
      </c>
      <c r="F307" s="9" t="s">
        <v>235</v>
      </c>
      <c r="G307" s="9" t="s">
        <v>241</v>
      </c>
      <c r="H307" s="6">
        <v>341</v>
      </c>
      <c r="I307" s="6">
        <v>297</v>
      </c>
      <c r="J307" s="6">
        <v>289</v>
      </c>
      <c r="K307" s="6">
        <v>44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0</v>
      </c>
      <c r="E308" s="9" t="s">
        <v>227</v>
      </c>
      <c r="F308" s="9" t="s">
        <v>235</v>
      </c>
      <c r="G308" s="9" t="s">
        <v>242</v>
      </c>
      <c r="H308" s="6">
        <v>362</v>
      </c>
      <c r="I308" s="6">
        <v>336</v>
      </c>
      <c r="J308" s="6">
        <v>336</v>
      </c>
      <c r="K308" s="6">
        <v>26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0</v>
      </c>
      <c r="E309" s="9" t="s">
        <v>227</v>
      </c>
      <c r="F309" s="9" t="s">
        <v>235</v>
      </c>
      <c r="G309" s="9" t="s">
        <v>243</v>
      </c>
      <c r="H309" s="6">
        <v>404</v>
      </c>
      <c r="I309" s="6">
        <v>361</v>
      </c>
      <c r="J309" s="6">
        <v>354</v>
      </c>
      <c r="K309" s="6">
        <v>43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0</v>
      </c>
      <c r="E310" s="9" t="s">
        <v>227</v>
      </c>
      <c r="F310" s="9" t="s">
        <v>235</v>
      </c>
      <c r="G310" s="9" t="s">
        <v>244</v>
      </c>
      <c r="H310" s="6">
        <v>401</v>
      </c>
      <c r="I310" s="6">
        <v>371</v>
      </c>
      <c r="J310" s="6">
        <v>364</v>
      </c>
      <c r="K310" s="6">
        <v>30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0</v>
      </c>
      <c r="E311" s="9" t="s">
        <v>227</v>
      </c>
      <c r="F311" s="9" t="s">
        <v>235</v>
      </c>
      <c r="G311" s="9" t="s">
        <v>245</v>
      </c>
      <c r="H311" s="6">
        <v>321</v>
      </c>
      <c r="I311" s="6">
        <v>299</v>
      </c>
      <c r="J311" s="6">
        <v>299</v>
      </c>
      <c r="K311" s="6">
        <v>22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0</v>
      </c>
      <c r="E312" s="9" t="s">
        <v>227</v>
      </c>
      <c r="F312" s="9" t="s">
        <v>235</v>
      </c>
      <c r="G312" s="9" t="s">
        <v>246</v>
      </c>
      <c r="H312" s="6">
        <v>385</v>
      </c>
      <c r="I312" s="6">
        <v>350</v>
      </c>
      <c r="J312" s="6">
        <v>339</v>
      </c>
      <c r="K312" s="6">
        <v>35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0</v>
      </c>
      <c r="E313" s="9" t="s">
        <v>227</v>
      </c>
      <c r="F313" s="9" t="s">
        <v>235</v>
      </c>
      <c r="G313" s="9" t="s">
        <v>247</v>
      </c>
      <c r="H313" s="6">
        <v>435</v>
      </c>
      <c r="I313" s="6">
        <v>397</v>
      </c>
      <c r="J313" s="6">
        <v>386</v>
      </c>
      <c r="K313" s="6">
        <v>38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0</v>
      </c>
      <c r="E314" s="9" t="s">
        <v>227</v>
      </c>
      <c r="F314" s="9" t="s">
        <v>235</v>
      </c>
      <c r="G314" s="9" t="s">
        <v>248</v>
      </c>
      <c r="H314" s="6">
        <v>382</v>
      </c>
      <c r="I314" s="6">
        <v>373</v>
      </c>
      <c r="J314" s="6">
        <v>369</v>
      </c>
      <c r="K314" s="6">
        <v>9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0</v>
      </c>
      <c r="E315" s="9" t="s">
        <v>227</v>
      </c>
      <c r="F315" s="9" t="s">
        <v>235</v>
      </c>
      <c r="G315" s="9" t="s">
        <v>249</v>
      </c>
      <c r="H315" s="6">
        <v>276</v>
      </c>
      <c r="I315" s="6">
        <v>252</v>
      </c>
      <c r="J315" s="6">
        <v>252</v>
      </c>
      <c r="K315" s="6">
        <v>24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0</v>
      </c>
      <c r="E316" s="9" t="s">
        <v>227</v>
      </c>
      <c r="F316" s="9" t="s">
        <v>235</v>
      </c>
      <c r="G316" s="9" t="s">
        <v>250</v>
      </c>
      <c r="H316" s="6">
        <v>302</v>
      </c>
      <c r="I316" s="6">
        <v>255</v>
      </c>
      <c r="J316" s="6">
        <v>255</v>
      </c>
      <c r="K316" s="6">
        <v>47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0</v>
      </c>
      <c r="E317" s="9" t="s">
        <v>227</v>
      </c>
      <c r="F317" s="9" t="s">
        <v>235</v>
      </c>
      <c r="G317" s="9" t="s">
        <v>251</v>
      </c>
      <c r="H317" s="6">
        <v>280</v>
      </c>
      <c r="I317" s="6">
        <v>250</v>
      </c>
      <c r="J317" s="6">
        <v>244</v>
      </c>
      <c r="K317" s="6">
        <v>30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0</v>
      </c>
      <c r="E318" s="9" t="s">
        <v>227</v>
      </c>
      <c r="F318" s="9" t="s">
        <v>235</v>
      </c>
      <c r="G318" s="9" t="s">
        <v>252</v>
      </c>
      <c r="H318" s="6">
        <v>259</v>
      </c>
      <c r="I318" s="6">
        <v>232</v>
      </c>
      <c r="J318" s="6">
        <v>223</v>
      </c>
      <c r="K318" s="6">
        <v>27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0</v>
      </c>
      <c r="E319" s="9" t="s">
        <v>227</v>
      </c>
      <c r="F319" s="9" t="s">
        <v>235</v>
      </c>
      <c r="G319" s="9" t="s">
        <v>253</v>
      </c>
      <c r="H319" s="6">
        <v>299</v>
      </c>
      <c r="I319" s="6">
        <v>266</v>
      </c>
      <c r="J319" s="6">
        <v>240</v>
      </c>
      <c r="K319" s="6">
        <v>33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0</v>
      </c>
      <c r="E320" s="9" t="s">
        <v>227</v>
      </c>
      <c r="F320" s="9" t="s">
        <v>235</v>
      </c>
      <c r="G320" s="9" t="s">
        <v>254</v>
      </c>
      <c r="H320" s="6">
        <v>275</v>
      </c>
      <c r="I320" s="6">
        <v>251</v>
      </c>
      <c r="J320" s="6">
        <v>243</v>
      </c>
      <c r="K320" s="6">
        <v>24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0</v>
      </c>
      <c r="E321" s="9" t="s">
        <v>227</v>
      </c>
      <c r="F321" s="9" t="s">
        <v>235</v>
      </c>
      <c r="G321" s="9" t="s">
        <v>255</v>
      </c>
      <c r="H321" s="6">
        <v>210</v>
      </c>
      <c r="I321" s="6">
        <v>178</v>
      </c>
      <c r="J321" s="6">
        <v>167</v>
      </c>
      <c r="K321" s="6">
        <v>32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0</v>
      </c>
      <c r="E322" s="9" t="s">
        <v>227</v>
      </c>
      <c r="F322" s="9" t="s">
        <v>235</v>
      </c>
      <c r="G322" s="9" t="s">
        <v>256</v>
      </c>
      <c r="H322" s="6">
        <v>2393</v>
      </c>
      <c r="I322" s="6">
        <v>1860</v>
      </c>
      <c r="J322" s="6">
        <v>1780</v>
      </c>
      <c r="K322" s="6">
        <v>533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0</v>
      </c>
      <c r="E323" s="9" t="s">
        <v>228</v>
      </c>
      <c r="F323" s="9" t="s">
        <v>6</v>
      </c>
      <c r="G323" s="9" t="s">
        <v>30</v>
      </c>
      <c r="H323" s="6">
        <v>1625</v>
      </c>
      <c r="I323" s="6">
        <v>670</v>
      </c>
      <c r="J323" s="6">
        <v>611</v>
      </c>
      <c r="K323" s="6">
        <v>955</v>
      </c>
      <c r="L323" s="10" t="s">
        <v>55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0</v>
      </c>
      <c r="E324" s="9" t="s">
        <v>228</v>
      </c>
      <c r="F324" s="9" t="s">
        <v>234</v>
      </c>
      <c r="G324" s="9" t="s">
        <v>30</v>
      </c>
      <c r="H324" s="6">
        <v>841</v>
      </c>
      <c r="I324" s="6">
        <v>292</v>
      </c>
      <c r="J324" s="6">
        <v>280</v>
      </c>
      <c r="K324" s="6">
        <v>549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0</v>
      </c>
      <c r="E325" s="9" t="s">
        <v>228</v>
      </c>
      <c r="F325" s="9" t="s">
        <v>235</v>
      </c>
      <c r="G325" s="9" t="s">
        <v>30</v>
      </c>
      <c r="H325" s="6">
        <v>784</v>
      </c>
      <c r="I325" s="6">
        <v>378</v>
      </c>
      <c r="J325" s="6">
        <v>331</v>
      </c>
      <c r="K325" s="6">
        <v>406</v>
      </c>
      <c r="L325" s="10" t="s">
        <v>5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0</v>
      </c>
      <c r="E326" s="9" t="s">
        <v>228</v>
      </c>
      <c r="F326" s="9" t="s">
        <v>235</v>
      </c>
      <c r="G326" s="9" t="s">
        <v>236</v>
      </c>
      <c r="H326" s="6">
        <v>6</v>
      </c>
      <c r="I326" s="10" t="s">
        <v>55</v>
      </c>
      <c r="J326" s="10" t="s">
        <v>55</v>
      </c>
      <c r="K326" s="6">
        <v>6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0</v>
      </c>
      <c r="E327" s="9" t="s">
        <v>228</v>
      </c>
      <c r="F327" s="9" t="s">
        <v>235</v>
      </c>
      <c r="G327" s="9" t="s">
        <v>237</v>
      </c>
      <c r="H327" s="6">
        <v>40</v>
      </c>
      <c r="I327" s="6">
        <v>17</v>
      </c>
      <c r="J327" s="6">
        <v>17</v>
      </c>
      <c r="K327" s="6">
        <v>23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0</v>
      </c>
      <c r="E328" s="9" t="s">
        <v>228</v>
      </c>
      <c r="F328" s="9" t="s">
        <v>235</v>
      </c>
      <c r="G328" s="9" t="s">
        <v>238</v>
      </c>
      <c r="H328" s="6">
        <v>4</v>
      </c>
      <c r="I328" s="10" t="s">
        <v>55</v>
      </c>
      <c r="J328" s="10" t="s">
        <v>55</v>
      </c>
      <c r="K328" s="6">
        <v>4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0</v>
      </c>
      <c r="E329" s="9" t="s">
        <v>228</v>
      </c>
      <c r="F329" s="9" t="s">
        <v>235</v>
      </c>
      <c r="G329" s="9" t="s">
        <v>239</v>
      </c>
      <c r="H329" s="6">
        <v>21</v>
      </c>
      <c r="I329" s="6">
        <v>21</v>
      </c>
      <c r="J329" s="6">
        <v>21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0</v>
      </c>
      <c r="E330" s="9" t="s">
        <v>228</v>
      </c>
      <c r="F330" s="9" t="s">
        <v>235</v>
      </c>
      <c r="G330" s="9" t="s">
        <v>240</v>
      </c>
      <c r="H330" s="6">
        <v>27</v>
      </c>
      <c r="I330" s="6">
        <v>14</v>
      </c>
      <c r="J330" s="10" t="s">
        <v>55</v>
      </c>
      <c r="K330" s="6">
        <v>13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0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0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0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0</v>
      </c>
      <c r="E334" s="9" t="s">
        <v>228</v>
      </c>
      <c r="F334" s="9" t="s">
        <v>235</v>
      </c>
      <c r="G334" s="9" t="s">
        <v>244</v>
      </c>
      <c r="H334" s="6">
        <v>4</v>
      </c>
      <c r="I334" s="6">
        <v>4</v>
      </c>
      <c r="J334" s="6">
        <v>4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0</v>
      </c>
      <c r="E335" s="9" t="s">
        <v>228</v>
      </c>
      <c r="F335" s="9" t="s">
        <v>235</v>
      </c>
      <c r="G335" s="9" t="s">
        <v>245</v>
      </c>
      <c r="H335" s="6">
        <v>7</v>
      </c>
      <c r="I335" s="6">
        <v>7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0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0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0</v>
      </c>
      <c r="E338" s="9" t="s">
        <v>228</v>
      </c>
      <c r="F338" s="9" t="s">
        <v>235</v>
      </c>
      <c r="G338" s="9" t="s">
        <v>248</v>
      </c>
      <c r="H338" s="6">
        <v>4</v>
      </c>
      <c r="I338" s="10" t="s">
        <v>55</v>
      </c>
      <c r="J338" s="10" t="s">
        <v>55</v>
      </c>
      <c r="K338" s="6">
        <v>4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0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0</v>
      </c>
      <c r="E340" s="9" t="s">
        <v>228</v>
      </c>
      <c r="F340" s="9" t="s">
        <v>235</v>
      </c>
      <c r="G340" s="9" t="s">
        <v>250</v>
      </c>
      <c r="H340" s="6">
        <v>5</v>
      </c>
      <c r="I340" s="6">
        <v>5</v>
      </c>
      <c r="J340" s="6">
        <v>5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0</v>
      </c>
      <c r="E341" s="9" t="s">
        <v>228</v>
      </c>
      <c r="F341" s="9" t="s">
        <v>235</v>
      </c>
      <c r="G341" s="9" t="s">
        <v>251</v>
      </c>
      <c r="H341" s="6">
        <v>10</v>
      </c>
      <c r="I341" s="6">
        <v>10</v>
      </c>
      <c r="J341" s="6">
        <v>10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0</v>
      </c>
      <c r="E342" s="9" t="s">
        <v>228</v>
      </c>
      <c r="F342" s="9" t="s">
        <v>235</v>
      </c>
      <c r="G342" s="9" t="s">
        <v>252</v>
      </c>
      <c r="H342" s="6">
        <v>4</v>
      </c>
      <c r="I342" s="10" t="s">
        <v>55</v>
      </c>
      <c r="J342" s="10" t="s">
        <v>55</v>
      </c>
      <c r="K342" s="6">
        <v>4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0</v>
      </c>
      <c r="E343" s="9" t="s">
        <v>228</v>
      </c>
      <c r="F343" s="9" t="s">
        <v>235</v>
      </c>
      <c r="G343" s="9" t="s">
        <v>253</v>
      </c>
      <c r="H343" s="6">
        <v>9</v>
      </c>
      <c r="I343" s="6">
        <v>9</v>
      </c>
      <c r="J343" s="6">
        <v>9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0</v>
      </c>
      <c r="E344" s="9" t="s">
        <v>228</v>
      </c>
      <c r="F344" s="9" t="s">
        <v>235</v>
      </c>
      <c r="G344" s="9" t="s">
        <v>254</v>
      </c>
      <c r="H344" s="6">
        <v>19</v>
      </c>
      <c r="I344" s="6">
        <v>15</v>
      </c>
      <c r="J344" s="6">
        <v>15</v>
      </c>
      <c r="K344" s="6">
        <v>4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0</v>
      </c>
      <c r="E345" s="9" t="s">
        <v>228</v>
      </c>
      <c r="F345" s="9" t="s">
        <v>235</v>
      </c>
      <c r="G345" s="9" t="s">
        <v>255</v>
      </c>
      <c r="H345" s="6">
        <v>10</v>
      </c>
      <c r="I345" s="6">
        <v>6</v>
      </c>
      <c r="J345" s="6">
        <v>6</v>
      </c>
      <c r="K345" s="6">
        <v>4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0</v>
      </c>
      <c r="E346" s="9" t="s">
        <v>228</v>
      </c>
      <c r="F346" s="9" t="s">
        <v>235</v>
      </c>
      <c r="G346" s="9" t="s">
        <v>256</v>
      </c>
      <c r="H346" s="6">
        <v>614</v>
      </c>
      <c r="I346" s="6">
        <v>270</v>
      </c>
      <c r="J346" s="6">
        <v>244</v>
      </c>
      <c r="K346" s="6">
        <v>344</v>
      </c>
      <c r="L346" s="10" t="s">
        <v>5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0</v>
      </c>
      <c r="E347" s="9" t="s">
        <v>18</v>
      </c>
      <c r="F347" s="9" t="s">
        <v>6</v>
      </c>
      <c r="G347" s="9" t="s">
        <v>30</v>
      </c>
      <c r="H347" s="6">
        <v>625</v>
      </c>
      <c r="I347" s="6">
        <v>7</v>
      </c>
      <c r="J347" s="6">
        <v>7</v>
      </c>
      <c r="K347" s="10" t="s">
        <v>55</v>
      </c>
      <c r="L347" s="6">
        <v>618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0</v>
      </c>
      <c r="E348" s="9" t="s">
        <v>18</v>
      </c>
      <c r="F348" s="9" t="s">
        <v>234</v>
      </c>
      <c r="G348" s="9" t="s">
        <v>30</v>
      </c>
      <c r="H348" s="6">
        <v>86</v>
      </c>
      <c r="I348" s="6">
        <v>7</v>
      </c>
      <c r="J348" s="6">
        <v>7</v>
      </c>
      <c r="K348" s="10" t="s">
        <v>55</v>
      </c>
      <c r="L348" s="6">
        <v>79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0</v>
      </c>
      <c r="E349" s="9" t="s">
        <v>18</v>
      </c>
      <c r="F349" s="9" t="s">
        <v>235</v>
      </c>
      <c r="G349" s="9" t="s">
        <v>30</v>
      </c>
      <c r="H349" s="6">
        <v>539</v>
      </c>
      <c r="I349" s="10" t="s">
        <v>55</v>
      </c>
      <c r="J349" s="10" t="s">
        <v>55</v>
      </c>
      <c r="K349" s="10" t="s">
        <v>55</v>
      </c>
      <c r="L349" s="6">
        <v>539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0</v>
      </c>
      <c r="E350" s="9" t="s">
        <v>18</v>
      </c>
      <c r="F350" s="9" t="s">
        <v>235</v>
      </c>
      <c r="G350" s="9" t="s">
        <v>236</v>
      </c>
      <c r="H350" s="6">
        <v>37</v>
      </c>
      <c r="I350" s="10" t="s">
        <v>55</v>
      </c>
      <c r="J350" s="10" t="s">
        <v>55</v>
      </c>
      <c r="K350" s="10" t="s">
        <v>55</v>
      </c>
      <c r="L350" s="6">
        <v>37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0</v>
      </c>
      <c r="E351" s="9" t="s">
        <v>18</v>
      </c>
      <c r="F351" s="9" t="s">
        <v>235</v>
      </c>
      <c r="G351" s="9" t="s">
        <v>237</v>
      </c>
      <c r="H351" s="6">
        <v>16</v>
      </c>
      <c r="I351" s="10" t="s">
        <v>55</v>
      </c>
      <c r="J351" s="10" t="s">
        <v>55</v>
      </c>
      <c r="K351" s="10" t="s">
        <v>55</v>
      </c>
      <c r="L351" s="6">
        <v>16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0</v>
      </c>
      <c r="E352" s="9" t="s">
        <v>18</v>
      </c>
      <c r="F352" s="9" t="s">
        <v>235</v>
      </c>
      <c r="G352" s="9" t="s">
        <v>238</v>
      </c>
      <c r="H352" s="6">
        <v>33</v>
      </c>
      <c r="I352" s="10" t="s">
        <v>55</v>
      </c>
      <c r="J352" s="10" t="s">
        <v>55</v>
      </c>
      <c r="K352" s="10" t="s">
        <v>55</v>
      </c>
      <c r="L352" s="6">
        <v>33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0</v>
      </c>
      <c r="E353" s="9" t="s">
        <v>18</v>
      </c>
      <c r="F353" s="9" t="s">
        <v>235</v>
      </c>
      <c r="G353" s="9" t="s">
        <v>239</v>
      </c>
      <c r="H353" s="6">
        <v>28</v>
      </c>
      <c r="I353" s="10" t="s">
        <v>55</v>
      </c>
      <c r="J353" s="10" t="s">
        <v>55</v>
      </c>
      <c r="K353" s="10" t="s">
        <v>55</v>
      </c>
      <c r="L353" s="6">
        <v>28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0</v>
      </c>
      <c r="E354" s="9" t="s">
        <v>18</v>
      </c>
      <c r="F354" s="9" t="s">
        <v>235</v>
      </c>
      <c r="G354" s="9" t="s">
        <v>240</v>
      </c>
      <c r="H354" s="6">
        <v>16</v>
      </c>
      <c r="I354" s="10" t="s">
        <v>55</v>
      </c>
      <c r="J354" s="10" t="s">
        <v>55</v>
      </c>
      <c r="K354" s="10" t="s">
        <v>55</v>
      </c>
      <c r="L354" s="6">
        <v>16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0</v>
      </c>
      <c r="E355" s="9" t="s">
        <v>18</v>
      </c>
      <c r="F355" s="9" t="s">
        <v>235</v>
      </c>
      <c r="G355" s="9" t="s">
        <v>241</v>
      </c>
      <c r="H355" s="6">
        <v>30</v>
      </c>
      <c r="I355" s="10" t="s">
        <v>55</v>
      </c>
      <c r="J355" s="10" t="s">
        <v>55</v>
      </c>
      <c r="K355" s="10" t="s">
        <v>55</v>
      </c>
      <c r="L355" s="6">
        <v>30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0</v>
      </c>
      <c r="E356" s="9" t="s">
        <v>18</v>
      </c>
      <c r="F356" s="9" t="s">
        <v>235</v>
      </c>
      <c r="G356" s="9" t="s">
        <v>242</v>
      </c>
      <c r="H356" s="6">
        <v>24</v>
      </c>
      <c r="I356" s="10" t="s">
        <v>55</v>
      </c>
      <c r="J356" s="10" t="s">
        <v>55</v>
      </c>
      <c r="K356" s="10" t="s">
        <v>55</v>
      </c>
      <c r="L356" s="6">
        <v>24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0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0</v>
      </c>
      <c r="E358" s="9" t="s">
        <v>18</v>
      </c>
      <c r="F358" s="9" t="s">
        <v>235</v>
      </c>
      <c r="G358" s="9" t="s">
        <v>244</v>
      </c>
      <c r="H358" s="6">
        <v>5</v>
      </c>
      <c r="I358" s="10" t="s">
        <v>55</v>
      </c>
      <c r="J358" s="10" t="s">
        <v>55</v>
      </c>
      <c r="K358" s="10" t="s">
        <v>55</v>
      </c>
      <c r="L358" s="6">
        <v>5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0</v>
      </c>
      <c r="E359" s="9" t="s">
        <v>18</v>
      </c>
      <c r="F359" s="9" t="s">
        <v>235</v>
      </c>
      <c r="G359" s="9" t="s">
        <v>245</v>
      </c>
      <c r="H359" s="6">
        <v>14</v>
      </c>
      <c r="I359" s="10" t="s">
        <v>55</v>
      </c>
      <c r="J359" s="10" t="s">
        <v>55</v>
      </c>
      <c r="K359" s="10" t="s">
        <v>55</v>
      </c>
      <c r="L359" s="6">
        <v>14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0</v>
      </c>
      <c r="E360" s="9" t="s">
        <v>18</v>
      </c>
      <c r="F360" s="9" t="s">
        <v>235</v>
      </c>
      <c r="G360" s="9" t="s">
        <v>246</v>
      </c>
      <c r="H360" s="6">
        <v>21</v>
      </c>
      <c r="I360" s="10" t="s">
        <v>55</v>
      </c>
      <c r="J360" s="10" t="s">
        <v>55</v>
      </c>
      <c r="K360" s="10" t="s">
        <v>55</v>
      </c>
      <c r="L360" s="6">
        <v>21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0</v>
      </c>
      <c r="E361" s="9" t="s">
        <v>18</v>
      </c>
      <c r="F361" s="9" t="s">
        <v>235</v>
      </c>
      <c r="G361" s="9" t="s">
        <v>247</v>
      </c>
      <c r="H361" s="6">
        <v>30</v>
      </c>
      <c r="I361" s="10" t="s">
        <v>55</v>
      </c>
      <c r="J361" s="10" t="s">
        <v>55</v>
      </c>
      <c r="K361" s="10" t="s">
        <v>55</v>
      </c>
      <c r="L361" s="6">
        <v>30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0</v>
      </c>
      <c r="E362" s="9" t="s">
        <v>18</v>
      </c>
      <c r="F362" s="9" t="s">
        <v>235</v>
      </c>
      <c r="G362" s="9" t="s">
        <v>248</v>
      </c>
      <c r="H362" s="6">
        <v>14</v>
      </c>
      <c r="I362" s="10" t="s">
        <v>55</v>
      </c>
      <c r="J362" s="10" t="s">
        <v>55</v>
      </c>
      <c r="K362" s="10" t="s">
        <v>55</v>
      </c>
      <c r="L362" s="6">
        <v>14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0</v>
      </c>
      <c r="E363" s="9" t="s">
        <v>18</v>
      </c>
      <c r="F363" s="9" t="s">
        <v>235</v>
      </c>
      <c r="G363" s="9" t="s">
        <v>249</v>
      </c>
      <c r="H363" s="6">
        <v>51</v>
      </c>
      <c r="I363" s="10" t="s">
        <v>55</v>
      </c>
      <c r="J363" s="10" t="s">
        <v>55</v>
      </c>
      <c r="K363" s="10" t="s">
        <v>55</v>
      </c>
      <c r="L363" s="6">
        <v>51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0</v>
      </c>
      <c r="E364" s="9" t="s">
        <v>18</v>
      </c>
      <c r="F364" s="9" t="s">
        <v>235</v>
      </c>
      <c r="G364" s="9" t="s">
        <v>250</v>
      </c>
      <c r="H364" s="6">
        <v>18</v>
      </c>
      <c r="I364" s="10" t="s">
        <v>55</v>
      </c>
      <c r="J364" s="10" t="s">
        <v>55</v>
      </c>
      <c r="K364" s="10" t="s">
        <v>55</v>
      </c>
      <c r="L364" s="6">
        <v>18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0</v>
      </c>
      <c r="E365" s="9" t="s">
        <v>18</v>
      </c>
      <c r="F365" s="9" t="s">
        <v>235</v>
      </c>
      <c r="G365" s="9" t="s">
        <v>251</v>
      </c>
      <c r="H365" s="6">
        <v>27</v>
      </c>
      <c r="I365" s="10" t="s">
        <v>55</v>
      </c>
      <c r="J365" s="10" t="s">
        <v>55</v>
      </c>
      <c r="K365" s="10" t="s">
        <v>55</v>
      </c>
      <c r="L365" s="6">
        <v>27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0</v>
      </c>
      <c r="E366" s="9" t="s">
        <v>18</v>
      </c>
      <c r="F366" s="9" t="s">
        <v>235</v>
      </c>
      <c r="G366" s="9" t="s">
        <v>252</v>
      </c>
      <c r="H366" s="6">
        <v>22</v>
      </c>
      <c r="I366" s="10" t="s">
        <v>55</v>
      </c>
      <c r="J366" s="10" t="s">
        <v>55</v>
      </c>
      <c r="K366" s="10" t="s">
        <v>55</v>
      </c>
      <c r="L366" s="6">
        <v>22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0</v>
      </c>
      <c r="E367" s="9" t="s">
        <v>18</v>
      </c>
      <c r="F367" s="9" t="s">
        <v>235</v>
      </c>
      <c r="G367" s="9" t="s">
        <v>253</v>
      </c>
      <c r="H367" s="6">
        <v>12</v>
      </c>
      <c r="I367" s="10" t="s">
        <v>55</v>
      </c>
      <c r="J367" s="10" t="s">
        <v>55</v>
      </c>
      <c r="K367" s="10" t="s">
        <v>55</v>
      </c>
      <c r="L367" s="6">
        <v>12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0</v>
      </c>
      <c r="E368" s="9" t="s">
        <v>18</v>
      </c>
      <c r="F368" s="9" t="s">
        <v>235</v>
      </c>
      <c r="G368" s="9" t="s">
        <v>254</v>
      </c>
      <c r="H368" s="6">
        <v>22</v>
      </c>
      <c r="I368" s="10" t="s">
        <v>55</v>
      </c>
      <c r="J368" s="10" t="s">
        <v>55</v>
      </c>
      <c r="K368" s="10" t="s">
        <v>55</v>
      </c>
      <c r="L368" s="6">
        <v>22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0</v>
      </c>
      <c r="E369" s="9" t="s">
        <v>18</v>
      </c>
      <c r="F369" s="9" t="s">
        <v>235</v>
      </c>
      <c r="G369" s="9" t="s">
        <v>255</v>
      </c>
      <c r="H369" s="6">
        <v>16</v>
      </c>
      <c r="I369" s="10" t="s">
        <v>55</v>
      </c>
      <c r="J369" s="10" t="s">
        <v>55</v>
      </c>
      <c r="K369" s="10" t="s">
        <v>55</v>
      </c>
      <c r="L369" s="6">
        <v>16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0</v>
      </c>
      <c r="E370" s="9" t="s">
        <v>18</v>
      </c>
      <c r="F370" s="9" t="s">
        <v>235</v>
      </c>
      <c r="G370" s="9" t="s">
        <v>256</v>
      </c>
      <c r="H370" s="6">
        <v>103</v>
      </c>
      <c r="I370" s="10" t="s">
        <v>55</v>
      </c>
      <c r="J370" s="10" t="s">
        <v>55</v>
      </c>
      <c r="K370" s="10" t="s">
        <v>55</v>
      </c>
      <c r="L370" s="6">
        <v>10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85AA566-C2AB-49AF-9D84-68DB0233BA2E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8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2</v>
      </c>
      <c r="E11" s="5" t="s">
        <v>6</v>
      </c>
      <c r="F11" s="5" t="s">
        <v>6</v>
      </c>
      <c r="G11" s="5" t="s">
        <v>30</v>
      </c>
      <c r="H11" s="6">
        <v>2184241</v>
      </c>
      <c r="I11" s="6">
        <v>830900</v>
      </c>
      <c r="J11" s="6">
        <v>611255</v>
      </c>
      <c r="K11" s="6">
        <v>1164941</v>
      </c>
      <c r="L11" s="6">
        <v>188400</v>
      </c>
    </row>
    <row r="12" spans="1:12">
      <c r="A12" s="9" t="s">
        <v>27</v>
      </c>
      <c r="B12" s="9" t="s">
        <v>28</v>
      </c>
      <c r="C12" s="9" t="s">
        <v>29</v>
      </c>
      <c r="D12" s="9" t="s">
        <v>262</v>
      </c>
      <c r="E12" s="9" t="s">
        <v>6</v>
      </c>
      <c r="F12" s="9" t="s">
        <v>234</v>
      </c>
      <c r="G12" s="9" t="s">
        <v>30</v>
      </c>
      <c r="H12" s="6">
        <v>412673</v>
      </c>
      <c r="I12" s="6">
        <v>153529</v>
      </c>
      <c r="J12" s="6">
        <v>112797</v>
      </c>
      <c r="K12" s="6">
        <v>206105</v>
      </c>
      <c r="L12" s="6">
        <v>53039</v>
      </c>
    </row>
    <row r="13" spans="1:12">
      <c r="A13" s="9" t="s">
        <v>27</v>
      </c>
      <c r="B13" s="9" t="s">
        <v>28</v>
      </c>
      <c r="C13" s="9" t="s">
        <v>29</v>
      </c>
      <c r="D13" s="9" t="s">
        <v>262</v>
      </c>
      <c r="E13" s="9" t="s">
        <v>6</v>
      </c>
      <c r="F13" s="9" t="s">
        <v>235</v>
      </c>
      <c r="G13" s="9" t="s">
        <v>30</v>
      </c>
      <c r="H13" s="6">
        <v>1771568</v>
      </c>
      <c r="I13" s="6">
        <v>677371</v>
      </c>
      <c r="J13" s="6">
        <v>498458</v>
      </c>
      <c r="K13" s="6">
        <v>958836</v>
      </c>
      <c r="L13" s="6">
        <v>135361</v>
      </c>
    </row>
    <row r="14" spans="1:12">
      <c r="A14" s="9" t="s">
        <v>27</v>
      </c>
      <c r="B14" s="9" t="s">
        <v>28</v>
      </c>
      <c r="C14" s="9" t="s">
        <v>29</v>
      </c>
      <c r="D14" s="9" t="s">
        <v>262</v>
      </c>
      <c r="E14" s="9" t="s">
        <v>6</v>
      </c>
      <c r="F14" s="9" t="s">
        <v>235</v>
      </c>
      <c r="G14" s="9" t="s">
        <v>236</v>
      </c>
      <c r="H14" s="6">
        <v>13697</v>
      </c>
      <c r="I14" s="6">
        <v>4132</v>
      </c>
      <c r="J14" s="6">
        <v>3557</v>
      </c>
      <c r="K14" s="6">
        <v>5259</v>
      </c>
      <c r="L14" s="6">
        <v>4306</v>
      </c>
    </row>
    <row r="15" spans="1:12">
      <c r="A15" s="9" t="s">
        <v>27</v>
      </c>
      <c r="B15" s="9" t="s">
        <v>28</v>
      </c>
      <c r="C15" s="9" t="s">
        <v>29</v>
      </c>
      <c r="D15" s="9" t="s">
        <v>262</v>
      </c>
      <c r="E15" s="9" t="s">
        <v>6</v>
      </c>
      <c r="F15" s="9" t="s">
        <v>235</v>
      </c>
      <c r="G15" s="9" t="s">
        <v>237</v>
      </c>
      <c r="H15" s="6">
        <v>13630</v>
      </c>
      <c r="I15" s="6">
        <v>5405</v>
      </c>
      <c r="J15" s="6">
        <v>4740</v>
      </c>
      <c r="K15" s="6">
        <v>3652</v>
      </c>
      <c r="L15" s="6">
        <v>4573</v>
      </c>
    </row>
    <row r="16" spans="1:12">
      <c r="A16" s="9" t="s">
        <v>27</v>
      </c>
      <c r="B16" s="9" t="s">
        <v>28</v>
      </c>
      <c r="C16" s="9" t="s">
        <v>29</v>
      </c>
      <c r="D16" s="9" t="s">
        <v>262</v>
      </c>
      <c r="E16" s="9" t="s">
        <v>6</v>
      </c>
      <c r="F16" s="9" t="s">
        <v>235</v>
      </c>
      <c r="G16" s="9" t="s">
        <v>238</v>
      </c>
      <c r="H16" s="6">
        <v>12422</v>
      </c>
      <c r="I16" s="6">
        <v>5475</v>
      </c>
      <c r="J16" s="6">
        <v>4770</v>
      </c>
      <c r="K16" s="6">
        <v>2936</v>
      </c>
      <c r="L16" s="6">
        <v>4011</v>
      </c>
    </row>
    <row r="17" spans="1:12">
      <c r="A17" s="9" t="s">
        <v>27</v>
      </c>
      <c r="B17" s="9" t="s">
        <v>28</v>
      </c>
      <c r="C17" s="9" t="s">
        <v>29</v>
      </c>
      <c r="D17" s="9" t="s">
        <v>262</v>
      </c>
      <c r="E17" s="9" t="s">
        <v>6</v>
      </c>
      <c r="F17" s="9" t="s">
        <v>235</v>
      </c>
      <c r="G17" s="9" t="s">
        <v>239</v>
      </c>
      <c r="H17" s="6">
        <v>10704</v>
      </c>
      <c r="I17" s="6">
        <v>5278</v>
      </c>
      <c r="J17" s="6">
        <v>4569</v>
      </c>
      <c r="K17" s="6">
        <v>2316</v>
      </c>
      <c r="L17" s="6">
        <v>3110</v>
      </c>
    </row>
    <row r="18" spans="1:12">
      <c r="A18" s="9" t="s">
        <v>27</v>
      </c>
      <c r="B18" s="9" t="s">
        <v>28</v>
      </c>
      <c r="C18" s="9" t="s">
        <v>29</v>
      </c>
      <c r="D18" s="9" t="s">
        <v>262</v>
      </c>
      <c r="E18" s="9" t="s">
        <v>6</v>
      </c>
      <c r="F18" s="9" t="s">
        <v>235</v>
      </c>
      <c r="G18" s="9" t="s">
        <v>240</v>
      </c>
      <c r="H18" s="6">
        <v>9736</v>
      </c>
      <c r="I18" s="6">
        <v>5081</v>
      </c>
      <c r="J18" s="6">
        <v>4493</v>
      </c>
      <c r="K18" s="6">
        <v>1604</v>
      </c>
      <c r="L18" s="6">
        <v>3051</v>
      </c>
    </row>
    <row r="19" spans="1:12">
      <c r="A19" s="9" t="s">
        <v>27</v>
      </c>
      <c r="B19" s="9" t="s">
        <v>28</v>
      </c>
      <c r="C19" s="9" t="s">
        <v>29</v>
      </c>
      <c r="D19" s="9" t="s">
        <v>262</v>
      </c>
      <c r="E19" s="9" t="s">
        <v>6</v>
      </c>
      <c r="F19" s="9" t="s">
        <v>235</v>
      </c>
      <c r="G19" s="9" t="s">
        <v>241</v>
      </c>
      <c r="H19" s="6">
        <v>8994</v>
      </c>
      <c r="I19" s="6">
        <v>4808</v>
      </c>
      <c r="J19" s="6">
        <v>4318</v>
      </c>
      <c r="K19" s="6">
        <v>1435</v>
      </c>
      <c r="L19" s="6">
        <v>2751</v>
      </c>
    </row>
    <row r="20" spans="1:12">
      <c r="A20" s="9" t="s">
        <v>27</v>
      </c>
      <c r="B20" s="9" t="s">
        <v>28</v>
      </c>
      <c r="C20" s="9" t="s">
        <v>29</v>
      </c>
      <c r="D20" s="9" t="s">
        <v>262</v>
      </c>
      <c r="E20" s="9" t="s">
        <v>6</v>
      </c>
      <c r="F20" s="9" t="s">
        <v>235</v>
      </c>
      <c r="G20" s="9" t="s">
        <v>242</v>
      </c>
      <c r="H20" s="6">
        <v>7917</v>
      </c>
      <c r="I20" s="6">
        <v>4245</v>
      </c>
      <c r="J20" s="6">
        <v>3749</v>
      </c>
      <c r="K20" s="6">
        <v>1531</v>
      </c>
      <c r="L20" s="6">
        <v>2141</v>
      </c>
    </row>
    <row r="21" spans="1:12">
      <c r="A21" s="9" t="s">
        <v>27</v>
      </c>
      <c r="B21" s="9" t="s">
        <v>28</v>
      </c>
      <c r="C21" s="9" t="s">
        <v>29</v>
      </c>
      <c r="D21" s="9" t="s">
        <v>262</v>
      </c>
      <c r="E21" s="9" t="s">
        <v>6</v>
      </c>
      <c r="F21" s="9" t="s">
        <v>235</v>
      </c>
      <c r="G21" s="9" t="s">
        <v>243</v>
      </c>
      <c r="H21" s="6">
        <v>8083</v>
      </c>
      <c r="I21" s="6">
        <v>4338</v>
      </c>
      <c r="J21" s="6">
        <v>3913</v>
      </c>
      <c r="K21" s="6">
        <v>1486</v>
      </c>
      <c r="L21" s="6">
        <v>2259</v>
      </c>
    </row>
    <row r="22" spans="1:12">
      <c r="A22" s="9" t="s">
        <v>27</v>
      </c>
      <c r="B22" s="9" t="s">
        <v>28</v>
      </c>
      <c r="C22" s="9" t="s">
        <v>29</v>
      </c>
      <c r="D22" s="9" t="s">
        <v>262</v>
      </c>
      <c r="E22" s="9" t="s">
        <v>6</v>
      </c>
      <c r="F22" s="9" t="s">
        <v>235</v>
      </c>
      <c r="G22" s="9" t="s">
        <v>244</v>
      </c>
      <c r="H22" s="6">
        <v>8176</v>
      </c>
      <c r="I22" s="6">
        <v>4394</v>
      </c>
      <c r="J22" s="6">
        <v>3882</v>
      </c>
      <c r="K22" s="6">
        <v>1447</v>
      </c>
      <c r="L22" s="6">
        <v>2335</v>
      </c>
    </row>
    <row r="23" spans="1:12">
      <c r="A23" s="9" t="s">
        <v>27</v>
      </c>
      <c r="B23" s="9" t="s">
        <v>28</v>
      </c>
      <c r="C23" s="9" t="s">
        <v>29</v>
      </c>
      <c r="D23" s="9" t="s">
        <v>262</v>
      </c>
      <c r="E23" s="9" t="s">
        <v>6</v>
      </c>
      <c r="F23" s="9" t="s">
        <v>235</v>
      </c>
      <c r="G23" s="9" t="s">
        <v>245</v>
      </c>
      <c r="H23" s="6">
        <v>8083</v>
      </c>
      <c r="I23" s="6">
        <v>4473</v>
      </c>
      <c r="J23" s="6">
        <v>3948</v>
      </c>
      <c r="K23" s="6">
        <v>1367</v>
      </c>
      <c r="L23" s="6">
        <v>2243</v>
      </c>
    </row>
    <row r="24" spans="1:12">
      <c r="A24" s="9" t="s">
        <v>27</v>
      </c>
      <c r="B24" s="9" t="s">
        <v>28</v>
      </c>
      <c r="C24" s="9" t="s">
        <v>29</v>
      </c>
      <c r="D24" s="9" t="s">
        <v>262</v>
      </c>
      <c r="E24" s="9" t="s">
        <v>6</v>
      </c>
      <c r="F24" s="9" t="s">
        <v>235</v>
      </c>
      <c r="G24" s="9" t="s">
        <v>246</v>
      </c>
      <c r="H24" s="6">
        <v>7877</v>
      </c>
      <c r="I24" s="6">
        <v>4525</v>
      </c>
      <c r="J24" s="6">
        <v>3996</v>
      </c>
      <c r="K24" s="6">
        <v>1156</v>
      </c>
      <c r="L24" s="6">
        <v>2196</v>
      </c>
    </row>
    <row r="25" spans="1:12">
      <c r="A25" s="9" t="s">
        <v>27</v>
      </c>
      <c r="B25" s="9" t="s">
        <v>28</v>
      </c>
      <c r="C25" s="9" t="s">
        <v>29</v>
      </c>
      <c r="D25" s="9" t="s">
        <v>262</v>
      </c>
      <c r="E25" s="9" t="s">
        <v>6</v>
      </c>
      <c r="F25" s="9" t="s">
        <v>235</v>
      </c>
      <c r="G25" s="9" t="s">
        <v>247</v>
      </c>
      <c r="H25" s="6">
        <v>8360</v>
      </c>
      <c r="I25" s="6">
        <v>4741</v>
      </c>
      <c r="J25" s="6">
        <v>4196</v>
      </c>
      <c r="K25" s="6">
        <v>1398</v>
      </c>
      <c r="L25" s="6">
        <v>2221</v>
      </c>
    </row>
    <row r="26" spans="1:12">
      <c r="A26" s="9" t="s">
        <v>27</v>
      </c>
      <c r="B26" s="9" t="s">
        <v>28</v>
      </c>
      <c r="C26" s="9" t="s">
        <v>29</v>
      </c>
      <c r="D26" s="9" t="s">
        <v>262</v>
      </c>
      <c r="E26" s="9" t="s">
        <v>6</v>
      </c>
      <c r="F26" s="9" t="s">
        <v>235</v>
      </c>
      <c r="G26" s="9" t="s">
        <v>248</v>
      </c>
      <c r="H26" s="6">
        <v>8313</v>
      </c>
      <c r="I26" s="6">
        <v>4945</v>
      </c>
      <c r="J26" s="6">
        <v>4339</v>
      </c>
      <c r="K26" s="6">
        <v>1211</v>
      </c>
      <c r="L26" s="6">
        <v>2157</v>
      </c>
    </row>
    <row r="27" spans="1:12">
      <c r="A27" s="9" t="s">
        <v>27</v>
      </c>
      <c r="B27" s="9" t="s">
        <v>28</v>
      </c>
      <c r="C27" s="9" t="s">
        <v>29</v>
      </c>
      <c r="D27" s="9" t="s">
        <v>262</v>
      </c>
      <c r="E27" s="9" t="s">
        <v>6</v>
      </c>
      <c r="F27" s="9" t="s">
        <v>235</v>
      </c>
      <c r="G27" s="9" t="s">
        <v>249</v>
      </c>
      <c r="H27" s="6">
        <v>8216</v>
      </c>
      <c r="I27" s="6">
        <v>4482</v>
      </c>
      <c r="J27" s="6">
        <v>3911</v>
      </c>
      <c r="K27" s="6">
        <v>1470</v>
      </c>
      <c r="L27" s="6">
        <v>2264</v>
      </c>
    </row>
    <row r="28" spans="1:12">
      <c r="A28" s="9" t="s">
        <v>27</v>
      </c>
      <c r="B28" s="9" t="s">
        <v>28</v>
      </c>
      <c r="C28" s="9" t="s">
        <v>29</v>
      </c>
      <c r="D28" s="9" t="s">
        <v>262</v>
      </c>
      <c r="E28" s="9" t="s">
        <v>6</v>
      </c>
      <c r="F28" s="9" t="s">
        <v>235</v>
      </c>
      <c r="G28" s="9" t="s">
        <v>250</v>
      </c>
      <c r="H28" s="6">
        <v>8720</v>
      </c>
      <c r="I28" s="6">
        <v>5139</v>
      </c>
      <c r="J28" s="6">
        <v>4471</v>
      </c>
      <c r="K28" s="6">
        <v>1565</v>
      </c>
      <c r="L28" s="6">
        <v>2016</v>
      </c>
    </row>
    <row r="29" spans="1:12">
      <c r="A29" s="9" t="s">
        <v>27</v>
      </c>
      <c r="B29" s="9" t="s">
        <v>28</v>
      </c>
      <c r="C29" s="9" t="s">
        <v>29</v>
      </c>
      <c r="D29" s="9" t="s">
        <v>262</v>
      </c>
      <c r="E29" s="9" t="s">
        <v>6</v>
      </c>
      <c r="F29" s="9" t="s">
        <v>235</v>
      </c>
      <c r="G29" s="9" t="s">
        <v>251</v>
      </c>
      <c r="H29" s="6">
        <v>8827</v>
      </c>
      <c r="I29" s="6">
        <v>5174</v>
      </c>
      <c r="J29" s="6">
        <v>4555</v>
      </c>
      <c r="K29" s="6">
        <v>1536</v>
      </c>
      <c r="L29" s="6">
        <v>2117</v>
      </c>
    </row>
    <row r="30" spans="1:12">
      <c r="A30" s="9" t="s">
        <v>27</v>
      </c>
      <c r="B30" s="9" t="s">
        <v>28</v>
      </c>
      <c r="C30" s="9" t="s">
        <v>29</v>
      </c>
      <c r="D30" s="9" t="s">
        <v>262</v>
      </c>
      <c r="E30" s="9" t="s">
        <v>6</v>
      </c>
      <c r="F30" s="9" t="s">
        <v>235</v>
      </c>
      <c r="G30" s="9" t="s">
        <v>252</v>
      </c>
      <c r="H30" s="6">
        <v>9881</v>
      </c>
      <c r="I30" s="6">
        <v>5867</v>
      </c>
      <c r="J30" s="6">
        <v>5257</v>
      </c>
      <c r="K30" s="6">
        <v>1885</v>
      </c>
      <c r="L30" s="6">
        <v>2129</v>
      </c>
    </row>
    <row r="31" spans="1:12">
      <c r="A31" s="9" t="s">
        <v>27</v>
      </c>
      <c r="B31" s="9" t="s">
        <v>28</v>
      </c>
      <c r="C31" s="9" t="s">
        <v>29</v>
      </c>
      <c r="D31" s="9" t="s">
        <v>262</v>
      </c>
      <c r="E31" s="9" t="s">
        <v>6</v>
      </c>
      <c r="F31" s="9" t="s">
        <v>235</v>
      </c>
      <c r="G31" s="9" t="s">
        <v>253</v>
      </c>
      <c r="H31" s="6">
        <v>10515</v>
      </c>
      <c r="I31" s="6">
        <v>6364</v>
      </c>
      <c r="J31" s="6">
        <v>5666</v>
      </c>
      <c r="K31" s="6">
        <v>1874</v>
      </c>
      <c r="L31" s="6">
        <v>2277</v>
      </c>
    </row>
    <row r="32" spans="1:12">
      <c r="A32" s="9" t="s">
        <v>27</v>
      </c>
      <c r="B32" s="9" t="s">
        <v>28</v>
      </c>
      <c r="C32" s="9" t="s">
        <v>29</v>
      </c>
      <c r="D32" s="9" t="s">
        <v>262</v>
      </c>
      <c r="E32" s="9" t="s">
        <v>6</v>
      </c>
      <c r="F32" s="9" t="s">
        <v>235</v>
      </c>
      <c r="G32" s="9" t="s">
        <v>254</v>
      </c>
      <c r="H32" s="6">
        <v>10562</v>
      </c>
      <c r="I32" s="6">
        <v>6288</v>
      </c>
      <c r="J32" s="6">
        <v>5660</v>
      </c>
      <c r="K32" s="6">
        <v>2090</v>
      </c>
      <c r="L32" s="6">
        <v>2184</v>
      </c>
    </row>
    <row r="33" spans="1:12">
      <c r="A33" s="9" t="s">
        <v>27</v>
      </c>
      <c r="B33" s="9" t="s">
        <v>28</v>
      </c>
      <c r="C33" s="9" t="s">
        <v>29</v>
      </c>
      <c r="D33" s="9" t="s">
        <v>262</v>
      </c>
      <c r="E33" s="9" t="s">
        <v>6</v>
      </c>
      <c r="F33" s="9" t="s">
        <v>235</v>
      </c>
      <c r="G33" s="9" t="s">
        <v>255</v>
      </c>
      <c r="H33" s="6">
        <v>11622</v>
      </c>
      <c r="I33" s="6">
        <v>6890</v>
      </c>
      <c r="J33" s="6">
        <v>6098</v>
      </c>
      <c r="K33" s="6">
        <v>2365</v>
      </c>
      <c r="L33" s="6">
        <v>2367</v>
      </c>
    </row>
    <row r="34" spans="1:12">
      <c r="A34" s="9" t="s">
        <v>27</v>
      </c>
      <c r="B34" s="9" t="s">
        <v>28</v>
      </c>
      <c r="C34" s="9" t="s">
        <v>29</v>
      </c>
      <c r="D34" s="9" t="s">
        <v>262</v>
      </c>
      <c r="E34" s="9" t="s">
        <v>6</v>
      </c>
      <c r="F34" s="9" t="s">
        <v>235</v>
      </c>
      <c r="G34" s="9" t="s">
        <v>256</v>
      </c>
      <c r="H34" s="6">
        <v>1577233</v>
      </c>
      <c r="I34" s="6">
        <v>575327</v>
      </c>
      <c r="J34" s="6">
        <v>408370</v>
      </c>
      <c r="K34" s="6">
        <v>919253</v>
      </c>
      <c r="L34" s="6">
        <v>82653</v>
      </c>
    </row>
    <row r="35" spans="1:12">
      <c r="A35" s="9" t="s">
        <v>27</v>
      </c>
      <c r="B35" s="9" t="s">
        <v>28</v>
      </c>
      <c r="C35" s="9" t="s">
        <v>29</v>
      </c>
      <c r="D35" s="9" t="s">
        <v>262</v>
      </c>
      <c r="E35" s="9" t="s">
        <v>226</v>
      </c>
      <c r="F35" s="9" t="s">
        <v>6</v>
      </c>
      <c r="G35" s="9" t="s">
        <v>30</v>
      </c>
      <c r="H35" s="6">
        <v>1100039</v>
      </c>
      <c r="I35" s="6">
        <v>683079</v>
      </c>
      <c r="J35" s="6">
        <v>486419</v>
      </c>
      <c r="K35" s="6">
        <v>412254</v>
      </c>
      <c r="L35" s="6">
        <v>4706</v>
      </c>
    </row>
    <row r="36" spans="1:12">
      <c r="A36" s="9" t="s">
        <v>27</v>
      </c>
      <c r="B36" s="9" t="s">
        <v>28</v>
      </c>
      <c r="C36" s="9" t="s">
        <v>29</v>
      </c>
      <c r="D36" s="9" t="s">
        <v>262</v>
      </c>
      <c r="E36" s="9" t="s">
        <v>226</v>
      </c>
      <c r="F36" s="9" t="s">
        <v>234</v>
      </c>
      <c r="G36" s="9" t="s">
        <v>30</v>
      </c>
      <c r="H36" s="6">
        <v>201795</v>
      </c>
      <c r="I36" s="6">
        <v>127508</v>
      </c>
      <c r="J36" s="6">
        <v>90909</v>
      </c>
      <c r="K36" s="6">
        <v>72929</v>
      </c>
      <c r="L36" s="6">
        <v>1358</v>
      </c>
    </row>
    <row r="37" spans="1:12">
      <c r="A37" s="9" t="s">
        <v>27</v>
      </c>
      <c r="B37" s="9" t="s">
        <v>28</v>
      </c>
      <c r="C37" s="9" t="s">
        <v>29</v>
      </c>
      <c r="D37" s="9" t="s">
        <v>262</v>
      </c>
      <c r="E37" s="9" t="s">
        <v>226</v>
      </c>
      <c r="F37" s="9" t="s">
        <v>235</v>
      </c>
      <c r="G37" s="9" t="s">
        <v>30</v>
      </c>
      <c r="H37" s="6">
        <v>898244</v>
      </c>
      <c r="I37" s="6">
        <v>555571</v>
      </c>
      <c r="J37" s="6">
        <v>395510</v>
      </c>
      <c r="K37" s="6">
        <v>339325</v>
      </c>
      <c r="L37" s="6">
        <v>3348</v>
      </c>
    </row>
    <row r="38" spans="1:12">
      <c r="A38" s="9" t="s">
        <v>27</v>
      </c>
      <c r="B38" s="9" t="s">
        <v>28</v>
      </c>
      <c r="C38" s="9" t="s">
        <v>29</v>
      </c>
      <c r="D38" s="9" t="s">
        <v>262</v>
      </c>
      <c r="E38" s="9" t="s">
        <v>226</v>
      </c>
      <c r="F38" s="9" t="s">
        <v>235</v>
      </c>
      <c r="G38" s="9" t="s">
        <v>236</v>
      </c>
      <c r="H38" s="6">
        <v>9028</v>
      </c>
      <c r="I38" s="6">
        <v>4033</v>
      </c>
      <c r="J38" s="6">
        <v>3468</v>
      </c>
      <c r="K38" s="6">
        <v>4955</v>
      </c>
      <c r="L38" s="6">
        <v>40</v>
      </c>
    </row>
    <row r="39" spans="1:12">
      <c r="A39" s="9" t="s">
        <v>27</v>
      </c>
      <c r="B39" s="9" t="s">
        <v>28</v>
      </c>
      <c r="C39" s="9" t="s">
        <v>29</v>
      </c>
      <c r="D39" s="9" t="s">
        <v>262</v>
      </c>
      <c r="E39" s="9" t="s">
        <v>226</v>
      </c>
      <c r="F39" s="9" t="s">
        <v>235</v>
      </c>
      <c r="G39" s="9" t="s">
        <v>237</v>
      </c>
      <c r="H39" s="6">
        <v>8739</v>
      </c>
      <c r="I39" s="6">
        <v>5241</v>
      </c>
      <c r="J39" s="6">
        <v>4589</v>
      </c>
      <c r="K39" s="6">
        <v>3462</v>
      </c>
      <c r="L39" s="6">
        <v>36</v>
      </c>
    </row>
    <row r="40" spans="1:12">
      <c r="A40" s="9" t="s">
        <v>27</v>
      </c>
      <c r="B40" s="9" t="s">
        <v>28</v>
      </c>
      <c r="C40" s="9" t="s">
        <v>29</v>
      </c>
      <c r="D40" s="9" t="s">
        <v>262</v>
      </c>
      <c r="E40" s="9" t="s">
        <v>226</v>
      </c>
      <c r="F40" s="9" t="s">
        <v>235</v>
      </c>
      <c r="G40" s="9" t="s">
        <v>238</v>
      </c>
      <c r="H40" s="6">
        <v>8144</v>
      </c>
      <c r="I40" s="6">
        <v>5326</v>
      </c>
      <c r="J40" s="6">
        <v>4635</v>
      </c>
      <c r="K40" s="6">
        <v>2782</v>
      </c>
      <c r="L40" s="6">
        <v>36</v>
      </c>
    </row>
    <row r="41" spans="1:12">
      <c r="A41" s="9" t="s">
        <v>27</v>
      </c>
      <c r="B41" s="9" t="s">
        <v>28</v>
      </c>
      <c r="C41" s="9" t="s">
        <v>29</v>
      </c>
      <c r="D41" s="9" t="s">
        <v>262</v>
      </c>
      <c r="E41" s="9" t="s">
        <v>226</v>
      </c>
      <c r="F41" s="9" t="s">
        <v>235</v>
      </c>
      <c r="G41" s="9" t="s">
        <v>239</v>
      </c>
      <c r="H41" s="6">
        <v>7408</v>
      </c>
      <c r="I41" s="6">
        <v>5165</v>
      </c>
      <c r="J41" s="6">
        <v>4487</v>
      </c>
      <c r="K41" s="6">
        <v>2220</v>
      </c>
      <c r="L41" s="6">
        <v>23</v>
      </c>
    </row>
    <row r="42" spans="1:12">
      <c r="A42" s="9" t="s">
        <v>27</v>
      </c>
      <c r="B42" s="9" t="s">
        <v>28</v>
      </c>
      <c r="C42" s="9" t="s">
        <v>29</v>
      </c>
      <c r="D42" s="9" t="s">
        <v>262</v>
      </c>
      <c r="E42" s="9" t="s">
        <v>226</v>
      </c>
      <c r="F42" s="9" t="s">
        <v>235</v>
      </c>
      <c r="G42" s="9" t="s">
        <v>240</v>
      </c>
      <c r="H42" s="6">
        <v>6447</v>
      </c>
      <c r="I42" s="6">
        <v>4955</v>
      </c>
      <c r="J42" s="6">
        <v>4383</v>
      </c>
      <c r="K42" s="6">
        <v>1478</v>
      </c>
      <c r="L42" s="6">
        <v>14</v>
      </c>
    </row>
    <row r="43" spans="1:12">
      <c r="A43" s="9" t="s">
        <v>27</v>
      </c>
      <c r="B43" s="9" t="s">
        <v>28</v>
      </c>
      <c r="C43" s="9" t="s">
        <v>29</v>
      </c>
      <c r="D43" s="9" t="s">
        <v>262</v>
      </c>
      <c r="E43" s="9" t="s">
        <v>226</v>
      </c>
      <c r="F43" s="9" t="s">
        <v>235</v>
      </c>
      <c r="G43" s="9" t="s">
        <v>241</v>
      </c>
      <c r="H43" s="6">
        <v>6072</v>
      </c>
      <c r="I43" s="6">
        <v>4711</v>
      </c>
      <c r="J43" s="6">
        <v>4231</v>
      </c>
      <c r="K43" s="6">
        <v>1348</v>
      </c>
      <c r="L43" s="6">
        <v>13</v>
      </c>
    </row>
    <row r="44" spans="1:12">
      <c r="A44" s="9" t="s">
        <v>27</v>
      </c>
      <c r="B44" s="9" t="s">
        <v>28</v>
      </c>
      <c r="C44" s="9" t="s">
        <v>29</v>
      </c>
      <c r="D44" s="9" t="s">
        <v>262</v>
      </c>
      <c r="E44" s="9" t="s">
        <v>226</v>
      </c>
      <c r="F44" s="9" t="s">
        <v>235</v>
      </c>
      <c r="G44" s="9" t="s">
        <v>242</v>
      </c>
      <c r="H44" s="6">
        <v>5523</v>
      </c>
      <c r="I44" s="6">
        <v>4091</v>
      </c>
      <c r="J44" s="6">
        <v>3613</v>
      </c>
      <c r="K44" s="6">
        <v>1422</v>
      </c>
      <c r="L44" s="6">
        <v>10</v>
      </c>
    </row>
    <row r="45" spans="1:12">
      <c r="A45" s="9" t="s">
        <v>27</v>
      </c>
      <c r="B45" s="9" t="s">
        <v>28</v>
      </c>
      <c r="C45" s="9" t="s">
        <v>29</v>
      </c>
      <c r="D45" s="9" t="s">
        <v>262</v>
      </c>
      <c r="E45" s="9" t="s">
        <v>226</v>
      </c>
      <c r="F45" s="9" t="s">
        <v>235</v>
      </c>
      <c r="G45" s="9" t="s">
        <v>243</v>
      </c>
      <c r="H45" s="6">
        <v>5583</v>
      </c>
      <c r="I45" s="6">
        <v>4170</v>
      </c>
      <c r="J45" s="6">
        <v>3770</v>
      </c>
      <c r="K45" s="6">
        <v>1401</v>
      </c>
      <c r="L45" s="6">
        <v>12</v>
      </c>
    </row>
    <row r="46" spans="1:12">
      <c r="A46" s="9" t="s">
        <v>27</v>
      </c>
      <c r="B46" s="9" t="s">
        <v>28</v>
      </c>
      <c r="C46" s="9" t="s">
        <v>29</v>
      </c>
      <c r="D46" s="9" t="s">
        <v>262</v>
      </c>
      <c r="E46" s="9" t="s">
        <v>226</v>
      </c>
      <c r="F46" s="9" t="s">
        <v>235</v>
      </c>
      <c r="G46" s="9" t="s">
        <v>244</v>
      </c>
      <c r="H46" s="6">
        <v>5698</v>
      </c>
      <c r="I46" s="6">
        <v>4285</v>
      </c>
      <c r="J46" s="6">
        <v>3797</v>
      </c>
      <c r="K46" s="6">
        <v>1405</v>
      </c>
      <c r="L46" s="6">
        <v>8</v>
      </c>
    </row>
    <row r="47" spans="1:12">
      <c r="A47" s="9" t="s">
        <v>27</v>
      </c>
      <c r="B47" s="9" t="s">
        <v>28</v>
      </c>
      <c r="C47" s="9" t="s">
        <v>29</v>
      </c>
      <c r="D47" s="9" t="s">
        <v>262</v>
      </c>
      <c r="E47" s="9" t="s">
        <v>226</v>
      </c>
      <c r="F47" s="9" t="s">
        <v>235</v>
      </c>
      <c r="G47" s="9" t="s">
        <v>245</v>
      </c>
      <c r="H47" s="6">
        <v>5612</v>
      </c>
      <c r="I47" s="6">
        <v>4312</v>
      </c>
      <c r="J47" s="6">
        <v>3793</v>
      </c>
      <c r="K47" s="6">
        <v>1260</v>
      </c>
      <c r="L47" s="6">
        <v>40</v>
      </c>
    </row>
    <row r="48" spans="1:12">
      <c r="A48" s="9" t="s">
        <v>27</v>
      </c>
      <c r="B48" s="9" t="s">
        <v>28</v>
      </c>
      <c r="C48" s="9" t="s">
        <v>29</v>
      </c>
      <c r="D48" s="9" t="s">
        <v>262</v>
      </c>
      <c r="E48" s="9" t="s">
        <v>226</v>
      </c>
      <c r="F48" s="9" t="s">
        <v>235</v>
      </c>
      <c r="G48" s="9" t="s">
        <v>246</v>
      </c>
      <c r="H48" s="6">
        <v>5481</v>
      </c>
      <c r="I48" s="6">
        <v>4398</v>
      </c>
      <c r="J48" s="6">
        <v>3873</v>
      </c>
      <c r="K48" s="6">
        <v>1077</v>
      </c>
      <c r="L48" s="6">
        <v>6</v>
      </c>
    </row>
    <row r="49" spans="1:12">
      <c r="A49" s="9" t="s">
        <v>27</v>
      </c>
      <c r="B49" s="9" t="s">
        <v>28</v>
      </c>
      <c r="C49" s="9" t="s">
        <v>29</v>
      </c>
      <c r="D49" s="9" t="s">
        <v>262</v>
      </c>
      <c r="E49" s="9" t="s">
        <v>226</v>
      </c>
      <c r="F49" s="9" t="s">
        <v>235</v>
      </c>
      <c r="G49" s="9" t="s">
        <v>247</v>
      </c>
      <c r="H49" s="6">
        <v>5916</v>
      </c>
      <c r="I49" s="6">
        <v>4604</v>
      </c>
      <c r="J49" s="6">
        <v>4071</v>
      </c>
      <c r="K49" s="6">
        <v>1293</v>
      </c>
      <c r="L49" s="6">
        <v>19</v>
      </c>
    </row>
    <row r="50" spans="1:12">
      <c r="A50" s="9" t="s">
        <v>27</v>
      </c>
      <c r="B50" s="9" t="s">
        <v>28</v>
      </c>
      <c r="C50" s="9" t="s">
        <v>29</v>
      </c>
      <c r="D50" s="9" t="s">
        <v>262</v>
      </c>
      <c r="E50" s="9" t="s">
        <v>226</v>
      </c>
      <c r="F50" s="9" t="s">
        <v>235</v>
      </c>
      <c r="G50" s="9" t="s">
        <v>248</v>
      </c>
      <c r="H50" s="6">
        <v>5906</v>
      </c>
      <c r="I50" s="6">
        <v>4783</v>
      </c>
      <c r="J50" s="6">
        <v>4191</v>
      </c>
      <c r="K50" s="6">
        <v>1111</v>
      </c>
      <c r="L50" s="6">
        <v>12</v>
      </c>
    </row>
    <row r="51" spans="1:12">
      <c r="A51" s="9" t="s">
        <v>27</v>
      </c>
      <c r="B51" s="9" t="s">
        <v>28</v>
      </c>
      <c r="C51" s="9" t="s">
        <v>29</v>
      </c>
      <c r="D51" s="9" t="s">
        <v>262</v>
      </c>
      <c r="E51" s="9" t="s">
        <v>226</v>
      </c>
      <c r="F51" s="9" t="s">
        <v>235</v>
      </c>
      <c r="G51" s="9" t="s">
        <v>249</v>
      </c>
      <c r="H51" s="6">
        <v>5689</v>
      </c>
      <c r="I51" s="6">
        <v>4305</v>
      </c>
      <c r="J51" s="6">
        <v>3752</v>
      </c>
      <c r="K51" s="6">
        <v>1364</v>
      </c>
      <c r="L51" s="6">
        <v>20</v>
      </c>
    </row>
    <row r="52" spans="1:12">
      <c r="A52" s="9" t="s">
        <v>27</v>
      </c>
      <c r="B52" s="9" t="s">
        <v>28</v>
      </c>
      <c r="C52" s="9" t="s">
        <v>29</v>
      </c>
      <c r="D52" s="9" t="s">
        <v>262</v>
      </c>
      <c r="E52" s="9" t="s">
        <v>226</v>
      </c>
      <c r="F52" s="9" t="s">
        <v>235</v>
      </c>
      <c r="G52" s="9" t="s">
        <v>250</v>
      </c>
      <c r="H52" s="6">
        <v>6400</v>
      </c>
      <c r="I52" s="6">
        <v>4969</v>
      </c>
      <c r="J52" s="6">
        <v>4317</v>
      </c>
      <c r="K52" s="6">
        <v>1417</v>
      </c>
      <c r="L52" s="6">
        <v>14</v>
      </c>
    </row>
    <row r="53" spans="1:12">
      <c r="A53" s="9" t="s">
        <v>27</v>
      </c>
      <c r="B53" s="9" t="s">
        <v>28</v>
      </c>
      <c r="C53" s="9" t="s">
        <v>29</v>
      </c>
      <c r="D53" s="9" t="s">
        <v>262</v>
      </c>
      <c r="E53" s="9" t="s">
        <v>226</v>
      </c>
      <c r="F53" s="9" t="s">
        <v>235</v>
      </c>
      <c r="G53" s="9" t="s">
        <v>251</v>
      </c>
      <c r="H53" s="6">
        <v>6343</v>
      </c>
      <c r="I53" s="6">
        <v>4947</v>
      </c>
      <c r="J53" s="6">
        <v>4343</v>
      </c>
      <c r="K53" s="6">
        <v>1376</v>
      </c>
      <c r="L53" s="6">
        <v>20</v>
      </c>
    </row>
    <row r="54" spans="1:12">
      <c r="A54" s="9" t="s">
        <v>27</v>
      </c>
      <c r="B54" s="9" t="s">
        <v>28</v>
      </c>
      <c r="C54" s="9" t="s">
        <v>29</v>
      </c>
      <c r="D54" s="9" t="s">
        <v>262</v>
      </c>
      <c r="E54" s="9" t="s">
        <v>226</v>
      </c>
      <c r="F54" s="9" t="s">
        <v>235</v>
      </c>
      <c r="G54" s="9" t="s">
        <v>252</v>
      </c>
      <c r="H54" s="6">
        <v>7398</v>
      </c>
      <c r="I54" s="6">
        <v>5662</v>
      </c>
      <c r="J54" s="6">
        <v>5060</v>
      </c>
      <c r="K54" s="6">
        <v>1731</v>
      </c>
      <c r="L54" s="6">
        <v>5</v>
      </c>
    </row>
    <row r="55" spans="1:12">
      <c r="A55" s="9" t="s">
        <v>27</v>
      </c>
      <c r="B55" s="9" t="s">
        <v>28</v>
      </c>
      <c r="C55" s="9" t="s">
        <v>29</v>
      </c>
      <c r="D55" s="9" t="s">
        <v>262</v>
      </c>
      <c r="E55" s="9" t="s">
        <v>226</v>
      </c>
      <c r="F55" s="9" t="s">
        <v>235</v>
      </c>
      <c r="G55" s="9" t="s">
        <v>253</v>
      </c>
      <c r="H55" s="6">
        <v>7743</v>
      </c>
      <c r="I55" s="6">
        <v>6046</v>
      </c>
      <c r="J55" s="6">
        <v>5376</v>
      </c>
      <c r="K55" s="6">
        <v>1680</v>
      </c>
      <c r="L55" s="6">
        <v>17</v>
      </c>
    </row>
    <row r="56" spans="1:12">
      <c r="A56" s="9" t="s">
        <v>27</v>
      </c>
      <c r="B56" s="9" t="s">
        <v>28</v>
      </c>
      <c r="C56" s="9" t="s">
        <v>29</v>
      </c>
      <c r="D56" s="9" t="s">
        <v>262</v>
      </c>
      <c r="E56" s="9" t="s">
        <v>226</v>
      </c>
      <c r="F56" s="9" t="s">
        <v>235</v>
      </c>
      <c r="G56" s="9" t="s">
        <v>254</v>
      </c>
      <c r="H56" s="6">
        <v>7896</v>
      </c>
      <c r="I56" s="6">
        <v>6008</v>
      </c>
      <c r="J56" s="6">
        <v>5413</v>
      </c>
      <c r="K56" s="6">
        <v>1873</v>
      </c>
      <c r="L56" s="6">
        <v>15</v>
      </c>
    </row>
    <row r="57" spans="1:12">
      <c r="A57" s="9" t="s">
        <v>27</v>
      </c>
      <c r="B57" s="9" t="s">
        <v>28</v>
      </c>
      <c r="C57" s="9" t="s">
        <v>29</v>
      </c>
      <c r="D57" s="9" t="s">
        <v>262</v>
      </c>
      <c r="E57" s="9" t="s">
        <v>226</v>
      </c>
      <c r="F57" s="9" t="s">
        <v>235</v>
      </c>
      <c r="G57" s="9" t="s">
        <v>255</v>
      </c>
      <c r="H57" s="6">
        <v>8741</v>
      </c>
      <c r="I57" s="6">
        <v>6531</v>
      </c>
      <c r="J57" s="6">
        <v>5769</v>
      </c>
      <c r="K57" s="6">
        <v>2210</v>
      </c>
      <c r="L57" s="10" t="s">
        <v>55</v>
      </c>
    </row>
    <row r="58" spans="1:12">
      <c r="A58" s="9" t="s">
        <v>27</v>
      </c>
      <c r="B58" s="9" t="s">
        <v>28</v>
      </c>
      <c r="C58" s="9" t="s">
        <v>29</v>
      </c>
      <c r="D58" s="9" t="s">
        <v>262</v>
      </c>
      <c r="E58" s="9" t="s">
        <v>226</v>
      </c>
      <c r="F58" s="9" t="s">
        <v>235</v>
      </c>
      <c r="G58" s="9" t="s">
        <v>256</v>
      </c>
      <c r="H58" s="6">
        <v>762477</v>
      </c>
      <c r="I58" s="6">
        <v>457029</v>
      </c>
      <c r="J58" s="6">
        <v>308579</v>
      </c>
      <c r="K58" s="6">
        <v>302460</v>
      </c>
      <c r="L58" s="6">
        <v>2988</v>
      </c>
    </row>
    <row r="59" spans="1:12">
      <c r="A59" s="9" t="s">
        <v>27</v>
      </c>
      <c r="B59" s="9" t="s">
        <v>28</v>
      </c>
      <c r="C59" s="9" t="s">
        <v>29</v>
      </c>
      <c r="D59" s="9" t="s">
        <v>262</v>
      </c>
      <c r="E59" s="9" t="s">
        <v>227</v>
      </c>
      <c r="F59" s="9" t="s">
        <v>6</v>
      </c>
      <c r="G59" s="9" t="s">
        <v>30</v>
      </c>
      <c r="H59" s="6">
        <v>765163</v>
      </c>
      <c r="I59" s="6">
        <v>449837</v>
      </c>
      <c r="J59" s="6">
        <v>419392</v>
      </c>
      <c r="K59" s="6">
        <v>312770</v>
      </c>
      <c r="L59" s="6">
        <v>2556</v>
      </c>
    </row>
    <row r="60" spans="1:12">
      <c r="A60" s="9" t="s">
        <v>27</v>
      </c>
      <c r="B60" s="9" t="s">
        <v>28</v>
      </c>
      <c r="C60" s="9" t="s">
        <v>29</v>
      </c>
      <c r="D60" s="9" t="s">
        <v>262</v>
      </c>
      <c r="E60" s="9" t="s">
        <v>227</v>
      </c>
      <c r="F60" s="9" t="s">
        <v>234</v>
      </c>
      <c r="G60" s="9" t="s">
        <v>30</v>
      </c>
      <c r="H60" s="6">
        <v>141442</v>
      </c>
      <c r="I60" s="6">
        <v>85347</v>
      </c>
      <c r="J60" s="6">
        <v>78902</v>
      </c>
      <c r="K60" s="6">
        <v>55324</v>
      </c>
      <c r="L60" s="6">
        <v>771</v>
      </c>
    </row>
    <row r="61" spans="1:12">
      <c r="A61" s="9" t="s">
        <v>27</v>
      </c>
      <c r="B61" s="9" t="s">
        <v>28</v>
      </c>
      <c r="C61" s="9" t="s">
        <v>29</v>
      </c>
      <c r="D61" s="9" t="s">
        <v>262</v>
      </c>
      <c r="E61" s="9" t="s">
        <v>227</v>
      </c>
      <c r="F61" s="9" t="s">
        <v>235</v>
      </c>
      <c r="G61" s="9" t="s">
        <v>30</v>
      </c>
      <c r="H61" s="6">
        <v>623721</v>
      </c>
      <c r="I61" s="6">
        <v>364490</v>
      </c>
      <c r="J61" s="6">
        <v>340490</v>
      </c>
      <c r="K61" s="6">
        <v>257446</v>
      </c>
      <c r="L61" s="6">
        <v>1785</v>
      </c>
    </row>
    <row r="62" spans="1:12">
      <c r="A62" s="9" t="s">
        <v>27</v>
      </c>
      <c r="B62" s="9" t="s">
        <v>28</v>
      </c>
      <c r="C62" s="9" t="s">
        <v>29</v>
      </c>
      <c r="D62" s="9" t="s">
        <v>262</v>
      </c>
      <c r="E62" s="9" t="s">
        <v>227</v>
      </c>
      <c r="F62" s="9" t="s">
        <v>235</v>
      </c>
      <c r="G62" s="9" t="s">
        <v>236</v>
      </c>
      <c r="H62" s="6">
        <v>7949</v>
      </c>
      <c r="I62" s="6">
        <v>3451</v>
      </c>
      <c r="J62" s="6">
        <v>3189</v>
      </c>
      <c r="K62" s="6">
        <v>4487</v>
      </c>
      <c r="L62" s="6">
        <v>11</v>
      </c>
    </row>
    <row r="63" spans="1:12">
      <c r="A63" s="9" t="s">
        <v>27</v>
      </c>
      <c r="B63" s="9" t="s">
        <v>28</v>
      </c>
      <c r="C63" s="9" t="s">
        <v>29</v>
      </c>
      <c r="D63" s="9" t="s">
        <v>262</v>
      </c>
      <c r="E63" s="9" t="s">
        <v>227</v>
      </c>
      <c r="F63" s="9" t="s">
        <v>235</v>
      </c>
      <c r="G63" s="9" t="s">
        <v>237</v>
      </c>
      <c r="H63" s="6">
        <v>7743</v>
      </c>
      <c r="I63" s="6">
        <v>4561</v>
      </c>
      <c r="J63" s="6">
        <v>4282</v>
      </c>
      <c r="K63" s="6">
        <v>3152</v>
      </c>
      <c r="L63" s="6">
        <v>30</v>
      </c>
    </row>
    <row r="64" spans="1:12">
      <c r="A64" s="9" t="s">
        <v>27</v>
      </c>
      <c r="B64" s="9" t="s">
        <v>28</v>
      </c>
      <c r="C64" s="9" t="s">
        <v>29</v>
      </c>
      <c r="D64" s="9" t="s">
        <v>262</v>
      </c>
      <c r="E64" s="9" t="s">
        <v>227</v>
      </c>
      <c r="F64" s="9" t="s">
        <v>235</v>
      </c>
      <c r="G64" s="9" t="s">
        <v>238</v>
      </c>
      <c r="H64" s="6">
        <v>7045</v>
      </c>
      <c r="I64" s="6">
        <v>4550</v>
      </c>
      <c r="J64" s="6">
        <v>4272</v>
      </c>
      <c r="K64" s="6">
        <v>2477</v>
      </c>
      <c r="L64" s="6">
        <v>18</v>
      </c>
    </row>
    <row r="65" spans="1:12">
      <c r="A65" s="9" t="s">
        <v>27</v>
      </c>
      <c r="B65" s="9" t="s">
        <v>28</v>
      </c>
      <c r="C65" s="9" t="s">
        <v>29</v>
      </c>
      <c r="D65" s="9" t="s">
        <v>262</v>
      </c>
      <c r="E65" s="9" t="s">
        <v>227</v>
      </c>
      <c r="F65" s="9" t="s">
        <v>235</v>
      </c>
      <c r="G65" s="9" t="s">
        <v>239</v>
      </c>
      <c r="H65" s="6">
        <v>6283</v>
      </c>
      <c r="I65" s="6">
        <v>4327</v>
      </c>
      <c r="J65" s="6">
        <v>4076</v>
      </c>
      <c r="K65" s="6">
        <v>1945</v>
      </c>
      <c r="L65" s="6">
        <v>11</v>
      </c>
    </row>
    <row r="66" spans="1:12">
      <c r="A66" s="9" t="s">
        <v>27</v>
      </c>
      <c r="B66" s="9" t="s">
        <v>28</v>
      </c>
      <c r="C66" s="9" t="s">
        <v>29</v>
      </c>
      <c r="D66" s="9" t="s">
        <v>262</v>
      </c>
      <c r="E66" s="9" t="s">
        <v>227</v>
      </c>
      <c r="F66" s="9" t="s">
        <v>235</v>
      </c>
      <c r="G66" s="9" t="s">
        <v>240</v>
      </c>
      <c r="H66" s="6">
        <v>5616</v>
      </c>
      <c r="I66" s="6">
        <v>4269</v>
      </c>
      <c r="J66" s="6">
        <v>4049</v>
      </c>
      <c r="K66" s="6">
        <v>1333</v>
      </c>
      <c r="L66" s="6">
        <v>14</v>
      </c>
    </row>
    <row r="67" spans="1:12">
      <c r="A67" s="9" t="s">
        <v>27</v>
      </c>
      <c r="B67" s="9" t="s">
        <v>28</v>
      </c>
      <c r="C67" s="9" t="s">
        <v>29</v>
      </c>
      <c r="D67" s="9" t="s">
        <v>262</v>
      </c>
      <c r="E67" s="9" t="s">
        <v>227</v>
      </c>
      <c r="F67" s="9" t="s">
        <v>235</v>
      </c>
      <c r="G67" s="9" t="s">
        <v>241</v>
      </c>
      <c r="H67" s="6">
        <v>5254</v>
      </c>
      <c r="I67" s="6">
        <v>4022</v>
      </c>
      <c r="J67" s="6">
        <v>3837</v>
      </c>
      <c r="K67" s="6">
        <v>1219</v>
      </c>
      <c r="L67" s="6">
        <v>13</v>
      </c>
    </row>
    <row r="68" spans="1:12">
      <c r="A68" s="9" t="s">
        <v>27</v>
      </c>
      <c r="B68" s="9" t="s">
        <v>28</v>
      </c>
      <c r="C68" s="9" t="s">
        <v>29</v>
      </c>
      <c r="D68" s="9" t="s">
        <v>262</v>
      </c>
      <c r="E68" s="9" t="s">
        <v>227</v>
      </c>
      <c r="F68" s="9" t="s">
        <v>235</v>
      </c>
      <c r="G68" s="9" t="s">
        <v>242</v>
      </c>
      <c r="H68" s="6">
        <v>4802</v>
      </c>
      <c r="I68" s="6">
        <v>3547</v>
      </c>
      <c r="J68" s="6">
        <v>3336</v>
      </c>
      <c r="K68" s="6">
        <v>1255</v>
      </c>
      <c r="L68" s="10" t="s">
        <v>55</v>
      </c>
    </row>
    <row r="69" spans="1:12">
      <c r="A69" s="9" t="s">
        <v>27</v>
      </c>
      <c r="B69" s="9" t="s">
        <v>28</v>
      </c>
      <c r="C69" s="9" t="s">
        <v>29</v>
      </c>
      <c r="D69" s="9" t="s">
        <v>262</v>
      </c>
      <c r="E69" s="9" t="s">
        <v>227</v>
      </c>
      <c r="F69" s="9" t="s">
        <v>235</v>
      </c>
      <c r="G69" s="9" t="s">
        <v>243</v>
      </c>
      <c r="H69" s="6">
        <v>4843</v>
      </c>
      <c r="I69" s="6">
        <v>3602</v>
      </c>
      <c r="J69" s="6">
        <v>3415</v>
      </c>
      <c r="K69" s="6">
        <v>1229</v>
      </c>
      <c r="L69" s="6">
        <v>12</v>
      </c>
    </row>
    <row r="70" spans="1:12">
      <c r="A70" s="9" t="s">
        <v>27</v>
      </c>
      <c r="B70" s="9" t="s">
        <v>28</v>
      </c>
      <c r="C70" s="9" t="s">
        <v>29</v>
      </c>
      <c r="D70" s="9" t="s">
        <v>262</v>
      </c>
      <c r="E70" s="9" t="s">
        <v>227</v>
      </c>
      <c r="F70" s="9" t="s">
        <v>235</v>
      </c>
      <c r="G70" s="9" t="s">
        <v>244</v>
      </c>
      <c r="H70" s="6">
        <v>4815</v>
      </c>
      <c r="I70" s="6">
        <v>3587</v>
      </c>
      <c r="J70" s="6">
        <v>3421</v>
      </c>
      <c r="K70" s="6">
        <v>1224</v>
      </c>
      <c r="L70" s="6">
        <v>4</v>
      </c>
    </row>
    <row r="71" spans="1:12">
      <c r="A71" s="9" t="s">
        <v>27</v>
      </c>
      <c r="B71" s="9" t="s">
        <v>28</v>
      </c>
      <c r="C71" s="9" t="s">
        <v>29</v>
      </c>
      <c r="D71" s="9" t="s">
        <v>262</v>
      </c>
      <c r="E71" s="9" t="s">
        <v>227</v>
      </c>
      <c r="F71" s="9" t="s">
        <v>235</v>
      </c>
      <c r="G71" s="9" t="s">
        <v>245</v>
      </c>
      <c r="H71" s="6">
        <v>4843</v>
      </c>
      <c r="I71" s="6">
        <v>3711</v>
      </c>
      <c r="J71" s="6">
        <v>3480</v>
      </c>
      <c r="K71" s="6">
        <v>1098</v>
      </c>
      <c r="L71" s="6">
        <v>34</v>
      </c>
    </row>
    <row r="72" spans="1:12">
      <c r="A72" s="9" t="s">
        <v>27</v>
      </c>
      <c r="B72" s="9" t="s">
        <v>28</v>
      </c>
      <c r="C72" s="9" t="s">
        <v>29</v>
      </c>
      <c r="D72" s="9" t="s">
        <v>262</v>
      </c>
      <c r="E72" s="9" t="s">
        <v>227</v>
      </c>
      <c r="F72" s="9" t="s">
        <v>235</v>
      </c>
      <c r="G72" s="9" t="s">
        <v>246</v>
      </c>
      <c r="H72" s="6">
        <v>4639</v>
      </c>
      <c r="I72" s="6">
        <v>3717</v>
      </c>
      <c r="J72" s="6">
        <v>3528</v>
      </c>
      <c r="K72" s="6">
        <v>916</v>
      </c>
      <c r="L72" s="6">
        <v>6</v>
      </c>
    </row>
    <row r="73" spans="1:12">
      <c r="A73" s="9" t="s">
        <v>27</v>
      </c>
      <c r="B73" s="9" t="s">
        <v>28</v>
      </c>
      <c r="C73" s="9" t="s">
        <v>29</v>
      </c>
      <c r="D73" s="9" t="s">
        <v>262</v>
      </c>
      <c r="E73" s="9" t="s">
        <v>227</v>
      </c>
      <c r="F73" s="9" t="s">
        <v>235</v>
      </c>
      <c r="G73" s="9" t="s">
        <v>247</v>
      </c>
      <c r="H73" s="6">
        <v>5093</v>
      </c>
      <c r="I73" s="6">
        <v>3936</v>
      </c>
      <c r="J73" s="6">
        <v>3705</v>
      </c>
      <c r="K73" s="6">
        <v>1150</v>
      </c>
      <c r="L73" s="6">
        <v>7</v>
      </c>
    </row>
    <row r="74" spans="1:12">
      <c r="A74" s="9" t="s">
        <v>27</v>
      </c>
      <c r="B74" s="9" t="s">
        <v>28</v>
      </c>
      <c r="C74" s="9" t="s">
        <v>29</v>
      </c>
      <c r="D74" s="9" t="s">
        <v>262</v>
      </c>
      <c r="E74" s="9" t="s">
        <v>227</v>
      </c>
      <c r="F74" s="9" t="s">
        <v>235</v>
      </c>
      <c r="G74" s="9" t="s">
        <v>248</v>
      </c>
      <c r="H74" s="6">
        <v>5018</v>
      </c>
      <c r="I74" s="6">
        <v>4076</v>
      </c>
      <c r="J74" s="6">
        <v>3819</v>
      </c>
      <c r="K74" s="6">
        <v>930</v>
      </c>
      <c r="L74" s="6">
        <v>12</v>
      </c>
    </row>
    <row r="75" spans="1:12">
      <c r="A75" s="9" t="s">
        <v>27</v>
      </c>
      <c r="B75" s="9" t="s">
        <v>28</v>
      </c>
      <c r="C75" s="9" t="s">
        <v>29</v>
      </c>
      <c r="D75" s="9" t="s">
        <v>262</v>
      </c>
      <c r="E75" s="9" t="s">
        <v>227</v>
      </c>
      <c r="F75" s="9" t="s">
        <v>235</v>
      </c>
      <c r="G75" s="9" t="s">
        <v>249</v>
      </c>
      <c r="H75" s="6">
        <v>4682</v>
      </c>
      <c r="I75" s="6">
        <v>3520</v>
      </c>
      <c r="J75" s="6">
        <v>3306</v>
      </c>
      <c r="K75" s="6">
        <v>1150</v>
      </c>
      <c r="L75" s="6">
        <v>12</v>
      </c>
    </row>
    <row r="76" spans="1:12">
      <c r="A76" s="9" t="s">
        <v>27</v>
      </c>
      <c r="B76" s="9" t="s">
        <v>28</v>
      </c>
      <c r="C76" s="9" t="s">
        <v>29</v>
      </c>
      <c r="D76" s="9" t="s">
        <v>262</v>
      </c>
      <c r="E76" s="9" t="s">
        <v>227</v>
      </c>
      <c r="F76" s="9" t="s">
        <v>235</v>
      </c>
      <c r="G76" s="9" t="s">
        <v>250</v>
      </c>
      <c r="H76" s="6">
        <v>5204</v>
      </c>
      <c r="I76" s="6">
        <v>4000</v>
      </c>
      <c r="J76" s="6">
        <v>3781</v>
      </c>
      <c r="K76" s="6">
        <v>1200</v>
      </c>
      <c r="L76" s="6">
        <v>4</v>
      </c>
    </row>
    <row r="77" spans="1:12">
      <c r="A77" s="9" t="s">
        <v>27</v>
      </c>
      <c r="B77" s="9" t="s">
        <v>28</v>
      </c>
      <c r="C77" s="9" t="s">
        <v>29</v>
      </c>
      <c r="D77" s="9" t="s">
        <v>262</v>
      </c>
      <c r="E77" s="9" t="s">
        <v>227</v>
      </c>
      <c r="F77" s="9" t="s">
        <v>235</v>
      </c>
      <c r="G77" s="9" t="s">
        <v>251</v>
      </c>
      <c r="H77" s="6">
        <v>5222</v>
      </c>
      <c r="I77" s="6">
        <v>4034</v>
      </c>
      <c r="J77" s="6">
        <v>3841</v>
      </c>
      <c r="K77" s="6">
        <v>1183</v>
      </c>
      <c r="L77" s="6">
        <v>5</v>
      </c>
    </row>
    <row r="78" spans="1:12">
      <c r="A78" s="9" t="s">
        <v>27</v>
      </c>
      <c r="B78" s="9" t="s">
        <v>28</v>
      </c>
      <c r="C78" s="9" t="s">
        <v>29</v>
      </c>
      <c r="D78" s="9" t="s">
        <v>262</v>
      </c>
      <c r="E78" s="9" t="s">
        <v>227</v>
      </c>
      <c r="F78" s="9" t="s">
        <v>235</v>
      </c>
      <c r="G78" s="9" t="s">
        <v>252</v>
      </c>
      <c r="H78" s="6">
        <v>6186</v>
      </c>
      <c r="I78" s="6">
        <v>4727</v>
      </c>
      <c r="J78" s="6">
        <v>4549</v>
      </c>
      <c r="K78" s="6">
        <v>1459</v>
      </c>
      <c r="L78" s="10" t="s">
        <v>55</v>
      </c>
    </row>
    <row r="79" spans="1:12">
      <c r="A79" s="9" t="s">
        <v>27</v>
      </c>
      <c r="B79" s="9" t="s">
        <v>28</v>
      </c>
      <c r="C79" s="9" t="s">
        <v>29</v>
      </c>
      <c r="D79" s="9" t="s">
        <v>262</v>
      </c>
      <c r="E79" s="9" t="s">
        <v>227</v>
      </c>
      <c r="F79" s="9" t="s">
        <v>235</v>
      </c>
      <c r="G79" s="9" t="s">
        <v>253</v>
      </c>
      <c r="H79" s="6">
        <v>6348</v>
      </c>
      <c r="I79" s="6">
        <v>4914</v>
      </c>
      <c r="J79" s="6">
        <v>4720</v>
      </c>
      <c r="K79" s="6">
        <v>1423</v>
      </c>
      <c r="L79" s="6">
        <v>11</v>
      </c>
    </row>
    <row r="80" spans="1:12">
      <c r="A80" s="9" t="s">
        <v>27</v>
      </c>
      <c r="B80" s="9" t="s">
        <v>28</v>
      </c>
      <c r="C80" s="9" t="s">
        <v>29</v>
      </c>
      <c r="D80" s="9" t="s">
        <v>262</v>
      </c>
      <c r="E80" s="9" t="s">
        <v>227</v>
      </c>
      <c r="F80" s="9" t="s">
        <v>235</v>
      </c>
      <c r="G80" s="9" t="s">
        <v>254</v>
      </c>
      <c r="H80" s="6">
        <v>6701</v>
      </c>
      <c r="I80" s="6">
        <v>5076</v>
      </c>
      <c r="J80" s="6">
        <v>4886</v>
      </c>
      <c r="K80" s="6">
        <v>1615</v>
      </c>
      <c r="L80" s="6">
        <v>10</v>
      </c>
    </row>
    <row r="81" spans="1:12">
      <c r="A81" s="9" t="s">
        <v>27</v>
      </c>
      <c r="B81" s="9" t="s">
        <v>28</v>
      </c>
      <c r="C81" s="9" t="s">
        <v>29</v>
      </c>
      <c r="D81" s="9" t="s">
        <v>262</v>
      </c>
      <c r="E81" s="9" t="s">
        <v>227</v>
      </c>
      <c r="F81" s="9" t="s">
        <v>235</v>
      </c>
      <c r="G81" s="9" t="s">
        <v>255</v>
      </c>
      <c r="H81" s="6">
        <v>7235</v>
      </c>
      <c r="I81" s="6">
        <v>5375</v>
      </c>
      <c r="J81" s="6">
        <v>5144</v>
      </c>
      <c r="K81" s="6">
        <v>1860</v>
      </c>
      <c r="L81" s="10" t="s">
        <v>55</v>
      </c>
    </row>
    <row r="82" spans="1:12">
      <c r="A82" s="9" t="s">
        <v>27</v>
      </c>
      <c r="B82" s="9" t="s">
        <v>28</v>
      </c>
      <c r="C82" s="9" t="s">
        <v>29</v>
      </c>
      <c r="D82" s="9" t="s">
        <v>262</v>
      </c>
      <c r="E82" s="9" t="s">
        <v>227</v>
      </c>
      <c r="F82" s="9" t="s">
        <v>235</v>
      </c>
      <c r="G82" s="9" t="s">
        <v>256</v>
      </c>
      <c r="H82" s="6">
        <v>508200</v>
      </c>
      <c r="I82" s="6">
        <v>281488</v>
      </c>
      <c r="J82" s="6">
        <v>261854</v>
      </c>
      <c r="K82" s="6">
        <v>225141</v>
      </c>
      <c r="L82" s="6">
        <v>1571</v>
      </c>
    </row>
    <row r="83" spans="1:12">
      <c r="A83" s="9" t="s">
        <v>27</v>
      </c>
      <c r="B83" s="9" t="s">
        <v>28</v>
      </c>
      <c r="C83" s="9" t="s">
        <v>29</v>
      </c>
      <c r="D83" s="9" t="s">
        <v>262</v>
      </c>
      <c r="E83" s="9" t="s">
        <v>228</v>
      </c>
      <c r="F83" s="9" t="s">
        <v>6</v>
      </c>
      <c r="G83" s="9" t="s">
        <v>30</v>
      </c>
      <c r="H83" s="6">
        <v>895233</v>
      </c>
      <c r="I83" s="6">
        <v>144383</v>
      </c>
      <c r="J83" s="6">
        <v>122440</v>
      </c>
      <c r="K83" s="6">
        <v>749231</v>
      </c>
      <c r="L83" s="6">
        <v>1619</v>
      </c>
    </row>
    <row r="84" spans="1:12">
      <c r="A84" s="9" t="s">
        <v>27</v>
      </c>
      <c r="B84" s="9" t="s">
        <v>28</v>
      </c>
      <c r="C84" s="9" t="s">
        <v>29</v>
      </c>
      <c r="D84" s="9" t="s">
        <v>262</v>
      </c>
      <c r="E84" s="9" t="s">
        <v>228</v>
      </c>
      <c r="F84" s="9" t="s">
        <v>234</v>
      </c>
      <c r="G84" s="9" t="s">
        <v>30</v>
      </c>
      <c r="H84" s="6">
        <v>157955</v>
      </c>
      <c r="I84" s="6">
        <v>25213</v>
      </c>
      <c r="J84" s="6">
        <v>21305</v>
      </c>
      <c r="K84" s="6">
        <v>132333</v>
      </c>
      <c r="L84" s="6">
        <v>409</v>
      </c>
    </row>
    <row r="85" spans="1:12">
      <c r="A85" s="9" t="s">
        <v>27</v>
      </c>
      <c r="B85" s="9" t="s">
        <v>28</v>
      </c>
      <c r="C85" s="9" t="s">
        <v>29</v>
      </c>
      <c r="D85" s="9" t="s">
        <v>262</v>
      </c>
      <c r="E85" s="9" t="s">
        <v>228</v>
      </c>
      <c r="F85" s="9" t="s">
        <v>235</v>
      </c>
      <c r="G85" s="9" t="s">
        <v>30</v>
      </c>
      <c r="H85" s="6">
        <v>737278</v>
      </c>
      <c r="I85" s="6">
        <v>119170</v>
      </c>
      <c r="J85" s="6">
        <v>101135</v>
      </c>
      <c r="K85" s="6">
        <v>616898</v>
      </c>
      <c r="L85" s="6">
        <v>1210</v>
      </c>
    </row>
    <row r="86" spans="1:12">
      <c r="A86" s="9" t="s">
        <v>27</v>
      </c>
      <c r="B86" s="9" t="s">
        <v>28</v>
      </c>
      <c r="C86" s="9" t="s">
        <v>29</v>
      </c>
      <c r="D86" s="9" t="s">
        <v>262</v>
      </c>
      <c r="E86" s="9" t="s">
        <v>228</v>
      </c>
      <c r="F86" s="9" t="s">
        <v>235</v>
      </c>
      <c r="G86" s="9" t="s">
        <v>236</v>
      </c>
      <c r="H86" s="6">
        <v>397</v>
      </c>
      <c r="I86" s="6">
        <v>93</v>
      </c>
      <c r="J86" s="6">
        <v>89</v>
      </c>
      <c r="K86" s="6">
        <v>304</v>
      </c>
      <c r="L86" s="10" t="s">
        <v>55</v>
      </c>
    </row>
    <row r="87" spans="1:12">
      <c r="A87" s="9" t="s">
        <v>27</v>
      </c>
      <c r="B87" s="9" t="s">
        <v>28</v>
      </c>
      <c r="C87" s="9" t="s">
        <v>29</v>
      </c>
      <c r="D87" s="9" t="s">
        <v>262</v>
      </c>
      <c r="E87" s="9" t="s">
        <v>228</v>
      </c>
      <c r="F87" s="9" t="s">
        <v>235</v>
      </c>
      <c r="G87" s="9" t="s">
        <v>237</v>
      </c>
      <c r="H87" s="6">
        <v>341</v>
      </c>
      <c r="I87" s="6">
        <v>157</v>
      </c>
      <c r="J87" s="6">
        <v>144</v>
      </c>
      <c r="K87" s="6">
        <v>178</v>
      </c>
      <c r="L87" s="6">
        <v>6</v>
      </c>
    </row>
    <row r="88" spans="1:12">
      <c r="A88" s="9" t="s">
        <v>27</v>
      </c>
      <c r="B88" s="9" t="s">
        <v>28</v>
      </c>
      <c r="C88" s="9" t="s">
        <v>29</v>
      </c>
      <c r="D88" s="9" t="s">
        <v>262</v>
      </c>
      <c r="E88" s="9" t="s">
        <v>228</v>
      </c>
      <c r="F88" s="9" t="s">
        <v>235</v>
      </c>
      <c r="G88" s="9" t="s">
        <v>238</v>
      </c>
      <c r="H88" s="6">
        <v>284</v>
      </c>
      <c r="I88" s="6">
        <v>130</v>
      </c>
      <c r="J88" s="6">
        <v>116</v>
      </c>
      <c r="K88" s="6">
        <v>154</v>
      </c>
      <c r="L88" s="10" t="s">
        <v>55</v>
      </c>
    </row>
    <row r="89" spans="1:12">
      <c r="A89" s="9" t="s">
        <v>27</v>
      </c>
      <c r="B89" s="9" t="s">
        <v>28</v>
      </c>
      <c r="C89" s="9" t="s">
        <v>29</v>
      </c>
      <c r="D89" s="9" t="s">
        <v>262</v>
      </c>
      <c r="E89" s="9" t="s">
        <v>228</v>
      </c>
      <c r="F89" s="9" t="s">
        <v>235</v>
      </c>
      <c r="G89" s="9" t="s">
        <v>239</v>
      </c>
      <c r="H89" s="6">
        <v>209</v>
      </c>
      <c r="I89" s="6">
        <v>113</v>
      </c>
      <c r="J89" s="6">
        <v>82</v>
      </c>
      <c r="K89" s="6">
        <v>96</v>
      </c>
      <c r="L89" s="10" t="s">
        <v>55</v>
      </c>
    </row>
    <row r="90" spans="1:12">
      <c r="A90" s="9" t="s">
        <v>27</v>
      </c>
      <c r="B90" s="9" t="s">
        <v>28</v>
      </c>
      <c r="C90" s="9" t="s">
        <v>29</v>
      </c>
      <c r="D90" s="9" t="s">
        <v>262</v>
      </c>
      <c r="E90" s="9" t="s">
        <v>228</v>
      </c>
      <c r="F90" s="9" t="s">
        <v>235</v>
      </c>
      <c r="G90" s="9" t="s">
        <v>240</v>
      </c>
      <c r="H90" s="6">
        <v>231</v>
      </c>
      <c r="I90" s="6">
        <v>116</v>
      </c>
      <c r="J90" s="6">
        <v>105</v>
      </c>
      <c r="K90" s="6">
        <v>115</v>
      </c>
      <c r="L90" s="10" t="s">
        <v>55</v>
      </c>
    </row>
    <row r="91" spans="1:12">
      <c r="A91" s="9" t="s">
        <v>27</v>
      </c>
      <c r="B91" s="9" t="s">
        <v>28</v>
      </c>
      <c r="C91" s="9" t="s">
        <v>29</v>
      </c>
      <c r="D91" s="9" t="s">
        <v>262</v>
      </c>
      <c r="E91" s="9" t="s">
        <v>228</v>
      </c>
      <c r="F91" s="9" t="s">
        <v>235</v>
      </c>
      <c r="G91" s="9" t="s">
        <v>241</v>
      </c>
      <c r="H91" s="6">
        <v>171</v>
      </c>
      <c r="I91" s="6">
        <v>91</v>
      </c>
      <c r="J91" s="6">
        <v>81</v>
      </c>
      <c r="K91" s="6">
        <v>80</v>
      </c>
      <c r="L91" s="10" t="s">
        <v>55</v>
      </c>
    </row>
    <row r="92" spans="1:12">
      <c r="A92" s="9" t="s">
        <v>27</v>
      </c>
      <c r="B92" s="9" t="s">
        <v>28</v>
      </c>
      <c r="C92" s="9" t="s">
        <v>29</v>
      </c>
      <c r="D92" s="9" t="s">
        <v>262</v>
      </c>
      <c r="E92" s="9" t="s">
        <v>228</v>
      </c>
      <c r="F92" s="9" t="s">
        <v>235</v>
      </c>
      <c r="G92" s="9" t="s">
        <v>242</v>
      </c>
      <c r="H92" s="6">
        <v>259</v>
      </c>
      <c r="I92" s="6">
        <v>150</v>
      </c>
      <c r="J92" s="6">
        <v>136</v>
      </c>
      <c r="K92" s="6">
        <v>103</v>
      </c>
      <c r="L92" s="6">
        <v>6</v>
      </c>
    </row>
    <row r="93" spans="1:12">
      <c r="A93" s="9" t="s">
        <v>27</v>
      </c>
      <c r="B93" s="9" t="s">
        <v>28</v>
      </c>
      <c r="C93" s="9" t="s">
        <v>29</v>
      </c>
      <c r="D93" s="9" t="s">
        <v>262</v>
      </c>
      <c r="E93" s="9" t="s">
        <v>228</v>
      </c>
      <c r="F93" s="9" t="s">
        <v>235</v>
      </c>
      <c r="G93" s="9" t="s">
        <v>243</v>
      </c>
      <c r="H93" s="6">
        <v>246</v>
      </c>
      <c r="I93" s="6">
        <v>163</v>
      </c>
      <c r="J93" s="6">
        <v>143</v>
      </c>
      <c r="K93" s="6">
        <v>79</v>
      </c>
      <c r="L93" s="6">
        <v>4</v>
      </c>
    </row>
    <row r="94" spans="1:12">
      <c r="A94" s="9" t="s">
        <v>27</v>
      </c>
      <c r="B94" s="9" t="s">
        <v>28</v>
      </c>
      <c r="C94" s="9" t="s">
        <v>29</v>
      </c>
      <c r="D94" s="9" t="s">
        <v>262</v>
      </c>
      <c r="E94" s="9" t="s">
        <v>228</v>
      </c>
      <c r="F94" s="9" t="s">
        <v>235</v>
      </c>
      <c r="G94" s="9" t="s">
        <v>244</v>
      </c>
      <c r="H94" s="6">
        <v>147</v>
      </c>
      <c r="I94" s="6">
        <v>109</v>
      </c>
      <c r="J94" s="6">
        <v>85</v>
      </c>
      <c r="K94" s="6">
        <v>38</v>
      </c>
      <c r="L94" s="10" t="s">
        <v>55</v>
      </c>
    </row>
    <row r="95" spans="1:12">
      <c r="A95" s="9" t="s">
        <v>27</v>
      </c>
      <c r="B95" s="9" t="s">
        <v>28</v>
      </c>
      <c r="C95" s="9" t="s">
        <v>29</v>
      </c>
      <c r="D95" s="9" t="s">
        <v>262</v>
      </c>
      <c r="E95" s="9" t="s">
        <v>228</v>
      </c>
      <c r="F95" s="9" t="s">
        <v>235</v>
      </c>
      <c r="G95" s="9" t="s">
        <v>245</v>
      </c>
      <c r="H95" s="6">
        <v>243</v>
      </c>
      <c r="I95" s="6">
        <v>149</v>
      </c>
      <c r="J95" s="6">
        <v>149</v>
      </c>
      <c r="K95" s="6">
        <v>94</v>
      </c>
      <c r="L95" s="10" t="s">
        <v>55</v>
      </c>
    </row>
    <row r="96" spans="1:12">
      <c r="A96" s="9" t="s">
        <v>27</v>
      </c>
      <c r="B96" s="9" t="s">
        <v>28</v>
      </c>
      <c r="C96" s="9" t="s">
        <v>29</v>
      </c>
      <c r="D96" s="9" t="s">
        <v>262</v>
      </c>
      <c r="E96" s="9" t="s">
        <v>228</v>
      </c>
      <c r="F96" s="9" t="s">
        <v>235</v>
      </c>
      <c r="G96" s="9" t="s">
        <v>246</v>
      </c>
      <c r="H96" s="6">
        <v>192</v>
      </c>
      <c r="I96" s="6">
        <v>113</v>
      </c>
      <c r="J96" s="6">
        <v>109</v>
      </c>
      <c r="K96" s="6">
        <v>79</v>
      </c>
      <c r="L96" s="10" t="s">
        <v>55</v>
      </c>
    </row>
    <row r="97" spans="1:12">
      <c r="A97" s="9" t="s">
        <v>27</v>
      </c>
      <c r="B97" s="9" t="s">
        <v>28</v>
      </c>
      <c r="C97" s="9" t="s">
        <v>29</v>
      </c>
      <c r="D97" s="9" t="s">
        <v>262</v>
      </c>
      <c r="E97" s="9" t="s">
        <v>228</v>
      </c>
      <c r="F97" s="9" t="s">
        <v>235</v>
      </c>
      <c r="G97" s="9" t="s">
        <v>247</v>
      </c>
      <c r="H97" s="6">
        <v>236</v>
      </c>
      <c r="I97" s="6">
        <v>121</v>
      </c>
      <c r="J97" s="6">
        <v>116</v>
      </c>
      <c r="K97" s="6">
        <v>105</v>
      </c>
      <c r="L97" s="6">
        <v>10</v>
      </c>
    </row>
    <row r="98" spans="1:12">
      <c r="A98" s="9" t="s">
        <v>27</v>
      </c>
      <c r="B98" s="9" t="s">
        <v>28</v>
      </c>
      <c r="C98" s="9" t="s">
        <v>29</v>
      </c>
      <c r="D98" s="9" t="s">
        <v>262</v>
      </c>
      <c r="E98" s="9" t="s">
        <v>228</v>
      </c>
      <c r="F98" s="9" t="s">
        <v>235</v>
      </c>
      <c r="G98" s="9" t="s">
        <v>248</v>
      </c>
      <c r="H98" s="6">
        <v>258</v>
      </c>
      <c r="I98" s="6">
        <v>162</v>
      </c>
      <c r="J98" s="6">
        <v>148</v>
      </c>
      <c r="K98" s="6">
        <v>96</v>
      </c>
      <c r="L98" s="10" t="s">
        <v>55</v>
      </c>
    </row>
    <row r="99" spans="1:12">
      <c r="A99" s="9" t="s">
        <v>27</v>
      </c>
      <c r="B99" s="9" t="s">
        <v>28</v>
      </c>
      <c r="C99" s="9" t="s">
        <v>29</v>
      </c>
      <c r="D99" s="9" t="s">
        <v>262</v>
      </c>
      <c r="E99" s="9" t="s">
        <v>228</v>
      </c>
      <c r="F99" s="9" t="s">
        <v>235</v>
      </c>
      <c r="G99" s="9" t="s">
        <v>249</v>
      </c>
      <c r="H99" s="6">
        <v>270</v>
      </c>
      <c r="I99" s="6">
        <v>170</v>
      </c>
      <c r="J99" s="6">
        <v>152</v>
      </c>
      <c r="K99" s="6">
        <v>100</v>
      </c>
      <c r="L99" s="10" t="s">
        <v>55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2</v>
      </c>
      <c r="E100" s="9" t="s">
        <v>228</v>
      </c>
      <c r="F100" s="9" t="s">
        <v>235</v>
      </c>
      <c r="G100" s="9" t="s">
        <v>250</v>
      </c>
      <c r="H100" s="6">
        <v>312</v>
      </c>
      <c r="I100" s="6">
        <v>170</v>
      </c>
      <c r="J100" s="6">
        <v>154</v>
      </c>
      <c r="K100" s="6">
        <v>142</v>
      </c>
      <c r="L100" s="10" t="s">
        <v>55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2</v>
      </c>
      <c r="E101" s="9" t="s">
        <v>228</v>
      </c>
      <c r="F101" s="9" t="s">
        <v>235</v>
      </c>
      <c r="G101" s="9" t="s">
        <v>251</v>
      </c>
      <c r="H101" s="6">
        <v>372</v>
      </c>
      <c r="I101" s="6">
        <v>217</v>
      </c>
      <c r="J101" s="6">
        <v>202</v>
      </c>
      <c r="K101" s="6">
        <v>155</v>
      </c>
      <c r="L101" s="10" t="s">
        <v>55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2</v>
      </c>
      <c r="E102" s="9" t="s">
        <v>228</v>
      </c>
      <c r="F102" s="9" t="s">
        <v>235</v>
      </c>
      <c r="G102" s="9" t="s">
        <v>252</v>
      </c>
      <c r="H102" s="6">
        <v>352</v>
      </c>
      <c r="I102" s="6">
        <v>198</v>
      </c>
      <c r="J102" s="6">
        <v>190</v>
      </c>
      <c r="K102" s="6">
        <v>154</v>
      </c>
      <c r="L102" s="10" t="s">
        <v>55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2</v>
      </c>
      <c r="E103" s="9" t="s">
        <v>228</v>
      </c>
      <c r="F103" s="9" t="s">
        <v>235</v>
      </c>
      <c r="G103" s="9" t="s">
        <v>253</v>
      </c>
      <c r="H103" s="6">
        <v>500</v>
      </c>
      <c r="I103" s="6">
        <v>307</v>
      </c>
      <c r="J103" s="6">
        <v>279</v>
      </c>
      <c r="K103" s="6">
        <v>188</v>
      </c>
      <c r="L103" s="6">
        <v>5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2</v>
      </c>
      <c r="E104" s="9" t="s">
        <v>228</v>
      </c>
      <c r="F104" s="9" t="s">
        <v>235</v>
      </c>
      <c r="G104" s="9" t="s">
        <v>254</v>
      </c>
      <c r="H104" s="6">
        <v>477</v>
      </c>
      <c r="I104" s="6">
        <v>270</v>
      </c>
      <c r="J104" s="6">
        <v>242</v>
      </c>
      <c r="K104" s="6">
        <v>207</v>
      </c>
      <c r="L104" s="10" t="s">
        <v>55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2</v>
      </c>
      <c r="E105" s="9" t="s">
        <v>228</v>
      </c>
      <c r="F105" s="9" t="s">
        <v>235</v>
      </c>
      <c r="G105" s="9" t="s">
        <v>255</v>
      </c>
      <c r="H105" s="6">
        <v>509</v>
      </c>
      <c r="I105" s="6">
        <v>359</v>
      </c>
      <c r="J105" s="6">
        <v>329</v>
      </c>
      <c r="K105" s="6">
        <v>150</v>
      </c>
      <c r="L105" s="10" t="s">
        <v>55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2</v>
      </c>
      <c r="E106" s="9" t="s">
        <v>228</v>
      </c>
      <c r="F106" s="9" t="s">
        <v>235</v>
      </c>
      <c r="G106" s="9" t="s">
        <v>256</v>
      </c>
      <c r="H106" s="6">
        <v>731272</v>
      </c>
      <c r="I106" s="6">
        <v>115812</v>
      </c>
      <c r="J106" s="6">
        <v>98084</v>
      </c>
      <c r="K106" s="6">
        <v>614281</v>
      </c>
      <c r="L106" s="6">
        <v>1179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2</v>
      </c>
      <c r="E107" s="9" t="s">
        <v>18</v>
      </c>
      <c r="F107" s="9" t="s">
        <v>6</v>
      </c>
      <c r="G107" s="9" t="s">
        <v>30</v>
      </c>
      <c r="H107" s="6">
        <v>188969</v>
      </c>
      <c r="I107" s="6">
        <v>3438</v>
      </c>
      <c r="J107" s="6">
        <v>2396</v>
      </c>
      <c r="K107" s="6">
        <v>3456</v>
      </c>
      <c r="L107" s="6">
        <v>182075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2</v>
      </c>
      <c r="E108" s="9" t="s">
        <v>18</v>
      </c>
      <c r="F108" s="9" t="s">
        <v>234</v>
      </c>
      <c r="G108" s="9" t="s">
        <v>30</v>
      </c>
      <c r="H108" s="6">
        <v>52923</v>
      </c>
      <c r="I108" s="6">
        <v>808</v>
      </c>
      <c r="J108" s="6">
        <v>583</v>
      </c>
      <c r="K108" s="6">
        <v>843</v>
      </c>
      <c r="L108" s="6">
        <v>51272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2</v>
      </c>
      <c r="E109" s="9" t="s">
        <v>18</v>
      </c>
      <c r="F109" s="9" t="s">
        <v>235</v>
      </c>
      <c r="G109" s="9" t="s">
        <v>30</v>
      </c>
      <c r="H109" s="6">
        <v>136046</v>
      </c>
      <c r="I109" s="6">
        <v>2630</v>
      </c>
      <c r="J109" s="6">
        <v>1813</v>
      </c>
      <c r="K109" s="6">
        <v>2613</v>
      </c>
      <c r="L109" s="6">
        <v>130803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2</v>
      </c>
      <c r="E110" s="9" t="s">
        <v>18</v>
      </c>
      <c r="F110" s="9" t="s">
        <v>235</v>
      </c>
      <c r="G110" s="9" t="s">
        <v>236</v>
      </c>
      <c r="H110" s="6">
        <v>4272</v>
      </c>
      <c r="I110" s="6">
        <v>6</v>
      </c>
      <c r="J110" s="10" t="s">
        <v>55</v>
      </c>
      <c r="K110" s="10" t="s">
        <v>55</v>
      </c>
      <c r="L110" s="6">
        <v>4266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2</v>
      </c>
      <c r="E111" s="9" t="s">
        <v>18</v>
      </c>
      <c r="F111" s="9" t="s">
        <v>235</v>
      </c>
      <c r="G111" s="9" t="s">
        <v>237</v>
      </c>
      <c r="H111" s="6">
        <v>4550</v>
      </c>
      <c r="I111" s="6">
        <v>7</v>
      </c>
      <c r="J111" s="6">
        <v>7</v>
      </c>
      <c r="K111" s="6">
        <v>12</v>
      </c>
      <c r="L111" s="6">
        <v>4531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2</v>
      </c>
      <c r="E112" s="9" t="s">
        <v>18</v>
      </c>
      <c r="F112" s="9" t="s">
        <v>235</v>
      </c>
      <c r="G112" s="9" t="s">
        <v>238</v>
      </c>
      <c r="H112" s="6">
        <v>3994</v>
      </c>
      <c r="I112" s="6">
        <v>19</v>
      </c>
      <c r="J112" s="6">
        <v>19</v>
      </c>
      <c r="K112" s="10" t="s">
        <v>55</v>
      </c>
      <c r="L112" s="6">
        <v>3975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2</v>
      </c>
      <c r="E113" s="9" t="s">
        <v>18</v>
      </c>
      <c r="F113" s="9" t="s">
        <v>235</v>
      </c>
      <c r="G113" s="9" t="s">
        <v>239</v>
      </c>
      <c r="H113" s="6">
        <v>3087</v>
      </c>
      <c r="I113" s="10" t="s">
        <v>55</v>
      </c>
      <c r="J113" s="10" t="s">
        <v>55</v>
      </c>
      <c r="K113" s="10" t="s">
        <v>55</v>
      </c>
      <c r="L113" s="6">
        <v>3087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2</v>
      </c>
      <c r="E114" s="9" t="s">
        <v>18</v>
      </c>
      <c r="F114" s="9" t="s">
        <v>235</v>
      </c>
      <c r="G114" s="9" t="s">
        <v>240</v>
      </c>
      <c r="H114" s="6">
        <v>3058</v>
      </c>
      <c r="I114" s="6">
        <v>10</v>
      </c>
      <c r="J114" s="6">
        <v>5</v>
      </c>
      <c r="K114" s="6">
        <v>11</v>
      </c>
      <c r="L114" s="6">
        <v>3037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2</v>
      </c>
      <c r="E115" s="9" t="s">
        <v>18</v>
      </c>
      <c r="F115" s="9" t="s">
        <v>235</v>
      </c>
      <c r="G115" s="9" t="s">
        <v>241</v>
      </c>
      <c r="H115" s="6">
        <v>2751</v>
      </c>
      <c r="I115" s="6">
        <v>6</v>
      </c>
      <c r="J115" s="6">
        <v>6</v>
      </c>
      <c r="K115" s="6">
        <v>7</v>
      </c>
      <c r="L115" s="6">
        <v>2738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2</v>
      </c>
      <c r="E116" s="9" t="s">
        <v>18</v>
      </c>
      <c r="F116" s="9" t="s">
        <v>235</v>
      </c>
      <c r="G116" s="9" t="s">
        <v>242</v>
      </c>
      <c r="H116" s="6">
        <v>2135</v>
      </c>
      <c r="I116" s="6">
        <v>4</v>
      </c>
      <c r="J116" s="10" t="s">
        <v>55</v>
      </c>
      <c r="K116" s="6">
        <v>6</v>
      </c>
      <c r="L116" s="6">
        <v>2125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2</v>
      </c>
      <c r="E117" s="9" t="s">
        <v>18</v>
      </c>
      <c r="F117" s="9" t="s">
        <v>235</v>
      </c>
      <c r="G117" s="9" t="s">
        <v>243</v>
      </c>
      <c r="H117" s="6">
        <v>2254</v>
      </c>
      <c r="I117" s="6">
        <v>5</v>
      </c>
      <c r="J117" s="10" t="s">
        <v>55</v>
      </c>
      <c r="K117" s="6">
        <v>6</v>
      </c>
      <c r="L117" s="6">
        <v>2243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2</v>
      </c>
      <c r="E118" s="9" t="s">
        <v>18</v>
      </c>
      <c r="F118" s="9" t="s">
        <v>235</v>
      </c>
      <c r="G118" s="9" t="s">
        <v>244</v>
      </c>
      <c r="H118" s="6">
        <v>2331</v>
      </c>
      <c r="I118" s="10" t="s">
        <v>55</v>
      </c>
      <c r="J118" s="10" t="s">
        <v>55</v>
      </c>
      <c r="K118" s="6">
        <v>4</v>
      </c>
      <c r="L118" s="6">
        <v>2327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2</v>
      </c>
      <c r="E119" s="9" t="s">
        <v>18</v>
      </c>
      <c r="F119" s="9" t="s">
        <v>235</v>
      </c>
      <c r="G119" s="9" t="s">
        <v>245</v>
      </c>
      <c r="H119" s="6">
        <v>2228</v>
      </c>
      <c r="I119" s="6">
        <v>12</v>
      </c>
      <c r="J119" s="6">
        <v>6</v>
      </c>
      <c r="K119" s="6">
        <v>13</v>
      </c>
      <c r="L119" s="6">
        <v>2203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2</v>
      </c>
      <c r="E120" s="9" t="s">
        <v>18</v>
      </c>
      <c r="F120" s="9" t="s">
        <v>235</v>
      </c>
      <c r="G120" s="9" t="s">
        <v>246</v>
      </c>
      <c r="H120" s="6">
        <v>2204</v>
      </c>
      <c r="I120" s="6">
        <v>14</v>
      </c>
      <c r="J120" s="6">
        <v>14</v>
      </c>
      <c r="K120" s="10" t="s">
        <v>55</v>
      </c>
      <c r="L120" s="6">
        <v>2190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2</v>
      </c>
      <c r="E121" s="9" t="s">
        <v>18</v>
      </c>
      <c r="F121" s="9" t="s">
        <v>235</v>
      </c>
      <c r="G121" s="9" t="s">
        <v>247</v>
      </c>
      <c r="H121" s="6">
        <v>2208</v>
      </c>
      <c r="I121" s="6">
        <v>16</v>
      </c>
      <c r="J121" s="6">
        <v>9</v>
      </c>
      <c r="K121" s="10" t="s">
        <v>55</v>
      </c>
      <c r="L121" s="6">
        <v>2192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2</v>
      </c>
      <c r="E122" s="9" t="s">
        <v>18</v>
      </c>
      <c r="F122" s="9" t="s">
        <v>235</v>
      </c>
      <c r="G122" s="9" t="s">
        <v>248</v>
      </c>
      <c r="H122" s="6">
        <v>2149</v>
      </c>
      <c r="I122" s="10" t="s">
        <v>55</v>
      </c>
      <c r="J122" s="10" t="s">
        <v>55</v>
      </c>
      <c r="K122" s="6">
        <v>4</v>
      </c>
      <c r="L122" s="6">
        <v>2145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2</v>
      </c>
      <c r="E123" s="9" t="s">
        <v>18</v>
      </c>
      <c r="F123" s="9" t="s">
        <v>235</v>
      </c>
      <c r="G123" s="9" t="s">
        <v>249</v>
      </c>
      <c r="H123" s="6">
        <v>2257</v>
      </c>
      <c r="I123" s="6">
        <v>7</v>
      </c>
      <c r="J123" s="6">
        <v>7</v>
      </c>
      <c r="K123" s="6">
        <v>6</v>
      </c>
      <c r="L123" s="6">
        <v>2244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2</v>
      </c>
      <c r="E124" s="9" t="s">
        <v>18</v>
      </c>
      <c r="F124" s="9" t="s">
        <v>235</v>
      </c>
      <c r="G124" s="9" t="s">
        <v>250</v>
      </c>
      <c r="H124" s="6">
        <v>2008</v>
      </c>
      <c r="I124" s="10" t="s">
        <v>55</v>
      </c>
      <c r="J124" s="10" t="s">
        <v>55</v>
      </c>
      <c r="K124" s="6">
        <v>6</v>
      </c>
      <c r="L124" s="6">
        <v>2002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2</v>
      </c>
      <c r="E125" s="9" t="s">
        <v>18</v>
      </c>
      <c r="F125" s="9" t="s">
        <v>235</v>
      </c>
      <c r="G125" s="9" t="s">
        <v>251</v>
      </c>
      <c r="H125" s="6">
        <v>2112</v>
      </c>
      <c r="I125" s="6">
        <v>10</v>
      </c>
      <c r="J125" s="6">
        <v>10</v>
      </c>
      <c r="K125" s="6">
        <v>5</v>
      </c>
      <c r="L125" s="6">
        <v>2097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2</v>
      </c>
      <c r="E126" s="9" t="s">
        <v>18</v>
      </c>
      <c r="F126" s="9" t="s">
        <v>235</v>
      </c>
      <c r="G126" s="9" t="s">
        <v>252</v>
      </c>
      <c r="H126" s="6">
        <v>2131</v>
      </c>
      <c r="I126" s="6">
        <v>7</v>
      </c>
      <c r="J126" s="6">
        <v>7</v>
      </c>
      <c r="K126" s="10" t="s">
        <v>55</v>
      </c>
      <c r="L126" s="6">
        <v>212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2</v>
      </c>
      <c r="E127" s="9" t="s">
        <v>18</v>
      </c>
      <c r="F127" s="9" t="s">
        <v>235</v>
      </c>
      <c r="G127" s="9" t="s">
        <v>253</v>
      </c>
      <c r="H127" s="6">
        <v>2272</v>
      </c>
      <c r="I127" s="6">
        <v>11</v>
      </c>
      <c r="J127" s="6">
        <v>11</v>
      </c>
      <c r="K127" s="6">
        <v>6</v>
      </c>
      <c r="L127" s="6">
        <v>2255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2</v>
      </c>
      <c r="E128" s="9" t="s">
        <v>18</v>
      </c>
      <c r="F128" s="9" t="s">
        <v>235</v>
      </c>
      <c r="G128" s="9" t="s">
        <v>254</v>
      </c>
      <c r="H128" s="6">
        <v>2189</v>
      </c>
      <c r="I128" s="6">
        <v>10</v>
      </c>
      <c r="J128" s="6">
        <v>5</v>
      </c>
      <c r="K128" s="6">
        <v>10</v>
      </c>
      <c r="L128" s="6">
        <v>2169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2</v>
      </c>
      <c r="E129" s="9" t="s">
        <v>18</v>
      </c>
      <c r="F129" s="9" t="s">
        <v>235</v>
      </c>
      <c r="G129" s="9" t="s">
        <v>255</v>
      </c>
      <c r="H129" s="6">
        <v>2372</v>
      </c>
      <c r="I129" s="10" t="s">
        <v>55</v>
      </c>
      <c r="J129" s="10" t="s">
        <v>55</v>
      </c>
      <c r="K129" s="6">
        <v>5</v>
      </c>
      <c r="L129" s="6">
        <v>2367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2</v>
      </c>
      <c r="E130" s="9" t="s">
        <v>18</v>
      </c>
      <c r="F130" s="9" t="s">
        <v>235</v>
      </c>
      <c r="G130" s="9" t="s">
        <v>256</v>
      </c>
      <c r="H130" s="6">
        <v>83484</v>
      </c>
      <c r="I130" s="6">
        <v>2486</v>
      </c>
      <c r="J130" s="6">
        <v>1707</v>
      </c>
      <c r="K130" s="6">
        <v>2512</v>
      </c>
      <c r="L130" s="6">
        <v>78486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2</v>
      </c>
      <c r="E131" s="9" t="s">
        <v>6</v>
      </c>
      <c r="F131" s="9" t="s">
        <v>6</v>
      </c>
      <c r="G131" s="9" t="s">
        <v>30</v>
      </c>
      <c r="H131" s="6">
        <v>43191</v>
      </c>
      <c r="I131" s="6">
        <v>18717</v>
      </c>
      <c r="J131" s="6">
        <v>12343</v>
      </c>
      <c r="K131" s="6">
        <v>22844</v>
      </c>
      <c r="L131" s="6">
        <v>1630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2</v>
      </c>
      <c r="E132" s="9" t="s">
        <v>6</v>
      </c>
      <c r="F132" s="9" t="s">
        <v>234</v>
      </c>
      <c r="G132" s="9" t="s">
        <v>30</v>
      </c>
      <c r="H132" s="6">
        <v>7776</v>
      </c>
      <c r="I132" s="6">
        <v>3303</v>
      </c>
      <c r="J132" s="6">
        <v>2246</v>
      </c>
      <c r="K132" s="6">
        <v>4060</v>
      </c>
      <c r="L132" s="6">
        <v>413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2</v>
      </c>
      <c r="E133" s="9" t="s">
        <v>6</v>
      </c>
      <c r="F133" s="9" t="s">
        <v>235</v>
      </c>
      <c r="G133" s="9" t="s">
        <v>30</v>
      </c>
      <c r="H133" s="6">
        <v>35415</v>
      </c>
      <c r="I133" s="6">
        <v>15414</v>
      </c>
      <c r="J133" s="6">
        <v>10097</v>
      </c>
      <c r="K133" s="6">
        <v>18784</v>
      </c>
      <c r="L133" s="6">
        <v>1217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2</v>
      </c>
      <c r="E134" s="9" t="s">
        <v>6</v>
      </c>
      <c r="F134" s="9" t="s">
        <v>235</v>
      </c>
      <c r="G134" s="9" t="s">
        <v>236</v>
      </c>
      <c r="H134" s="6">
        <v>177</v>
      </c>
      <c r="I134" s="6">
        <v>50</v>
      </c>
      <c r="J134" s="6">
        <v>39</v>
      </c>
      <c r="K134" s="6">
        <v>99</v>
      </c>
      <c r="L134" s="6">
        <v>28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2</v>
      </c>
      <c r="E135" s="9" t="s">
        <v>6</v>
      </c>
      <c r="F135" s="9" t="s">
        <v>235</v>
      </c>
      <c r="G135" s="9" t="s">
        <v>237</v>
      </c>
      <c r="H135" s="6">
        <v>221</v>
      </c>
      <c r="I135" s="6">
        <v>148</v>
      </c>
      <c r="J135" s="6">
        <v>126</v>
      </c>
      <c r="K135" s="6">
        <v>44</v>
      </c>
      <c r="L135" s="6">
        <v>29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2</v>
      </c>
      <c r="E136" s="9" t="s">
        <v>6</v>
      </c>
      <c r="F136" s="9" t="s">
        <v>235</v>
      </c>
      <c r="G136" s="9" t="s">
        <v>238</v>
      </c>
      <c r="H136" s="6">
        <v>133</v>
      </c>
      <c r="I136" s="6">
        <v>70</v>
      </c>
      <c r="J136" s="6">
        <v>58</v>
      </c>
      <c r="K136" s="6">
        <v>29</v>
      </c>
      <c r="L136" s="6">
        <v>34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2</v>
      </c>
      <c r="E137" s="9" t="s">
        <v>6</v>
      </c>
      <c r="F137" s="9" t="s">
        <v>235</v>
      </c>
      <c r="G137" s="9" t="s">
        <v>239</v>
      </c>
      <c r="H137" s="6">
        <v>227</v>
      </c>
      <c r="I137" s="6">
        <v>163</v>
      </c>
      <c r="J137" s="6">
        <v>132</v>
      </c>
      <c r="K137" s="6">
        <v>46</v>
      </c>
      <c r="L137" s="6">
        <v>18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2</v>
      </c>
      <c r="E138" s="9" t="s">
        <v>6</v>
      </c>
      <c r="F138" s="9" t="s">
        <v>235</v>
      </c>
      <c r="G138" s="9" t="s">
        <v>240</v>
      </c>
      <c r="H138" s="6">
        <v>120</v>
      </c>
      <c r="I138" s="6">
        <v>92</v>
      </c>
      <c r="J138" s="6">
        <v>80</v>
      </c>
      <c r="K138" s="6">
        <v>18</v>
      </c>
      <c r="L138" s="6">
        <v>10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2</v>
      </c>
      <c r="E139" s="9" t="s">
        <v>6</v>
      </c>
      <c r="F139" s="9" t="s">
        <v>235</v>
      </c>
      <c r="G139" s="9" t="s">
        <v>241</v>
      </c>
      <c r="H139" s="6">
        <v>137</v>
      </c>
      <c r="I139" s="6">
        <v>107</v>
      </c>
      <c r="J139" s="6">
        <v>101</v>
      </c>
      <c r="K139" s="6">
        <v>12</v>
      </c>
      <c r="L139" s="6">
        <v>18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2</v>
      </c>
      <c r="E140" s="9" t="s">
        <v>6</v>
      </c>
      <c r="F140" s="9" t="s">
        <v>235</v>
      </c>
      <c r="G140" s="9" t="s">
        <v>242</v>
      </c>
      <c r="H140" s="6">
        <v>165</v>
      </c>
      <c r="I140" s="6">
        <v>136</v>
      </c>
      <c r="J140" s="6">
        <v>101</v>
      </c>
      <c r="K140" s="6">
        <v>10</v>
      </c>
      <c r="L140" s="6">
        <v>19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2</v>
      </c>
      <c r="E141" s="9" t="s">
        <v>6</v>
      </c>
      <c r="F141" s="9" t="s">
        <v>235</v>
      </c>
      <c r="G141" s="9" t="s">
        <v>243</v>
      </c>
      <c r="H141" s="6">
        <v>104</v>
      </c>
      <c r="I141" s="6">
        <v>72</v>
      </c>
      <c r="J141" s="6">
        <v>63</v>
      </c>
      <c r="K141" s="6">
        <v>17</v>
      </c>
      <c r="L141" s="6">
        <v>15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2</v>
      </c>
      <c r="E142" s="9" t="s">
        <v>6</v>
      </c>
      <c r="F142" s="9" t="s">
        <v>235</v>
      </c>
      <c r="G142" s="9" t="s">
        <v>244</v>
      </c>
      <c r="H142" s="6">
        <v>94</v>
      </c>
      <c r="I142" s="6">
        <v>63</v>
      </c>
      <c r="J142" s="6">
        <v>63</v>
      </c>
      <c r="K142" s="6">
        <v>26</v>
      </c>
      <c r="L142" s="6">
        <v>5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2</v>
      </c>
      <c r="E143" s="9" t="s">
        <v>6</v>
      </c>
      <c r="F143" s="9" t="s">
        <v>235</v>
      </c>
      <c r="G143" s="9" t="s">
        <v>245</v>
      </c>
      <c r="H143" s="6">
        <v>121</v>
      </c>
      <c r="I143" s="6">
        <v>121</v>
      </c>
      <c r="J143" s="6">
        <v>102</v>
      </c>
      <c r="K143" s="10" t="s">
        <v>55</v>
      </c>
      <c r="L143" s="10" t="s">
        <v>55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2</v>
      </c>
      <c r="E144" s="9" t="s">
        <v>6</v>
      </c>
      <c r="F144" s="9" t="s">
        <v>235</v>
      </c>
      <c r="G144" s="9" t="s">
        <v>246</v>
      </c>
      <c r="H144" s="6">
        <v>116</v>
      </c>
      <c r="I144" s="6">
        <v>93</v>
      </c>
      <c r="J144" s="6">
        <v>88</v>
      </c>
      <c r="K144" s="6">
        <v>5</v>
      </c>
      <c r="L144" s="6">
        <v>18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2</v>
      </c>
      <c r="E145" s="9" t="s">
        <v>6</v>
      </c>
      <c r="F145" s="9" t="s">
        <v>235</v>
      </c>
      <c r="G145" s="9" t="s">
        <v>247</v>
      </c>
      <c r="H145" s="6">
        <v>93</v>
      </c>
      <c r="I145" s="6">
        <v>58</v>
      </c>
      <c r="J145" s="6">
        <v>37</v>
      </c>
      <c r="K145" s="6">
        <v>23</v>
      </c>
      <c r="L145" s="6">
        <v>12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2</v>
      </c>
      <c r="E146" s="9" t="s">
        <v>6</v>
      </c>
      <c r="F146" s="9" t="s">
        <v>235</v>
      </c>
      <c r="G146" s="9" t="s">
        <v>248</v>
      </c>
      <c r="H146" s="6">
        <v>148</v>
      </c>
      <c r="I146" s="6">
        <v>110</v>
      </c>
      <c r="J146" s="6">
        <v>96</v>
      </c>
      <c r="K146" s="6">
        <v>28</v>
      </c>
      <c r="L146" s="6">
        <v>10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2</v>
      </c>
      <c r="E147" s="9" t="s">
        <v>6</v>
      </c>
      <c r="F147" s="9" t="s">
        <v>235</v>
      </c>
      <c r="G147" s="9" t="s">
        <v>249</v>
      </c>
      <c r="H147" s="6">
        <v>131</v>
      </c>
      <c r="I147" s="6">
        <v>96</v>
      </c>
      <c r="J147" s="6">
        <v>72</v>
      </c>
      <c r="K147" s="6">
        <v>10</v>
      </c>
      <c r="L147" s="6">
        <v>25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2</v>
      </c>
      <c r="E148" s="9" t="s">
        <v>6</v>
      </c>
      <c r="F148" s="9" t="s">
        <v>235</v>
      </c>
      <c r="G148" s="9" t="s">
        <v>250</v>
      </c>
      <c r="H148" s="6">
        <v>127</v>
      </c>
      <c r="I148" s="6">
        <v>97</v>
      </c>
      <c r="J148" s="6">
        <v>82</v>
      </c>
      <c r="K148" s="6">
        <v>25</v>
      </c>
      <c r="L148" s="6">
        <v>5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2</v>
      </c>
      <c r="E149" s="9" t="s">
        <v>6</v>
      </c>
      <c r="F149" s="9" t="s">
        <v>235</v>
      </c>
      <c r="G149" s="9" t="s">
        <v>251</v>
      </c>
      <c r="H149" s="6">
        <v>159</v>
      </c>
      <c r="I149" s="6">
        <v>104</v>
      </c>
      <c r="J149" s="6">
        <v>78</v>
      </c>
      <c r="K149" s="6">
        <v>40</v>
      </c>
      <c r="L149" s="6">
        <v>15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2</v>
      </c>
      <c r="E150" s="9" t="s">
        <v>6</v>
      </c>
      <c r="F150" s="9" t="s">
        <v>235</v>
      </c>
      <c r="G150" s="9" t="s">
        <v>252</v>
      </c>
      <c r="H150" s="6">
        <v>142</v>
      </c>
      <c r="I150" s="6">
        <v>108</v>
      </c>
      <c r="J150" s="6">
        <v>91</v>
      </c>
      <c r="K150" s="6">
        <v>24</v>
      </c>
      <c r="L150" s="6">
        <v>10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2</v>
      </c>
      <c r="E151" s="9" t="s">
        <v>6</v>
      </c>
      <c r="F151" s="9" t="s">
        <v>235</v>
      </c>
      <c r="G151" s="9" t="s">
        <v>253</v>
      </c>
      <c r="H151" s="6">
        <v>142</v>
      </c>
      <c r="I151" s="6">
        <v>85</v>
      </c>
      <c r="J151" s="6">
        <v>80</v>
      </c>
      <c r="K151" s="6">
        <v>27</v>
      </c>
      <c r="L151" s="6">
        <v>30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2</v>
      </c>
      <c r="E152" s="9" t="s">
        <v>6</v>
      </c>
      <c r="F152" s="9" t="s">
        <v>235</v>
      </c>
      <c r="G152" s="9" t="s">
        <v>254</v>
      </c>
      <c r="H152" s="6">
        <v>190</v>
      </c>
      <c r="I152" s="6">
        <v>99</v>
      </c>
      <c r="J152" s="6">
        <v>86</v>
      </c>
      <c r="K152" s="6">
        <v>58</v>
      </c>
      <c r="L152" s="6">
        <v>33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2</v>
      </c>
      <c r="E153" s="9" t="s">
        <v>6</v>
      </c>
      <c r="F153" s="9" t="s">
        <v>235</v>
      </c>
      <c r="G153" s="9" t="s">
        <v>255</v>
      </c>
      <c r="H153" s="6">
        <v>193</v>
      </c>
      <c r="I153" s="6">
        <v>114</v>
      </c>
      <c r="J153" s="6">
        <v>109</v>
      </c>
      <c r="K153" s="6">
        <v>57</v>
      </c>
      <c r="L153" s="6">
        <v>22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2</v>
      </c>
      <c r="E154" s="9" t="s">
        <v>6</v>
      </c>
      <c r="F154" s="9" t="s">
        <v>235</v>
      </c>
      <c r="G154" s="9" t="s">
        <v>256</v>
      </c>
      <c r="H154" s="6">
        <v>32475</v>
      </c>
      <c r="I154" s="6">
        <v>13428</v>
      </c>
      <c r="J154" s="6">
        <v>8413</v>
      </c>
      <c r="K154" s="6">
        <v>18186</v>
      </c>
      <c r="L154" s="6">
        <v>861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2</v>
      </c>
      <c r="E155" s="9" t="s">
        <v>226</v>
      </c>
      <c r="F155" s="9" t="s">
        <v>6</v>
      </c>
      <c r="G155" s="9" t="s">
        <v>30</v>
      </c>
      <c r="H155" s="6">
        <v>23500</v>
      </c>
      <c r="I155" s="6">
        <v>15677</v>
      </c>
      <c r="J155" s="6">
        <v>9843</v>
      </c>
      <c r="K155" s="6">
        <v>7760</v>
      </c>
      <c r="L155" s="6">
        <v>63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2</v>
      </c>
      <c r="E156" s="9" t="s">
        <v>226</v>
      </c>
      <c r="F156" s="9" t="s">
        <v>234</v>
      </c>
      <c r="G156" s="9" t="s">
        <v>30</v>
      </c>
      <c r="H156" s="6">
        <v>4168</v>
      </c>
      <c r="I156" s="6">
        <v>2795</v>
      </c>
      <c r="J156" s="6">
        <v>1839</v>
      </c>
      <c r="K156" s="6">
        <v>1364</v>
      </c>
      <c r="L156" s="6">
        <v>9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2</v>
      </c>
      <c r="E157" s="9" t="s">
        <v>226</v>
      </c>
      <c r="F157" s="9" t="s">
        <v>235</v>
      </c>
      <c r="G157" s="9" t="s">
        <v>30</v>
      </c>
      <c r="H157" s="6">
        <v>19332</v>
      </c>
      <c r="I157" s="6">
        <v>12882</v>
      </c>
      <c r="J157" s="6">
        <v>8004</v>
      </c>
      <c r="K157" s="6">
        <v>6396</v>
      </c>
      <c r="L157" s="6">
        <v>54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2</v>
      </c>
      <c r="E158" s="9" t="s">
        <v>226</v>
      </c>
      <c r="F158" s="9" t="s">
        <v>235</v>
      </c>
      <c r="G158" s="9" t="s">
        <v>236</v>
      </c>
      <c r="H158" s="6">
        <v>143</v>
      </c>
      <c r="I158" s="6">
        <v>50</v>
      </c>
      <c r="J158" s="6">
        <v>39</v>
      </c>
      <c r="K158" s="6">
        <v>93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2</v>
      </c>
      <c r="E159" s="9" t="s">
        <v>226</v>
      </c>
      <c r="F159" s="9" t="s">
        <v>235</v>
      </c>
      <c r="G159" s="9" t="s">
        <v>237</v>
      </c>
      <c r="H159" s="6">
        <v>179</v>
      </c>
      <c r="I159" s="6">
        <v>140</v>
      </c>
      <c r="J159" s="6">
        <v>122</v>
      </c>
      <c r="K159" s="6">
        <v>39</v>
      </c>
      <c r="L159" s="10" t="s">
        <v>55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2</v>
      </c>
      <c r="E160" s="9" t="s">
        <v>226</v>
      </c>
      <c r="F160" s="9" t="s">
        <v>235</v>
      </c>
      <c r="G160" s="9" t="s">
        <v>238</v>
      </c>
      <c r="H160" s="6">
        <v>82</v>
      </c>
      <c r="I160" s="6">
        <v>64</v>
      </c>
      <c r="J160" s="6">
        <v>52</v>
      </c>
      <c r="K160" s="6">
        <v>18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2</v>
      </c>
      <c r="E161" s="9" t="s">
        <v>226</v>
      </c>
      <c r="F161" s="9" t="s">
        <v>235</v>
      </c>
      <c r="G161" s="9" t="s">
        <v>239</v>
      </c>
      <c r="H161" s="6">
        <v>209</v>
      </c>
      <c r="I161" s="6">
        <v>163</v>
      </c>
      <c r="J161" s="6">
        <v>132</v>
      </c>
      <c r="K161" s="6">
        <v>46</v>
      </c>
      <c r="L161" s="10" t="s">
        <v>55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2</v>
      </c>
      <c r="E162" s="9" t="s">
        <v>226</v>
      </c>
      <c r="F162" s="9" t="s">
        <v>235</v>
      </c>
      <c r="G162" s="9" t="s">
        <v>240</v>
      </c>
      <c r="H162" s="6">
        <v>101</v>
      </c>
      <c r="I162" s="6">
        <v>92</v>
      </c>
      <c r="J162" s="6">
        <v>80</v>
      </c>
      <c r="K162" s="6">
        <v>9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2</v>
      </c>
      <c r="E163" s="9" t="s">
        <v>226</v>
      </c>
      <c r="F163" s="9" t="s">
        <v>235</v>
      </c>
      <c r="G163" s="9" t="s">
        <v>241</v>
      </c>
      <c r="H163" s="6">
        <v>110</v>
      </c>
      <c r="I163" s="6">
        <v>98</v>
      </c>
      <c r="J163" s="6">
        <v>92</v>
      </c>
      <c r="K163" s="6">
        <v>12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2</v>
      </c>
      <c r="E164" s="9" t="s">
        <v>226</v>
      </c>
      <c r="F164" s="9" t="s">
        <v>235</v>
      </c>
      <c r="G164" s="9" t="s">
        <v>242</v>
      </c>
      <c r="H164" s="6">
        <v>136</v>
      </c>
      <c r="I164" s="6">
        <v>122</v>
      </c>
      <c r="J164" s="6">
        <v>87</v>
      </c>
      <c r="K164" s="6">
        <v>10</v>
      </c>
      <c r="L164" s="6">
        <v>4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2</v>
      </c>
      <c r="E165" s="9" t="s">
        <v>226</v>
      </c>
      <c r="F165" s="9" t="s">
        <v>235</v>
      </c>
      <c r="G165" s="9" t="s">
        <v>243</v>
      </c>
      <c r="H165" s="6">
        <v>82</v>
      </c>
      <c r="I165" s="6">
        <v>72</v>
      </c>
      <c r="J165" s="6">
        <v>63</v>
      </c>
      <c r="K165" s="6">
        <v>10</v>
      </c>
      <c r="L165" s="10" t="s">
        <v>55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2</v>
      </c>
      <c r="E166" s="9" t="s">
        <v>226</v>
      </c>
      <c r="F166" s="9" t="s">
        <v>235</v>
      </c>
      <c r="G166" s="9" t="s">
        <v>244</v>
      </c>
      <c r="H166" s="6">
        <v>89</v>
      </c>
      <c r="I166" s="6">
        <v>63</v>
      </c>
      <c r="J166" s="6">
        <v>63</v>
      </c>
      <c r="K166" s="6">
        <v>26</v>
      </c>
      <c r="L166" s="10" t="s">
        <v>55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2</v>
      </c>
      <c r="E167" s="9" t="s">
        <v>226</v>
      </c>
      <c r="F167" s="9" t="s">
        <v>235</v>
      </c>
      <c r="G167" s="9" t="s">
        <v>245</v>
      </c>
      <c r="H167" s="6">
        <v>121</v>
      </c>
      <c r="I167" s="6">
        <v>121</v>
      </c>
      <c r="J167" s="6">
        <v>102</v>
      </c>
      <c r="K167" s="10" t="s">
        <v>55</v>
      </c>
      <c r="L167" s="10" t="s">
        <v>55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2</v>
      </c>
      <c r="E168" s="9" t="s">
        <v>226</v>
      </c>
      <c r="F168" s="9" t="s">
        <v>235</v>
      </c>
      <c r="G168" s="9" t="s">
        <v>246</v>
      </c>
      <c r="H168" s="6">
        <v>98</v>
      </c>
      <c r="I168" s="6">
        <v>93</v>
      </c>
      <c r="J168" s="6">
        <v>88</v>
      </c>
      <c r="K168" s="6">
        <v>5</v>
      </c>
      <c r="L168" s="10" t="s">
        <v>55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2</v>
      </c>
      <c r="E169" s="9" t="s">
        <v>226</v>
      </c>
      <c r="F169" s="9" t="s">
        <v>235</v>
      </c>
      <c r="G169" s="9" t="s">
        <v>247</v>
      </c>
      <c r="H169" s="6">
        <v>81</v>
      </c>
      <c r="I169" s="6">
        <v>58</v>
      </c>
      <c r="J169" s="6">
        <v>37</v>
      </c>
      <c r="K169" s="6">
        <v>23</v>
      </c>
      <c r="L169" s="10" t="s">
        <v>55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2</v>
      </c>
      <c r="E170" s="9" t="s">
        <v>226</v>
      </c>
      <c r="F170" s="9" t="s">
        <v>235</v>
      </c>
      <c r="G170" s="9" t="s">
        <v>248</v>
      </c>
      <c r="H170" s="6">
        <v>133</v>
      </c>
      <c r="I170" s="6">
        <v>105</v>
      </c>
      <c r="J170" s="6">
        <v>91</v>
      </c>
      <c r="K170" s="6">
        <v>28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2</v>
      </c>
      <c r="E171" s="9" t="s">
        <v>226</v>
      </c>
      <c r="F171" s="9" t="s">
        <v>235</v>
      </c>
      <c r="G171" s="9" t="s">
        <v>249</v>
      </c>
      <c r="H171" s="6">
        <v>106</v>
      </c>
      <c r="I171" s="6">
        <v>96</v>
      </c>
      <c r="J171" s="6">
        <v>72</v>
      </c>
      <c r="K171" s="6">
        <v>10</v>
      </c>
      <c r="L171" s="10" t="s">
        <v>55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2</v>
      </c>
      <c r="E172" s="9" t="s">
        <v>226</v>
      </c>
      <c r="F172" s="9" t="s">
        <v>235</v>
      </c>
      <c r="G172" s="9" t="s">
        <v>250</v>
      </c>
      <c r="H172" s="6">
        <v>122</v>
      </c>
      <c r="I172" s="6">
        <v>97</v>
      </c>
      <c r="J172" s="6">
        <v>82</v>
      </c>
      <c r="K172" s="6">
        <v>25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2</v>
      </c>
      <c r="E173" s="9" t="s">
        <v>226</v>
      </c>
      <c r="F173" s="9" t="s">
        <v>235</v>
      </c>
      <c r="G173" s="9" t="s">
        <v>251</v>
      </c>
      <c r="H173" s="6">
        <v>129</v>
      </c>
      <c r="I173" s="6">
        <v>100</v>
      </c>
      <c r="J173" s="6">
        <v>74</v>
      </c>
      <c r="K173" s="6">
        <v>29</v>
      </c>
      <c r="L173" s="10" t="s">
        <v>55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2</v>
      </c>
      <c r="E174" s="9" t="s">
        <v>226</v>
      </c>
      <c r="F174" s="9" t="s">
        <v>235</v>
      </c>
      <c r="G174" s="9" t="s">
        <v>252</v>
      </c>
      <c r="H174" s="6">
        <v>127</v>
      </c>
      <c r="I174" s="6">
        <v>103</v>
      </c>
      <c r="J174" s="6">
        <v>86</v>
      </c>
      <c r="K174" s="6">
        <v>24</v>
      </c>
      <c r="L174" s="10" t="s">
        <v>55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2</v>
      </c>
      <c r="E175" s="9" t="s">
        <v>226</v>
      </c>
      <c r="F175" s="9" t="s">
        <v>235</v>
      </c>
      <c r="G175" s="9" t="s">
        <v>253</v>
      </c>
      <c r="H175" s="6">
        <v>108</v>
      </c>
      <c r="I175" s="6">
        <v>81</v>
      </c>
      <c r="J175" s="6">
        <v>76</v>
      </c>
      <c r="K175" s="6">
        <v>27</v>
      </c>
      <c r="L175" s="10" t="s">
        <v>55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2</v>
      </c>
      <c r="E176" s="9" t="s">
        <v>226</v>
      </c>
      <c r="F176" s="9" t="s">
        <v>235</v>
      </c>
      <c r="G176" s="9" t="s">
        <v>254</v>
      </c>
      <c r="H176" s="6">
        <v>157</v>
      </c>
      <c r="I176" s="6">
        <v>99</v>
      </c>
      <c r="J176" s="6">
        <v>86</v>
      </c>
      <c r="K176" s="6">
        <v>58</v>
      </c>
      <c r="L176" s="10" t="s">
        <v>55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2</v>
      </c>
      <c r="E177" s="9" t="s">
        <v>226</v>
      </c>
      <c r="F177" s="9" t="s">
        <v>235</v>
      </c>
      <c r="G177" s="9" t="s">
        <v>255</v>
      </c>
      <c r="H177" s="6">
        <v>152</v>
      </c>
      <c r="I177" s="6">
        <v>100</v>
      </c>
      <c r="J177" s="6">
        <v>95</v>
      </c>
      <c r="K177" s="6">
        <v>52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2</v>
      </c>
      <c r="E178" s="9" t="s">
        <v>226</v>
      </c>
      <c r="F178" s="9" t="s">
        <v>235</v>
      </c>
      <c r="G178" s="9" t="s">
        <v>256</v>
      </c>
      <c r="H178" s="6">
        <v>16867</v>
      </c>
      <c r="I178" s="6">
        <v>10965</v>
      </c>
      <c r="J178" s="6">
        <v>6385</v>
      </c>
      <c r="K178" s="6">
        <v>5852</v>
      </c>
      <c r="L178" s="6">
        <v>50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2</v>
      </c>
      <c r="E179" s="9" t="s">
        <v>227</v>
      </c>
      <c r="F179" s="9" t="s">
        <v>6</v>
      </c>
      <c r="G179" s="9" t="s">
        <v>30</v>
      </c>
      <c r="H179" s="6">
        <v>14608</v>
      </c>
      <c r="I179" s="6">
        <v>8916</v>
      </c>
      <c r="J179" s="6">
        <v>8278</v>
      </c>
      <c r="K179" s="6">
        <v>5672</v>
      </c>
      <c r="L179" s="6">
        <v>20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2</v>
      </c>
      <c r="E180" s="9" t="s">
        <v>227</v>
      </c>
      <c r="F180" s="9" t="s">
        <v>234</v>
      </c>
      <c r="G180" s="9" t="s">
        <v>30</v>
      </c>
      <c r="H180" s="6">
        <v>2597</v>
      </c>
      <c r="I180" s="6">
        <v>1576</v>
      </c>
      <c r="J180" s="6">
        <v>1507</v>
      </c>
      <c r="K180" s="6">
        <v>1018</v>
      </c>
      <c r="L180" s="6">
        <v>3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2</v>
      </c>
      <c r="E181" s="9" t="s">
        <v>227</v>
      </c>
      <c r="F181" s="9" t="s">
        <v>235</v>
      </c>
      <c r="G181" s="9" t="s">
        <v>30</v>
      </c>
      <c r="H181" s="6">
        <v>12011</v>
      </c>
      <c r="I181" s="6">
        <v>7340</v>
      </c>
      <c r="J181" s="6">
        <v>6771</v>
      </c>
      <c r="K181" s="6">
        <v>4654</v>
      </c>
      <c r="L181" s="6">
        <v>17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2</v>
      </c>
      <c r="E182" s="9" t="s">
        <v>227</v>
      </c>
      <c r="F182" s="9" t="s">
        <v>235</v>
      </c>
      <c r="G182" s="9" t="s">
        <v>236</v>
      </c>
      <c r="H182" s="6">
        <v>130</v>
      </c>
      <c r="I182" s="6">
        <v>45</v>
      </c>
      <c r="J182" s="6">
        <v>39</v>
      </c>
      <c r="K182" s="6">
        <v>85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2</v>
      </c>
      <c r="E183" s="9" t="s">
        <v>227</v>
      </c>
      <c r="F183" s="9" t="s">
        <v>235</v>
      </c>
      <c r="G183" s="9" t="s">
        <v>237</v>
      </c>
      <c r="H183" s="6">
        <v>166</v>
      </c>
      <c r="I183" s="6">
        <v>127</v>
      </c>
      <c r="J183" s="6">
        <v>114</v>
      </c>
      <c r="K183" s="6">
        <v>39</v>
      </c>
      <c r="L183" s="10" t="s">
        <v>55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2</v>
      </c>
      <c r="E184" s="9" t="s">
        <v>227</v>
      </c>
      <c r="F184" s="9" t="s">
        <v>235</v>
      </c>
      <c r="G184" s="9" t="s">
        <v>238</v>
      </c>
      <c r="H184" s="6">
        <v>60</v>
      </c>
      <c r="I184" s="6">
        <v>42</v>
      </c>
      <c r="J184" s="6">
        <v>42</v>
      </c>
      <c r="K184" s="6">
        <v>18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2</v>
      </c>
      <c r="E185" s="9" t="s">
        <v>227</v>
      </c>
      <c r="F185" s="9" t="s">
        <v>235</v>
      </c>
      <c r="G185" s="9" t="s">
        <v>239</v>
      </c>
      <c r="H185" s="6">
        <v>178</v>
      </c>
      <c r="I185" s="6">
        <v>140</v>
      </c>
      <c r="J185" s="6">
        <v>126</v>
      </c>
      <c r="K185" s="6">
        <v>38</v>
      </c>
      <c r="L185" s="10" t="s">
        <v>55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2</v>
      </c>
      <c r="E186" s="9" t="s">
        <v>227</v>
      </c>
      <c r="F186" s="9" t="s">
        <v>235</v>
      </c>
      <c r="G186" s="9" t="s">
        <v>240</v>
      </c>
      <c r="H186" s="6">
        <v>80</v>
      </c>
      <c r="I186" s="6">
        <v>71</v>
      </c>
      <c r="J186" s="6">
        <v>66</v>
      </c>
      <c r="K186" s="6">
        <v>9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2</v>
      </c>
      <c r="E187" s="9" t="s">
        <v>227</v>
      </c>
      <c r="F187" s="9" t="s">
        <v>235</v>
      </c>
      <c r="G187" s="9" t="s">
        <v>241</v>
      </c>
      <c r="H187" s="6">
        <v>90</v>
      </c>
      <c r="I187" s="6">
        <v>78</v>
      </c>
      <c r="J187" s="6">
        <v>72</v>
      </c>
      <c r="K187" s="6">
        <v>12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2</v>
      </c>
      <c r="E188" s="9" t="s">
        <v>227</v>
      </c>
      <c r="F188" s="9" t="s">
        <v>235</v>
      </c>
      <c r="G188" s="9" t="s">
        <v>242</v>
      </c>
      <c r="H188" s="6">
        <v>105</v>
      </c>
      <c r="I188" s="6">
        <v>95</v>
      </c>
      <c r="J188" s="6">
        <v>87</v>
      </c>
      <c r="K188" s="6">
        <v>10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2</v>
      </c>
      <c r="E189" s="9" t="s">
        <v>227</v>
      </c>
      <c r="F189" s="9" t="s">
        <v>235</v>
      </c>
      <c r="G189" s="9" t="s">
        <v>243</v>
      </c>
      <c r="H189" s="6">
        <v>77</v>
      </c>
      <c r="I189" s="6">
        <v>67</v>
      </c>
      <c r="J189" s="6">
        <v>58</v>
      </c>
      <c r="K189" s="6">
        <v>10</v>
      </c>
      <c r="L189" s="10" t="s">
        <v>55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2</v>
      </c>
      <c r="E190" s="9" t="s">
        <v>227</v>
      </c>
      <c r="F190" s="9" t="s">
        <v>235</v>
      </c>
      <c r="G190" s="9" t="s">
        <v>244</v>
      </c>
      <c r="H190" s="6">
        <v>89</v>
      </c>
      <c r="I190" s="6">
        <v>63</v>
      </c>
      <c r="J190" s="6">
        <v>63</v>
      </c>
      <c r="K190" s="6">
        <v>26</v>
      </c>
      <c r="L190" s="10" t="s">
        <v>55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2</v>
      </c>
      <c r="E191" s="9" t="s">
        <v>227</v>
      </c>
      <c r="F191" s="9" t="s">
        <v>235</v>
      </c>
      <c r="G191" s="9" t="s">
        <v>245</v>
      </c>
      <c r="H191" s="6">
        <v>95</v>
      </c>
      <c r="I191" s="6">
        <v>95</v>
      </c>
      <c r="J191" s="6">
        <v>95</v>
      </c>
      <c r="K191" s="10" t="s">
        <v>55</v>
      </c>
      <c r="L191" s="10" t="s">
        <v>55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2</v>
      </c>
      <c r="E192" s="9" t="s">
        <v>227</v>
      </c>
      <c r="F192" s="9" t="s">
        <v>235</v>
      </c>
      <c r="G192" s="9" t="s">
        <v>246</v>
      </c>
      <c r="H192" s="6">
        <v>70</v>
      </c>
      <c r="I192" s="6">
        <v>70</v>
      </c>
      <c r="J192" s="6">
        <v>65</v>
      </c>
      <c r="K192" s="10" t="s">
        <v>55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2</v>
      </c>
      <c r="E193" s="9" t="s">
        <v>227</v>
      </c>
      <c r="F193" s="9" t="s">
        <v>235</v>
      </c>
      <c r="G193" s="9" t="s">
        <v>247</v>
      </c>
      <c r="H193" s="6">
        <v>48</v>
      </c>
      <c r="I193" s="6">
        <v>31</v>
      </c>
      <c r="J193" s="6">
        <v>31</v>
      </c>
      <c r="K193" s="6">
        <v>17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2</v>
      </c>
      <c r="E194" s="9" t="s">
        <v>227</v>
      </c>
      <c r="F194" s="9" t="s">
        <v>235</v>
      </c>
      <c r="G194" s="9" t="s">
        <v>248</v>
      </c>
      <c r="H194" s="6">
        <v>123</v>
      </c>
      <c r="I194" s="6">
        <v>100</v>
      </c>
      <c r="J194" s="6">
        <v>86</v>
      </c>
      <c r="K194" s="6">
        <v>23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2</v>
      </c>
      <c r="E195" s="9" t="s">
        <v>227</v>
      </c>
      <c r="F195" s="9" t="s">
        <v>235</v>
      </c>
      <c r="G195" s="9" t="s">
        <v>249</v>
      </c>
      <c r="H195" s="6">
        <v>91</v>
      </c>
      <c r="I195" s="6">
        <v>81</v>
      </c>
      <c r="J195" s="6">
        <v>68</v>
      </c>
      <c r="K195" s="6">
        <v>10</v>
      </c>
      <c r="L195" s="10" t="s">
        <v>55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2</v>
      </c>
      <c r="E196" s="9" t="s">
        <v>227</v>
      </c>
      <c r="F196" s="9" t="s">
        <v>235</v>
      </c>
      <c r="G196" s="9" t="s">
        <v>250</v>
      </c>
      <c r="H196" s="6">
        <v>111</v>
      </c>
      <c r="I196" s="6">
        <v>86</v>
      </c>
      <c r="J196" s="6">
        <v>76</v>
      </c>
      <c r="K196" s="6">
        <v>25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2</v>
      </c>
      <c r="E197" s="9" t="s">
        <v>227</v>
      </c>
      <c r="F197" s="9" t="s">
        <v>235</v>
      </c>
      <c r="G197" s="9" t="s">
        <v>251</v>
      </c>
      <c r="H197" s="6">
        <v>89</v>
      </c>
      <c r="I197" s="6">
        <v>80</v>
      </c>
      <c r="J197" s="6">
        <v>74</v>
      </c>
      <c r="K197" s="6">
        <v>9</v>
      </c>
      <c r="L197" s="10" t="s">
        <v>55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2</v>
      </c>
      <c r="E198" s="9" t="s">
        <v>227</v>
      </c>
      <c r="F198" s="9" t="s">
        <v>235</v>
      </c>
      <c r="G198" s="9" t="s">
        <v>252</v>
      </c>
      <c r="H198" s="6">
        <v>100</v>
      </c>
      <c r="I198" s="6">
        <v>76</v>
      </c>
      <c r="J198" s="6">
        <v>76</v>
      </c>
      <c r="K198" s="6">
        <v>24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2</v>
      </c>
      <c r="E199" s="9" t="s">
        <v>227</v>
      </c>
      <c r="F199" s="9" t="s">
        <v>235</v>
      </c>
      <c r="G199" s="9" t="s">
        <v>253</v>
      </c>
      <c r="H199" s="6">
        <v>104</v>
      </c>
      <c r="I199" s="6">
        <v>81</v>
      </c>
      <c r="J199" s="6">
        <v>76</v>
      </c>
      <c r="K199" s="6">
        <v>23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2</v>
      </c>
      <c r="E200" s="9" t="s">
        <v>227</v>
      </c>
      <c r="F200" s="9" t="s">
        <v>235</v>
      </c>
      <c r="G200" s="9" t="s">
        <v>254</v>
      </c>
      <c r="H200" s="6">
        <v>142</v>
      </c>
      <c r="I200" s="6">
        <v>94</v>
      </c>
      <c r="J200" s="6">
        <v>86</v>
      </c>
      <c r="K200" s="6">
        <v>48</v>
      </c>
      <c r="L200" s="10" t="s">
        <v>55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2</v>
      </c>
      <c r="E201" s="9" t="s">
        <v>227</v>
      </c>
      <c r="F201" s="9" t="s">
        <v>235</v>
      </c>
      <c r="G201" s="9" t="s">
        <v>255</v>
      </c>
      <c r="H201" s="6">
        <v>138</v>
      </c>
      <c r="I201" s="6">
        <v>90</v>
      </c>
      <c r="J201" s="6">
        <v>85</v>
      </c>
      <c r="K201" s="6">
        <v>48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2</v>
      </c>
      <c r="E202" s="9" t="s">
        <v>227</v>
      </c>
      <c r="F202" s="9" t="s">
        <v>235</v>
      </c>
      <c r="G202" s="9" t="s">
        <v>256</v>
      </c>
      <c r="H202" s="6">
        <v>9925</v>
      </c>
      <c r="I202" s="6">
        <v>5728</v>
      </c>
      <c r="J202" s="6">
        <v>5286</v>
      </c>
      <c r="K202" s="6">
        <v>4180</v>
      </c>
      <c r="L202" s="6">
        <v>17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2</v>
      </c>
      <c r="E203" s="9" t="s">
        <v>228</v>
      </c>
      <c r="F203" s="9" t="s">
        <v>6</v>
      </c>
      <c r="G203" s="9" t="s">
        <v>30</v>
      </c>
      <c r="H203" s="6">
        <v>18065</v>
      </c>
      <c r="I203" s="6">
        <v>2991</v>
      </c>
      <c r="J203" s="6">
        <v>2473</v>
      </c>
      <c r="K203" s="6">
        <v>15048</v>
      </c>
      <c r="L203" s="6">
        <v>26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2</v>
      </c>
      <c r="E204" s="9" t="s">
        <v>228</v>
      </c>
      <c r="F204" s="9" t="s">
        <v>234</v>
      </c>
      <c r="G204" s="9" t="s">
        <v>30</v>
      </c>
      <c r="H204" s="6">
        <v>3190</v>
      </c>
      <c r="I204" s="6">
        <v>496</v>
      </c>
      <c r="J204" s="6">
        <v>401</v>
      </c>
      <c r="K204" s="6">
        <v>2687</v>
      </c>
      <c r="L204" s="6">
        <v>7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2</v>
      </c>
      <c r="E205" s="9" t="s">
        <v>228</v>
      </c>
      <c r="F205" s="9" t="s">
        <v>235</v>
      </c>
      <c r="G205" s="9" t="s">
        <v>30</v>
      </c>
      <c r="H205" s="6">
        <v>14875</v>
      </c>
      <c r="I205" s="6">
        <v>2495</v>
      </c>
      <c r="J205" s="6">
        <v>2072</v>
      </c>
      <c r="K205" s="6">
        <v>12361</v>
      </c>
      <c r="L205" s="6">
        <v>19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2</v>
      </c>
      <c r="E206" s="9" t="s">
        <v>228</v>
      </c>
      <c r="F206" s="9" t="s">
        <v>235</v>
      </c>
      <c r="G206" s="9" t="s">
        <v>236</v>
      </c>
      <c r="H206" s="6">
        <v>6</v>
      </c>
      <c r="I206" s="10" t="s">
        <v>55</v>
      </c>
      <c r="J206" s="10" t="s">
        <v>55</v>
      </c>
      <c r="K206" s="6">
        <v>6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2</v>
      </c>
      <c r="E207" s="9" t="s">
        <v>228</v>
      </c>
      <c r="F207" s="9" t="s">
        <v>235</v>
      </c>
      <c r="G207" s="9" t="s">
        <v>237</v>
      </c>
      <c r="H207" s="6">
        <v>13</v>
      </c>
      <c r="I207" s="6">
        <v>8</v>
      </c>
      <c r="J207" s="6">
        <v>4</v>
      </c>
      <c r="K207" s="6">
        <v>5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2</v>
      </c>
      <c r="E208" s="9" t="s">
        <v>228</v>
      </c>
      <c r="F208" s="9" t="s">
        <v>235</v>
      </c>
      <c r="G208" s="9" t="s">
        <v>238</v>
      </c>
      <c r="H208" s="6">
        <v>17</v>
      </c>
      <c r="I208" s="6">
        <v>6</v>
      </c>
      <c r="J208" s="6">
        <v>6</v>
      </c>
      <c r="K208" s="6">
        <v>11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2</v>
      </c>
      <c r="E209" s="9" t="s">
        <v>228</v>
      </c>
      <c r="F209" s="9" t="s">
        <v>235</v>
      </c>
      <c r="G209" s="9" t="s">
        <v>239</v>
      </c>
      <c r="H209" s="10" t="s">
        <v>55</v>
      </c>
      <c r="I209" s="10" t="s">
        <v>55</v>
      </c>
      <c r="J209" s="10" t="s">
        <v>55</v>
      </c>
      <c r="K209" s="10" t="s">
        <v>55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2</v>
      </c>
      <c r="E210" s="9" t="s">
        <v>228</v>
      </c>
      <c r="F210" s="9" t="s">
        <v>235</v>
      </c>
      <c r="G210" s="9" t="s">
        <v>240</v>
      </c>
      <c r="H210" s="6">
        <v>9</v>
      </c>
      <c r="I210" s="10" t="s">
        <v>55</v>
      </c>
      <c r="J210" s="10" t="s">
        <v>55</v>
      </c>
      <c r="K210" s="6">
        <v>9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2</v>
      </c>
      <c r="E211" s="9" t="s">
        <v>228</v>
      </c>
      <c r="F211" s="9" t="s">
        <v>235</v>
      </c>
      <c r="G211" s="9" t="s">
        <v>241</v>
      </c>
      <c r="H211" s="6">
        <v>9</v>
      </c>
      <c r="I211" s="6">
        <v>9</v>
      </c>
      <c r="J211" s="6">
        <v>9</v>
      </c>
      <c r="K211" s="10" t="s">
        <v>55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2</v>
      </c>
      <c r="E212" s="9" t="s">
        <v>228</v>
      </c>
      <c r="F212" s="9" t="s">
        <v>235</v>
      </c>
      <c r="G212" s="9" t="s">
        <v>242</v>
      </c>
      <c r="H212" s="6">
        <v>14</v>
      </c>
      <c r="I212" s="6">
        <v>14</v>
      </c>
      <c r="J212" s="6">
        <v>14</v>
      </c>
      <c r="K212" s="10" t="s">
        <v>55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2</v>
      </c>
      <c r="E213" s="9" t="s">
        <v>228</v>
      </c>
      <c r="F213" s="9" t="s">
        <v>235</v>
      </c>
      <c r="G213" s="9" t="s">
        <v>243</v>
      </c>
      <c r="H213" s="6">
        <v>7</v>
      </c>
      <c r="I213" s="10" t="s">
        <v>55</v>
      </c>
      <c r="J213" s="10" t="s">
        <v>55</v>
      </c>
      <c r="K213" s="6">
        <v>7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2</v>
      </c>
      <c r="E214" s="9" t="s">
        <v>228</v>
      </c>
      <c r="F214" s="9" t="s">
        <v>235</v>
      </c>
      <c r="G214" s="9" t="s">
        <v>244</v>
      </c>
      <c r="H214" s="10" t="s">
        <v>55</v>
      </c>
      <c r="I214" s="10" t="s">
        <v>55</v>
      </c>
      <c r="J214" s="10" t="s">
        <v>55</v>
      </c>
      <c r="K214" s="10" t="s">
        <v>55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2</v>
      </c>
      <c r="E215" s="9" t="s">
        <v>228</v>
      </c>
      <c r="F215" s="9" t="s">
        <v>235</v>
      </c>
      <c r="G215" s="9" t="s">
        <v>245</v>
      </c>
      <c r="H215" s="10" t="s">
        <v>55</v>
      </c>
      <c r="I215" s="10" t="s">
        <v>55</v>
      </c>
      <c r="J215" s="10" t="s">
        <v>55</v>
      </c>
      <c r="K215" s="10" t="s">
        <v>55</v>
      </c>
      <c r="L215" s="10" t="s">
        <v>55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2</v>
      </c>
      <c r="E216" s="9" t="s">
        <v>228</v>
      </c>
      <c r="F216" s="9" t="s">
        <v>235</v>
      </c>
      <c r="G216" s="9" t="s">
        <v>246</v>
      </c>
      <c r="H216" s="10" t="s">
        <v>55</v>
      </c>
      <c r="I216" s="10" t="s">
        <v>55</v>
      </c>
      <c r="J216" s="10" t="s">
        <v>55</v>
      </c>
      <c r="K216" s="10" t="s">
        <v>55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2</v>
      </c>
      <c r="E217" s="9" t="s">
        <v>228</v>
      </c>
      <c r="F217" s="9" t="s">
        <v>235</v>
      </c>
      <c r="G217" s="9" t="s">
        <v>247</v>
      </c>
      <c r="H217" s="10" t="s">
        <v>55</v>
      </c>
      <c r="I217" s="10" t="s">
        <v>55</v>
      </c>
      <c r="J217" s="10" t="s">
        <v>55</v>
      </c>
      <c r="K217" s="10" t="s">
        <v>55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2</v>
      </c>
      <c r="E218" s="9" t="s">
        <v>228</v>
      </c>
      <c r="F218" s="9" t="s">
        <v>235</v>
      </c>
      <c r="G218" s="9" t="s">
        <v>248</v>
      </c>
      <c r="H218" s="6">
        <v>5</v>
      </c>
      <c r="I218" s="6">
        <v>5</v>
      </c>
      <c r="J218" s="6">
        <v>5</v>
      </c>
      <c r="K218" s="10" t="s">
        <v>55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2</v>
      </c>
      <c r="E219" s="9" t="s">
        <v>228</v>
      </c>
      <c r="F219" s="9" t="s">
        <v>235</v>
      </c>
      <c r="G219" s="9" t="s">
        <v>249</v>
      </c>
      <c r="H219" s="10" t="s">
        <v>55</v>
      </c>
      <c r="I219" s="10" t="s">
        <v>55</v>
      </c>
      <c r="J219" s="10" t="s">
        <v>55</v>
      </c>
      <c r="K219" s="10" t="s">
        <v>55</v>
      </c>
      <c r="L219" s="10" t="s">
        <v>55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2</v>
      </c>
      <c r="E220" s="9" t="s">
        <v>228</v>
      </c>
      <c r="F220" s="9" t="s">
        <v>235</v>
      </c>
      <c r="G220" s="9" t="s">
        <v>250</v>
      </c>
      <c r="H220" s="10" t="s">
        <v>55</v>
      </c>
      <c r="I220" s="10" t="s">
        <v>55</v>
      </c>
      <c r="J220" s="10" t="s">
        <v>55</v>
      </c>
      <c r="K220" s="10" t="s">
        <v>55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2</v>
      </c>
      <c r="E221" s="9" t="s">
        <v>228</v>
      </c>
      <c r="F221" s="9" t="s">
        <v>235</v>
      </c>
      <c r="G221" s="9" t="s">
        <v>251</v>
      </c>
      <c r="H221" s="6">
        <v>15</v>
      </c>
      <c r="I221" s="6">
        <v>4</v>
      </c>
      <c r="J221" s="6">
        <v>4</v>
      </c>
      <c r="K221" s="6">
        <v>11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2</v>
      </c>
      <c r="E222" s="9" t="s">
        <v>228</v>
      </c>
      <c r="F222" s="9" t="s">
        <v>235</v>
      </c>
      <c r="G222" s="9" t="s">
        <v>252</v>
      </c>
      <c r="H222" s="6">
        <v>5</v>
      </c>
      <c r="I222" s="6">
        <v>5</v>
      </c>
      <c r="J222" s="6">
        <v>5</v>
      </c>
      <c r="K222" s="10" t="s">
        <v>55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2</v>
      </c>
      <c r="E223" s="9" t="s">
        <v>228</v>
      </c>
      <c r="F223" s="9" t="s">
        <v>235</v>
      </c>
      <c r="G223" s="9" t="s">
        <v>253</v>
      </c>
      <c r="H223" s="6">
        <v>4</v>
      </c>
      <c r="I223" s="6">
        <v>4</v>
      </c>
      <c r="J223" s="6">
        <v>4</v>
      </c>
      <c r="K223" s="10" t="s">
        <v>55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2</v>
      </c>
      <c r="E224" s="9" t="s">
        <v>228</v>
      </c>
      <c r="F224" s="9" t="s">
        <v>235</v>
      </c>
      <c r="G224" s="9" t="s">
        <v>254</v>
      </c>
      <c r="H224" s="10" t="s">
        <v>55</v>
      </c>
      <c r="I224" s="10" t="s">
        <v>55</v>
      </c>
      <c r="J224" s="10" t="s">
        <v>55</v>
      </c>
      <c r="K224" s="10" t="s">
        <v>55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2</v>
      </c>
      <c r="E225" s="9" t="s">
        <v>228</v>
      </c>
      <c r="F225" s="9" t="s">
        <v>235</v>
      </c>
      <c r="G225" s="9" t="s">
        <v>255</v>
      </c>
      <c r="H225" s="6">
        <v>19</v>
      </c>
      <c r="I225" s="6">
        <v>14</v>
      </c>
      <c r="J225" s="6">
        <v>14</v>
      </c>
      <c r="K225" s="6">
        <v>5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2</v>
      </c>
      <c r="E226" s="9" t="s">
        <v>228</v>
      </c>
      <c r="F226" s="9" t="s">
        <v>235</v>
      </c>
      <c r="G226" s="9" t="s">
        <v>256</v>
      </c>
      <c r="H226" s="6">
        <v>14752</v>
      </c>
      <c r="I226" s="6">
        <v>2426</v>
      </c>
      <c r="J226" s="6">
        <v>2007</v>
      </c>
      <c r="K226" s="6">
        <v>12307</v>
      </c>
      <c r="L226" s="6">
        <v>19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2</v>
      </c>
      <c r="E227" s="9" t="s">
        <v>18</v>
      </c>
      <c r="F227" s="9" t="s">
        <v>6</v>
      </c>
      <c r="G227" s="9" t="s">
        <v>30</v>
      </c>
      <c r="H227" s="6">
        <v>1626</v>
      </c>
      <c r="I227" s="6">
        <v>49</v>
      </c>
      <c r="J227" s="6">
        <v>27</v>
      </c>
      <c r="K227" s="6">
        <v>36</v>
      </c>
      <c r="L227" s="6">
        <v>1541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2</v>
      </c>
      <c r="E228" s="9" t="s">
        <v>18</v>
      </c>
      <c r="F228" s="9" t="s">
        <v>234</v>
      </c>
      <c r="G228" s="9" t="s">
        <v>30</v>
      </c>
      <c r="H228" s="6">
        <v>418</v>
      </c>
      <c r="I228" s="6">
        <v>12</v>
      </c>
      <c r="J228" s="6">
        <v>6</v>
      </c>
      <c r="K228" s="6">
        <v>9</v>
      </c>
      <c r="L228" s="6">
        <v>397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2</v>
      </c>
      <c r="E229" s="9" t="s">
        <v>18</v>
      </c>
      <c r="F229" s="9" t="s">
        <v>235</v>
      </c>
      <c r="G229" s="9" t="s">
        <v>30</v>
      </c>
      <c r="H229" s="6">
        <v>1208</v>
      </c>
      <c r="I229" s="6">
        <v>37</v>
      </c>
      <c r="J229" s="6">
        <v>21</v>
      </c>
      <c r="K229" s="6">
        <v>27</v>
      </c>
      <c r="L229" s="6">
        <v>1144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2</v>
      </c>
      <c r="E230" s="9" t="s">
        <v>18</v>
      </c>
      <c r="F230" s="9" t="s">
        <v>235</v>
      </c>
      <c r="G230" s="9" t="s">
        <v>236</v>
      </c>
      <c r="H230" s="6">
        <v>28</v>
      </c>
      <c r="I230" s="10" t="s">
        <v>55</v>
      </c>
      <c r="J230" s="10" t="s">
        <v>55</v>
      </c>
      <c r="K230" s="10" t="s">
        <v>55</v>
      </c>
      <c r="L230" s="6">
        <v>28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2</v>
      </c>
      <c r="E231" s="9" t="s">
        <v>18</v>
      </c>
      <c r="F231" s="9" t="s">
        <v>235</v>
      </c>
      <c r="G231" s="9" t="s">
        <v>237</v>
      </c>
      <c r="H231" s="6">
        <v>29</v>
      </c>
      <c r="I231" s="10" t="s">
        <v>55</v>
      </c>
      <c r="J231" s="10" t="s">
        <v>55</v>
      </c>
      <c r="K231" s="10" t="s">
        <v>55</v>
      </c>
      <c r="L231" s="6">
        <v>29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2</v>
      </c>
      <c r="E232" s="9" t="s">
        <v>18</v>
      </c>
      <c r="F232" s="9" t="s">
        <v>235</v>
      </c>
      <c r="G232" s="9" t="s">
        <v>238</v>
      </c>
      <c r="H232" s="6">
        <v>34</v>
      </c>
      <c r="I232" s="10" t="s">
        <v>55</v>
      </c>
      <c r="J232" s="10" t="s">
        <v>55</v>
      </c>
      <c r="K232" s="10" t="s">
        <v>55</v>
      </c>
      <c r="L232" s="6">
        <v>34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2</v>
      </c>
      <c r="E233" s="9" t="s">
        <v>18</v>
      </c>
      <c r="F233" s="9" t="s">
        <v>235</v>
      </c>
      <c r="G233" s="9" t="s">
        <v>239</v>
      </c>
      <c r="H233" s="6">
        <v>18</v>
      </c>
      <c r="I233" s="10" t="s">
        <v>55</v>
      </c>
      <c r="J233" s="10" t="s">
        <v>55</v>
      </c>
      <c r="K233" s="10" t="s">
        <v>55</v>
      </c>
      <c r="L233" s="6">
        <v>18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2</v>
      </c>
      <c r="E234" s="9" t="s">
        <v>18</v>
      </c>
      <c r="F234" s="9" t="s">
        <v>235</v>
      </c>
      <c r="G234" s="9" t="s">
        <v>240</v>
      </c>
      <c r="H234" s="6">
        <v>10</v>
      </c>
      <c r="I234" s="10" t="s">
        <v>55</v>
      </c>
      <c r="J234" s="10" t="s">
        <v>55</v>
      </c>
      <c r="K234" s="10" t="s">
        <v>55</v>
      </c>
      <c r="L234" s="6">
        <v>10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2</v>
      </c>
      <c r="E235" s="9" t="s">
        <v>18</v>
      </c>
      <c r="F235" s="9" t="s">
        <v>235</v>
      </c>
      <c r="G235" s="9" t="s">
        <v>241</v>
      </c>
      <c r="H235" s="6">
        <v>18</v>
      </c>
      <c r="I235" s="10" t="s">
        <v>55</v>
      </c>
      <c r="J235" s="10" t="s">
        <v>55</v>
      </c>
      <c r="K235" s="10" t="s">
        <v>55</v>
      </c>
      <c r="L235" s="6">
        <v>18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2</v>
      </c>
      <c r="E236" s="9" t="s">
        <v>18</v>
      </c>
      <c r="F236" s="9" t="s">
        <v>235</v>
      </c>
      <c r="G236" s="9" t="s">
        <v>242</v>
      </c>
      <c r="H236" s="6">
        <v>15</v>
      </c>
      <c r="I236" s="10" t="s">
        <v>55</v>
      </c>
      <c r="J236" s="10" t="s">
        <v>55</v>
      </c>
      <c r="K236" s="10" t="s">
        <v>55</v>
      </c>
      <c r="L236" s="6">
        <v>15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2</v>
      </c>
      <c r="E237" s="9" t="s">
        <v>18</v>
      </c>
      <c r="F237" s="9" t="s">
        <v>235</v>
      </c>
      <c r="G237" s="9" t="s">
        <v>243</v>
      </c>
      <c r="H237" s="6">
        <v>15</v>
      </c>
      <c r="I237" s="10" t="s">
        <v>55</v>
      </c>
      <c r="J237" s="10" t="s">
        <v>55</v>
      </c>
      <c r="K237" s="10" t="s">
        <v>55</v>
      </c>
      <c r="L237" s="6">
        <v>15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2</v>
      </c>
      <c r="E238" s="9" t="s">
        <v>18</v>
      </c>
      <c r="F238" s="9" t="s">
        <v>235</v>
      </c>
      <c r="G238" s="9" t="s">
        <v>244</v>
      </c>
      <c r="H238" s="6">
        <v>5</v>
      </c>
      <c r="I238" s="10" t="s">
        <v>55</v>
      </c>
      <c r="J238" s="10" t="s">
        <v>55</v>
      </c>
      <c r="K238" s="10" t="s">
        <v>55</v>
      </c>
      <c r="L238" s="6">
        <v>5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2</v>
      </c>
      <c r="E239" s="9" t="s">
        <v>18</v>
      </c>
      <c r="F239" s="9" t="s">
        <v>235</v>
      </c>
      <c r="G239" s="9" t="s">
        <v>245</v>
      </c>
      <c r="H239" s="10" t="s">
        <v>55</v>
      </c>
      <c r="I239" s="10" t="s">
        <v>55</v>
      </c>
      <c r="J239" s="10" t="s">
        <v>55</v>
      </c>
      <c r="K239" s="10" t="s">
        <v>55</v>
      </c>
      <c r="L239" s="10" t="s">
        <v>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2</v>
      </c>
      <c r="E240" s="9" t="s">
        <v>18</v>
      </c>
      <c r="F240" s="9" t="s">
        <v>235</v>
      </c>
      <c r="G240" s="9" t="s">
        <v>246</v>
      </c>
      <c r="H240" s="6">
        <v>18</v>
      </c>
      <c r="I240" s="10" t="s">
        <v>55</v>
      </c>
      <c r="J240" s="10" t="s">
        <v>55</v>
      </c>
      <c r="K240" s="10" t="s">
        <v>55</v>
      </c>
      <c r="L240" s="6">
        <v>18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2</v>
      </c>
      <c r="E241" s="9" t="s">
        <v>18</v>
      </c>
      <c r="F241" s="9" t="s">
        <v>235</v>
      </c>
      <c r="G241" s="9" t="s">
        <v>247</v>
      </c>
      <c r="H241" s="6">
        <v>12</v>
      </c>
      <c r="I241" s="10" t="s">
        <v>55</v>
      </c>
      <c r="J241" s="10" t="s">
        <v>55</v>
      </c>
      <c r="K241" s="10" t="s">
        <v>55</v>
      </c>
      <c r="L241" s="6">
        <v>12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2</v>
      </c>
      <c r="E242" s="9" t="s">
        <v>18</v>
      </c>
      <c r="F242" s="9" t="s">
        <v>235</v>
      </c>
      <c r="G242" s="9" t="s">
        <v>248</v>
      </c>
      <c r="H242" s="6">
        <v>10</v>
      </c>
      <c r="I242" s="10" t="s">
        <v>55</v>
      </c>
      <c r="J242" s="10" t="s">
        <v>55</v>
      </c>
      <c r="K242" s="10" t="s">
        <v>55</v>
      </c>
      <c r="L242" s="6">
        <v>10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2</v>
      </c>
      <c r="E243" s="9" t="s">
        <v>18</v>
      </c>
      <c r="F243" s="9" t="s">
        <v>235</v>
      </c>
      <c r="G243" s="9" t="s">
        <v>249</v>
      </c>
      <c r="H243" s="6">
        <v>25</v>
      </c>
      <c r="I243" s="10" t="s">
        <v>55</v>
      </c>
      <c r="J243" s="10" t="s">
        <v>55</v>
      </c>
      <c r="K243" s="10" t="s">
        <v>55</v>
      </c>
      <c r="L243" s="6">
        <v>25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2</v>
      </c>
      <c r="E244" s="9" t="s">
        <v>18</v>
      </c>
      <c r="F244" s="9" t="s">
        <v>235</v>
      </c>
      <c r="G244" s="9" t="s">
        <v>250</v>
      </c>
      <c r="H244" s="6">
        <v>5</v>
      </c>
      <c r="I244" s="10" t="s">
        <v>55</v>
      </c>
      <c r="J244" s="10" t="s">
        <v>55</v>
      </c>
      <c r="K244" s="10" t="s">
        <v>55</v>
      </c>
      <c r="L244" s="6">
        <v>5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2</v>
      </c>
      <c r="E245" s="9" t="s">
        <v>18</v>
      </c>
      <c r="F245" s="9" t="s">
        <v>235</v>
      </c>
      <c r="G245" s="9" t="s">
        <v>251</v>
      </c>
      <c r="H245" s="6">
        <v>15</v>
      </c>
      <c r="I245" s="10" t="s">
        <v>55</v>
      </c>
      <c r="J245" s="10" t="s">
        <v>55</v>
      </c>
      <c r="K245" s="10" t="s">
        <v>55</v>
      </c>
      <c r="L245" s="6">
        <v>15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2</v>
      </c>
      <c r="E246" s="9" t="s">
        <v>18</v>
      </c>
      <c r="F246" s="9" t="s">
        <v>235</v>
      </c>
      <c r="G246" s="9" t="s">
        <v>252</v>
      </c>
      <c r="H246" s="6">
        <v>10</v>
      </c>
      <c r="I246" s="10" t="s">
        <v>55</v>
      </c>
      <c r="J246" s="10" t="s">
        <v>55</v>
      </c>
      <c r="K246" s="10" t="s">
        <v>55</v>
      </c>
      <c r="L246" s="6">
        <v>10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2</v>
      </c>
      <c r="E247" s="9" t="s">
        <v>18</v>
      </c>
      <c r="F247" s="9" t="s">
        <v>235</v>
      </c>
      <c r="G247" s="9" t="s">
        <v>253</v>
      </c>
      <c r="H247" s="6">
        <v>30</v>
      </c>
      <c r="I247" s="10" t="s">
        <v>55</v>
      </c>
      <c r="J247" s="10" t="s">
        <v>55</v>
      </c>
      <c r="K247" s="10" t="s">
        <v>55</v>
      </c>
      <c r="L247" s="6">
        <v>30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2</v>
      </c>
      <c r="E248" s="9" t="s">
        <v>18</v>
      </c>
      <c r="F248" s="9" t="s">
        <v>235</v>
      </c>
      <c r="G248" s="9" t="s">
        <v>254</v>
      </c>
      <c r="H248" s="6">
        <v>33</v>
      </c>
      <c r="I248" s="10" t="s">
        <v>55</v>
      </c>
      <c r="J248" s="10" t="s">
        <v>55</v>
      </c>
      <c r="K248" s="10" t="s">
        <v>55</v>
      </c>
      <c r="L248" s="6">
        <v>33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2</v>
      </c>
      <c r="E249" s="9" t="s">
        <v>18</v>
      </c>
      <c r="F249" s="9" t="s">
        <v>235</v>
      </c>
      <c r="G249" s="9" t="s">
        <v>255</v>
      </c>
      <c r="H249" s="6">
        <v>22</v>
      </c>
      <c r="I249" s="10" t="s">
        <v>55</v>
      </c>
      <c r="J249" s="10" t="s">
        <v>55</v>
      </c>
      <c r="K249" s="10" t="s">
        <v>55</v>
      </c>
      <c r="L249" s="6">
        <v>22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2</v>
      </c>
      <c r="E250" s="9" t="s">
        <v>18</v>
      </c>
      <c r="F250" s="9" t="s">
        <v>235</v>
      </c>
      <c r="G250" s="9" t="s">
        <v>256</v>
      </c>
      <c r="H250" s="6">
        <v>856</v>
      </c>
      <c r="I250" s="6">
        <v>37</v>
      </c>
      <c r="J250" s="6">
        <v>21</v>
      </c>
      <c r="K250" s="6">
        <v>27</v>
      </c>
      <c r="L250" s="6">
        <v>792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2</v>
      </c>
      <c r="E251" s="9" t="s">
        <v>6</v>
      </c>
      <c r="F251" s="9" t="s">
        <v>6</v>
      </c>
      <c r="G251" s="9" t="s">
        <v>30</v>
      </c>
      <c r="H251" s="6">
        <v>3761</v>
      </c>
      <c r="I251" s="6">
        <v>1615</v>
      </c>
      <c r="J251" s="6">
        <v>988</v>
      </c>
      <c r="K251" s="6">
        <v>2008</v>
      </c>
      <c r="L251" s="6">
        <v>138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2</v>
      </c>
      <c r="E252" s="9" t="s">
        <v>6</v>
      </c>
      <c r="F252" s="9" t="s">
        <v>234</v>
      </c>
      <c r="G252" s="9" t="s">
        <v>30</v>
      </c>
      <c r="H252" s="6">
        <v>697</v>
      </c>
      <c r="I252" s="6">
        <v>292</v>
      </c>
      <c r="J252" s="6">
        <v>184</v>
      </c>
      <c r="K252" s="6">
        <v>373</v>
      </c>
      <c r="L252" s="6">
        <v>32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2</v>
      </c>
      <c r="E253" s="9" t="s">
        <v>6</v>
      </c>
      <c r="F253" s="9" t="s">
        <v>235</v>
      </c>
      <c r="G253" s="9" t="s">
        <v>30</v>
      </c>
      <c r="H253" s="6">
        <v>3064</v>
      </c>
      <c r="I253" s="6">
        <v>1323</v>
      </c>
      <c r="J253" s="6">
        <v>804</v>
      </c>
      <c r="K253" s="6">
        <v>1635</v>
      </c>
      <c r="L253" s="6">
        <v>106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2</v>
      </c>
      <c r="E254" s="9" t="s">
        <v>6</v>
      </c>
      <c r="F254" s="9" t="s">
        <v>235</v>
      </c>
      <c r="G254" s="9" t="s">
        <v>236</v>
      </c>
      <c r="H254" s="6">
        <v>7</v>
      </c>
      <c r="I254" s="10" t="s">
        <v>55</v>
      </c>
      <c r="J254" s="10" t="s">
        <v>55</v>
      </c>
      <c r="K254" s="6">
        <v>7</v>
      </c>
      <c r="L254" s="10" t="s">
        <v>55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2</v>
      </c>
      <c r="E255" s="9" t="s">
        <v>6</v>
      </c>
      <c r="F255" s="9" t="s">
        <v>235</v>
      </c>
      <c r="G255" s="9" t="s">
        <v>237</v>
      </c>
      <c r="H255" s="6">
        <v>8</v>
      </c>
      <c r="I255" s="6">
        <v>8</v>
      </c>
      <c r="J255" s="6">
        <v>8</v>
      </c>
      <c r="K255" s="10" t="s">
        <v>55</v>
      </c>
      <c r="L255" s="10" t="s">
        <v>55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2</v>
      </c>
      <c r="E256" s="9" t="s">
        <v>6</v>
      </c>
      <c r="F256" s="9" t="s">
        <v>235</v>
      </c>
      <c r="G256" s="9" t="s">
        <v>238</v>
      </c>
      <c r="H256" s="6">
        <v>31</v>
      </c>
      <c r="I256" s="6">
        <v>10</v>
      </c>
      <c r="J256" s="6">
        <v>10</v>
      </c>
      <c r="K256" s="6">
        <v>6</v>
      </c>
      <c r="L256" s="6">
        <v>15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2</v>
      </c>
      <c r="E257" s="9" t="s">
        <v>6</v>
      </c>
      <c r="F257" s="9" t="s">
        <v>235</v>
      </c>
      <c r="G257" s="9" t="s">
        <v>239</v>
      </c>
      <c r="H257" s="6">
        <v>18</v>
      </c>
      <c r="I257" s="6">
        <v>12</v>
      </c>
      <c r="J257" s="10" t="s">
        <v>55</v>
      </c>
      <c r="K257" s="10" t="s">
        <v>55</v>
      </c>
      <c r="L257" s="6">
        <v>6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2</v>
      </c>
      <c r="E258" s="9" t="s">
        <v>6</v>
      </c>
      <c r="F258" s="9" t="s">
        <v>235</v>
      </c>
      <c r="G258" s="9" t="s">
        <v>240</v>
      </c>
      <c r="H258" s="6">
        <v>17</v>
      </c>
      <c r="I258" s="6">
        <v>17</v>
      </c>
      <c r="J258" s="6">
        <v>10</v>
      </c>
      <c r="K258" s="10" t="s">
        <v>55</v>
      </c>
      <c r="L258" s="10" t="s">
        <v>55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2</v>
      </c>
      <c r="E259" s="9" t="s">
        <v>6</v>
      </c>
      <c r="F259" s="9" t="s">
        <v>235</v>
      </c>
      <c r="G259" s="9" t="s">
        <v>241</v>
      </c>
      <c r="H259" s="6">
        <v>17</v>
      </c>
      <c r="I259" s="6">
        <v>17</v>
      </c>
      <c r="J259" s="6">
        <v>11</v>
      </c>
      <c r="K259" s="10" t="s">
        <v>55</v>
      </c>
      <c r="L259" s="10" t="s">
        <v>55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2</v>
      </c>
      <c r="E260" s="9" t="s">
        <v>6</v>
      </c>
      <c r="F260" s="9" t="s">
        <v>235</v>
      </c>
      <c r="G260" s="9" t="s">
        <v>242</v>
      </c>
      <c r="H260" s="6">
        <v>24</v>
      </c>
      <c r="I260" s="6">
        <v>24</v>
      </c>
      <c r="J260" s="6">
        <v>20</v>
      </c>
      <c r="K260" s="10" t="s">
        <v>55</v>
      </c>
      <c r="L260" s="10" t="s">
        <v>55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2</v>
      </c>
      <c r="E261" s="9" t="s">
        <v>6</v>
      </c>
      <c r="F261" s="9" t="s">
        <v>235</v>
      </c>
      <c r="G261" s="9" t="s">
        <v>243</v>
      </c>
      <c r="H261" s="10" t="s">
        <v>55</v>
      </c>
      <c r="I261" s="10" t="s">
        <v>55</v>
      </c>
      <c r="J261" s="10" t="s">
        <v>55</v>
      </c>
      <c r="K261" s="10" t="s">
        <v>55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2</v>
      </c>
      <c r="E262" s="9" t="s">
        <v>6</v>
      </c>
      <c r="F262" s="9" t="s">
        <v>235</v>
      </c>
      <c r="G262" s="9" t="s">
        <v>244</v>
      </c>
      <c r="H262" s="6">
        <v>10</v>
      </c>
      <c r="I262" s="6">
        <v>6</v>
      </c>
      <c r="J262" s="6">
        <v>6</v>
      </c>
      <c r="K262" s="6">
        <v>4</v>
      </c>
      <c r="L262" s="10" t="s">
        <v>55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2</v>
      </c>
      <c r="E263" s="9" t="s">
        <v>6</v>
      </c>
      <c r="F263" s="9" t="s">
        <v>235</v>
      </c>
      <c r="G263" s="9" t="s">
        <v>245</v>
      </c>
      <c r="H263" s="6">
        <v>6</v>
      </c>
      <c r="I263" s="6">
        <v>6</v>
      </c>
      <c r="J263" s="10" t="s">
        <v>55</v>
      </c>
      <c r="K263" s="10" t="s">
        <v>55</v>
      </c>
      <c r="L263" s="10" t="s">
        <v>55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2</v>
      </c>
      <c r="E264" s="9" t="s">
        <v>6</v>
      </c>
      <c r="F264" s="9" t="s">
        <v>235</v>
      </c>
      <c r="G264" s="9" t="s">
        <v>246</v>
      </c>
      <c r="H264" s="10" t="s">
        <v>55</v>
      </c>
      <c r="I264" s="10" t="s">
        <v>55</v>
      </c>
      <c r="J264" s="10" t="s">
        <v>55</v>
      </c>
      <c r="K264" s="10" t="s">
        <v>55</v>
      </c>
      <c r="L264" s="10" t="s">
        <v>55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2</v>
      </c>
      <c r="E265" s="9" t="s">
        <v>6</v>
      </c>
      <c r="F265" s="9" t="s">
        <v>235</v>
      </c>
      <c r="G265" s="9" t="s">
        <v>247</v>
      </c>
      <c r="H265" s="6">
        <v>6</v>
      </c>
      <c r="I265" s="10" t="s">
        <v>55</v>
      </c>
      <c r="J265" s="10" t="s">
        <v>55</v>
      </c>
      <c r="K265" s="10" t="s">
        <v>55</v>
      </c>
      <c r="L265" s="6">
        <v>6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2</v>
      </c>
      <c r="E266" s="9" t="s">
        <v>6</v>
      </c>
      <c r="F266" s="9" t="s">
        <v>235</v>
      </c>
      <c r="G266" s="9" t="s">
        <v>248</v>
      </c>
      <c r="H266" s="6">
        <v>10</v>
      </c>
      <c r="I266" s="6">
        <v>10</v>
      </c>
      <c r="J266" s="6">
        <v>10</v>
      </c>
      <c r="K266" s="10" t="s">
        <v>55</v>
      </c>
      <c r="L266" s="10" t="s">
        <v>55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2</v>
      </c>
      <c r="E267" s="9" t="s">
        <v>6</v>
      </c>
      <c r="F267" s="9" t="s">
        <v>235</v>
      </c>
      <c r="G267" s="9" t="s">
        <v>249</v>
      </c>
      <c r="H267" s="6">
        <v>5</v>
      </c>
      <c r="I267" s="6">
        <v>5</v>
      </c>
      <c r="J267" s="6">
        <v>5</v>
      </c>
      <c r="K267" s="10" t="s">
        <v>55</v>
      </c>
      <c r="L267" s="10" t="s">
        <v>55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2</v>
      </c>
      <c r="E268" s="9" t="s">
        <v>6</v>
      </c>
      <c r="F268" s="9" t="s">
        <v>235</v>
      </c>
      <c r="G268" s="9" t="s">
        <v>250</v>
      </c>
      <c r="H268" s="6">
        <v>9</v>
      </c>
      <c r="I268" s="6">
        <v>9</v>
      </c>
      <c r="J268" s="10" t="s">
        <v>55</v>
      </c>
      <c r="K268" s="10" t="s">
        <v>55</v>
      </c>
      <c r="L268" s="10" t="s">
        <v>55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2</v>
      </c>
      <c r="E269" s="9" t="s">
        <v>6</v>
      </c>
      <c r="F269" s="9" t="s">
        <v>235</v>
      </c>
      <c r="G269" s="9" t="s">
        <v>251</v>
      </c>
      <c r="H269" s="6">
        <v>6</v>
      </c>
      <c r="I269" s="6">
        <v>6</v>
      </c>
      <c r="J269" s="6">
        <v>6</v>
      </c>
      <c r="K269" s="10" t="s">
        <v>55</v>
      </c>
      <c r="L269" s="10" t="s">
        <v>55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2</v>
      </c>
      <c r="E270" s="9" t="s">
        <v>6</v>
      </c>
      <c r="F270" s="9" t="s">
        <v>235</v>
      </c>
      <c r="G270" s="9" t="s">
        <v>252</v>
      </c>
      <c r="H270" s="6">
        <v>10</v>
      </c>
      <c r="I270" s="6">
        <v>5</v>
      </c>
      <c r="J270" s="6">
        <v>5</v>
      </c>
      <c r="K270" s="10" t="s">
        <v>55</v>
      </c>
      <c r="L270" s="6">
        <v>5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2</v>
      </c>
      <c r="E271" s="9" t="s">
        <v>6</v>
      </c>
      <c r="F271" s="9" t="s">
        <v>235</v>
      </c>
      <c r="G271" s="9" t="s">
        <v>253</v>
      </c>
      <c r="H271" s="6">
        <v>5</v>
      </c>
      <c r="I271" s="6">
        <v>5</v>
      </c>
      <c r="J271" s="6">
        <v>5</v>
      </c>
      <c r="K271" s="10" t="s">
        <v>55</v>
      </c>
      <c r="L271" s="10" t="s">
        <v>55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2</v>
      </c>
      <c r="E272" s="9" t="s">
        <v>6</v>
      </c>
      <c r="F272" s="9" t="s">
        <v>235</v>
      </c>
      <c r="G272" s="9" t="s">
        <v>254</v>
      </c>
      <c r="H272" s="6">
        <v>5</v>
      </c>
      <c r="I272" s="6">
        <v>5</v>
      </c>
      <c r="J272" s="6">
        <v>5</v>
      </c>
      <c r="K272" s="10" t="s">
        <v>55</v>
      </c>
      <c r="L272" s="10" t="s">
        <v>55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2</v>
      </c>
      <c r="E273" s="9" t="s">
        <v>6</v>
      </c>
      <c r="F273" s="9" t="s">
        <v>235</v>
      </c>
      <c r="G273" s="9" t="s">
        <v>255</v>
      </c>
      <c r="H273" s="6">
        <v>5</v>
      </c>
      <c r="I273" s="6">
        <v>5</v>
      </c>
      <c r="J273" s="6">
        <v>5</v>
      </c>
      <c r="K273" s="10" t="s">
        <v>55</v>
      </c>
      <c r="L273" s="10" t="s">
        <v>55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2</v>
      </c>
      <c r="E274" s="9" t="s">
        <v>6</v>
      </c>
      <c r="F274" s="9" t="s">
        <v>235</v>
      </c>
      <c r="G274" s="9" t="s">
        <v>256</v>
      </c>
      <c r="H274" s="6">
        <v>2865</v>
      </c>
      <c r="I274" s="6">
        <v>1173</v>
      </c>
      <c r="J274" s="6">
        <v>698</v>
      </c>
      <c r="K274" s="6">
        <v>1618</v>
      </c>
      <c r="L274" s="6">
        <v>74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2</v>
      </c>
      <c r="E275" s="9" t="s">
        <v>226</v>
      </c>
      <c r="F275" s="9" t="s">
        <v>6</v>
      </c>
      <c r="G275" s="9" t="s">
        <v>30</v>
      </c>
      <c r="H275" s="6">
        <v>1966</v>
      </c>
      <c r="I275" s="6">
        <v>1323</v>
      </c>
      <c r="J275" s="6">
        <v>741</v>
      </c>
      <c r="K275" s="6">
        <v>639</v>
      </c>
      <c r="L275" s="6">
        <v>4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2</v>
      </c>
      <c r="E276" s="9" t="s">
        <v>226</v>
      </c>
      <c r="F276" s="9" t="s">
        <v>234</v>
      </c>
      <c r="G276" s="9" t="s">
        <v>30</v>
      </c>
      <c r="H276" s="6">
        <v>386</v>
      </c>
      <c r="I276" s="6">
        <v>246</v>
      </c>
      <c r="J276" s="6">
        <v>141</v>
      </c>
      <c r="K276" s="6">
        <v>140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2</v>
      </c>
      <c r="E277" s="9" t="s">
        <v>226</v>
      </c>
      <c r="F277" s="9" t="s">
        <v>235</v>
      </c>
      <c r="G277" s="9" t="s">
        <v>30</v>
      </c>
      <c r="H277" s="6">
        <v>1580</v>
      </c>
      <c r="I277" s="6">
        <v>1077</v>
      </c>
      <c r="J277" s="6">
        <v>600</v>
      </c>
      <c r="K277" s="6">
        <v>499</v>
      </c>
      <c r="L277" s="6">
        <v>4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2</v>
      </c>
      <c r="E278" s="9" t="s">
        <v>226</v>
      </c>
      <c r="F278" s="9" t="s">
        <v>235</v>
      </c>
      <c r="G278" s="9" t="s">
        <v>236</v>
      </c>
      <c r="H278" s="6">
        <v>7</v>
      </c>
      <c r="I278" s="10" t="s">
        <v>55</v>
      </c>
      <c r="J278" s="10" t="s">
        <v>55</v>
      </c>
      <c r="K278" s="6">
        <v>7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2</v>
      </c>
      <c r="E279" s="9" t="s">
        <v>226</v>
      </c>
      <c r="F279" s="9" t="s">
        <v>235</v>
      </c>
      <c r="G279" s="9" t="s">
        <v>237</v>
      </c>
      <c r="H279" s="6">
        <v>8</v>
      </c>
      <c r="I279" s="6">
        <v>8</v>
      </c>
      <c r="J279" s="6">
        <v>8</v>
      </c>
      <c r="K279" s="10" t="s">
        <v>55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2</v>
      </c>
      <c r="E280" s="9" t="s">
        <v>226</v>
      </c>
      <c r="F280" s="9" t="s">
        <v>235</v>
      </c>
      <c r="G280" s="9" t="s">
        <v>238</v>
      </c>
      <c r="H280" s="6">
        <v>16</v>
      </c>
      <c r="I280" s="6">
        <v>10</v>
      </c>
      <c r="J280" s="6">
        <v>10</v>
      </c>
      <c r="K280" s="6">
        <v>6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2</v>
      </c>
      <c r="E281" s="9" t="s">
        <v>226</v>
      </c>
      <c r="F281" s="9" t="s">
        <v>235</v>
      </c>
      <c r="G281" s="9" t="s">
        <v>239</v>
      </c>
      <c r="H281" s="6">
        <v>12</v>
      </c>
      <c r="I281" s="6">
        <v>12</v>
      </c>
      <c r="J281" s="10" t="s">
        <v>55</v>
      </c>
      <c r="K281" s="10" t="s">
        <v>55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2</v>
      </c>
      <c r="E282" s="9" t="s">
        <v>226</v>
      </c>
      <c r="F282" s="9" t="s">
        <v>235</v>
      </c>
      <c r="G282" s="9" t="s">
        <v>240</v>
      </c>
      <c r="H282" s="6">
        <v>17</v>
      </c>
      <c r="I282" s="6">
        <v>17</v>
      </c>
      <c r="J282" s="6">
        <v>10</v>
      </c>
      <c r="K282" s="10" t="s">
        <v>55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2</v>
      </c>
      <c r="E283" s="9" t="s">
        <v>226</v>
      </c>
      <c r="F283" s="9" t="s">
        <v>235</v>
      </c>
      <c r="G283" s="9" t="s">
        <v>241</v>
      </c>
      <c r="H283" s="6">
        <v>17</v>
      </c>
      <c r="I283" s="6">
        <v>17</v>
      </c>
      <c r="J283" s="6">
        <v>11</v>
      </c>
      <c r="K283" s="10" t="s">
        <v>55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2</v>
      </c>
      <c r="E284" s="9" t="s">
        <v>226</v>
      </c>
      <c r="F284" s="9" t="s">
        <v>235</v>
      </c>
      <c r="G284" s="9" t="s">
        <v>242</v>
      </c>
      <c r="H284" s="6">
        <v>24</v>
      </c>
      <c r="I284" s="6">
        <v>24</v>
      </c>
      <c r="J284" s="6">
        <v>20</v>
      </c>
      <c r="K284" s="10" t="s">
        <v>55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2</v>
      </c>
      <c r="E285" s="9" t="s">
        <v>226</v>
      </c>
      <c r="F285" s="9" t="s">
        <v>235</v>
      </c>
      <c r="G285" s="9" t="s">
        <v>243</v>
      </c>
      <c r="H285" s="10" t="s">
        <v>55</v>
      </c>
      <c r="I285" s="10" t="s">
        <v>55</v>
      </c>
      <c r="J285" s="10" t="s">
        <v>55</v>
      </c>
      <c r="K285" s="10" t="s">
        <v>55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2</v>
      </c>
      <c r="E286" s="9" t="s">
        <v>226</v>
      </c>
      <c r="F286" s="9" t="s">
        <v>235</v>
      </c>
      <c r="G286" s="9" t="s">
        <v>244</v>
      </c>
      <c r="H286" s="6">
        <v>10</v>
      </c>
      <c r="I286" s="6">
        <v>6</v>
      </c>
      <c r="J286" s="6">
        <v>6</v>
      </c>
      <c r="K286" s="6">
        <v>4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2</v>
      </c>
      <c r="E287" s="9" t="s">
        <v>226</v>
      </c>
      <c r="F287" s="9" t="s">
        <v>235</v>
      </c>
      <c r="G287" s="9" t="s">
        <v>245</v>
      </c>
      <c r="H287" s="6">
        <v>6</v>
      </c>
      <c r="I287" s="6">
        <v>6</v>
      </c>
      <c r="J287" s="10" t="s">
        <v>55</v>
      </c>
      <c r="K287" s="10" t="s">
        <v>55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2</v>
      </c>
      <c r="E288" s="9" t="s">
        <v>226</v>
      </c>
      <c r="F288" s="9" t="s">
        <v>235</v>
      </c>
      <c r="G288" s="9" t="s">
        <v>246</v>
      </c>
      <c r="H288" s="10" t="s">
        <v>55</v>
      </c>
      <c r="I288" s="10" t="s">
        <v>55</v>
      </c>
      <c r="J288" s="10" t="s">
        <v>55</v>
      </c>
      <c r="K288" s="10" t="s">
        <v>55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2</v>
      </c>
      <c r="E289" s="9" t="s">
        <v>226</v>
      </c>
      <c r="F289" s="9" t="s">
        <v>235</v>
      </c>
      <c r="G289" s="9" t="s">
        <v>247</v>
      </c>
      <c r="H289" s="10" t="s">
        <v>55</v>
      </c>
      <c r="I289" s="10" t="s">
        <v>55</v>
      </c>
      <c r="J289" s="10" t="s">
        <v>55</v>
      </c>
      <c r="K289" s="10" t="s">
        <v>55</v>
      </c>
      <c r="L289" s="10" t="s">
        <v>5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2</v>
      </c>
      <c r="E290" s="9" t="s">
        <v>226</v>
      </c>
      <c r="F290" s="9" t="s">
        <v>235</v>
      </c>
      <c r="G290" s="9" t="s">
        <v>248</v>
      </c>
      <c r="H290" s="6">
        <v>10</v>
      </c>
      <c r="I290" s="6">
        <v>10</v>
      </c>
      <c r="J290" s="6">
        <v>10</v>
      </c>
      <c r="K290" s="10" t="s">
        <v>55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2</v>
      </c>
      <c r="E291" s="9" t="s">
        <v>226</v>
      </c>
      <c r="F291" s="9" t="s">
        <v>235</v>
      </c>
      <c r="G291" s="9" t="s">
        <v>249</v>
      </c>
      <c r="H291" s="6">
        <v>5</v>
      </c>
      <c r="I291" s="6">
        <v>5</v>
      </c>
      <c r="J291" s="6">
        <v>5</v>
      </c>
      <c r="K291" s="10" t="s">
        <v>55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2</v>
      </c>
      <c r="E292" s="9" t="s">
        <v>226</v>
      </c>
      <c r="F292" s="9" t="s">
        <v>235</v>
      </c>
      <c r="G292" s="9" t="s">
        <v>250</v>
      </c>
      <c r="H292" s="6">
        <v>9</v>
      </c>
      <c r="I292" s="6">
        <v>9</v>
      </c>
      <c r="J292" s="10" t="s">
        <v>55</v>
      </c>
      <c r="K292" s="10" t="s">
        <v>55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2</v>
      </c>
      <c r="E293" s="9" t="s">
        <v>226</v>
      </c>
      <c r="F293" s="9" t="s">
        <v>235</v>
      </c>
      <c r="G293" s="9" t="s">
        <v>251</v>
      </c>
      <c r="H293" s="6">
        <v>6</v>
      </c>
      <c r="I293" s="6">
        <v>6</v>
      </c>
      <c r="J293" s="6">
        <v>6</v>
      </c>
      <c r="K293" s="10" t="s">
        <v>55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2</v>
      </c>
      <c r="E294" s="9" t="s">
        <v>226</v>
      </c>
      <c r="F294" s="9" t="s">
        <v>235</v>
      </c>
      <c r="G294" s="9" t="s">
        <v>252</v>
      </c>
      <c r="H294" s="6">
        <v>5</v>
      </c>
      <c r="I294" s="6">
        <v>5</v>
      </c>
      <c r="J294" s="6">
        <v>5</v>
      </c>
      <c r="K294" s="10" t="s">
        <v>55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2</v>
      </c>
      <c r="E295" s="9" t="s">
        <v>226</v>
      </c>
      <c r="F295" s="9" t="s">
        <v>235</v>
      </c>
      <c r="G295" s="9" t="s">
        <v>253</v>
      </c>
      <c r="H295" s="6">
        <v>5</v>
      </c>
      <c r="I295" s="6">
        <v>5</v>
      </c>
      <c r="J295" s="6">
        <v>5</v>
      </c>
      <c r="K295" s="10" t="s">
        <v>55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2</v>
      </c>
      <c r="E296" s="9" t="s">
        <v>226</v>
      </c>
      <c r="F296" s="9" t="s">
        <v>235</v>
      </c>
      <c r="G296" s="9" t="s">
        <v>254</v>
      </c>
      <c r="H296" s="6">
        <v>5</v>
      </c>
      <c r="I296" s="6">
        <v>5</v>
      </c>
      <c r="J296" s="6">
        <v>5</v>
      </c>
      <c r="K296" s="10" t="s">
        <v>55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2</v>
      </c>
      <c r="E297" s="9" t="s">
        <v>226</v>
      </c>
      <c r="F297" s="9" t="s">
        <v>235</v>
      </c>
      <c r="G297" s="9" t="s">
        <v>255</v>
      </c>
      <c r="H297" s="6">
        <v>5</v>
      </c>
      <c r="I297" s="6">
        <v>5</v>
      </c>
      <c r="J297" s="6">
        <v>5</v>
      </c>
      <c r="K297" s="10" t="s">
        <v>55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2</v>
      </c>
      <c r="E298" s="9" t="s">
        <v>226</v>
      </c>
      <c r="F298" s="9" t="s">
        <v>235</v>
      </c>
      <c r="G298" s="9" t="s">
        <v>256</v>
      </c>
      <c r="H298" s="6">
        <v>1413</v>
      </c>
      <c r="I298" s="6">
        <v>927</v>
      </c>
      <c r="J298" s="6">
        <v>494</v>
      </c>
      <c r="K298" s="6">
        <v>482</v>
      </c>
      <c r="L298" s="6">
        <v>4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2</v>
      </c>
      <c r="E299" s="9" t="s">
        <v>227</v>
      </c>
      <c r="F299" s="9" t="s">
        <v>6</v>
      </c>
      <c r="G299" s="9" t="s">
        <v>30</v>
      </c>
      <c r="H299" s="6">
        <v>1233</v>
      </c>
      <c r="I299" s="6">
        <v>722</v>
      </c>
      <c r="J299" s="6">
        <v>635</v>
      </c>
      <c r="K299" s="6">
        <v>511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2</v>
      </c>
      <c r="E300" s="9" t="s">
        <v>227</v>
      </c>
      <c r="F300" s="9" t="s">
        <v>234</v>
      </c>
      <c r="G300" s="9" t="s">
        <v>30</v>
      </c>
      <c r="H300" s="6">
        <v>261</v>
      </c>
      <c r="I300" s="6">
        <v>136</v>
      </c>
      <c r="J300" s="6">
        <v>118</v>
      </c>
      <c r="K300" s="6">
        <v>125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2</v>
      </c>
      <c r="E301" s="9" t="s">
        <v>227</v>
      </c>
      <c r="F301" s="9" t="s">
        <v>235</v>
      </c>
      <c r="G301" s="9" t="s">
        <v>30</v>
      </c>
      <c r="H301" s="6">
        <v>972</v>
      </c>
      <c r="I301" s="6">
        <v>586</v>
      </c>
      <c r="J301" s="6">
        <v>517</v>
      </c>
      <c r="K301" s="6">
        <v>386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2</v>
      </c>
      <c r="E302" s="9" t="s">
        <v>227</v>
      </c>
      <c r="F302" s="9" t="s">
        <v>235</v>
      </c>
      <c r="G302" s="9" t="s">
        <v>236</v>
      </c>
      <c r="H302" s="6">
        <v>7</v>
      </c>
      <c r="I302" s="10" t="s">
        <v>55</v>
      </c>
      <c r="J302" s="10" t="s">
        <v>55</v>
      </c>
      <c r="K302" s="6">
        <v>7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2</v>
      </c>
      <c r="E303" s="9" t="s">
        <v>227</v>
      </c>
      <c r="F303" s="9" t="s">
        <v>235</v>
      </c>
      <c r="G303" s="9" t="s">
        <v>237</v>
      </c>
      <c r="H303" s="10" t="s">
        <v>55</v>
      </c>
      <c r="I303" s="10" t="s">
        <v>55</v>
      </c>
      <c r="J303" s="10" t="s">
        <v>55</v>
      </c>
      <c r="K303" s="10" t="s">
        <v>55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2</v>
      </c>
      <c r="E304" s="9" t="s">
        <v>227</v>
      </c>
      <c r="F304" s="9" t="s">
        <v>235</v>
      </c>
      <c r="G304" s="9" t="s">
        <v>238</v>
      </c>
      <c r="H304" s="6">
        <v>16</v>
      </c>
      <c r="I304" s="6">
        <v>10</v>
      </c>
      <c r="J304" s="6">
        <v>10</v>
      </c>
      <c r="K304" s="6">
        <v>6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2</v>
      </c>
      <c r="E305" s="9" t="s">
        <v>227</v>
      </c>
      <c r="F305" s="9" t="s">
        <v>235</v>
      </c>
      <c r="G305" s="9" t="s">
        <v>239</v>
      </c>
      <c r="H305" s="6">
        <v>6</v>
      </c>
      <c r="I305" s="6">
        <v>6</v>
      </c>
      <c r="J305" s="10" t="s">
        <v>55</v>
      </c>
      <c r="K305" s="10" t="s">
        <v>55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2</v>
      </c>
      <c r="E306" s="9" t="s">
        <v>227</v>
      </c>
      <c r="F306" s="9" t="s">
        <v>235</v>
      </c>
      <c r="G306" s="9" t="s">
        <v>240</v>
      </c>
      <c r="H306" s="6">
        <v>10</v>
      </c>
      <c r="I306" s="6">
        <v>10</v>
      </c>
      <c r="J306" s="6">
        <v>10</v>
      </c>
      <c r="K306" s="10" t="s">
        <v>55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2</v>
      </c>
      <c r="E307" s="9" t="s">
        <v>227</v>
      </c>
      <c r="F307" s="9" t="s">
        <v>235</v>
      </c>
      <c r="G307" s="9" t="s">
        <v>241</v>
      </c>
      <c r="H307" s="6">
        <v>17</v>
      </c>
      <c r="I307" s="6">
        <v>17</v>
      </c>
      <c r="J307" s="6">
        <v>11</v>
      </c>
      <c r="K307" s="10" t="s">
        <v>55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2</v>
      </c>
      <c r="E308" s="9" t="s">
        <v>227</v>
      </c>
      <c r="F308" s="9" t="s">
        <v>235</v>
      </c>
      <c r="G308" s="9" t="s">
        <v>242</v>
      </c>
      <c r="H308" s="6">
        <v>24</v>
      </c>
      <c r="I308" s="6">
        <v>24</v>
      </c>
      <c r="J308" s="6">
        <v>20</v>
      </c>
      <c r="K308" s="10" t="s">
        <v>55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2</v>
      </c>
      <c r="E309" s="9" t="s">
        <v>227</v>
      </c>
      <c r="F309" s="9" t="s">
        <v>235</v>
      </c>
      <c r="G309" s="9" t="s">
        <v>243</v>
      </c>
      <c r="H309" s="10" t="s">
        <v>55</v>
      </c>
      <c r="I309" s="10" t="s">
        <v>55</v>
      </c>
      <c r="J309" s="10" t="s">
        <v>55</v>
      </c>
      <c r="K309" s="10" t="s">
        <v>55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2</v>
      </c>
      <c r="E310" s="9" t="s">
        <v>227</v>
      </c>
      <c r="F310" s="9" t="s">
        <v>235</v>
      </c>
      <c r="G310" s="9" t="s">
        <v>244</v>
      </c>
      <c r="H310" s="6">
        <v>10</v>
      </c>
      <c r="I310" s="6">
        <v>6</v>
      </c>
      <c r="J310" s="6">
        <v>6</v>
      </c>
      <c r="K310" s="6">
        <v>4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2</v>
      </c>
      <c r="E311" s="9" t="s">
        <v>227</v>
      </c>
      <c r="F311" s="9" t="s">
        <v>235</v>
      </c>
      <c r="G311" s="9" t="s">
        <v>245</v>
      </c>
      <c r="H311" s="10" t="s">
        <v>55</v>
      </c>
      <c r="I311" s="10" t="s">
        <v>55</v>
      </c>
      <c r="J311" s="10" t="s">
        <v>55</v>
      </c>
      <c r="K311" s="10" t="s">
        <v>55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2</v>
      </c>
      <c r="E312" s="9" t="s">
        <v>227</v>
      </c>
      <c r="F312" s="9" t="s">
        <v>235</v>
      </c>
      <c r="G312" s="9" t="s">
        <v>246</v>
      </c>
      <c r="H312" s="10" t="s">
        <v>55</v>
      </c>
      <c r="I312" s="10" t="s">
        <v>55</v>
      </c>
      <c r="J312" s="10" t="s">
        <v>55</v>
      </c>
      <c r="K312" s="10" t="s">
        <v>55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2</v>
      </c>
      <c r="E313" s="9" t="s">
        <v>227</v>
      </c>
      <c r="F313" s="9" t="s">
        <v>235</v>
      </c>
      <c r="G313" s="9" t="s">
        <v>247</v>
      </c>
      <c r="H313" s="10" t="s">
        <v>55</v>
      </c>
      <c r="I313" s="10" t="s">
        <v>55</v>
      </c>
      <c r="J313" s="10" t="s">
        <v>55</v>
      </c>
      <c r="K313" s="10" t="s">
        <v>55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2</v>
      </c>
      <c r="E314" s="9" t="s">
        <v>227</v>
      </c>
      <c r="F314" s="9" t="s">
        <v>235</v>
      </c>
      <c r="G314" s="9" t="s">
        <v>248</v>
      </c>
      <c r="H314" s="6">
        <v>10</v>
      </c>
      <c r="I314" s="6">
        <v>10</v>
      </c>
      <c r="J314" s="6">
        <v>10</v>
      </c>
      <c r="K314" s="10" t="s">
        <v>55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2</v>
      </c>
      <c r="E315" s="9" t="s">
        <v>227</v>
      </c>
      <c r="F315" s="9" t="s">
        <v>235</v>
      </c>
      <c r="G315" s="9" t="s">
        <v>249</v>
      </c>
      <c r="H315" s="6">
        <v>5</v>
      </c>
      <c r="I315" s="6">
        <v>5</v>
      </c>
      <c r="J315" s="6">
        <v>5</v>
      </c>
      <c r="K315" s="10" t="s">
        <v>55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2</v>
      </c>
      <c r="E316" s="9" t="s">
        <v>227</v>
      </c>
      <c r="F316" s="9" t="s">
        <v>235</v>
      </c>
      <c r="G316" s="9" t="s">
        <v>250</v>
      </c>
      <c r="H316" s="6">
        <v>4</v>
      </c>
      <c r="I316" s="6">
        <v>4</v>
      </c>
      <c r="J316" s="10" t="s">
        <v>55</v>
      </c>
      <c r="K316" s="10" t="s">
        <v>55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2</v>
      </c>
      <c r="E317" s="9" t="s">
        <v>227</v>
      </c>
      <c r="F317" s="9" t="s">
        <v>235</v>
      </c>
      <c r="G317" s="9" t="s">
        <v>251</v>
      </c>
      <c r="H317" s="6">
        <v>6</v>
      </c>
      <c r="I317" s="6">
        <v>6</v>
      </c>
      <c r="J317" s="6">
        <v>6</v>
      </c>
      <c r="K317" s="10" t="s">
        <v>55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2</v>
      </c>
      <c r="E318" s="9" t="s">
        <v>227</v>
      </c>
      <c r="F318" s="9" t="s">
        <v>235</v>
      </c>
      <c r="G318" s="9" t="s">
        <v>252</v>
      </c>
      <c r="H318" s="10" t="s">
        <v>55</v>
      </c>
      <c r="I318" s="10" t="s">
        <v>55</v>
      </c>
      <c r="J318" s="10" t="s">
        <v>55</v>
      </c>
      <c r="K318" s="10" t="s">
        <v>55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2</v>
      </c>
      <c r="E319" s="9" t="s">
        <v>227</v>
      </c>
      <c r="F319" s="9" t="s">
        <v>235</v>
      </c>
      <c r="G319" s="9" t="s">
        <v>253</v>
      </c>
      <c r="H319" s="6">
        <v>5</v>
      </c>
      <c r="I319" s="6">
        <v>5</v>
      </c>
      <c r="J319" s="6">
        <v>5</v>
      </c>
      <c r="K319" s="10" t="s">
        <v>55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2</v>
      </c>
      <c r="E320" s="9" t="s">
        <v>227</v>
      </c>
      <c r="F320" s="9" t="s">
        <v>235</v>
      </c>
      <c r="G320" s="9" t="s">
        <v>254</v>
      </c>
      <c r="H320" s="6">
        <v>5</v>
      </c>
      <c r="I320" s="6">
        <v>5</v>
      </c>
      <c r="J320" s="6">
        <v>5</v>
      </c>
      <c r="K320" s="10" t="s">
        <v>55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2</v>
      </c>
      <c r="E321" s="9" t="s">
        <v>227</v>
      </c>
      <c r="F321" s="9" t="s">
        <v>235</v>
      </c>
      <c r="G321" s="9" t="s">
        <v>255</v>
      </c>
      <c r="H321" s="10" t="s">
        <v>55</v>
      </c>
      <c r="I321" s="10" t="s">
        <v>55</v>
      </c>
      <c r="J321" s="10" t="s">
        <v>55</v>
      </c>
      <c r="K321" s="10" t="s">
        <v>55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2</v>
      </c>
      <c r="E322" s="9" t="s">
        <v>227</v>
      </c>
      <c r="F322" s="9" t="s">
        <v>235</v>
      </c>
      <c r="G322" s="9" t="s">
        <v>256</v>
      </c>
      <c r="H322" s="6">
        <v>847</v>
      </c>
      <c r="I322" s="6">
        <v>478</v>
      </c>
      <c r="J322" s="6">
        <v>429</v>
      </c>
      <c r="K322" s="6">
        <v>369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2</v>
      </c>
      <c r="E323" s="9" t="s">
        <v>228</v>
      </c>
      <c r="F323" s="9" t="s">
        <v>6</v>
      </c>
      <c r="G323" s="9" t="s">
        <v>30</v>
      </c>
      <c r="H323" s="6">
        <v>1661</v>
      </c>
      <c r="I323" s="6">
        <v>292</v>
      </c>
      <c r="J323" s="6">
        <v>247</v>
      </c>
      <c r="K323" s="6">
        <v>1364</v>
      </c>
      <c r="L323" s="6">
        <v>5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2</v>
      </c>
      <c r="E324" s="9" t="s">
        <v>228</v>
      </c>
      <c r="F324" s="9" t="s">
        <v>234</v>
      </c>
      <c r="G324" s="9" t="s">
        <v>30</v>
      </c>
      <c r="H324" s="6">
        <v>279</v>
      </c>
      <c r="I324" s="6">
        <v>46</v>
      </c>
      <c r="J324" s="6">
        <v>43</v>
      </c>
      <c r="K324" s="6">
        <v>233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2</v>
      </c>
      <c r="E325" s="9" t="s">
        <v>228</v>
      </c>
      <c r="F325" s="9" t="s">
        <v>235</v>
      </c>
      <c r="G325" s="9" t="s">
        <v>30</v>
      </c>
      <c r="H325" s="6">
        <v>1382</v>
      </c>
      <c r="I325" s="6">
        <v>246</v>
      </c>
      <c r="J325" s="6">
        <v>204</v>
      </c>
      <c r="K325" s="6">
        <v>1131</v>
      </c>
      <c r="L325" s="6">
        <v>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2</v>
      </c>
      <c r="E326" s="9" t="s">
        <v>228</v>
      </c>
      <c r="F326" s="9" t="s">
        <v>235</v>
      </c>
      <c r="G326" s="9" t="s">
        <v>236</v>
      </c>
      <c r="H326" s="10" t="s">
        <v>55</v>
      </c>
      <c r="I326" s="10" t="s">
        <v>55</v>
      </c>
      <c r="J326" s="10" t="s">
        <v>55</v>
      </c>
      <c r="K326" s="10" t="s">
        <v>55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2</v>
      </c>
      <c r="E327" s="9" t="s">
        <v>228</v>
      </c>
      <c r="F327" s="9" t="s">
        <v>235</v>
      </c>
      <c r="G327" s="9" t="s">
        <v>237</v>
      </c>
      <c r="H327" s="10" t="s">
        <v>55</v>
      </c>
      <c r="I327" s="10" t="s">
        <v>55</v>
      </c>
      <c r="J327" s="10" t="s">
        <v>55</v>
      </c>
      <c r="K327" s="10" t="s">
        <v>55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2</v>
      </c>
      <c r="E328" s="9" t="s">
        <v>228</v>
      </c>
      <c r="F328" s="9" t="s">
        <v>235</v>
      </c>
      <c r="G328" s="9" t="s">
        <v>238</v>
      </c>
      <c r="H328" s="10" t="s">
        <v>55</v>
      </c>
      <c r="I328" s="10" t="s">
        <v>55</v>
      </c>
      <c r="J328" s="10" t="s">
        <v>55</v>
      </c>
      <c r="K328" s="10" t="s">
        <v>55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2</v>
      </c>
      <c r="E329" s="9" t="s">
        <v>228</v>
      </c>
      <c r="F329" s="9" t="s">
        <v>235</v>
      </c>
      <c r="G329" s="9" t="s">
        <v>239</v>
      </c>
      <c r="H329" s="10" t="s">
        <v>55</v>
      </c>
      <c r="I329" s="10" t="s">
        <v>55</v>
      </c>
      <c r="J329" s="10" t="s">
        <v>55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2</v>
      </c>
      <c r="E330" s="9" t="s">
        <v>228</v>
      </c>
      <c r="F330" s="9" t="s">
        <v>235</v>
      </c>
      <c r="G330" s="9" t="s">
        <v>240</v>
      </c>
      <c r="H330" s="10" t="s">
        <v>55</v>
      </c>
      <c r="I330" s="10" t="s">
        <v>55</v>
      </c>
      <c r="J330" s="10" t="s">
        <v>55</v>
      </c>
      <c r="K330" s="10" t="s">
        <v>55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2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2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2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2</v>
      </c>
      <c r="E334" s="9" t="s">
        <v>228</v>
      </c>
      <c r="F334" s="9" t="s">
        <v>235</v>
      </c>
      <c r="G334" s="9" t="s">
        <v>244</v>
      </c>
      <c r="H334" s="10" t="s">
        <v>55</v>
      </c>
      <c r="I334" s="10" t="s">
        <v>55</v>
      </c>
      <c r="J334" s="10" t="s">
        <v>55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2</v>
      </c>
      <c r="E335" s="9" t="s">
        <v>228</v>
      </c>
      <c r="F335" s="9" t="s">
        <v>235</v>
      </c>
      <c r="G335" s="9" t="s">
        <v>245</v>
      </c>
      <c r="H335" s="10" t="s">
        <v>55</v>
      </c>
      <c r="I335" s="10" t="s">
        <v>55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2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2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2</v>
      </c>
      <c r="E338" s="9" t="s">
        <v>228</v>
      </c>
      <c r="F338" s="9" t="s">
        <v>235</v>
      </c>
      <c r="G338" s="9" t="s">
        <v>248</v>
      </c>
      <c r="H338" s="10" t="s">
        <v>55</v>
      </c>
      <c r="I338" s="10" t="s">
        <v>55</v>
      </c>
      <c r="J338" s="10" t="s">
        <v>55</v>
      </c>
      <c r="K338" s="10" t="s">
        <v>55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2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2</v>
      </c>
      <c r="E340" s="9" t="s">
        <v>228</v>
      </c>
      <c r="F340" s="9" t="s">
        <v>235</v>
      </c>
      <c r="G340" s="9" t="s">
        <v>250</v>
      </c>
      <c r="H340" s="10" t="s">
        <v>55</v>
      </c>
      <c r="I340" s="10" t="s">
        <v>55</v>
      </c>
      <c r="J340" s="10" t="s">
        <v>55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2</v>
      </c>
      <c r="E341" s="9" t="s">
        <v>228</v>
      </c>
      <c r="F341" s="9" t="s">
        <v>235</v>
      </c>
      <c r="G341" s="9" t="s">
        <v>251</v>
      </c>
      <c r="H341" s="10" t="s">
        <v>55</v>
      </c>
      <c r="I341" s="10" t="s">
        <v>55</v>
      </c>
      <c r="J341" s="10" t="s">
        <v>55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2</v>
      </c>
      <c r="E342" s="9" t="s">
        <v>228</v>
      </c>
      <c r="F342" s="9" t="s">
        <v>235</v>
      </c>
      <c r="G342" s="9" t="s">
        <v>252</v>
      </c>
      <c r="H342" s="10" t="s">
        <v>55</v>
      </c>
      <c r="I342" s="10" t="s">
        <v>55</v>
      </c>
      <c r="J342" s="10" t="s">
        <v>55</v>
      </c>
      <c r="K342" s="10" t="s">
        <v>55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2</v>
      </c>
      <c r="E343" s="9" t="s">
        <v>228</v>
      </c>
      <c r="F343" s="9" t="s">
        <v>235</v>
      </c>
      <c r="G343" s="9" t="s">
        <v>253</v>
      </c>
      <c r="H343" s="10" t="s">
        <v>55</v>
      </c>
      <c r="I343" s="10" t="s">
        <v>55</v>
      </c>
      <c r="J343" s="10" t="s">
        <v>55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2</v>
      </c>
      <c r="E344" s="9" t="s">
        <v>228</v>
      </c>
      <c r="F344" s="9" t="s">
        <v>235</v>
      </c>
      <c r="G344" s="9" t="s">
        <v>254</v>
      </c>
      <c r="H344" s="10" t="s">
        <v>55</v>
      </c>
      <c r="I344" s="10" t="s">
        <v>55</v>
      </c>
      <c r="J344" s="10" t="s">
        <v>55</v>
      </c>
      <c r="K344" s="10" t="s">
        <v>55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2</v>
      </c>
      <c r="E345" s="9" t="s">
        <v>228</v>
      </c>
      <c r="F345" s="9" t="s">
        <v>235</v>
      </c>
      <c r="G345" s="9" t="s">
        <v>255</v>
      </c>
      <c r="H345" s="10" t="s">
        <v>55</v>
      </c>
      <c r="I345" s="10" t="s">
        <v>55</v>
      </c>
      <c r="J345" s="10" t="s">
        <v>55</v>
      </c>
      <c r="K345" s="10" t="s">
        <v>55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2</v>
      </c>
      <c r="E346" s="9" t="s">
        <v>228</v>
      </c>
      <c r="F346" s="9" t="s">
        <v>235</v>
      </c>
      <c r="G346" s="9" t="s">
        <v>256</v>
      </c>
      <c r="H346" s="6">
        <v>1382</v>
      </c>
      <c r="I346" s="6">
        <v>246</v>
      </c>
      <c r="J346" s="6">
        <v>204</v>
      </c>
      <c r="K346" s="6">
        <v>1131</v>
      </c>
      <c r="L346" s="6">
        <v>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2</v>
      </c>
      <c r="E347" s="9" t="s">
        <v>18</v>
      </c>
      <c r="F347" s="9" t="s">
        <v>6</v>
      </c>
      <c r="G347" s="9" t="s">
        <v>30</v>
      </c>
      <c r="H347" s="6">
        <v>134</v>
      </c>
      <c r="I347" s="10" t="s">
        <v>55</v>
      </c>
      <c r="J347" s="10" t="s">
        <v>55</v>
      </c>
      <c r="K347" s="6">
        <v>5</v>
      </c>
      <c r="L347" s="6">
        <v>129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2</v>
      </c>
      <c r="E348" s="9" t="s">
        <v>18</v>
      </c>
      <c r="F348" s="9" t="s">
        <v>234</v>
      </c>
      <c r="G348" s="9" t="s">
        <v>30</v>
      </c>
      <c r="H348" s="6">
        <v>32</v>
      </c>
      <c r="I348" s="10" t="s">
        <v>55</v>
      </c>
      <c r="J348" s="10" t="s">
        <v>55</v>
      </c>
      <c r="K348" s="10" t="s">
        <v>55</v>
      </c>
      <c r="L348" s="6">
        <v>32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2</v>
      </c>
      <c r="E349" s="9" t="s">
        <v>18</v>
      </c>
      <c r="F349" s="9" t="s">
        <v>235</v>
      </c>
      <c r="G349" s="9" t="s">
        <v>30</v>
      </c>
      <c r="H349" s="6">
        <v>102</v>
      </c>
      <c r="I349" s="10" t="s">
        <v>55</v>
      </c>
      <c r="J349" s="10" t="s">
        <v>55</v>
      </c>
      <c r="K349" s="6">
        <v>5</v>
      </c>
      <c r="L349" s="6">
        <v>97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2</v>
      </c>
      <c r="E350" s="9" t="s">
        <v>18</v>
      </c>
      <c r="F350" s="9" t="s">
        <v>235</v>
      </c>
      <c r="G350" s="9" t="s">
        <v>236</v>
      </c>
      <c r="H350" s="10" t="s">
        <v>55</v>
      </c>
      <c r="I350" s="10" t="s">
        <v>55</v>
      </c>
      <c r="J350" s="10" t="s">
        <v>55</v>
      </c>
      <c r="K350" s="10" t="s">
        <v>55</v>
      </c>
      <c r="L350" s="10" t="s">
        <v>55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2</v>
      </c>
      <c r="E351" s="9" t="s">
        <v>18</v>
      </c>
      <c r="F351" s="9" t="s">
        <v>235</v>
      </c>
      <c r="G351" s="9" t="s">
        <v>237</v>
      </c>
      <c r="H351" s="10" t="s">
        <v>55</v>
      </c>
      <c r="I351" s="10" t="s">
        <v>55</v>
      </c>
      <c r="J351" s="10" t="s">
        <v>55</v>
      </c>
      <c r="K351" s="10" t="s">
        <v>55</v>
      </c>
      <c r="L351" s="10" t="s">
        <v>55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2</v>
      </c>
      <c r="E352" s="9" t="s">
        <v>18</v>
      </c>
      <c r="F352" s="9" t="s">
        <v>235</v>
      </c>
      <c r="G352" s="9" t="s">
        <v>238</v>
      </c>
      <c r="H352" s="6">
        <v>15</v>
      </c>
      <c r="I352" s="10" t="s">
        <v>55</v>
      </c>
      <c r="J352" s="10" t="s">
        <v>55</v>
      </c>
      <c r="K352" s="10" t="s">
        <v>55</v>
      </c>
      <c r="L352" s="6">
        <v>15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2</v>
      </c>
      <c r="E353" s="9" t="s">
        <v>18</v>
      </c>
      <c r="F353" s="9" t="s">
        <v>235</v>
      </c>
      <c r="G353" s="9" t="s">
        <v>239</v>
      </c>
      <c r="H353" s="6">
        <v>6</v>
      </c>
      <c r="I353" s="10" t="s">
        <v>55</v>
      </c>
      <c r="J353" s="10" t="s">
        <v>55</v>
      </c>
      <c r="K353" s="10" t="s">
        <v>55</v>
      </c>
      <c r="L353" s="6">
        <v>6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2</v>
      </c>
      <c r="E354" s="9" t="s">
        <v>18</v>
      </c>
      <c r="F354" s="9" t="s">
        <v>235</v>
      </c>
      <c r="G354" s="9" t="s">
        <v>240</v>
      </c>
      <c r="H354" s="10" t="s">
        <v>55</v>
      </c>
      <c r="I354" s="10" t="s">
        <v>55</v>
      </c>
      <c r="J354" s="10" t="s">
        <v>55</v>
      </c>
      <c r="K354" s="10" t="s">
        <v>55</v>
      </c>
      <c r="L354" s="10" t="s">
        <v>55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2</v>
      </c>
      <c r="E355" s="9" t="s">
        <v>18</v>
      </c>
      <c r="F355" s="9" t="s">
        <v>235</v>
      </c>
      <c r="G355" s="9" t="s">
        <v>241</v>
      </c>
      <c r="H355" s="10" t="s">
        <v>55</v>
      </c>
      <c r="I355" s="10" t="s">
        <v>55</v>
      </c>
      <c r="J355" s="10" t="s">
        <v>55</v>
      </c>
      <c r="K355" s="10" t="s">
        <v>55</v>
      </c>
      <c r="L355" s="10" t="s">
        <v>55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2</v>
      </c>
      <c r="E356" s="9" t="s">
        <v>18</v>
      </c>
      <c r="F356" s="9" t="s">
        <v>235</v>
      </c>
      <c r="G356" s="9" t="s">
        <v>242</v>
      </c>
      <c r="H356" s="10" t="s">
        <v>55</v>
      </c>
      <c r="I356" s="10" t="s">
        <v>55</v>
      </c>
      <c r="J356" s="10" t="s">
        <v>55</v>
      </c>
      <c r="K356" s="10" t="s">
        <v>55</v>
      </c>
      <c r="L356" s="10" t="s">
        <v>55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2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2</v>
      </c>
      <c r="E358" s="9" t="s">
        <v>18</v>
      </c>
      <c r="F358" s="9" t="s">
        <v>235</v>
      </c>
      <c r="G358" s="9" t="s">
        <v>244</v>
      </c>
      <c r="H358" s="10" t="s">
        <v>55</v>
      </c>
      <c r="I358" s="10" t="s">
        <v>55</v>
      </c>
      <c r="J358" s="10" t="s">
        <v>55</v>
      </c>
      <c r="K358" s="10" t="s">
        <v>55</v>
      </c>
      <c r="L358" s="10" t="s">
        <v>55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2</v>
      </c>
      <c r="E359" s="9" t="s">
        <v>18</v>
      </c>
      <c r="F359" s="9" t="s">
        <v>235</v>
      </c>
      <c r="G359" s="9" t="s">
        <v>245</v>
      </c>
      <c r="H359" s="10" t="s">
        <v>55</v>
      </c>
      <c r="I359" s="10" t="s">
        <v>55</v>
      </c>
      <c r="J359" s="10" t="s">
        <v>55</v>
      </c>
      <c r="K359" s="10" t="s">
        <v>55</v>
      </c>
      <c r="L359" s="10" t="s">
        <v>55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2</v>
      </c>
      <c r="E360" s="9" t="s">
        <v>18</v>
      </c>
      <c r="F360" s="9" t="s">
        <v>235</v>
      </c>
      <c r="G360" s="9" t="s">
        <v>246</v>
      </c>
      <c r="H360" s="10" t="s">
        <v>55</v>
      </c>
      <c r="I360" s="10" t="s">
        <v>55</v>
      </c>
      <c r="J360" s="10" t="s">
        <v>55</v>
      </c>
      <c r="K360" s="10" t="s">
        <v>55</v>
      </c>
      <c r="L360" s="10" t="s">
        <v>55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2</v>
      </c>
      <c r="E361" s="9" t="s">
        <v>18</v>
      </c>
      <c r="F361" s="9" t="s">
        <v>235</v>
      </c>
      <c r="G361" s="9" t="s">
        <v>247</v>
      </c>
      <c r="H361" s="6">
        <v>6</v>
      </c>
      <c r="I361" s="10" t="s">
        <v>55</v>
      </c>
      <c r="J361" s="10" t="s">
        <v>55</v>
      </c>
      <c r="K361" s="10" t="s">
        <v>55</v>
      </c>
      <c r="L361" s="6">
        <v>6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2</v>
      </c>
      <c r="E362" s="9" t="s">
        <v>18</v>
      </c>
      <c r="F362" s="9" t="s">
        <v>235</v>
      </c>
      <c r="G362" s="9" t="s">
        <v>248</v>
      </c>
      <c r="H362" s="10" t="s">
        <v>55</v>
      </c>
      <c r="I362" s="10" t="s">
        <v>55</v>
      </c>
      <c r="J362" s="10" t="s">
        <v>55</v>
      </c>
      <c r="K362" s="10" t="s">
        <v>55</v>
      </c>
      <c r="L362" s="10" t="s">
        <v>55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2</v>
      </c>
      <c r="E363" s="9" t="s">
        <v>18</v>
      </c>
      <c r="F363" s="9" t="s">
        <v>235</v>
      </c>
      <c r="G363" s="9" t="s">
        <v>249</v>
      </c>
      <c r="H363" s="10" t="s">
        <v>55</v>
      </c>
      <c r="I363" s="10" t="s">
        <v>55</v>
      </c>
      <c r="J363" s="10" t="s">
        <v>55</v>
      </c>
      <c r="K363" s="10" t="s">
        <v>55</v>
      </c>
      <c r="L363" s="10" t="s">
        <v>55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2</v>
      </c>
      <c r="E364" s="9" t="s">
        <v>18</v>
      </c>
      <c r="F364" s="9" t="s">
        <v>235</v>
      </c>
      <c r="G364" s="9" t="s">
        <v>250</v>
      </c>
      <c r="H364" s="10" t="s">
        <v>55</v>
      </c>
      <c r="I364" s="10" t="s">
        <v>55</v>
      </c>
      <c r="J364" s="10" t="s">
        <v>55</v>
      </c>
      <c r="K364" s="10" t="s">
        <v>55</v>
      </c>
      <c r="L364" s="10" t="s">
        <v>55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2</v>
      </c>
      <c r="E365" s="9" t="s">
        <v>18</v>
      </c>
      <c r="F365" s="9" t="s">
        <v>235</v>
      </c>
      <c r="G365" s="9" t="s">
        <v>251</v>
      </c>
      <c r="H365" s="10" t="s">
        <v>55</v>
      </c>
      <c r="I365" s="10" t="s">
        <v>55</v>
      </c>
      <c r="J365" s="10" t="s">
        <v>55</v>
      </c>
      <c r="K365" s="10" t="s">
        <v>55</v>
      </c>
      <c r="L365" s="10" t="s">
        <v>55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2</v>
      </c>
      <c r="E366" s="9" t="s">
        <v>18</v>
      </c>
      <c r="F366" s="9" t="s">
        <v>235</v>
      </c>
      <c r="G366" s="9" t="s">
        <v>252</v>
      </c>
      <c r="H366" s="6">
        <v>5</v>
      </c>
      <c r="I366" s="10" t="s">
        <v>55</v>
      </c>
      <c r="J366" s="10" t="s">
        <v>55</v>
      </c>
      <c r="K366" s="10" t="s">
        <v>55</v>
      </c>
      <c r="L366" s="6">
        <v>5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2</v>
      </c>
      <c r="E367" s="9" t="s">
        <v>18</v>
      </c>
      <c r="F367" s="9" t="s">
        <v>235</v>
      </c>
      <c r="G367" s="9" t="s">
        <v>253</v>
      </c>
      <c r="H367" s="10" t="s">
        <v>55</v>
      </c>
      <c r="I367" s="10" t="s">
        <v>55</v>
      </c>
      <c r="J367" s="10" t="s">
        <v>55</v>
      </c>
      <c r="K367" s="10" t="s">
        <v>55</v>
      </c>
      <c r="L367" s="10" t="s">
        <v>55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2</v>
      </c>
      <c r="E368" s="9" t="s">
        <v>18</v>
      </c>
      <c r="F368" s="9" t="s">
        <v>235</v>
      </c>
      <c r="G368" s="9" t="s">
        <v>254</v>
      </c>
      <c r="H368" s="10" t="s">
        <v>55</v>
      </c>
      <c r="I368" s="10" t="s">
        <v>55</v>
      </c>
      <c r="J368" s="10" t="s">
        <v>55</v>
      </c>
      <c r="K368" s="10" t="s">
        <v>55</v>
      </c>
      <c r="L368" s="10" t="s">
        <v>55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2</v>
      </c>
      <c r="E369" s="9" t="s">
        <v>18</v>
      </c>
      <c r="F369" s="9" t="s">
        <v>235</v>
      </c>
      <c r="G369" s="9" t="s">
        <v>255</v>
      </c>
      <c r="H369" s="10" t="s">
        <v>55</v>
      </c>
      <c r="I369" s="10" t="s">
        <v>55</v>
      </c>
      <c r="J369" s="10" t="s">
        <v>55</v>
      </c>
      <c r="K369" s="10" t="s">
        <v>55</v>
      </c>
      <c r="L369" s="10" t="s">
        <v>55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2</v>
      </c>
      <c r="E370" s="9" t="s">
        <v>18</v>
      </c>
      <c r="F370" s="9" t="s">
        <v>235</v>
      </c>
      <c r="G370" s="9" t="s">
        <v>256</v>
      </c>
      <c r="H370" s="6">
        <v>70</v>
      </c>
      <c r="I370" s="10" t="s">
        <v>55</v>
      </c>
      <c r="J370" s="10" t="s">
        <v>55</v>
      </c>
      <c r="K370" s="6">
        <v>5</v>
      </c>
      <c r="L370" s="6">
        <v>6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60AC8DA-F67D-4D06-904F-70B9709C5311}">
  <sheetPr>
    <pageSetUpPr fitToPage="1"/>
  </sheetPr>
  <dimension ref="A1:L370"/>
  <sheetViews>
    <sheetView zoomScaleNormal="100" workbookViewId="0">
      <pane xSplit="7" ySplit="10" topLeftCell="H11" activePane="bottomRight" state="frozen"/>
      <selection activeCell="D7" sqref="D7"/>
      <selection pane="topRight" activeCell="D7" sqref="D7"/>
      <selection pane="bottomLeft" activeCell="D7" sqref="D7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1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69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32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4</v>
      </c>
      <c r="E11" s="5" t="s">
        <v>6</v>
      </c>
      <c r="F11" s="5" t="s">
        <v>6</v>
      </c>
      <c r="G11" s="5" t="s">
        <v>30</v>
      </c>
      <c r="H11" s="6">
        <v>10070073</v>
      </c>
      <c r="I11" s="6">
        <v>7020861</v>
      </c>
      <c r="J11" s="6">
        <v>6030786</v>
      </c>
      <c r="K11" s="6">
        <v>2639417</v>
      </c>
      <c r="L11" s="6">
        <v>409795</v>
      </c>
    </row>
    <row r="12" spans="1:12">
      <c r="A12" s="9" t="s">
        <v>27</v>
      </c>
      <c r="B12" s="9" t="s">
        <v>28</v>
      </c>
      <c r="C12" s="9" t="s">
        <v>29</v>
      </c>
      <c r="D12" s="9" t="s">
        <v>264</v>
      </c>
      <c r="E12" s="9" t="s">
        <v>6</v>
      </c>
      <c r="F12" s="9" t="s">
        <v>234</v>
      </c>
      <c r="G12" s="9" t="s">
        <v>30</v>
      </c>
      <c r="H12" s="6">
        <v>168061</v>
      </c>
      <c r="I12" s="6">
        <v>122010</v>
      </c>
      <c r="J12" s="6">
        <v>105912</v>
      </c>
      <c r="K12" s="6">
        <v>39794</v>
      </c>
      <c r="L12" s="6">
        <v>6257</v>
      </c>
    </row>
    <row r="13" spans="1:12">
      <c r="A13" s="9" t="s">
        <v>27</v>
      </c>
      <c r="B13" s="9" t="s">
        <v>28</v>
      </c>
      <c r="C13" s="9" t="s">
        <v>29</v>
      </c>
      <c r="D13" s="9" t="s">
        <v>264</v>
      </c>
      <c r="E13" s="9" t="s">
        <v>6</v>
      </c>
      <c r="F13" s="9" t="s">
        <v>235</v>
      </c>
      <c r="G13" s="9" t="s">
        <v>30</v>
      </c>
      <c r="H13" s="6">
        <v>9902012</v>
      </c>
      <c r="I13" s="6">
        <v>6898851</v>
      </c>
      <c r="J13" s="6">
        <v>5924874</v>
      </c>
      <c r="K13" s="6">
        <v>2599623</v>
      </c>
      <c r="L13" s="6">
        <v>403538</v>
      </c>
    </row>
    <row r="14" spans="1:12">
      <c r="A14" s="9" t="s">
        <v>27</v>
      </c>
      <c r="B14" s="9" t="s">
        <v>28</v>
      </c>
      <c r="C14" s="9" t="s">
        <v>29</v>
      </c>
      <c r="D14" s="9" t="s">
        <v>264</v>
      </c>
      <c r="E14" s="9" t="s">
        <v>6</v>
      </c>
      <c r="F14" s="9" t="s">
        <v>235</v>
      </c>
      <c r="G14" s="9" t="s">
        <v>236</v>
      </c>
      <c r="H14" s="6">
        <v>322859</v>
      </c>
      <c r="I14" s="6">
        <v>156097</v>
      </c>
      <c r="J14" s="6">
        <v>136343</v>
      </c>
      <c r="K14" s="6">
        <v>145925</v>
      </c>
      <c r="L14" s="6">
        <v>20837</v>
      </c>
    </row>
    <row r="15" spans="1:12">
      <c r="A15" s="9" t="s">
        <v>27</v>
      </c>
      <c r="B15" s="9" t="s">
        <v>28</v>
      </c>
      <c r="C15" s="9" t="s">
        <v>29</v>
      </c>
      <c r="D15" s="9" t="s">
        <v>264</v>
      </c>
      <c r="E15" s="9" t="s">
        <v>6</v>
      </c>
      <c r="F15" s="9" t="s">
        <v>235</v>
      </c>
      <c r="G15" s="9" t="s">
        <v>237</v>
      </c>
      <c r="H15" s="6">
        <v>330198</v>
      </c>
      <c r="I15" s="6">
        <v>204138</v>
      </c>
      <c r="J15" s="6">
        <v>179207</v>
      </c>
      <c r="K15" s="6">
        <v>105941</v>
      </c>
      <c r="L15" s="6">
        <v>20119</v>
      </c>
    </row>
    <row r="16" spans="1:12">
      <c r="A16" s="9" t="s">
        <v>27</v>
      </c>
      <c r="B16" s="9" t="s">
        <v>28</v>
      </c>
      <c r="C16" s="9" t="s">
        <v>29</v>
      </c>
      <c r="D16" s="9" t="s">
        <v>264</v>
      </c>
      <c r="E16" s="9" t="s">
        <v>6</v>
      </c>
      <c r="F16" s="9" t="s">
        <v>235</v>
      </c>
      <c r="G16" s="9" t="s">
        <v>238</v>
      </c>
      <c r="H16" s="6">
        <v>299744</v>
      </c>
      <c r="I16" s="6">
        <v>205195</v>
      </c>
      <c r="J16" s="6">
        <v>180285</v>
      </c>
      <c r="K16" s="6">
        <v>77311</v>
      </c>
      <c r="L16" s="6">
        <v>17238</v>
      </c>
    </row>
    <row r="17" spans="1:12">
      <c r="A17" s="9" t="s">
        <v>27</v>
      </c>
      <c r="B17" s="9" t="s">
        <v>28</v>
      </c>
      <c r="C17" s="9" t="s">
        <v>29</v>
      </c>
      <c r="D17" s="9" t="s">
        <v>264</v>
      </c>
      <c r="E17" s="9" t="s">
        <v>6</v>
      </c>
      <c r="F17" s="9" t="s">
        <v>235</v>
      </c>
      <c r="G17" s="9" t="s">
        <v>239</v>
      </c>
      <c r="H17" s="6">
        <v>274894</v>
      </c>
      <c r="I17" s="6">
        <v>201193</v>
      </c>
      <c r="J17" s="6">
        <v>177022</v>
      </c>
      <c r="K17" s="6">
        <v>59409</v>
      </c>
      <c r="L17" s="6">
        <v>14292</v>
      </c>
    </row>
    <row r="18" spans="1:12">
      <c r="A18" s="9" t="s">
        <v>27</v>
      </c>
      <c r="B18" s="9" t="s">
        <v>28</v>
      </c>
      <c r="C18" s="9" t="s">
        <v>29</v>
      </c>
      <c r="D18" s="9" t="s">
        <v>264</v>
      </c>
      <c r="E18" s="9" t="s">
        <v>6</v>
      </c>
      <c r="F18" s="9" t="s">
        <v>235</v>
      </c>
      <c r="G18" s="9" t="s">
        <v>240</v>
      </c>
      <c r="H18" s="6">
        <v>266538</v>
      </c>
      <c r="I18" s="6">
        <v>203920</v>
      </c>
      <c r="J18" s="6">
        <v>179740</v>
      </c>
      <c r="K18" s="6">
        <v>49046</v>
      </c>
      <c r="L18" s="6">
        <v>13572</v>
      </c>
    </row>
    <row r="19" spans="1:12">
      <c r="A19" s="9" t="s">
        <v>27</v>
      </c>
      <c r="B19" s="9" t="s">
        <v>28</v>
      </c>
      <c r="C19" s="9" t="s">
        <v>29</v>
      </c>
      <c r="D19" s="9" t="s">
        <v>264</v>
      </c>
      <c r="E19" s="9" t="s">
        <v>6</v>
      </c>
      <c r="F19" s="9" t="s">
        <v>235</v>
      </c>
      <c r="G19" s="9" t="s">
        <v>241</v>
      </c>
      <c r="H19" s="6">
        <v>262510</v>
      </c>
      <c r="I19" s="6">
        <v>205116</v>
      </c>
      <c r="J19" s="6">
        <v>181259</v>
      </c>
      <c r="K19" s="6">
        <v>44594</v>
      </c>
      <c r="L19" s="6">
        <v>12800</v>
      </c>
    </row>
    <row r="20" spans="1:12">
      <c r="A20" s="9" t="s">
        <v>27</v>
      </c>
      <c r="B20" s="9" t="s">
        <v>28</v>
      </c>
      <c r="C20" s="9" t="s">
        <v>29</v>
      </c>
      <c r="D20" s="9" t="s">
        <v>264</v>
      </c>
      <c r="E20" s="9" t="s">
        <v>6</v>
      </c>
      <c r="F20" s="9" t="s">
        <v>235</v>
      </c>
      <c r="G20" s="9" t="s">
        <v>242</v>
      </c>
      <c r="H20" s="6">
        <v>260462</v>
      </c>
      <c r="I20" s="6">
        <v>207003</v>
      </c>
      <c r="J20" s="6">
        <v>182641</v>
      </c>
      <c r="K20" s="6">
        <v>40869</v>
      </c>
      <c r="L20" s="6">
        <v>12590</v>
      </c>
    </row>
    <row r="21" spans="1:12">
      <c r="A21" s="9" t="s">
        <v>27</v>
      </c>
      <c r="B21" s="9" t="s">
        <v>28</v>
      </c>
      <c r="C21" s="9" t="s">
        <v>29</v>
      </c>
      <c r="D21" s="9" t="s">
        <v>264</v>
      </c>
      <c r="E21" s="9" t="s">
        <v>6</v>
      </c>
      <c r="F21" s="9" t="s">
        <v>235</v>
      </c>
      <c r="G21" s="9" t="s">
        <v>243</v>
      </c>
      <c r="H21" s="6">
        <v>265473</v>
      </c>
      <c r="I21" s="6">
        <v>213470</v>
      </c>
      <c r="J21" s="6">
        <v>189378</v>
      </c>
      <c r="K21" s="6">
        <v>40449</v>
      </c>
      <c r="L21" s="6">
        <v>11554</v>
      </c>
    </row>
    <row r="22" spans="1:12">
      <c r="A22" s="9" t="s">
        <v>27</v>
      </c>
      <c r="B22" s="9" t="s">
        <v>28</v>
      </c>
      <c r="C22" s="9" t="s">
        <v>29</v>
      </c>
      <c r="D22" s="9" t="s">
        <v>264</v>
      </c>
      <c r="E22" s="9" t="s">
        <v>6</v>
      </c>
      <c r="F22" s="9" t="s">
        <v>235</v>
      </c>
      <c r="G22" s="9" t="s">
        <v>244</v>
      </c>
      <c r="H22" s="6">
        <v>266062</v>
      </c>
      <c r="I22" s="6">
        <v>217854</v>
      </c>
      <c r="J22" s="6">
        <v>194039</v>
      </c>
      <c r="K22" s="6">
        <v>36399</v>
      </c>
      <c r="L22" s="6">
        <v>11809</v>
      </c>
    </row>
    <row r="23" spans="1:12">
      <c r="A23" s="9" t="s">
        <v>27</v>
      </c>
      <c r="B23" s="9" t="s">
        <v>28</v>
      </c>
      <c r="C23" s="9" t="s">
        <v>29</v>
      </c>
      <c r="D23" s="9" t="s">
        <v>264</v>
      </c>
      <c r="E23" s="9" t="s">
        <v>6</v>
      </c>
      <c r="F23" s="9" t="s">
        <v>235</v>
      </c>
      <c r="G23" s="9" t="s">
        <v>245</v>
      </c>
      <c r="H23" s="6">
        <v>273039</v>
      </c>
      <c r="I23" s="6">
        <v>225092</v>
      </c>
      <c r="J23" s="6">
        <v>199962</v>
      </c>
      <c r="K23" s="6">
        <v>36032</v>
      </c>
      <c r="L23" s="6">
        <v>11915</v>
      </c>
    </row>
    <row r="24" spans="1:12">
      <c r="A24" s="9" t="s">
        <v>27</v>
      </c>
      <c r="B24" s="9" t="s">
        <v>28</v>
      </c>
      <c r="C24" s="9" t="s">
        <v>29</v>
      </c>
      <c r="D24" s="9" t="s">
        <v>264</v>
      </c>
      <c r="E24" s="9" t="s">
        <v>6</v>
      </c>
      <c r="F24" s="9" t="s">
        <v>235</v>
      </c>
      <c r="G24" s="9" t="s">
        <v>246</v>
      </c>
      <c r="H24" s="6">
        <v>273432</v>
      </c>
      <c r="I24" s="6">
        <v>225605</v>
      </c>
      <c r="J24" s="6">
        <v>200103</v>
      </c>
      <c r="K24" s="6">
        <v>35546</v>
      </c>
      <c r="L24" s="6">
        <v>12281</v>
      </c>
    </row>
    <row r="25" spans="1:12">
      <c r="A25" s="9" t="s">
        <v>27</v>
      </c>
      <c r="B25" s="9" t="s">
        <v>28</v>
      </c>
      <c r="C25" s="9" t="s">
        <v>29</v>
      </c>
      <c r="D25" s="9" t="s">
        <v>264</v>
      </c>
      <c r="E25" s="9" t="s">
        <v>6</v>
      </c>
      <c r="F25" s="9" t="s">
        <v>235</v>
      </c>
      <c r="G25" s="9" t="s">
        <v>247</v>
      </c>
      <c r="H25" s="6">
        <v>280257</v>
      </c>
      <c r="I25" s="6">
        <v>232107</v>
      </c>
      <c r="J25" s="6">
        <v>206875</v>
      </c>
      <c r="K25" s="6">
        <v>36336</v>
      </c>
      <c r="L25" s="6">
        <v>11814</v>
      </c>
    </row>
    <row r="26" spans="1:12">
      <c r="A26" s="9" t="s">
        <v>27</v>
      </c>
      <c r="B26" s="9" t="s">
        <v>28</v>
      </c>
      <c r="C26" s="9" t="s">
        <v>29</v>
      </c>
      <c r="D26" s="9" t="s">
        <v>264</v>
      </c>
      <c r="E26" s="9" t="s">
        <v>6</v>
      </c>
      <c r="F26" s="9" t="s">
        <v>235</v>
      </c>
      <c r="G26" s="9" t="s">
        <v>248</v>
      </c>
      <c r="H26" s="6">
        <v>286132</v>
      </c>
      <c r="I26" s="6">
        <v>237775</v>
      </c>
      <c r="J26" s="6">
        <v>212259</v>
      </c>
      <c r="K26" s="6">
        <v>36706</v>
      </c>
      <c r="L26" s="6">
        <v>11651</v>
      </c>
    </row>
    <row r="27" spans="1:12">
      <c r="A27" s="9" t="s">
        <v>27</v>
      </c>
      <c r="B27" s="9" t="s">
        <v>28</v>
      </c>
      <c r="C27" s="9" t="s">
        <v>29</v>
      </c>
      <c r="D27" s="9" t="s">
        <v>264</v>
      </c>
      <c r="E27" s="9" t="s">
        <v>6</v>
      </c>
      <c r="F27" s="9" t="s">
        <v>235</v>
      </c>
      <c r="G27" s="9" t="s">
        <v>249</v>
      </c>
      <c r="H27" s="6">
        <v>287152</v>
      </c>
      <c r="I27" s="6">
        <v>239137</v>
      </c>
      <c r="J27" s="6">
        <v>213858</v>
      </c>
      <c r="K27" s="6">
        <v>36198</v>
      </c>
      <c r="L27" s="6">
        <v>11817</v>
      </c>
    </row>
    <row r="28" spans="1:12">
      <c r="A28" s="9" t="s">
        <v>27</v>
      </c>
      <c r="B28" s="9" t="s">
        <v>28</v>
      </c>
      <c r="C28" s="9" t="s">
        <v>29</v>
      </c>
      <c r="D28" s="9" t="s">
        <v>264</v>
      </c>
      <c r="E28" s="9" t="s">
        <v>6</v>
      </c>
      <c r="F28" s="9" t="s">
        <v>235</v>
      </c>
      <c r="G28" s="9" t="s">
        <v>250</v>
      </c>
      <c r="H28" s="6">
        <v>283663</v>
      </c>
      <c r="I28" s="6">
        <v>237219</v>
      </c>
      <c r="J28" s="6">
        <v>212371</v>
      </c>
      <c r="K28" s="6">
        <v>35444</v>
      </c>
      <c r="L28" s="6">
        <v>11000</v>
      </c>
    </row>
    <row r="29" spans="1:12">
      <c r="A29" s="9" t="s">
        <v>27</v>
      </c>
      <c r="B29" s="9" t="s">
        <v>28</v>
      </c>
      <c r="C29" s="9" t="s">
        <v>29</v>
      </c>
      <c r="D29" s="9" t="s">
        <v>264</v>
      </c>
      <c r="E29" s="9" t="s">
        <v>6</v>
      </c>
      <c r="F29" s="9" t="s">
        <v>235</v>
      </c>
      <c r="G29" s="9" t="s">
        <v>251</v>
      </c>
      <c r="H29" s="6">
        <v>279845</v>
      </c>
      <c r="I29" s="6">
        <v>233203</v>
      </c>
      <c r="J29" s="6">
        <v>209308</v>
      </c>
      <c r="K29" s="6">
        <v>35682</v>
      </c>
      <c r="L29" s="6">
        <v>10960</v>
      </c>
    </row>
    <row r="30" spans="1:12">
      <c r="A30" s="9" t="s">
        <v>27</v>
      </c>
      <c r="B30" s="9" t="s">
        <v>28</v>
      </c>
      <c r="C30" s="9" t="s">
        <v>29</v>
      </c>
      <c r="D30" s="9" t="s">
        <v>264</v>
      </c>
      <c r="E30" s="9" t="s">
        <v>6</v>
      </c>
      <c r="F30" s="9" t="s">
        <v>235</v>
      </c>
      <c r="G30" s="9" t="s">
        <v>252</v>
      </c>
      <c r="H30" s="6">
        <v>287608</v>
      </c>
      <c r="I30" s="6">
        <v>238833</v>
      </c>
      <c r="J30" s="6">
        <v>213952</v>
      </c>
      <c r="K30" s="6">
        <v>37696</v>
      </c>
      <c r="L30" s="6">
        <v>11079</v>
      </c>
    </row>
    <row r="31" spans="1:12">
      <c r="A31" s="9" t="s">
        <v>27</v>
      </c>
      <c r="B31" s="9" t="s">
        <v>28</v>
      </c>
      <c r="C31" s="9" t="s">
        <v>29</v>
      </c>
      <c r="D31" s="9" t="s">
        <v>264</v>
      </c>
      <c r="E31" s="9" t="s">
        <v>6</v>
      </c>
      <c r="F31" s="9" t="s">
        <v>235</v>
      </c>
      <c r="G31" s="9" t="s">
        <v>253</v>
      </c>
      <c r="H31" s="6">
        <v>290460</v>
      </c>
      <c r="I31" s="6">
        <v>240457</v>
      </c>
      <c r="J31" s="6">
        <v>214912</v>
      </c>
      <c r="K31" s="6">
        <v>38859</v>
      </c>
      <c r="L31" s="6">
        <v>11144</v>
      </c>
    </row>
    <row r="32" spans="1:12">
      <c r="A32" s="9" t="s">
        <v>27</v>
      </c>
      <c r="B32" s="9" t="s">
        <v>28</v>
      </c>
      <c r="C32" s="9" t="s">
        <v>29</v>
      </c>
      <c r="D32" s="9" t="s">
        <v>264</v>
      </c>
      <c r="E32" s="9" t="s">
        <v>6</v>
      </c>
      <c r="F32" s="9" t="s">
        <v>235</v>
      </c>
      <c r="G32" s="9" t="s">
        <v>254</v>
      </c>
      <c r="H32" s="6">
        <v>267501</v>
      </c>
      <c r="I32" s="6">
        <v>218560</v>
      </c>
      <c r="J32" s="6">
        <v>195679</v>
      </c>
      <c r="K32" s="6">
        <v>37438</v>
      </c>
      <c r="L32" s="6">
        <v>11503</v>
      </c>
    </row>
    <row r="33" spans="1:12">
      <c r="A33" s="9" t="s">
        <v>27</v>
      </c>
      <c r="B33" s="9" t="s">
        <v>28</v>
      </c>
      <c r="C33" s="9" t="s">
        <v>29</v>
      </c>
      <c r="D33" s="9" t="s">
        <v>264</v>
      </c>
      <c r="E33" s="9" t="s">
        <v>6</v>
      </c>
      <c r="F33" s="9" t="s">
        <v>235</v>
      </c>
      <c r="G33" s="9" t="s">
        <v>255</v>
      </c>
      <c r="H33" s="6">
        <v>232951</v>
      </c>
      <c r="I33" s="6">
        <v>186671</v>
      </c>
      <c r="J33" s="6">
        <v>166768</v>
      </c>
      <c r="K33" s="6">
        <v>35848</v>
      </c>
      <c r="L33" s="6">
        <v>10432</v>
      </c>
    </row>
    <row r="34" spans="1:12">
      <c r="A34" s="9" t="s">
        <v>27</v>
      </c>
      <c r="B34" s="9" t="s">
        <v>28</v>
      </c>
      <c r="C34" s="9" t="s">
        <v>29</v>
      </c>
      <c r="D34" s="9" t="s">
        <v>264</v>
      </c>
      <c r="E34" s="9" t="s">
        <v>6</v>
      </c>
      <c r="F34" s="9" t="s">
        <v>235</v>
      </c>
      <c r="G34" s="9" t="s">
        <v>256</v>
      </c>
      <c r="H34" s="6">
        <v>4311232</v>
      </c>
      <c r="I34" s="6">
        <v>2570206</v>
      </c>
      <c r="J34" s="6">
        <v>2078913</v>
      </c>
      <c r="K34" s="6">
        <v>1597895</v>
      </c>
      <c r="L34" s="6">
        <v>143131</v>
      </c>
    </row>
    <row r="35" spans="1:12">
      <c r="A35" s="9" t="s">
        <v>27</v>
      </c>
      <c r="B35" s="9" t="s">
        <v>28</v>
      </c>
      <c r="C35" s="9" t="s">
        <v>29</v>
      </c>
      <c r="D35" s="9" t="s">
        <v>264</v>
      </c>
      <c r="E35" s="9" t="s">
        <v>226</v>
      </c>
      <c r="F35" s="9" t="s">
        <v>6</v>
      </c>
      <c r="G35" s="9" t="s">
        <v>30</v>
      </c>
      <c r="H35" s="6">
        <v>8532481</v>
      </c>
      <c r="I35" s="6">
        <v>6696164</v>
      </c>
      <c r="J35" s="6">
        <v>5739084</v>
      </c>
      <c r="K35" s="6">
        <v>1819591</v>
      </c>
      <c r="L35" s="6">
        <v>16726</v>
      </c>
    </row>
    <row r="36" spans="1:12">
      <c r="A36" s="9" t="s">
        <v>27</v>
      </c>
      <c r="B36" s="9" t="s">
        <v>28</v>
      </c>
      <c r="C36" s="9" t="s">
        <v>29</v>
      </c>
      <c r="D36" s="9" t="s">
        <v>264</v>
      </c>
      <c r="E36" s="9" t="s">
        <v>226</v>
      </c>
      <c r="F36" s="9" t="s">
        <v>234</v>
      </c>
      <c r="G36" s="9" t="s">
        <v>30</v>
      </c>
      <c r="H36" s="6">
        <v>155746</v>
      </c>
      <c r="I36" s="6">
        <v>119049</v>
      </c>
      <c r="J36" s="6">
        <v>103223</v>
      </c>
      <c r="K36" s="6">
        <v>35923</v>
      </c>
      <c r="L36" s="6">
        <v>774</v>
      </c>
    </row>
    <row r="37" spans="1:12">
      <c r="A37" s="9" t="s">
        <v>27</v>
      </c>
      <c r="B37" s="9" t="s">
        <v>28</v>
      </c>
      <c r="C37" s="9" t="s">
        <v>29</v>
      </c>
      <c r="D37" s="9" t="s">
        <v>264</v>
      </c>
      <c r="E37" s="9" t="s">
        <v>226</v>
      </c>
      <c r="F37" s="9" t="s">
        <v>235</v>
      </c>
      <c r="G37" s="9" t="s">
        <v>30</v>
      </c>
      <c r="H37" s="6">
        <v>8376735</v>
      </c>
      <c r="I37" s="6">
        <v>6577115</v>
      </c>
      <c r="J37" s="6">
        <v>5635861</v>
      </c>
      <c r="K37" s="6">
        <v>1783668</v>
      </c>
      <c r="L37" s="6">
        <v>15952</v>
      </c>
    </row>
    <row r="38" spans="1:12">
      <c r="A38" s="9" t="s">
        <v>27</v>
      </c>
      <c r="B38" s="9" t="s">
        <v>28</v>
      </c>
      <c r="C38" s="9" t="s">
        <v>29</v>
      </c>
      <c r="D38" s="9" t="s">
        <v>264</v>
      </c>
      <c r="E38" s="9" t="s">
        <v>226</v>
      </c>
      <c r="F38" s="9" t="s">
        <v>235</v>
      </c>
      <c r="G38" s="9" t="s">
        <v>236</v>
      </c>
      <c r="H38" s="6">
        <v>295602</v>
      </c>
      <c r="I38" s="6">
        <v>153693</v>
      </c>
      <c r="J38" s="6">
        <v>134166</v>
      </c>
      <c r="K38" s="6">
        <v>140874</v>
      </c>
      <c r="L38" s="6">
        <v>1035</v>
      </c>
    </row>
    <row r="39" spans="1:12">
      <c r="A39" s="9" t="s">
        <v>27</v>
      </c>
      <c r="B39" s="9" t="s">
        <v>28</v>
      </c>
      <c r="C39" s="9" t="s">
        <v>29</v>
      </c>
      <c r="D39" s="9" t="s">
        <v>264</v>
      </c>
      <c r="E39" s="9" t="s">
        <v>226</v>
      </c>
      <c r="F39" s="9" t="s">
        <v>235</v>
      </c>
      <c r="G39" s="9" t="s">
        <v>237</v>
      </c>
      <c r="H39" s="6">
        <v>305148</v>
      </c>
      <c r="I39" s="6">
        <v>201515</v>
      </c>
      <c r="J39" s="6">
        <v>176900</v>
      </c>
      <c r="K39" s="6">
        <v>102647</v>
      </c>
      <c r="L39" s="6">
        <v>986</v>
      </c>
    </row>
    <row r="40" spans="1:12">
      <c r="A40" s="9" t="s">
        <v>27</v>
      </c>
      <c r="B40" s="9" t="s">
        <v>28</v>
      </c>
      <c r="C40" s="9" t="s">
        <v>29</v>
      </c>
      <c r="D40" s="9" t="s">
        <v>264</v>
      </c>
      <c r="E40" s="9" t="s">
        <v>226</v>
      </c>
      <c r="F40" s="9" t="s">
        <v>235</v>
      </c>
      <c r="G40" s="9" t="s">
        <v>238</v>
      </c>
      <c r="H40" s="6">
        <v>278596</v>
      </c>
      <c r="I40" s="6">
        <v>202901</v>
      </c>
      <c r="J40" s="6">
        <v>178176</v>
      </c>
      <c r="K40" s="6">
        <v>74985</v>
      </c>
      <c r="L40" s="6">
        <v>710</v>
      </c>
    </row>
    <row r="41" spans="1:12">
      <c r="A41" s="9" t="s">
        <v>27</v>
      </c>
      <c r="B41" s="9" t="s">
        <v>28</v>
      </c>
      <c r="C41" s="9" t="s">
        <v>29</v>
      </c>
      <c r="D41" s="9" t="s">
        <v>264</v>
      </c>
      <c r="E41" s="9" t="s">
        <v>226</v>
      </c>
      <c r="F41" s="9" t="s">
        <v>235</v>
      </c>
      <c r="G41" s="9" t="s">
        <v>239</v>
      </c>
      <c r="H41" s="6">
        <v>256857</v>
      </c>
      <c r="I41" s="6">
        <v>198620</v>
      </c>
      <c r="J41" s="6">
        <v>174723</v>
      </c>
      <c r="K41" s="6">
        <v>57676</v>
      </c>
      <c r="L41" s="6">
        <v>561</v>
      </c>
    </row>
    <row r="42" spans="1:12">
      <c r="A42" s="9" t="s">
        <v>27</v>
      </c>
      <c r="B42" s="9" t="s">
        <v>28</v>
      </c>
      <c r="C42" s="9" t="s">
        <v>29</v>
      </c>
      <c r="D42" s="9" t="s">
        <v>264</v>
      </c>
      <c r="E42" s="9" t="s">
        <v>226</v>
      </c>
      <c r="F42" s="9" t="s">
        <v>235</v>
      </c>
      <c r="G42" s="9" t="s">
        <v>240</v>
      </c>
      <c r="H42" s="6">
        <v>249527</v>
      </c>
      <c r="I42" s="6">
        <v>201562</v>
      </c>
      <c r="J42" s="6">
        <v>177713</v>
      </c>
      <c r="K42" s="6">
        <v>47539</v>
      </c>
      <c r="L42" s="6">
        <v>426</v>
      </c>
    </row>
    <row r="43" spans="1:12">
      <c r="A43" s="9" t="s">
        <v>27</v>
      </c>
      <c r="B43" s="9" t="s">
        <v>28</v>
      </c>
      <c r="C43" s="9" t="s">
        <v>29</v>
      </c>
      <c r="D43" s="9" t="s">
        <v>264</v>
      </c>
      <c r="E43" s="9" t="s">
        <v>226</v>
      </c>
      <c r="F43" s="9" t="s">
        <v>235</v>
      </c>
      <c r="G43" s="9" t="s">
        <v>241</v>
      </c>
      <c r="H43" s="6">
        <v>246377</v>
      </c>
      <c r="I43" s="6">
        <v>202782</v>
      </c>
      <c r="J43" s="6">
        <v>179111</v>
      </c>
      <c r="K43" s="6">
        <v>43063</v>
      </c>
      <c r="L43" s="6">
        <v>532</v>
      </c>
    </row>
    <row r="44" spans="1:12">
      <c r="A44" s="9" t="s">
        <v>27</v>
      </c>
      <c r="B44" s="9" t="s">
        <v>28</v>
      </c>
      <c r="C44" s="9" t="s">
        <v>29</v>
      </c>
      <c r="D44" s="9" t="s">
        <v>264</v>
      </c>
      <c r="E44" s="9" t="s">
        <v>226</v>
      </c>
      <c r="F44" s="9" t="s">
        <v>235</v>
      </c>
      <c r="G44" s="9" t="s">
        <v>242</v>
      </c>
      <c r="H44" s="6">
        <v>244925</v>
      </c>
      <c r="I44" s="6">
        <v>204908</v>
      </c>
      <c r="J44" s="6">
        <v>180718</v>
      </c>
      <c r="K44" s="6">
        <v>39550</v>
      </c>
      <c r="L44" s="6">
        <v>467</v>
      </c>
    </row>
    <row r="45" spans="1:12">
      <c r="A45" s="9" t="s">
        <v>27</v>
      </c>
      <c r="B45" s="9" t="s">
        <v>28</v>
      </c>
      <c r="C45" s="9" t="s">
        <v>29</v>
      </c>
      <c r="D45" s="9" t="s">
        <v>264</v>
      </c>
      <c r="E45" s="9" t="s">
        <v>226</v>
      </c>
      <c r="F45" s="9" t="s">
        <v>235</v>
      </c>
      <c r="G45" s="9" t="s">
        <v>243</v>
      </c>
      <c r="H45" s="6">
        <v>250305</v>
      </c>
      <c r="I45" s="6">
        <v>210763</v>
      </c>
      <c r="J45" s="6">
        <v>186846</v>
      </c>
      <c r="K45" s="6">
        <v>39076</v>
      </c>
      <c r="L45" s="6">
        <v>466</v>
      </c>
    </row>
    <row r="46" spans="1:12">
      <c r="A46" s="9" t="s">
        <v>27</v>
      </c>
      <c r="B46" s="9" t="s">
        <v>28</v>
      </c>
      <c r="C46" s="9" t="s">
        <v>29</v>
      </c>
      <c r="D46" s="9" t="s">
        <v>264</v>
      </c>
      <c r="E46" s="9" t="s">
        <v>226</v>
      </c>
      <c r="F46" s="9" t="s">
        <v>235</v>
      </c>
      <c r="G46" s="9" t="s">
        <v>244</v>
      </c>
      <c r="H46" s="6">
        <v>250525</v>
      </c>
      <c r="I46" s="6">
        <v>215192</v>
      </c>
      <c r="J46" s="6">
        <v>191574</v>
      </c>
      <c r="K46" s="6">
        <v>35010</v>
      </c>
      <c r="L46" s="6">
        <v>323</v>
      </c>
    </row>
    <row r="47" spans="1:12">
      <c r="A47" s="9" t="s">
        <v>27</v>
      </c>
      <c r="B47" s="9" t="s">
        <v>28</v>
      </c>
      <c r="C47" s="9" t="s">
        <v>29</v>
      </c>
      <c r="D47" s="9" t="s">
        <v>264</v>
      </c>
      <c r="E47" s="9" t="s">
        <v>226</v>
      </c>
      <c r="F47" s="9" t="s">
        <v>235</v>
      </c>
      <c r="G47" s="9" t="s">
        <v>245</v>
      </c>
      <c r="H47" s="6">
        <v>257633</v>
      </c>
      <c r="I47" s="6">
        <v>222408</v>
      </c>
      <c r="J47" s="6">
        <v>197475</v>
      </c>
      <c r="K47" s="6">
        <v>34843</v>
      </c>
      <c r="L47" s="6">
        <v>382</v>
      </c>
    </row>
    <row r="48" spans="1:12">
      <c r="A48" s="9" t="s">
        <v>27</v>
      </c>
      <c r="B48" s="9" t="s">
        <v>28</v>
      </c>
      <c r="C48" s="9" t="s">
        <v>29</v>
      </c>
      <c r="D48" s="9" t="s">
        <v>264</v>
      </c>
      <c r="E48" s="9" t="s">
        <v>226</v>
      </c>
      <c r="F48" s="9" t="s">
        <v>235</v>
      </c>
      <c r="G48" s="9" t="s">
        <v>246</v>
      </c>
      <c r="H48" s="6">
        <v>257587</v>
      </c>
      <c r="I48" s="6">
        <v>222761</v>
      </c>
      <c r="J48" s="6">
        <v>197478</v>
      </c>
      <c r="K48" s="6">
        <v>34377</v>
      </c>
      <c r="L48" s="6">
        <v>449</v>
      </c>
    </row>
    <row r="49" spans="1:12">
      <c r="A49" s="9" t="s">
        <v>27</v>
      </c>
      <c r="B49" s="9" t="s">
        <v>28</v>
      </c>
      <c r="C49" s="9" t="s">
        <v>29</v>
      </c>
      <c r="D49" s="9" t="s">
        <v>264</v>
      </c>
      <c r="E49" s="9" t="s">
        <v>226</v>
      </c>
      <c r="F49" s="9" t="s">
        <v>235</v>
      </c>
      <c r="G49" s="9" t="s">
        <v>247</v>
      </c>
      <c r="H49" s="6">
        <v>264409</v>
      </c>
      <c r="I49" s="6">
        <v>228924</v>
      </c>
      <c r="J49" s="6">
        <v>203919</v>
      </c>
      <c r="K49" s="6">
        <v>35066</v>
      </c>
      <c r="L49" s="6">
        <v>419</v>
      </c>
    </row>
    <row r="50" spans="1:12">
      <c r="A50" s="9" t="s">
        <v>27</v>
      </c>
      <c r="B50" s="9" t="s">
        <v>28</v>
      </c>
      <c r="C50" s="9" t="s">
        <v>29</v>
      </c>
      <c r="D50" s="9" t="s">
        <v>264</v>
      </c>
      <c r="E50" s="9" t="s">
        <v>226</v>
      </c>
      <c r="F50" s="9" t="s">
        <v>235</v>
      </c>
      <c r="G50" s="9" t="s">
        <v>248</v>
      </c>
      <c r="H50" s="6">
        <v>270628</v>
      </c>
      <c r="I50" s="6">
        <v>234721</v>
      </c>
      <c r="J50" s="6">
        <v>209456</v>
      </c>
      <c r="K50" s="6">
        <v>35423</v>
      </c>
      <c r="L50" s="6">
        <v>484</v>
      </c>
    </row>
    <row r="51" spans="1:12">
      <c r="A51" s="9" t="s">
        <v>27</v>
      </c>
      <c r="B51" s="9" t="s">
        <v>28</v>
      </c>
      <c r="C51" s="9" t="s">
        <v>29</v>
      </c>
      <c r="D51" s="9" t="s">
        <v>264</v>
      </c>
      <c r="E51" s="9" t="s">
        <v>226</v>
      </c>
      <c r="F51" s="9" t="s">
        <v>235</v>
      </c>
      <c r="G51" s="9" t="s">
        <v>249</v>
      </c>
      <c r="H51" s="6">
        <v>271115</v>
      </c>
      <c r="I51" s="6">
        <v>235717</v>
      </c>
      <c r="J51" s="6">
        <v>210630</v>
      </c>
      <c r="K51" s="6">
        <v>35007</v>
      </c>
      <c r="L51" s="6">
        <v>391</v>
      </c>
    </row>
    <row r="52" spans="1:12">
      <c r="A52" s="9" t="s">
        <v>27</v>
      </c>
      <c r="B52" s="9" t="s">
        <v>28</v>
      </c>
      <c r="C52" s="9" t="s">
        <v>29</v>
      </c>
      <c r="D52" s="9" t="s">
        <v>264</v>
      </c>
      <c r="E52" s="9" t="s">
        <v>226</v>
      </c>
      <c r="F52" s="9" t="s">
        <v>235</v>
      </c>
      <c r="G52" s="9" t="s">
        <v>250</v>
      </c>
      <c r="H52" s="6">
        <v>268055</v>
      </c>
      <c r="I52" s="6">
        <v>233688</v>
      </c>
      <c r="J52" s="6">
        <v>209067</v>
      </c>
      <c r="K52" s="6">
        <v>34030</v>
      </c>
      <c r="L52" s="6">
        <v>337</v>
      </c>
    </row>
    <row r="53" spans="1:12">
      <c r="A53" s="9" t="s">
        <v>27</v>
      </c>
      <c r="B53" s="9" t="s">
        <v>28</v>
      </c>
      <c r="C53" s="9" t="s">
        <v>29</v>
      </c>
      <c r="D53" s="9" t="s">
        <v>264</v>
      </c>
      <c r="E53" s="9" t="s">
        <v>226</v>
      </c>
      <c r="F53" s="9" t="s">
        <v>235</v>
      </c>
      <c r="G53" s="9" t="s">
        <v>251</v>
      </c>
      <c r="H53" s="6">
        <v>263899</v>
      </c>
      <c r="I53" s="6">
        <v>229474</v>
      </c>
      <c r="J53" s="6">
        <v>205765</v>
      </c>
      <c r="K53" s="6">
        <v>34103</v>
      </c>
      <c r="L53" s="6">
        <v>322</v>
      </c>
    </row>
    <row r="54" spans="1:12">
      <c r="A54" s="9" t="s">
        <v>27</v>
      </c>
      <c r="B54" s="9" t="s">
        <v>28</v>
      </c>
      <c r="C54" s="9" t="s">
        <v>29</v>
      </c>
      <c r="D54" s="9" t="s">
        <v>264</v>
      </c>
      <c r="E54" s="9" t="s">
        <v>226</v>
      </c>
      <c r="F54" s="9" t="s">
        <v>235</v>
      </c>
      <c r="G54" s="9" t="s">
        <v>252</v>
      </c>
      <c r="H54" s="6">
        <v>271293</v>
      </c>
      <c r="I54" s="6">
        <v>234781</v>
      </c>
      <c r="J54" s="6">
        <v>210177</v>
      </c>
      <c r="K54" s="6">
        <v>36056</v>
      </c>
      <c r="L54" s="6">
        <v>456</v>
      </c>
    </row>
    <row r="55" spans="1:12">
      <c r="A55" s="9" t="s">
        <v>27</v>
      </c>
      <c r="B55" s="9" t="s">
        <v>28</v>
      </c>
      <c r="C55" s="9" t="s">
        <v>29</v>
      </c>
      <c r="D55" s="9" t="s">
        <v>264</v>
      </c>
      <c r="E55" s="9" t="s">
        <v>226</v>
      </c>
      <c r="F55" s="9" t="s">
        <v>235</v>
      </c>
      <c r="G55" s="9" t="s">
        <v>253</v>
      </c>
      <c r="H55" s="6">
        <v>273340</v>
      </c>
      <c r="I55" s="6">
        <v>235961</v>
      </c>
      <c r="J55" s="6">
        <v>210686</v>
      </c>
      <c r="K55" s="6">
        <v>37007</v>
      </c>
      <c r="L55" s="6">
        <v>372</v>
      </c>
    </row>
    <row r="56" spans="1:12">
      <c r="A56" s="9" t="s">
        <v>27</v>
      </c>
      <c r="B56" s="9" t="s">
        <v>28</v>
      </c>
      <c r="C56" s="9" t="s">
        <v>29</v>
      </c>
      <c r="D56" s="9" t="s">
        <v>264</v>
      </c>
      <c r="E56" s="9" t="s">
        <v>226</v>
      </c>
      <c r="F56" s="9" t="s">
        <v>235</v>
      </c>
      <c r="G56" s="9" t="s">
        <v>254</v>
      </c>
      <c r="H56" s="6">
        <v>250182</v>
      </c>
      <c r="I56" s="6">
        <v>214076</v>
      </c>
      <c r="J56" s="6">
        <v>191484</v>
      </c>
      <c r="K56" s="6">
        <v>35727</v>
      </c>
      <c r="L56" s="6">
        <v>379</v>
      </c>
    </row>
    <row r="57" spans="1:12">
      <c r="A57" s="9" t="s">
        <v>27</v>
      </c>
      <c r="B57" s="9" t="s">
        <v>28</v>
      </c>
      <c r="C57" s="9" t="s">
        <v>29</v>
      </c>
      <c r="D57" s="9" t="s">
        <v>264</v>
      </c>
      <c r="E57" s="9" t="s">
        <v>226</v>
      </c>
      <c r="F57" s="9" t="s">
        <v>235</v>
      </c>
      <c r="G57" s="9" t="s">
        <v>255</v>
      </c>
      <c r="H57" s="6">
        <v>216675</v>
      </c>
      <c r="I57" s="6">
        <v>182303</v>
      </c>
      <c r="J57" s="6">
        <v>162626</v>
      </c>
      <c r="K57" s="6">
        <v>34042</v>
      </c>
      <c r="L57" s="6">
        <v>330</v>
      </c>
    </row>
    <row r="58" spans="1:12">
      <c r="A58" s="9" t="s">
        <v>27</v>
      </c>
      <c r="B58" s="9" t="s">
        <v>28</v>
      </c>
      <c r="C58" s="9" t="s">
        <v>29</v>
      </c>
      <c r="D58" s="9" t="s">
        <v>264</v>
      </c>
      <c r="E58" s="9" t="s">
        <v>226</v>
      </c>
      <c r="F58" s="9" t="s">
        <v>235</v>
      </c>
      <c r="G58" s="9" t="s">
        <v>256</v>
      </c>
      <c r="H58" s="6">
        <v>3134057</v>
      </c>
      <c r="I58" s="6">
        <v>2310365</v>
      </c>
      <c r="J58" s="6">
        <v>1847171</v>
      </c>
      <c r="K58" s="6">
        <v>817567</v>
      </c>
      <c r="L58" s="6">
        <v>6125</v>
      </c>
    </row>
    <row r="59" spans="1:12">
      <c r="A59" s="9" t="s">
        <v>27</v>
      </c>
      <c r="B59" s="9" t="s">
        <v>28</v>
      </c>
      <c r="C59" s="9" t="s">
        <v>29</v>
      </c>
      <c r="D59" s="9" t="s">
        <v>264</v>
      </c>
      <c r="E59" s="9" t="s">
        <v>227</v>
      </c>
      <c r="F59" s="9" t="s">
        <v>6</v>
      </c>
      <c r="G59" s="9" t="s">
        <v>30</v>
      </c>
      <c r="H59" s="6">
        <v>6973988</v>
      </c>
      <c r="I59" s="6">
        <v>5417803</v>
      </c>
      <c r="J59" s="6">
        <v>5188255</v>
      </c>
      <c r="K59" s="6">
        <v>1545439</v>
      </c>
      <c r="L59" s="6">
        <v>10746</v>
      </c>
    </row>
    <row r="60" spans="1:12">
      <c r="A60" s="9" t="s">
        <v>27</v>
      </c>
      <c r="B60" s="9" t="s">
        <v>28</v>
      </c>
      <c r="C60" s="9" t="s">
        <v>29</v>
      </c>
      <c r="D60" s="9" t="s">
        <v>264</v>
      </c>
      <c r="E60" s="9" t="s">
        <v>227</v>
      </c>
      <c r="F60" s="9" t="s">
        <v>234</v>
      </c>
      <c r="G60" s="9" t="s">
        <v>30</v>
      </c>
      <c r="H60" s="6">
        <v>128401</v>
      </c>
      <c r="I60" s="6">
        <v>97421</v>
      </c>
      <c r="J60" s="6">
        <v>93108</v>
      </c>
      <c r="K60" s="6">
        <v>30425</v>
      </c>
      <c r="L60" s="6">
        <v>555</v>
      </c>
    </row>
    <row r="61" spans="1:12">
      <c r="A61" s="9" t="s">
        <v>27</v>
      </c>
      <c r="B61" s="9" t="s">
        <v>28</v>
      </c>
      <c r="C61" s="9" t="s">
        <v>29</v>
      </c>
      <c r="D61" s="9" t="s">
        <v>264</v>
      </c>
      <c r="E61" s="9" t="s">
        <v>227</v>
      </c>
      <c r="F61" s="9" t="s">
        <v>235</v>
      </c>
      <c r="G61" s="9" t="s">
        <v>30</v>
      </c>
      <c r="H61" s="6">
        <v>6845587</v>
      </c>
      <c r="I61" s="6">
        <v>5320382</v>
      </c>
      <c r="J61" s="6">
        <v>5095147</v>
      </c>
      <c r="K61" s="6">
        <v>1515014</v>
      </c>
      <c r="L61" s="6">
        <v>10191</v>
      </c>
    </row>
    <row r="62" spans="1:12">
      <c r="A62" s="9" t="s">
        <v>27</v>
      </c>
      <c r="B62" s="9" t="s">
        <v>28</v>
      </c>
      <c r="C62" s="9" t="s">
        <v>29</v>
      </c>
      <c r="D62" s="9" t="s">
        <v>264</v>
      </c>
      <c r="E62" s="9" t="s">
        <v>227</v>
      </c>
      <c r="F62" s="9" t="s">
        <v>235</v>
      </c>
      <c r="G62" s="9" t="s">
        <v>236</v>
      </c>
      <c r="H62" s="6">
        <v>255170</v>
      </c>
      <c r="I62" s="6">
        <v>130839</v>
      </c>
      <c r="J62" s="6">
        <v>123884</v>
      </c>
      <c r="K62" s="6">
        <v>123545</v>
      </c>
      <c r="L62" s="6">
        <v>786</v>
      </c>
    </row>
    <row r="63" spans="1:12">
      <c r="A63" s="9" t="s">
        <v>27</v>
      </c>
      <c r="B63" s="9" t="s">
        <v>28</v>
      </c>
      <c r="C63" s="9" t="s">
        <v>29</v>
      </c>
      <c r="D63" s="9" t="s">
        <v>264</v>
      </c>
      <c r="E63" s="9" t="s">
        <v>227</v>
      </c>
      <c r="F63" s="9" t="s">
        <v>235</v>
      </c>
      <c r="G63" s="9" t="s">
        <v>237</v>
      </c>
      <c r="H63" s="6">
        <v>263496</v>
      </c>
      <c r="I63" s="6">
        <v>171990</v>
      </c>
      <c r="J63" s="6">
        <v>163775</v>
      </c>
      <c r="K63" s="6">
        <v>90868</v>
      </c>
      <c r="L63" s="6">
        <v>638</v>
      </c>
    </row>
    <row r="64" spans="1:12">
      <c r="A64" s="9" t="s">
        <v>27</v>
      </c>
      <c r="B64" s="9" t="s">
        <v>28</v>
      </c>
      <c r="C64" s="9" t="s">
        <v>29</v>
      </c>
      <c r="D64" s="9" t="s">
        <v>264</v>
      </c>
      <c r="E64" s="9" t="s">
        <v>227</v>
      </c>
      <c r="F64" s="9" t="s">
        <v>235</v>
      </c>
      <c r="G64" s="9" t="s">
        <v>238</v>
      </c>
      <c r="H64" s="6">
        <v>238967</v>
      </c>
      <c r="I64" s="6">
        <v>171763</v>
      </c>
      <c r="J64" s="6">
        <v>163536</v>
      </c>
      <c r="K64" s="6">
        <v>66706</v>
      </c>
      <c r="L64" s="6">
        <v>498</v>
      </c>
    </row>
    <row r="65" spans="1:12">
      <c r="A65" s="9" t="s">
        <v>27</v>
      </c>
      <c r="B65" s="9" t="s">
        <v>28</v>
      </c>
      <c r="C65" s="9" t="s">
        <v>29</v>
      </c>
      <c r="D65" s="9" t="s">
        <v>264</v>
      </c>
      <c r="E65" s="9" t="s">
        <v>227</v>
      </c>
      <c r="F65" s="9" t="s">
        <v>235</v>
      </c>
      <c r="G65" s="9" t="s">
        <v>239</v>
      </c>
      <c r="H65" s="6">
        <v>220046</v>
      </c>
      <c r="I65" s="6">
        <v>168380</v>
      </c>
      <c r="J65" s="6">
        <v>160793</v>
      </c>
      <c r="K65" s="6">
        <v>51341</v>
      </c>
      <c r="L65" s="6">
        <v>325</v>
      </c>
    </row>
    <row r="66" spans="1:12">
      <c r="A66" s="9" t="s">
        <v>27</v>
      </c>
      <c r="B66" s="9" t="s">
        <v>28</v>
      </c>
      <c r="C66" s="9" t="s">
        <v>29</v>
      </c>
      <c r="D66" s="9" t="s">
        <v>264</v>
      </c>
      <c r="E66" s="9" t="s">
        <v>227</v>
      </c>
      <c r="F66" s="9" t="s">
        <v>235</v>
      </c>
      <c r="G66" s="9" t="s">
        <v>240</v>
      </c>
      <c r="H66" s="6">
        <v>213723</v>
      </c>
      <c r="I66" s="6">
        <v>171253</v>
      </c>
      <c r="J66" s="6">
        <v>163610</v>
      </c>
      <c r="K66" s="6">
        <v>42156</v>
      </c>
      <c r="L66" s="6">
        <v>314</v>
      </c>
    </row>
    <row r="67" spans="1:12">
      <c r="A67" s="9" t="s">
        <v>27</v>
      </c>
      <c r="B67" s="9" t="s">
        <v>28</v>
      </c>
      <c r="C67" s="9" t="s">
        <v>29</v>
      </c>
      <c r="D67" s="9" t="s">
        <v>264</v>
      </c>
      <c r="E67" s="9" t="s">
        <v>227</v>
      </c>
      <c r="F67" s="9" t="s">
        <v>235</v>
      </c>
      <c r="G67" s="9" t="s">
        <v>241</v>
      </c>
      <c r="H67" s="6">
        <v>209752</v>
      </c>
      <c r="I67" s="6">
        <v>171439</v>
      </c>
      <c r="J67" s="6">
        <v>164133</v>
      </c>
      <c r="K67" s="6">
        <v>37925</v>
      </c>
      <c r="L67" s="6">
        <v>388</v>
      </c>
    </row>
    <row r="68" spans="1:12">
      <c r="A68" s="9" t="s">
        <v>27</v>
      </c>
      <c r="B68" s="9" t="s">
        <v>28</v>
      </c>
      <c r="C68" s="9" t="s">
        <v>29</v>
      </c>
      <c r="D68" s="9" t="s">
        <v>264</v>
      </c>
      <c r="E68" s="9" t="s">
        <v>227</v>
      </c>
      <c r="F68" s="9" t="s">
        <v>235</v>
      </c>
      <c r="G68" s="9" t="s">
        <v>242</v>
      </c>
      <c r="H68" s="6">
        <v>208311</v>
      </c>
      <c r="I68" s="6">
        <v>172783</v>
      </c>
      <c r="J68" s="6">
        <v>165458</v>
      </c>
      <c r="K68" s="6">
        <v>35242</v>
      </c>
      <c r="L68" s="6">
        <v>286</v>
      </c>
    </row>
    <row r="69" spans="1:12">
      <c r="A69" s="9" t="s">
        <v>27</v>
      </c>
      <c r="B69" s="9" t="s">
        <v>28</v>
      </c>
      <c r="C69" s="9" t="s">
        <v>29</v>
      </c>
      <c r="D69" s="9" t="s">
        <v>264</v>
      </c>
      <c r="E69" s="9" t="s">
        <v>227</v>
      </c>
      <c r="F69" s="9" t="s">
        <v>235</v>
      </c>
      <c r="G69" s="9" t="s">
        <v>243</v>
      </c>
      <c r="H69" s="6">
        <v>213324</v>
      </c>
      <c r="I69" s="6">
        <v>178494</v>
      </c>
      <c r="J69" s="6">
        <v>171269</v>
      </c>
      <c r="K69" s="6">
        <v>34548</v>
      </c>
      <c r="L69" s="6">
        <v>282</v>
      </c>
    </row>
    <row r="70" spans="1:12">
      <c r="A70" s="9" t="s">
        <v>27</v>
      </c>
      <c r="B70" s="9" t="s">
        <v>28</v>
      </c>
      <c r="C70" s="9" t="s">
        <v>29</v>
      </c>
      <c r="D70" s="9" t="s">
        <v>264</v>
      </c>
      <c r="E70" s="9" t="s">
        <v>227</v>
      </c>
      <c r="F70" s="9" t="s">
        <v>235</v>
      </c>
      <c r="G70" s="9" t="s">
        <v>244</v>
      </c>
      <c r="H70" s="6">
        <v>213038</v>
      </c>
      <c r="I70" s="6">
        <v>181911</v>
      </c>
      <c r="J70" s="6">
        <v>175258</v>
      </c>
      <c r="K70" s="6">
        <v>30917</v>
      </c>
      <c r="L70" s="6">
        <v>210</v>
      </c>
    </row>
    <row r="71" spans="1:12">
      <c r="A71" s="9" t="s">
        <v>27</v>
      </c>
      <c r="B71" s="9" t="s">
        <v>28</v>
      </c>
      <c r="C71" s="9" t="s">
        <v>29</v>
      </c>
      <c r="D71" s="9" t="s">
        <v>264</v>
      </c>
      <c r="E71" s="9" t="s">
        <v>227</v>
      </c>
      <c r="F71" s="9" t="s">
        <v>235</v>
      </c>
      <c r="G71" s="9" t="s">
        <v>245</v>
      </c>
      <c r="H71" s="6">
        <v>219790</v>
      </c>
      <c r="I71" s="6">
        <v>188561</v>
      </c>
      <c r="J71" s="6">
        <v>181344</v>
      </c>
      <c r="K71" s="6">
        <v>30971</v>
      </c>
      <c r="L71" s="6">
        <v>258</v>
      </c>
    </row>
    <row r="72" spans="1:12">
      <c r="A72" s="9" t="s">
        <v>27</v>
      </c>
      <c r="B72" s="9" t="s">
        <v>28</v>
      </c>
      <c r="C72" s="9" t="s">
        <v>29</v>
      </c>
      <c r="D72" s="9" t="s">
        <v>264</v>
      </c>
      <c r="E72" s="9" t="s">
        <v>227</v>
      </c>
      <c r="F72" s="9" t="s">
        <v>235</v>
      </c>
      <c r="G72" s="9" t="s">
        <v>246</v>
      </c>
      <c r="H72" s="6">
        <v>217725</v>
      </c>
      <c r="I72" s="6">
        <v>187151</v>
      </c>
      <c r="J72" s="6">
        <v>180201</v>
      </c>
      <c r="K72" s="6">
        <v>30290</v>
      </c>
      <c r="L72" s="6">
        <v>284</v>
      </c>
    </row>
    <row r="73" spans="1:12">
      <c r="A73" s="9" t="s">
        <v>27</v>
      </c>
      <c r="B73" s="9" t="s">
        <v>28</v>
      </c>
      <c r="C73" s="9" t="s">
        <v>29</v>
      </c>
      <c r="D73" s="9" t="s">
        <v>264</v>
      </c>
      <c r="E73" s="9" t="s">
        <v>227</v>
      </c>
      <c r="F73" s="9" t="s">
        <v>235</v>
      </c>
      <c r="G73" s="9" t="s">
        <v>247</v>
      </c>
      <c r="H73" s="6">
        <v>224017</v>
      </c>
      <c r="I73" s="6">
        <v>192930</v>
      </c>
      <c r="J73" s="6">
        <v>186056</v>
      </c>
      <c r="K73" s="6">
        <v>30814</v>
      </c>
      <c r="L73" s="6">
        <v>273</v>
      </c>
    </row>
    <row r="74" spans="1:12">
      <c r="A74" s="9" t="s">
        <v>27</v>
      </c>
      <c r="B74" s="9" t="s">
        <v>28</v>
      </c>
      <c r="C74" s="9" t="s">
        <v>29</v>
      </c>
      <c r="D74" s="9" t="s">
        <v>264</v>
      </c>
      <c r="E74" s="9" t="s">
        <v>227</v>
      </c>
      <c r="F74" s="9" t="s">
        <v>235</v>
      </c>
      <c r="G74" s="9" t="s">
        <v>248</v>
      </c>
      <c r="H74" s="6">
        <v>230195</v>
      </c>
      <c r="I74" s="6">
        <v>198619</v>
      </c>
      <c r="J74" s="6">
        <v>191653</v>
      </c>
      <c r="K74" s="6">
        <v>31278</v>
      </c>
      <c r="L74" s="6">
        <v>298</v>
      </c>
    </row>
    <row r="75" spans="1:12">
      <c r="A75" s="9" t="s">
        <v>27</v>
      </c>
      <c r="B75" s="9" t="s">
        <v>28</v>
      </c>
      <c r="C75" s="9" t="s">
        <v>29</v>
      </c>
      <c r="D75" s="9" t="s">
        <v>264</v>
      </c>
      <c r="E75" s="9" t="s">
        <v>227</v>
      </c>
      <c r="F75" s="9" t="s">
        <v>235</v>
      </c>
      <c r="G75" s="9" t="s">
        <v>249</v>
      </c>
      <c r="H75" s="6">
        <v>231193</v>
      </c>
      <c r="I75" s="6">
        <v>200100</v>
      </c>
      <c r="J75" s="6">
        <v>192859</v>
      </c>
      <c r="K75" s="6">
        <v>30805</v>
      </c>
      <c r="L75" s="6">
        <v>288</v>
      </c>
    </row>
    <row r="76" spans="1:12">
      <c r="A76" s="9" t="s">
        <v>27</v>
      </c>
      <c r="B76" s="9" t="s">
        <v>28</v>
      </c>
      <c r="C76" s="9" t="s">
        <v>29</v>
      </c>
      <c r="D76" s="9" t="s">
        <v>264</v>
      </c>
      <c r="E76" s="9" t="s">
        <v>227</v>
      </c>
      <c r="F76" s="9" t="s">
        <v>235</v>
      </c>
      <c r="G76" s="9" t="s">
        <v>250</v>
      </c>
      <c r="H76" s="6">
        <v>228037</v>
      </c>
      <c r="I76" s="6">
        <v>197976</v>
      </c>
      <c r="J76" s="6">
        <v>191376</v>
      </c>
      <c r="K76" s="6">
        <v>29786</v>
      </c>
      <c r="L76" s="6">
        <v>275</v>
      </c>
    </row>
    <row r="77" spans="1:12">
      <c r="A77" s="9" t="s">
        <v>27</v>
      </c>
      <c r="B77" s="9" t="s">
        <v>28</v>
      </c>
      <c r="C77" s="9" t="s">
        <v>29</v>
      </c>
      <c r="D77" s="9" t="s">
        <v>264</v>
      </c>
      <c r="E77" s="9" t="s">
        <v>227</v>
      </c>
      <c r="F77" s="9" t="s">
        <v>235</v>
      </c>
      <c r="G77" s="9" t="s">
        <v>251</v>
      </c>
      <c r="H77" s="6">
        <v>225033</v>
      </c>
      <c r="I77" s="6">
        <v>194599</v>
      </c>
      <c r="J77" s="6">
        <v>187935</v>
      </c>
      <c r="K77" s="6">
        <v>30279</v>
      </c>
      <c r="L77" s="6">
        <v>155</v>
      </c>
    </row>
    <row r="78" spans="1:12">
      <c r="A78" s="9" t="s">
        <v>27</v>
      </c>
      <c r="B78" s="9" t="s">
        <v>28</v>
      </c>
      <c r="C78" s="9" t="s">
        <v>29</v>
      </c>
      <c r="D78" s="9" t="s">
        <v>264</v>
      </c>
      <c r="E78" s="9" t="s">
        <v>227</v>
      </c>
      <c r="F78" s="9" t="s">
        <v>235</v>
      </c>
      <c r="G78" s="9" t="s">
        <v>252</v>
      </c>
      <c r="H78" s="6">
        <v>231161</v>
      </c>
      <c r="I78" s="6">
        <v>198906</v>
      </c>
      <c r="J78" s="6">
        <v>191950</v>
      </c>
      <c r="K78" s="6">
        <v>32014</v>
      </c>
      <c r="L78" s="6">
        <v>241</v>
      </c>
    </row>
    <row r="79" spans="1:12">
      <c r="A79" s="9" t="s">
        <v>27</v>
      </c>
      <c r="B79" s="9" t="s">
        <v>28</v>
      </c>
      <c r="C79" s="9" t="s">
        <v>29</v>
      </c>
      <c r="D79" s="9" t="s">
        <v>264</v>
      </c>
      <c r="E79" s="9" t="s">
        <v>227</v>
      </c>
      <c r="F79" s="9" t="s">
        <v>235</v>
      </c>
      <c r="G79" s="9" t="s">
        <v>253</v>
      </c>
      <c r="H79" s="6">
        <v>231857</v>
      </c>
      <c r="I79" s="6">
        <v>198730</v>
      </c>
      <c r="J79" s="6">
        <v>191897</v>
      </c>
      <c r="K79" s="6">
        <v>32883</v>
      </c>
      <c r="L79" s="6">
        <v>244</v>
      </c>
    </row>
    <row r="80" spans="1:12">
      <c r="A80" s="9" t="s">
        <v>27</v>
      </c>
      <c r="B80" s="9" t="s">
        <v>28</v>
      </c>
      <c r="C80" s="9" t="s">
        <v>29</v>
      </c>
      <c r="D80" s="9" t="s">
        <v>264</v>
      </c>
      <c r="E80" s="9" t="s">
        <v>227</v>
      </c>
      <c r="F80" s="9" t="s">
        <v>235</v>
      </c>
      <c r="G80" s="9" t="s">
        <v>254</v>
      </c>
      <c r="H80" s="6">
        <v>212600</v>
      </c>
      <c r="I80" s="6">
        <v>180769</v>
      </c>
      <c r="J80" s="6">
        <v>174845</v>
      </c>
      <c r="K80" s="6">
        <v>31578</v>
      </c>
      <c r="L80" s="6">
        <v>253</v>
      </c>
    </row>
    <row r="81" spans="1:12">
      <c r="A81" s="9" t="s">
        <v>27</v>
      </c>
      <c r="B81" s="9" t="s">
        <v>28</v>
      </c>
      <c r="C81" s="9" t="s">
        <v>29</v>
      </c>
      <c r="D81" s="9" t="s">
        <v>264</v>
      </c>
      <c r="E81" s="9" t="s">
        <v>227</v>
      </c>
      <c r="F81" s="9" t="s">
        <v>235</v>
      </c>
      <c r="G81" s="9" t="s">
        <v>255</v>
      </c>
      <c r="H81" s="6">
        <v>183607</v>
      </c>
      <c r="I81" s="6">
        <v>153427</v>
      </c>
      <c r="J81" s="6">
        <v>147877</v>
      </c>
      <c r="K81" s="6">
        <v>29985</v>
      </c>
      <c r="L81" s="6">
        <v>195</v>
      </c>
    </row>
    <row r="82" spans="1:12">
      <c r="A82" s="9" t="s">
        <v>27</v>
      </c>
      <c r="B82" s="9" t="s">
        <v>28</v>
      </c>
      <c r="C82" s="9" t="s">
        <v>29</v>
      </c>
      <c r="D82" s="9" t="s">
        <v>264</v>
      </c>
      <c r="E82" s="9" t="s">
        <v>227</v>
      </c>
      <c r="F82" s="9" t="s">
        <v>235</v>
      </c>
      <c r="G82" s="9" t="s">
        <v>256</v>
      </c>
      <c r="H82" s="6">
        <v>2374545</v>
      </c>
      <c r="I82" s="6">
        <v>1709762</v>
      </c>
      <c r="J82" s="6">
        <v>1625438</v>
      </c>
      <c r="K82" s="6">
        <v>661083</v>
      </c>
      <c r="L82" s="6">
        <v>3700</v>
      </c>
    </row>
    <row r="83" spans="1:12">
      <c r="A83" s="9" t="s">
        <v>27</v>
      </c>
      <c r="B83" s="9" t="s">
        <v>28</v>
      </c>
      <c r="C83" s="9" t="s">
        <v>29</v>
      </c>
      <c r="D83" s="9" t="s">
        <v>264</v>
      </c>
      <c r="E83" s="9" t="s">
        <v>228</v>
      </c>
      <c r="F83" s="9" t="s">
        <v>6</v>
      </c>
      <c r="G83" s="9" t="s">
        <v>30</v>
      </c>
      <c r="H83" s="6">
        <v>1133522</v>
      </c>
      <c r="I83" s="6">
        <v>316557</v>
      </c>
      <c r="J83" s="6">
        <v>285477</v>
      </c>
      <c r="K83" s="6">
        <v>814779</v>
      </c>
      <c r="L83" s="6">
        <v>2186</v>
      </c>
    </row>
    <row r="84" spans="1:12">
      <c r="A84" s="9" t="s">
        <v>27</v>
      </c>
      <c r="B84" s="9" t="s">
        <v>28</v>
      </c>
      <c r="C84" s="9" t="s">
        <v>29</v>
      </c>
      <c r="D84" s="9" t="s">
        <v>264</v>
      </c>
      <c r="E84" s="9" t="s">
        <v>228</v>
      </c>
      <c r="F84" s="9" t="s">
        <v>234</v>
      </c>
      <c r="G84" s="9" t="s">
        <v>30</v>
      </c>
      <c r="H84" s="6">
        <v>6572</v>
      </c>
      <c r="I84" s="6">
        <v>2735</v>
      </c>
      <c r="J84" s="6">
        <v>2508</v>
      </c>
      <c r="K84" s="6">
        <v>3802</v>
      </c>
      <c r="L84" s="6">
        <v>35</v>
      </c>
    </row>
    <row r="85" spans="1:12">
      <c r="A85" s="9" t="s">
        <v>27</v>
      </c>
      <c r="B85" s="9" t="s">
        <v>28</v>
      </c>
      <c r="C85" s="9" t="s">
        <v>29</v>
      </c>
      <c r="D85" s="9" t="s">
        <v>264</v>
      </c>
      <c r="E85" s="9" t="s">
        <v>228</v>
      </c>
      <c r="F85" s="9" t="s">
        <v>235</v>
      </c>
      <c r="G85" s="9" t="s">
        <v>30</v>
      </c>
      <c r="H85" s="6">
        <v>1126950</v>
      </c>
      <c r="I85" s="6">
        <v>313822</v>
      </c>
      <c r="J85" s="6">
        <v>282969</v>
      </c>
      <c r="K85" s="6">
        <v>810977</v>
      </c>
      <c r="L85" s="6">
        <v>2151</v>
      </c>
    </row>
    <row r="86" spans="1:12">
      <c r="A86" s="9" t="s">
        <v>27</v>
      </c>
      <c r="B86" s="9" t="s">
        <v>28</v>
      </c>
      <c r="C86" s="9" t="s">
        <v>29</v>
      </c>
      <c r="D86" s="9" t="s">
        <v>264</v>
      </c>
      <c r="E86" s="9" t="s">
        <v>228</v>
      </c>
      <c r="F86" s="9" t="s">
        <v>235</v>
      </c>
      <c r="G86" s="9" t="s">
        <v>236</v>
      </c>
      <c r="H86" s="6">
        <v>7152</v>
      </c>
      <c r="I86" s="6">
        <v>2203</v>
      </c>
      <c r="J86" s="6">
        <v>2034</v>
      </c>
      <c r="K86" s="6">
        <v>4858</v>
      </c>
      <c r="L86" s="6">
        <v>91</v>
      </c>
    </row>
    <row r="87" spans="1:12">
      <c r="A87" s="9" t="s">
        <v>27</v>
      </c>
      <c r="B87" s="9" t="s">
        <v>28</v>
      </c>
      <c r="C87" s="9" t="s">
        <v>29</v>
      </c>
      <c r="D87" s="9" t="s">
        <v>264</v>
      </c>
      <c r="E87" s="9" t="s">
        <v>228</v>
      </c>
      <c r="F87" s="9" t="s">
        <v>235</v>
      </c>
      <c r="G87" s="9" t="s">
        <v>237</v>
      </c>
      <c r="H87" s="6">
        <v>5585</v>
      </c>
      <c r="I87" s="6">
        <v>2460</v>
      </c>
      <c r="J87" s="6">
        <v>2194</v>
      </c>
      <c r="K87" s="6">
        <v>3098</v>
      </c>
      <c r="L87" s="6">
        <v>27</v>
      </c>
    </row>
    <row r="88" spans="1:12">
      <c r="A88" s="9" t="s">
        <v>27</v>
      </c>
      <c r="B88" s="9" t="s">
        <v>28</v>
      </c>
      <c r="C88" s="9" t="s">
        <v>29</v>
      </c>
      <c r="D88" s="9" t="s">
        <v>264</v>
      </c>
      <c r="E88" s="9" t="s">
        <v>228</v>
      </c>
      <c r="F88" s="9" t="s">
        <v>235</v>
      </c>
      <c r="G88" s="9" t="s">
        <v>238</v>
      </c>
      <c r="H88" s="6">
        <v>4409</v>
      </c>
      <c r="I88" s="6">
        <v>2180</v>
      </c>
      <c r="J88" s="6">
        <v>2015</v>
      </c>
      <c r="K88" s="6">
        <v>2191</v>
      </c>
      <c r="L88" s="6">
        <v>38</v>
      </c>
    </row>
    <row r="89" spans="1:12">
      <c r="A89" s="9" t="s">
        <v>27</v>
      </c>
      <c r="B89" s="9" t="s">
        <v>28</v>
      </c>
      <c r="C89" s="9" t="s">
        <v>29</v>
      </c>
      <c r="D89" s="9" t="s">
        <v>264</v>
      </c>
      <c r="E89" s="9" t="s">
        <v>228</v>
      </c>
      <c r="F89" s="9" t="s">
        <v>235</v>
      </c>
      <c r="G89" s="9" t="s">
        <v>239</v>
      </c>
      <c r="H89" s="6">
        <v>4059</v>
      </c>
      <c r="I89" s="6">
        <v>2363</v>
      </c>
      <c r="J89" s="6">
        <v>2140</v>
      </c>
      <c r="K89" s="6">
        <v>1664</v>
      </c>
      <c r="L89" s="6">
        <v>32</v>
      </c>
    </row>
    <row r="90" spans="1:12">
      <c r="A90" s="9" t="s">
        <v>27</v>
      </c>
      <c r="B90" s="9" t="s">
        <v>28</v>
      </c>
      <c r="C90" s="9" t="s">
        <v>29</v>
      </c>
      <c r="D90" s="9" t="s">
        <v>264</v>
      </c>
      <c r="E90" s="9" t="s">
        <v>228</v>
      </c>
      <c r="F90" s="9" t="s">
        <v>235</v>
      </c>
      <c r="G90" s="9" t="s">
        <v>240</v>
      </c>
      <c r="H90" s="6">
        <v>3619</v>
      </c>
      <c r="I90" s="6">
        <v>2180</v>
      </c>
      <c r="J90" s="6">
        <v>1914</v>
      </c>
      <c r="K90" s="6">
        <v>1404</v>
      </c>
      <c r="L90" s="6">
        <v>35</v>
      </c>
    </row>
    <row r="91" spans="1:12">
      <c r="A91" s="9" t="s">
        <v>27</v>
      </c>
      <c r="B91" s="9" t="s">
        <v>28</v>
      </c>
      <c r="C91" s="9" t="s">
        <v>29</v>
      </c>
      <c r="D91" s="9" t="s">
        <v>264</v>
      </c>
      <c r="E91" s="9" t="s">
        <v>228</v>
      </c>
      <c r="F91" s="9" t="s">
        <v>235</v>
      </c>
      <c r="G91" s="9" t="s">
        <v>241</v>
      </c>
      <c r="H91" s="6">
        <v>3667</v>
      </c>
      <c r="I91" s="6">
        <v>2225</v>
      </c>
      <c r="J91" s="6">
        <v>2067</v>
      </c>
      <c r="K91" s="6">
        <v>1418</v>
      </c>
      <c r="L91" s="6">
        <v>24</v>
      </c>
    </row>
    <row r="92" spans="1:12">
      <c r="A92" s="9" t="s">
        <v>27</v>
      </c>
      <c r="B92" s="9" t="s">
        <v>28</v>
      </c>
      <c r="C92" s="9" t="s">
        <v>29</v>
      </c>
      <c r="D92" s="9" t="s">
        <v>264</v>
      </c>
      <c r="E92" s="9" t="s">
        <v>228</v>
      </c>
      <c r="F92" s="9" t="s">
        <v>235</v>
      </c>
      <c r="G92" s="9" t="s">
        <v>242</v>
      </c>
      <c r="H92" s="6">
        <v>3299</v>
      </c>
      <c r="I92" s="6">
        <v>1994</v>
      </c>
      <c r="J92" s="6">
        <v>1851</v>
      </c>
      <c r="K92" s="6">
        <v>1283</v>
      </c>
      <c r="L92" s="6">
        <v>22</v>
      </c>
    </row>
    <row r="93" spans="1:12">
      <c r="A93" s="9" t="s">
        <v>27</v>
      </c>
      <c r="B93" s="9" t="s">
        <v>28</v>
      </c>
      <c r="C93" s="9" t="s">
        <v>29</v>
      </c>
      <c r="D93" s="9" t="s">
        <v>264</v>
      </c>
      <c r="E93" s="9" t="s">
        <v>228</v>
      </c>
      <c r="F93" s="9" t="s">
        <v>235</v>
      </c>
      <c r="G93" s="9" t="s">
        <v>243</v>
      </c>
      <c r="H93" s="6">
        <v>3861</v>
      </c>
      <c r="I93" s="6">
        <v>2553</v>
      </c>
      <c r="J93" s="6">
        <v>2418</v>
      </c>
      <c r="K93" s="6">
        <v>1274</v>
      </c>
      <c r="L93" s="6">
        <v>34</v>
      </c>
    </row>
    <row r="94" spans="1:12">
      <c r="A94" s="9" t="s">
        <v>27</v>
      </c>
      <c r="B94" s="9" t="s">
        <v>28</v>
      </c>
      <c r="C94" s="9" t="s">
        <v>29</v>
      </c>
      <c r="D94" s="9" t="s">
        <v>264</v>
      </c>
      <c r="E94" s="9" t="s">
        <v>228</v>
      </c>
      <c r="F94" s="9" t="s">
        <v>235</v>
      </c>
      <c r="G94" s="9" t="s">
        <v>244</v>
      </c>
      <c r="H94" s="6">
        <v>3887</v>
      </c>
      <c r="I94" s="6">
        <v>2537</v>
      </c>
      <c r="J94" s="6">
        <v>2361</v>
      </c>
      <c r="K94" s="6">
        <v>1332</v>
      </c>
      <c r="L94" s="6">
        <v>18</v>
      </c>
    </row>
    <row r="95" spans="1:12">
      <c r="A95" s="9" t="s">
        <v>27</v>
      </c>
      <c r="B95" s="9" t="s">
        <v>28</v>
      </c>
      <c r="C95" s="9" t="s">
        <v>29</v>
      </c>
      <c r="D95" s="9" t="s">
        <v>264</v>
      </c>
      <c r="E95" s="9" t="s">
        <v>228</v>
      </c>
      <c r="F95" s="9" t="s">
        <v>235</v>
      </c>
      <c r="G95" s="9" t="s">
        <v>245</v>
      </c>
      <c r="H95" s="6">
        <v>3731</v>
      </c>
      <c r="I95" s="6">
        <v>2581</v>
      </c>
      <c r="J95" s="6">
        <v>2408</v>
      </c>
      <c r="K95" s="6">
        <v>1129</v>
      </c>
      <c r="L95" s="6">
        <v>21</v>
      </c>
    </row>
    <row r="96" spans="1:12">
      <c r="A96" s="9" t="s">
        <v>27</v>
      </c>
      <c r="B96" s="9" t="s">
        <v>28</v>
      </c>
      <c r="C96" s="9" t="s">
        <v>29</v>
      </c>
      <c r="D96" s="9" t="s">
        <v>264</v>
      </c>
      <c r="E96" s="9" t="s">
        <v>228</v>
      </c>
      <c r="F96" s="9" t="s">
        <v>235</v>
      </c>
      <c r="G96" s="9" t="s">
        <v>246</v>
      </c>
      <c r="H96" s="6">
        <v>3908</v>
      </c>
      <c r="I96" s="6">
        <v>2763</v>
      </c>
      <c r="J96" s="6">
        <v>2577</v>
      </c>
      <c r="K96" s="6">
        <v>1105</v>
      </c>
      <c r="L96" s="6">
        <v>40</v>
      </c>
    </row>
    <row r="97" spans="1:12">
      <c r="A97" s="9" t="s">
        <v>27</v>
      </c>
      <c r="B97" s="9" t="s">
        <v>28</v>
      </c>
      <c r="C97" s="9" t="s">
        <v>29</v>
      </c>
      <c r="D97" s="9" t="s">
        <v>264</v>
      </c>
      <c r="E97" s="9" t="s">
        <v>228</v>
      </c>
      <c r="F97" s="9" t="s">
        <v>235</v>
      </c>
      <c r="G97" s="9" t="s">
        <v>247</v>
      </c>
      <c r="H97" s="6">
        <v>4251</v>
      </c>
      <c r="I97" s="6">
        <v>3003</v>
      </c>
      <c r="J97" s="6">
        <v>2808</v>
      </c>
      <c r="K97" s="6">
        <v>1232</v>
      </c>
      <c r="L97" s="6">
        <v>16</v>
      </c>
    </row>
    <row r="98" spans="1:12">
      <c r="A98" s="9" t="s">
        <v>27</v>
      </c>
      <c r="B98" s="9" t="s">
        <v>28</v>
      </c>
      <c r="C98" s="9" t="s">
        <v>29</v>
      </c>
      <c r="D98" s="9" t="s">
        <v>264</v>
      </c>
      <c r="E98" s="9" t="s">
        <v>228</v>
      </c>
      <c r="F98" s="9" t="s">
        <v>235</v>
      </c>
      <c r="G98" s="9" t="s">
        <v>248</v>
      </c>
      <c r="H98" s="6">
        <v>4205</v>
      </c>
      <c r="I98" s="6">
        <v>2930</v>
      </c>
      <c r="J98" s="6">
        <v>2707</v>
      </c>
      <c r="K98" s="6">
        <v>1239</v>
      </c>
      <c r="L98" s="6">
        <v>36</v>
      </c>
    </row>
    <row r="99" spans="1:12">
      <c r="A99" s="9" t="s">
        <v>27</v>
      </c>
      <c r="B99" s="9" t="s">
        <v>28</v>
      </c>
      <c r="C99" s="9" t="s">
        <v>29</v>
      </c>
      <c r="D99" s="9" t="s">
        <v>264</v>
      </c>
      <c r="E99" s="9" t="s">
        <v>228</v>
      </c>
      <c r="F99" s="9" t="s">
        <v>235</v>
      </c>
      <c r="G99" s="9" t="s">
        <v>249</v>
      </c>
      <c r="H99" s="6">
        <v>4401</v>
      </c>
      <c r="I99" s="6">
        <v>3253</v>
      </c>
      <c r="J99" s="6">
        <v>3090</v>
      </c>
      <c r="K99" s="6">
        <v>1139</v>
      </c>
      <c r="L99" s="6">
        <v>9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4</v>
      </c>
      <c r="E100" s="9" t="s">
        <v>228</v>
      </c>
      <c r="F100" s="9" t="s">
        <v>235</v>
      </c>
      <c r="G100" s="9" t="s">
        <v>250</v>
      </c>
      <c r="H100" s="6">
        <v>4688</v>
      </c>
      <c r="I100" s="6">
        <v>3303</v>
      </c>
      <c r="J100" s="6">
        <v>3118</v>
      </c>
      <c r="K100" s="6">
        <v>1367</v>
      </c>
      <c r="L100" s="6">
        <v>18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4</v>
      </c>
      <c r="E101" s="9" t="s">
        <v>228</v>
      </c>
      <c r="F101" s="9" t="s">
        <v>235</v>
      </c>
      <c r="G101" s="9" t="s">
        <v>251</v>
      </c>
      <c r="H101" s="6">
        <v>5106</v>
      </c>
      <c r="I101" s="6">
        <v>3538</v>
      </c>
      <c r="J101" s="6">
        <v>3394</v>
      </c>
      <c r="K101" s="6">
        <v>1533</v>
      </c>
      <c r="L101" s="6">
        <v>35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4</v>
      </c>
      <c r="E102" s="9" t="s">
        <v>228</v>
      </c>
      <c r="F102" s="9" t="s">
        <v>235</v>
      </c>
      <c r="G102" s="9" t="s">
        <v>252</v>
      </c>
      <c r="H102" s="6">
        <v>5477</v>
      </c>
      <c r="I102" s="6">
        <v>3839</v>
      </c>
      <c r="J102" s="6">
        <v>3605</v>
      </c>
      <c r="K102" s="6">
        <v>1604</v>
      </c>
      <c r="L102" s="6">
        <v>34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4</v>
      </c>
      <c r="E103" s="9" t="s">
        <v>228</v>
      </c>
      <c r="F103" s="9" t="s">
        <v>235</v>
      </c>
      <c r="G103" s="9" t="s">
        <v>253</v>
      </c>
      <c r="H103" s="6">
        <v>6048</v>
      </c>
      <c r="I103" s="6">
        <v>4240</v>
      </c>
      <c r="J103" s="6">
        <v>4000</v>
      </c>
      <c r="K103" s="6">
        <v>1770</v>
      </c>
      <c r="L103" s="6">
        <v>38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4</v>
      </c>
      <c r="E104" s="9" t="s">
        <v>228</v>
      </c>
      <c r="F104" s="9" t="s">
        <v>235</v>
      </c>
      <c r="G104" s="9" t="s">
        <v>254</v>
      </c>
      <c r="H104" s="6">
        <v>5970</v>
      </c>
      <c r="I104" s="6">
        <v>4297</v>
      </c>
      <c r="J104" s="6">
        <v>4040</v>
      </c>
      <c r="K104" s="6">
        <v>1656</v>
      </c>
      <c r="L104" s="6">
        <v>17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4</v>
      </c>
      <c r="E105" s="9" t="s">
        <v>228</v>
      </c>
      <c r="F105" s="9" t="s">
        <v>235</v>
      </c>
      <c r="G105" s="9" t="s">
        <v>255</v>
      </c>
      <c r="H105" s="6">
        <v>5959</v>
      </c>
      <c r="I105" s="6">
        <v>4184</v>
      </c>
      <c r="J105" s="6">
        <v>3975</v>
      </c>
      <c r="K105" s="6">
        <v>1751</v>
      </c>
      <c r="L105" s="6">
        <v>24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4</v>
      </c>
      <c r="E106" s="9" t="s">
        <v>228</v>
      </c>
      <c r="F106" s="9" t="s">
        <v>235</v>
      </c>
      <c r="G106" s="9" t="s">
        <v>256</v>
      </c>
      <c r="H106" s="6">
        <v>1033668</v>
      </c>
      <c r="I106" s="6">
        <v>255196</v>
      </c>
      <c r="J106" s="6">
        <v>228253</v>
      </c>
      <c r="K106" s="6">
        <v>776930</v>
      </c>
      <c r="L106" s="6">
        <v>1542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4</v>
      </c>
      <c r="E107" s="9" t="s">
        <v>18</v>
      </c>
      <c r="F107" s="9" t="s">
        <v>6</v>
      </c>
      <c r="G107" s="9" t="s">
        <v>30</v>
      </c>
      <c r="H107" s="6">
        <v>404070</v>
      </c>
      <c r="I107" s="6">
        <v>8140</v>
      </c>
      <c r="J107" s="6">
        <v>6225</v>
      </c>
      <c r="K107" s="6">
        <v>5047</v>
      </c>
      <c r="L107" s="6">
        <v>390883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4</v>
      </c>
      <c r="E108" s="9" t="s">
        <v>18</v>
      </c>
      <c r="F108" s="9" t="s">
        <v>234</v>
      </c>
      <c r="G108" s="9" t="s">
        <v>30</v>
      </c>
      <c r="H108" s="6">
        <v>5743</v>
      </c>
      <c r="I108" s="6">
        <v>226</v>
      </c>
      <c r="J108" s="6">
        <v>181</v>
      </c>
      <c r="K108" s="6">
        <v>69</v>
      </c>
      <c r="L108" s="6">
        <v>5448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4</v>
      </c>
      <c r="E109" s="9" t="s">
        <v>18</v>
      </c>
      <c r="F109" s="9" t="s">
        <v>235</v>
      </c>
      <c r="G109" s="9" t="s">
        <v>30</v>
      </c>
      <c r="H109" s="6">
        <v>398327</v>
      </c>
      <c r="I109" s="6">
        <v>7914</v>
      </c>
      <c r="J109" s="6">
        <v>6044</v>
      </c>
      <c r="K109" s="6">
        <v>4978</v>
      </c>
      <c r="L109" s="6">
        <v>385435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4</v>
      </c>
      <c r="E110" s="9" t="s">
        <v>18</v>
      </c>
      <c r="F110" s="9" t="s">
        <v>235</v>
      </c>
      <c r="G110" s="9" t="s">
        <v>236</v>
      </c>
      <c r="H110" s="6">
        <v>20105</v>
      </c>
      <c r="I110" s="6">
        <v>201</v>
      </c>
      <c r="J110" s="6">
        <v>143</v>
      </c>
      <c r="K110" s="6">
        <v>193</v>
      </c>
      <c r="L110" s="6">
        <v>19711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4</v>
      </c>
      <c r="E111" s="9" t="s">
        <v>18</v>
      </c>
      <c r="F111" s="9" t="s">
        <v>235</v>
      </c>
      <c r="G111" s="9" t="s">
        <v>237</v>
      </c>
      <c r="H111" s="6">
        <v>19465</v>
      </c>
      <c r="I111" s="6">
        <v>163</v>
      </c>
      <c r="J111" s="6">
        <v>113</v>
      </c>
      <c r="K111" s="6">
        <v>196</v>
      </c>
      <c r="L111" s="6">
        <v>19106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4</v>
      </c>
      <c r="E112" s="9" t="s">
        <v>18</v>
      </c>
      <c r="F112" s="9" t="s">
        <v>235</v>
      </c>
      <c r="G112" s="9" t="s">
        <v>238</v>
      </c>
      <c r="H112" s="6">
        <v>16739</v>
      </c>
      <c r="I112" s="6">
        <v>114</v>
      </c>
      <c r="J112" s="6">
        <v>94</v>
      </c>
      <c r="K112" s="6">
        <v>135</v>
      </c>
      <c r="L112" s="6">
        <v>16490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4</v>
      </c>
      <c r="E113" s="9" t="s">
        <v>18</v>
      </c>
      <c r="F113" s="9" t="s">
        <v>235</v>
      </c>
      <c r="G113" s="9" t="s">
        <v>239</v>
      </c>
      <c r="H113" s="6">
        <v>13978</v>
      </c>
      <c r="I113" s="6">
        <v>210</v>
      </c>
      <c r="J113" s="6">
        <v>159</v>
      </c>
      <c r="K113" s="6">
        <v>69</v>
      </c>
      <c r="L113" s="6">
        <v>13699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4</v>
      </c>
      <c r="E114" s="9" t="s">
        <v>18</v>
      </c>
      <c r="F114" s="9" t="s">
        <v>235</v>
      </c>
      <c r="G114" s="9" t="s">
        <v>240</v>
      </c>
      <c r="H114" s="6">
        <v>13392</v>
      </c>
      <c r="I114" s="6">
        <v>178</v>
      </c>
      <c r="J114" s="6">
        <v>113</v>
      </c>
      <c r="K114" s="6">
        <v>103</v>
      </c>
      <c r="L114" s="6">
        <v>13111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4</v>
      </c>
      <c r="E115" s="9" t="s">
        <v>18</v>
      </c>
      <c r="F115" s="9" t="s">
        <v>235</v>
      </c>
      <c r="G115" s="9" t="s">
        <v>241</v>
      </c>
      <c r="H115" s="6">
        <v>12466</v>
      </c>
      <c r="I115" s="6">
        <v>109</v>
      </c>
      <c r="J115" s="6">
        <v>81</v>
      </c>
      <c r="K115" s="6">
        <v>113</v>
      </c>
      <c r="L115" s="6">
        <v>12244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4</v>
      </c>
      <c r="E116" s="9" t="s">
        <v>18</v>
      </c>
      <c r="F116" s="9" t="s">
        <v>235</v>
      </c>
      <c r="G116" s="9" t="s">
        <v>242</v>
      </c>
      <c r="H116" s="6">
        <v>12238</v>
      </c>
      <c r="I116" s="6">
        <v>101</v>
      </c>
      <c r="J116" s="6">
        <v>72</v>
      </c>
      <c r="K116" s="6">
        <v>36</v>
      </c>
      <c r="L116" s="6">
        <v>12101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4</v>
      </c>
      <c r="E117" s="9" t="s">
        <v>18</v>
      </c>
      <c r="F117" s="9" t="s">
        <v>235</v>
      </c>
      <c r="G117" s="9" t="s">
        <v>243</v>
      </c>
      <c r="H117" s="6">
        <v>11307</v>
      </c>
      <c r="I117" s="6">
        <v>154</v>
      </c>
      <c r="J117" s="6">
        <v>114</v>
      </c>
      <c r="K117" s="6">
        <v>99</v>
      </c>
      <c r="L117" s="6">
        <v>11054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4</v>
      </c>
      <c r="E118" s="9" t="s">
        <v>18</v>
      </c>
      <c r="F118" s="9" t="s">
        <v>235</v>
      </c>
      <c r="G118" s="9" t="s">
        <v>244</v>
      </c>
      <c r="H118" s="6">
        <v>11650</v>
      </c>
      <c r="I118" s="6">
        <v>125</v>
      </c>
      <c r="J118" s="6">
        <v>104</v>
      </c>
      <c r="K118" s="6">
        <v>57</v>
      </c>
      <c r="L118" s="6">
        <v>11468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4</v>
      </c>
      <c r="E119" s="9" t="s">
        <v>18</v>
      </c>
      <c r="F119" s="9" t="s">
        <v>235</v>
      </c>
      <c r="G119" s="9" t="s">
        <v>245</v>
      </c>
      <c r="H119" s="6">
        <v>11675</v>
      </c>
      <c r="I119" s="6">
        <v>103</v>
      </c>
      <c r="J119" s="6">
        <v>79</v>
      </c>
      <c r="K119" s="6">
        <v>60</v>
      </c>
      <c r="L119" s="6">
        <v>11512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4</v>
      </c>
      <c r="E120" s="9" t="s">
        <v>18</v>
      </c>
      <c r="F120" s="9" t="s">
        <v>235</v>
      </c>
      <c r="G120" s="9" t="s">
        <v>246</v>
      </c>
      <c r="H120" s="6">
        <v>11937</v>
      </c>
      <c r="I120" s="6">
        <v>81</v>
      </c>
      <c r="J120" s="6">
        <v>48</v>
      </c>
      <c r="K120" s="6">
        <v>64</v>
      </c>
      <c r="L120" s="6">
        <v>11792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4</v>
      </c>
      <c r="E121" s="9" t="s">
        <v>18</v>
      </c>
      <c r="F121" s="9" t="s">
        <v>235</v>
      </c>
      <c r="G121" s="9" t="s">
        <v>247</v>
      </c>
      <c r="H121" s="6">
        <v>11597</v>
      </c>
      <c r="I121" s="6">
        <v>180</v>
      </c>
      <c r="J121" s="6">
        <v>148</v>
      </c>
      <c r="K121" s="6">
        <v>38</v>
      </c>
      <c r="L121" s="6">
        <v>11379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4</v>
      </c>
      <c r="E122" s="9" t="s">
        <v>18</v>
      </c>
      <c r="F122" s="9" t="s">
        <v>235</v>
      </c>
      <c r="G122" s="9" t="s">
        <v>248</v>
      </c>
      <c r="H122" s="6">
        <v>11299</v>
      </c>
      <c r="I122" s="6">
        <v>124</v>
      </c>
      <c r="J122" s="6">
        <v>96</v>
      </c>
      <c r="K122" s="6">
        <v>44</v>
      </c>
      <c r="L122" s="6">
        <v>11131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4</v>
      </c>
      <c r="E123" s="9" t="s">
        <v>18</v>
      </c>
      <c r="F123" s="9" t="s">
        <v>235</v>
      </c>
      <c r="G123" s="9" t="s">
        <v>249</v>
      </c>
      <c r="H123" s="6">
        <v>11636</v>
      </c>
      <c r="I123" s="6">
        <v>167</v>
      </c>
      <c r="J123" s="6">
        <v>138</v>
      </c>
      <c r="K123" s="6">
        <v>52</v>
      </c>
      <c r="L123" s="6">
        <v>11417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4</v>
      </c>
      <c r="E124" s="9" t="s">
        <v>18</v>
      </c>
      <c r="F124" s="9" t="s">
        <v>235</v>
      </c>
      <c r="G124" s="9" t="s">
        <v>250</v>
      </c>
      <c r="H124" s="6">
        <v>10920</v>
      </c>
      <c r="I124" s="6">
        <v>228</v>
      </c>
      <c r="J124" s="6">
        <v>186</v>
      </c>
      <c r="K124" s="6">
        <v>47</v>
      </c>
      <c r="L124" s="6">
        <v>10645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4</v>
      </c>
      <c r="E125" s="9" t="s">
        <v>18</v>
      </c>
      <c r="F125" s="9" t="s">
        <v>235</v>
      </c>
      <c r="G125" s="9" t="s">
        <v>251</v>
      </c>
      <c r="H125" s="6">
        <v>10840</v>
      </c>
      <c r="I125" s="6">
        <v>191</v>
      </c>
      <c r="J125" s="6">
        <v>149</v>
      </c>
      <c r="K125" s="6">
        <v>46</v>
      </c>
      <c r="L125" s="6">
        <v>10603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4</v>
      </c>
      <c r="E126" s="9" t="s">
        <v>18</v>
      </c>
      <c r="F126" s="9" t="s">
        <v>235</v>
      </c>
      <c r="G126" s="9" t="s">
        <v>252</v>
      </c>
      <c r="H126" s="6">
        <v>10838</v>
      </c>
      <c r="I126" s="6">
        <v>213</v>
      </c>
      <c r="J126" s="6">
        <v>170</v>
      </c>
      <c r="K126" s="6">
        <v>36</v>
      </c>
      <c r="L126" s="6">
        <v>10589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4</v>
      </c>
      <c r="E127" s="9" t="s">
        <v>18</v>
      </c>
      <c r="F127" s="9" t="s">
        <v>235</v>
      </c>
      <c r="G127" s="9" t="s">
        <v>253</v>
      </c>
      <c r="H127" s="6">
        <v>11072</v>
      </c>
      <c r="I127" s="6">
        <v>256</v>
      </c>
      <c r="J127" s="6">
        <v>226</v>
      </c>
      <c r="K127" s="6">
        <v>82</v>
      </c>
      <c r="L127" s="6">
        <v>10734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4</v>
      </c>
      <c r="E128" s="9" t="s">
        <v>18</v>
      </c>
      <c r="F128" s="9" t="s">
        <v>235</v>
      </c>
      <c r="G128" s="9" t="s">
        <v>254</v>
      </c>
      <c r="H128" s="6">
        <v>11349</v>
      </c>
      <c r="I128" s="6">
        <v>187</v>
      </c>
      <c r="J128" s="6">
        <v>155</v>
      </c>
      <c r="K128" s="6">
        <v>55</v>
      </c>
      <c r="L128" s="6">
        <v>11107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4</v>
      </c>
      <c r="E129" s="9" t="s">
        <v>18</v>
      </c>
      <c r="F129" s="9" t="s">
        <v>235</v>
      </c>
      <c r="G129" s="9" t="s">
        <v>255</v>
      </c>
      <c r="H129" s="6">
        <v>10317</v>
      </c>
      <c r="I129" s="6">
        <v>184</v>
      </c>
      <c r="J129" s="6">
        <v>167</v>
      </c>
      <c r="K129" s="6">
        <v>55</v>
      </c>
      <c r="L129" s="6">
        <v>10078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4</v>
      </c>
      <c r="E130" s="9" t="s">
        <v>18</v>
      </c>
      <c r="F130" s="9" t="s">
        <v>235</v>
      </c>
      <c r="G130" s="9" t="s">
        <v>256</v>
      </c>
      <c r="H130" s="6">
        <v>143507</v>
      </c>
      <c r="I130" s="6">
        <v>4645</v>
      </c>
      <c r="J130" s="6">
        <v>3489</v>
      </c>
      <c r="K130" s="6">
        <v>3398</v>
      </c>
      <c r="L130" s="6">
        <v>135464</v>
      </c>
    </row>
    <row r="131" spans="1:12">
      <c r="A131" s="9" t="s">
        <v>27</v>
      </c>
      <c r="B131" s="9" t="s">
        <v>57</v>
      </c>
      <c r="C131" s="9" t="s">
        <v>58</v>
      </c>
      <c r="D131" s="9" t="s">
        <v>264</v>
      </c>
      <c r="E131" s="9" t="s">
        <v>6</v>
      </c>
      <c r="F131" s="9" t="s">
        <v>6</v>
      </c>
      <c r="G131" s="9" t="s">
        <v>30</v>
      </c>
      <c r="H131" s="6">
        <v>195124</v>
      </c>
      <c r="I131" s="6">
        <v>147027</v>
      </c>
      <c r="J131" s="6">
        <v>113919</v>
      </c>
      <c r="K131" s="6">
        <v>42894</v>
      </c>
      <c r="L131" s="6">
        <v>5203</v>
      </c>
    </row>
    <row r="132" spans="1:12">
      <c r="A132" s="9" t="s">
        <v>27</v>
      </c>
      <c r="B132" s="9" t="s">
        <v>57</v>
      </c>
      <c r="C132" s="9" t="s">
        <v>58</v>
      </c>
      <c r="D132" s="9" t="s">
        <v>264</v>
      </c>
      <c r="E132" s="9" t="s">
        <v>6</v>
      </c>
      <c r="F132" s="9" t="s">
        <v>234</v>
      </c>
      <c r="G132" s="9" t="s">
        <v>30</v>
      </c>
      <c r="H132" s="6">
        <v>4787</v>
      </c>
      <c r="I132" s="6">
        <v>3861</v>
      </c>
      <c r="J132" s="6">
        <v>2880</v>
      </c>
      <c r="K132" s="6">
        <v>799</v>
      </c>
      <c r="L132" s="6">
        <v>127</v>
      </c>
    </row>
    <row r="133" spans="1:12">
      <c r="A133" s="9" t="s">
        <v>27</v>
      </c>
      <c r="B133" s="9" t="s">
        <v>57</v>
      </c>
      <c r="C133" s="9" t="s">
        <v>58</v>
      </c>
      <c r="D133" s="9" t="s">
        <v>264</v>
      </c>
      <c r="E133" s="9" t="s">
        <v>6</v>
      </c>
      <c r="F133" s="9" t="s">
        <v>235</v>
      </c>
      <c r="G133" s="9" t="s">
        <v>30</v>
      </c>
      <c r="H133" s="6">
        <v>190337</v>
      </c>
      <c r="I133" s="6">
        <v>143166</v>
      </c>
      <c r="J133" s="6">
        <v>111039</v>
      </c>
      <c r="K133" s="6">
        <v>42095</v>
      </c>
      <c r="L133" s="6">
        <v>5076</v>
      </c>
    </row>
    <row r="134" spans="1:12">
      <c r="A134" s="9" t="s">
        <v>27</v>
      </c>
      <c r="B134" s="9" t="s">
        <v>57</v>
      </c>
      <c r="C134" s="9" t="s">
        <v>58</v>
      </c>
      <c r="D134" s="9" t="s">
        <v>264</v>
      </c>
      <c r="E134" s="9" t="s">
        <v>6</v>
      </c>
      <c r="F134" s="9" t="s">
        <v>235</v>
      </c>
      <c r="G134" s="9" t="s">
        <v>236</v>
      </c>
      <c r="H134" s="6">
        <v>8147</v>
      </c>
      <c r="I134" s="6">
        <v>4534</v>
      </c>
      <c r="J134" s="6">
        <v>3778</v>
      </c>
      <c r="K134" s="6">
        <v>3266</v>
      </c>
      <c r="L134" s="6">
        <v>347</v>
      </c>
    </row>
    <row r="135" spans="1:12">
      <c r="A135" s="9" t="s">
        <v>27</v>
      </c>
      <c r="B135" s="9" t="s">
        <v>57</v>
      </c>
      <c r="C135" s="9" t="s">
        <v>58</v>
      </c>
      <c r="D135" s="9" t="s">
        <v>264</v>
      </c>
      <c r="E135" s="9" t="s">
        <v>6</v>
      </c>
      <c r="F135" s="9" t="s">
        <v>235</v>
      </c>
      <c r="G135" s="9" t="s">
        <v>237</v>
      </c>
      <c r="H135" s="6">
        <v>7784</v>
      </c>
      <c r="I135" s="6">
        <v>6001</v>
      </c>
      <c r="J135" s="6">
        <v>4911</v>
      </c>
      <c r="K135" s="6">
        <v>1509</v>
      </c>
      <c r="L135" s="6">
        <v>274</v>
      </c>
    </row>
    <row r="136" spans="1:12">
      <c r="A136" s="9" t="s">
        <v>27</v>
      </c>
      <c r="B136" s="9" t="s">
        <v>57</v>
      </c>
      <c r="C136" s="9" t="s">
        <v>58</v>
      </c>
      <c r="D136" s="9" t="s">
        <v>264</v>
      </c>
      <c r="E136" s="9" t="s">
        <v>6</v>
      </c>
      <c r="F136" s="9" t="s">
        <v>235</v>
      </c>
      <c r="G136" s="9" t="s">
        <v>238</v>
      </c>
      <c r="H136" s="6">
        <v>6903</v>
      </c>
      <c r="I136" s="6">
        <v>5750</v>
      </c>
      <c r="J136" s="6">
        <v>4709</v>
      </c>
      <c r="K136" s="6">
        <v>861</v>
      </c>
      <c r="L136" s="6">
        <v>292</v>
      </c>
    </row>
    <row r="137" spans="1:12">
      <c r="A137" s="9" t="s">
        <v>27</v>
      </c>
      <c r="B137" s="9" t="s">
        <v>57</v>
      </c>
      <c r="C137" s="9" t="s">
        <v>58</v>
      </c>
      <c r="D137" s="9" t="s">
        <v>264</v>
      </c>
      <c r="E137" s="9" t="s">
        <v>6</v>
      </c>
      <c r="F137" s="9" t="s">
        <v>235</v>
      </c>
      <c r="G137" s="9" t="s">
        <v>239</v>
      </c>
      <c r="H137" s="6">
        <v>6143</v>
      </c>
      <c r="I137" s="6">
        <v>5162</v>
      </c>
      <c r="J137" s="6">
        <v>4234</v>
      </c>
      <c r="K137" s="6">
        <v>771</v>
      </c>
      <c r="L137" s="6">
        <v>210</v>
      </c>
    </row>
    <row r="138" spans="1:12">
      <c r="A138" s="9" t="s">
        <v>27</v>
      </c>
      <c r="B138" s="9" t="s">
        <v>57</v>
      </c>
      <c r="C138" s="9" t="s">
        <v>58</v>
      </c>
      <c r="D138" s="9" t="s">
        <v>264</v>
      </c>
      <c r="E138" s="9" t="s">
        <v>6</v>
      </c>
      <c r="F138" s="9" t="s">
        <v>235</v>
      </c>
      <c r="G138" s="9" t="s">
        <v>240</v>
      </c>
      <c r="H138" s="6">
        <v>5506</v>
      </c>
      <c r="I138" s="6">
        <v>4709</v>
      </c>
      <c r="J138" s="6">
        <v>3811</v>
      </c>
      <c r="K138" s="6">
        <v>641</v>
      </c>
      <c r="L138" s="6">
        <v>156</v>
      </c>
    </row>
    <row r="139" spans="1:12">
      <c r="A139" s="9" t="s">
        <v>27</v>
      </c>
      <c r="B139" s="9" t="s">
        <v>57</v>
      </c>
      <c r="C139" s="9" t="s">
        <v>58</v>
      </c>
      <c r="D139" s="9" t="s">
        <v>264</v>
      </c>
      <c r="E139" s="9" t="s">
        <v>6</v>
      </c>
      <c r="F139" s="9" t="s">
        <v>235</v>
      </c>
      <c r="G139" s="9" t="s">
        <v>241</v>
      </c>
      <c r="H139" s="6">
        <v>5425</v>
      </c>
      <c r="I139" s="6">
        <v>4753</v>
      </c>
      <c r="J139" s="6">
        <v>3920</v>
      </c>
      <c r="K139" s="6">
        <v>517</v>
      </c>
      <c r="L139" s="6">
        <v>155</v>
      </c>
    </row>
    <row r="140" spans="1:12">
      <c r="A140" s="9" t="s">
        <v>27</v>
      </c>
      <c r="B140" s="9" t="s">
        <v>57</v>
      </c>
      <c r="C140" s="9" t="s">
        <v>58</v>
      </c>
      <c r="D140" s="9" t="s">
        <v>264</v>
      </c>
      <c r="E140" s="9" t="s">
        <v>6</v>
      </c>
      <c r="F140" s="9" t="s">
        <v>235</v>
      </c>
      <c r="G140" s="9" t="s">
        <v>242</v>
      </c>
      <c r="H140" s="6">
        <v>4945</v>
      </c>
      <c r="I140" s="6">
        <v>4344</v>
      </c>
      <c r="J140" s="6">
        <v>3599</v>
      </c>
      <c r="K140" s="6">
        <v>459</v>
      </c>
      <c r="L140" s="6">
        <v>142</v>
      </c>
    </row>
    <row r="141" spans="1:12">
      <c r="A141" s="9" t="s">
        <v>27</v>
      </c>
      <c r="B141" s="9" t="s">
        <v>57</v>
      </c>
      <c r="C141" s="9" t="s">
        <v>58</v>
      </c>
      <c r="D141" s="9" t="s">
        <v>264</v>
      </c>
      <c r="E141" s="9" t="s">
        <v>6</v>
      </c>
      <c r="F141" s="9" t="s">
        <v>235</v>
      </c>
      <c r="G141" s="9" t="s">
        <v>243</v>
      </c>
      <c r="H141" s="6">
        <v>5405</v>
      </c>
      <c r="I141" s="6">
        <v>4765</v>
      </c>
      <c r="J141" s="6">
        <v>3878</v>
      </c>
      <c r="K141" s="6">
        <v>509</v>
      </c>
      <c r="L141" s="6">
        <v>131</v>
      </c>
    </row>
    <row r="142" spans="1:12">
      <c r="A142" s="9" t="s">
        <v>27</v>
      </c>
      <c r="B142" s="9" t="s">
        <v>57</v>
      </c>
      <c r="C142" s="9" t="s">
        <v>58</v>
      </c>
      <c r="D142" s="9" t="s">
        <v>264</v>
      </c>
      <c r="E142" s="9" t="s">
        <v>6</v>
      </c>
      <c r="F142" s="9" t="s">
        <v>235</v>
      </c>
      <c r="G142" s="9" t="s">
        <v>244</v>
      </c>
      <c r="H142" s="6">
        <v>5602</v>
      </c>
      <c r="I142" s="6">
        <v>5013</v>
      </c>
      <c r="J142" s="6">
        <v>4181</v>
      </c>
      <c r="K142" s="6">
        <v>483</v>
      </c>
      <c r="L142" s="6">
        <v>106</v>
      </c>
    </row>
    <row r="143" spans="1:12">
      <c r="A143" s="9" t="s">
        <v>27</v>
      </c>
      <c r="B143" s="9" t="s">
        <v>57</v>
      </c>
      <c r="C143" s="9" t="s">
        <v>58</v>
      </c>
      <c r="D143" s="9" t="s">
        <v>264</v>
      </c>
      <c r="E143" s="9" t="s">
        <v>6</v>
      </c>
      <c r="F143" s="9" t="s">
        <v>235</v>
      </c>
      <c r="G143" s="9" t="s">
        <v>245</v>
      </c>
      <c r="H143" s="6">
        <v>5317</v>
      </c>
      <c r="I143" s="6">
        <v>4653</v>
      </c>
      <c r="J143" s="6">
        <v>3895</v>
      </c>
      <c r="K143" s="6">
        <v>495</v>
      </c>
      <c r="L143" s="6">
        <v>169</v>
      </c>
    </row>
    <row r="144" spans="1:12">
      <c r="A144" s="9" t="s">
        <v>27</v>
      </c>
      <c r="B144" s="9" t="s">
        <v>57</v>
      </c>
      <c r="C144" s="9" t="s">
        <v>58</v>
      </c>
      <c r="D144" s="9" t="s">
        <v>264</v>
      </c>
      <c r="E144" s="9" t="s">
        <v>6</v>
      </c>
      <c r="F144" s="9" t="s">
        <v>235</v>
      </c>
      <c r="G144" s="9" t="s">
        <v>246</v>
      </c>
      <c r="H144" s="6">
        <v>5557</v>
      </c>
      <c r="I144" s="6">
        <v>4937</v>
      </c>
      <c r="J144" s="6">
        <v>3974</v>
      </c>
      <c r="K144" s="6">
        <v>422</v>
      </c>
      <c r="L144" s="6">
        <v>198</v>
      </c>
    </row>
    <row r="145" spans="1:12">
      <c r="A145" s="9" t="s">
        <v>27</v>
      </c>
      <c r="B145" s="9" t="s">
        <v>57</v>
      </c>
      <c r="C145" s="9" t="s">
        <v>58</v>
      </c>
      <c r="D145" s="9" t="s">
        <v>264</v>
      </c>
      <c r="E145" s="9" t="s">
        <v>6</v>
      </c>
      <c r="F145" s="9" t="s">
        <v>235</v>
      </c>
      <c r="G145" s="9" t="s">
        <v>247</v>
      </c>
      <c r="H145" s="6">
        <v>5242</v>
      </c>
      <c r="I145" s="6">
        <v>4604</v>
      </c>
      <c r="J145" s="6">
        <v>3615</v>
      </c>
      <c r="K145" s="6">
        <v>467</v>
      </c>
      <c r="L145" s="6">
        <v>171</v>
      </c>
    </row>
    <row r="146" spans="1:12">
      <c r="A146" s="9" t="s">
        <v>27</v>
      </c>
      <c r="B146" s="9" t="s">
        <v>57</v>
      </c>
      <c r="C146" s="9" t="s">
        <v>58</v>
      </c>
      <c r="D146" s="9" t="s">
        <v>264</v>
      </c>
      <c r="E146" s="9" t="s">
        <v>6</v>
      </c>
      <c r="F146" s="9" t="s">
        <v>235</v>
      </c>
      <c r="G146" s="9" t="s">
        <v>248</v>
      </c>
      <c r="H146" s="6">
        <v>5268</v>
      </c>
      <c r="I146" s="6">
        <v>4721</v>
      </c>
      <c r="J146" s="6">
        <v>3912</v>
      </c>
      <c r="K146" s="6">
        <v>428</v>
      </c>
      <c r="L146" s="6">
        <v>119</v>
      </c>
    </row>
    <row r="147" spans="1:12">
      <c r="A147" s="9" t="s">
        <v>27</v>
      </c>
      <c r="B147" s="9" t="s">
        <v>57</v>
      </c>
      <c r="C147" s="9" t="s">
        <v>58</v>
      </c>
      <c r="D147" s="9" t="s">
        <v>264</v>
      </c>
      <c r="E147" s="9" t="s">
        <v>6</v>
      </c>
      <c r="F147" s="9" t="s">
        <v>235</v>
      </c>
      <c r="G147" s="9" t="s">
        <v>249</v>
      </c>
      <c r="H147" s="6">
        <v>4952</v>
      </c>
      <c r="I147" s="6">
        <v>4356</v>
      </c>
      <c r="J147" s="6">
        <v>3533</v>
      </c>
      <c r="K147" s="6">
        <v>388</v>
      </c>
      <c r="L147" s="6">
        <v>208</v>
      </c>
    </row>
    <row r="148" spans="1:12">
      <c r="A148" s="9" t="s">
        <v>27</v>
      </c>
      <c r="B148" s="9" t="s">
        <v>57</v>
      </c>
      <c r="C148" s="9" t="s">
        <v>58</v>
      </c>
      <c r="D148" s="9" t="s">
        <v>264</v>
      </c>
      <c r="E148" s="9" t="s">
        <v>6</v>
      </c>
      <c r="F148" s="9" t="s">
        <v>235</v>
      </c>
      <c r="G148" s="9" t="s">
        <v>250</v>
      </c>
      <c r="H148" s="6">
        <v>4844</v>
      </c>
      <c r="I148" s="6">
        <v>4191</v>
      </c>
      <c r="J148" s="6">
        <v>3384</v>
      </c>
      <c r="K148" s="6">
        <v>497</v>
      </c>
      <c r="L148" s="6">
        <v>156</v>
      </c>
    </row>
    <row r="149" spans="1:12">
      <c r="A149" s="9" t="s">
        <v>27</v>
      </c>
      <c r="B149" s="9" t="s">
        <v>57</v>
      </c>
      <c r="C149" s="9" t="s">
        <v>58</v>
      </c>
      <c r="D149" s="9" t="s">
        <v>264</v>
      </c>
      <c r="E149" s="9" t="s">
        <v>6</v>
      </c>
      <c r="F149" s="9" t="s">
        <v>235</v>
      </c>
      <c r="G149" s="9" t="s">
        <v>251</v>
      </c>
      <c r="H149" s="6">
        <v>4831</v>
      </c>
      <c r="I149" s="6">
        <v>4119</v>
      </c>
      <c r="J149" s="6">
        <v>3444</v>
      </c>
      <c r="K149" s="6">
        <v>613</v>
      </c>
      <c r="L149" s="6">
        <v>99</v>
      </c>
    </row>
    <row r="150" spans="1:12">
      <c r="A150" s="9" t="s">
        <v>27</v>
      </c>
      <c r="B150" s="9" t="s">
        <v>57</v>
      </c>
      <c r="C150" s="9" t="s">
        <v>58</v>
      </c>
      <c r="D150" s="9" t="s">
        <v>264</v>
      </c>
      <c r="E150" s="9" t="s">
        <v>6</v>
      </c>
      <c r="F150" s="9" t="s">
        <v>235</v>
      </c>
      <c r="G150" s="9" t="s">
        <v>252</v>
      </c>
      <c r="H150" s="6">
        <v>4610</v>
      </c>
      <c r="I150" s="6">
        <v>4000</v>
      </c>
      <c r="J150" s="6">
        <v>3278</v>
      </c>
      <c r="K150" s="6">
        <v>498</v>
      </c>
      <c r="L150" s="6">
        <v>112</v>
      </c>
    </row>
    <row r="151" spans="1:12">
      <c r="A151" s="9" t="s">
        <v>27</v>
      </c>
      <c r="B151" s="9" t="s">
        <v>57</v>
      </c>
      <c r="C151" s="9" t="s">
        <v>58</v>
      </c>
      <c r="D151" s="9" t="s">
        <v>264</v>
      </c>
      <c r="E151" s="9" t="s">
        <v>6</v>
      </c>
      <c r="F151" s="9" t="s">
        <v>235</v>
      </c>
      <c r="G151" s="9" t="s">
        <v>253</v>
      </c>
      <c r="H151" s="6">
        <v>5099</v>
      </c>
      <c r="I151" s="6">
        <v>4495</v>
      </c>
      <c r="J151" s="6">
        <v>3656</v>
      </c>
      <c r="K151" s="6">
        <v>495</v>
      </c>
      <c r="L151" s="6">
        <v>109</v>
      </c>
    </row>
    <row r="152" spans="1:12">
      <c r="A152" s="9" t="s">
        <v>27</v>
      </c>
      <c r="B152" s="9" t="s">
        <v>57</v>
      </c>
      <c r="C152" s="9" t="s">
        <v>58</v>
      </c>
      <c r="D152" s="9" t="s">
        <v>264</v>
      </c>
      <c r="E152" s="9" t="s">
        <v>6</v>
      </c>
      <c r="F152" s="9" t="s">
        <v>235</v>
      </c>
      <c r="G152" s="9" t="s">
        <v>254</v>
      </c>
      <c r="H152" s="6">
        <v>4306</v>
      </c>
      <c r="I152" s="6">
        <v>3604</v>
      </c>
      <c r="J152" s="6">
        <v>2791</v>
      </c>
      <c r="K152" s="6">
        <v>562</v>
      </c>
      <c r="L152" s="6">
        <v>140</v>
      </c>
    </row>
    <row r="153" spans="1:12">
      <c r="A153" s="9" t="s">
        <v>27</v>
      </c>
      <c r="B153" s="9" t="s">
        <v>57</v>
      </c>
      <c r="C153" s="9" t="s">
        <v>58</v>
      </c>
      <c r="D153" s="9" t="s">
        <v>264</v>
      </c>
      <c r="E153" s="9" t="s">
        <v>6</v>
      </c>
      <c r="F153" s="9" t="s">
        <v>235</v>
      </c>
      <c r="G153" s="9" t="s">
        <v>255</v>
      </c>
      <c r="H153" s="6">
        <v>3572</v>
      </c>
      <c r="I153" s="6">
        <v>3027</v>
      </c>
      <c r="J153" s="6">
        <v>2381</v>
      </c>
      <c r="K153" s="6">
        <v>425</v>
      </c>
      <c r="L153" s="6">
        <v>120</v>
      </c>
    </row>
    <row r="154" spans="1:12">
      <c r="A154" s="9" t="s">
        <v>27</v>
      </c>
      <c r="B154" s="9" t="s">
        <v>57</v>
      </c>
      <c r="C154" s="9" t="s">
        <v>58</v>
      </c>
      <c r="D154" s="9" t="s">
        <v>264</v>
      </c>
      <c r="E154" s="9" t="s">
        <v>6</v>
      </c>
      <c r="F154" s="9" t="s">
        <v>235</v>
      </c>
      <c r="G154" s="9" t="s">
        <v>256</v>
      </c>
      <c r="H154" s="6">
        <v>80879</v>
      </c>
      <c r="I154" s="6">
        <v>51428</v>
      </c>
      <c r="J154" s="6">
        <v>36155</v>
      </c>
      <c r="K154" s="6">
        <v>27789</v>
      </c>
      <c r="L154" s="6">
        <v>1662</v>
      </c>
    </row>
    <row r="155" spans="1:12">
      <c r="A155" s="9" t="s">
        <v>27</v>
      </c>
      <c r="B155" s="9" t="s">
        <v>57</v>
      </c>
      <c r="C155" s="9" t="s">
        <v>58</v>
      </c>
      <c r="D155" s="9" t="s">
        <v>264</v>
      </c>
      <c r="E155" s="9" t="s">
        <v>226</v>
      </c>
      <c r="F155" s="9" t="s">
        <v>6</v>
      </c>
      <c r="G155" s="9" t="s">
        <v>30</v>
      </c>
      <c r="H155" s="6">
        <v>168397</v>
      </c>
      <c r="I155" s="6">
        <v>140872</v>
      </c>
      <c r="J155" s="6">
        <v>108472</v>
      </c>
      <c r="K155" s="6">
        <v>27332</v>
      </c>
      <c r="L155" s="6">
        <v>193</v>
      </c>
    </row>
    <row r="156" spans="1:12">
      <c r="A156" s="9" t="s">
        <v>27</v>
      </c>
      <c r="B156" s="9" t="s">
        <v>57</v>
      </c>
      <c r="C156" s="9" t="s">
        <v>58</v>
      </c>
      <c r="D156" s="9" t="s">
        <v>264</v>
      </c>
      <c r="E156" s="9" t="s">
        <v>226</v>
      </c>
      <c r="F156" s="9" t="s">
        <v>234</v>
      </c>
      <c r="G156" s="9" t="s">
        <v>30</v>
      </c>
      <c r="H156" s="6">
        <v>4530</v>
      </c>
      <c r="I156" s="6">
        <v>3801</v>
      </c>
      <c r="J156" s="6">
        <v>2820</v>
      </c>
      <c r="K156" s="6">
        <v>723</v>
      </c>
      <c r="L156" s="6">
        <v>6</v>
      </c>
    </row>
    <row r="157" spans="1:12">
      <c r="A157" s="9" t="s">
        <v>27</v>
      </c>
      <c r="B157" s="9" t="s">
        <v>57</v>
      </c>
      <c r="C157" s="9" t="s">
        <v>58</v>
      </c>
      <c r="D157" s="9" t="s">
        <v>264</v>
      </c>
      <c r="E157" s="9" t="s">
        <v>226</v>
      </c>
      <c r="F157" s="9" t="s">
        <v>235</v>
      </c>
      <c r="G157" s="9" t="s">
        <v>30</v>
      </c>
      <c r="H157" s="6">
        <v>163867</v>
      </c>
      <c r="I157" s="6">
        <v>137071</v>
      </c>
      <c r="J157" s="6">
        <v>105652</v>
      </c>
      <c r="K157" s="6">
        <v>26609</v>
      </c>
      <c r="L157" s="6">
        <v>187</v>
      </c>
    </row>
    <row r="158" spans="1:12">
      <c r="A158" s="9" t="s">
        <v>27</v>
      </c>
      <c r="B158" s="9" t="s">
        <v>57</v>
      </c>
      <c r="C158" s="9" t="s">
        <v>58</v>
      </c>
      <c r="D158" s="9" t="s">
        <v>264</v>
      </c>
      <c r="E158" s="9" t="s">
        <v>226</v>
      </c>
      <c r="F158" s="9" t="s">
        <v>235</v>
      </c>
      <c r="G158" s="9" t="s">
        <v>236</v>
      </c>
      <c r="H158" s="6">
        <v>7631</v>
      </c>
      <c r="I158" s="6">
        <v>4501</v>
      </c>
      <c r="J158" s="6">
        <v>3745</v>
      </c>
      <c r="K158" s="6">
        <v>3130</v>
      </c>
      <c r="L158" s="10" t="s">
        <v>55</v>
      </c>
    </row>
    <row r="159" spans="1:12">
      <c r="A159" s="9" t="s">
        <v>27</v>
      </c>
      <c r="B159" s="9" t="s">
        <v>57</v>
      </c>
      <c r="C159" s="9" t="s">
        <v>58</v>
      </c>
      <c r="D159" s="9" t="s">
        <v>264</v>
      </c>
      <c r="E159" s="9" t="s">
        <v>226</v>
      </c>
      <c r="F159" s="9" t="s">
        <v>235</v>
      </c>
      <c r="G159" s="9" t="s">
        <v>237</v>
      </c>
      <c r="H159" s="6">
        <v>7304</v>
      </c>
      <c r="I159" s="6">
        <v>5898</v>
      </c>
      <c r="J159" s="6">
        <v>4821</v>
      </c>
      <c r="K159" s="6">
        <v>1393</v>
      </c>
      <c r="L159" s="6">
        <v>13</v>
      </c>
    </row>
    <row r="160" spans="1:12">
      <c r="A160" s="9" t="s">
        <v>27</v>
      </c>
      <c r="B160" s="9" t="s">
        <v>57</v>
      </c>
      <c r="C160" s="9" t="s">
        <v>58</v>
      </c>
      <c r="D160" s="9" t="s">
        <v>264</v>
      </c>
      <c r="E160" s="9" t="s">
        <v>226</v>
      </c>
      <c r="F160" s="9" t="s">
        <v>235</v>
      </c>
      <c r="G160" s="9" t="s">
        <v>238</v>
      </c>
      <c r="H160" s="6">
        <v>6523</v>
      </c>
      <c r="I160" s="6">
        <v>5679</v>
      </c>
      <c r="J160" s="6">
        <v>4638</v>
      </c>
      <c r="K160" s="6">
        <v>844</v>
      </c>
      <c r="L160" s="10" t="s">
        <v>55</v>
      </c>
    </row>
    <row r="161" spans="1:12">
      <c r="A161" s="9" t="s">
        <v>27</v>
      </c>
      <c r="B161" s="9" t="s">
        <v>57</v>
      </c>
      <c r="C161" s="9" t="s">
        <v>58</v>
      </c>
      <c r="D161" s="9" t="s">
        <v>264</v>
      </c>
      <c r="E161" s="9" t="s">
        <v>226</v>
      </c>
      <c r="F161" s="9" t="s">
        <v>235</v>
      </c>
      <c r="G161" s="9" t="s">
        <v>239</v>
      </c>
      <c r="H161" s="6">
        <v>5812</v>
      </c>
      <c r="I161" s="6">
        <v>5057</v>
      </c>
      <c r="J161" s="6">
        <v>4138</v>
      </c>
      <c r="K161" s="6">
        <v>751</v>
      </c>
      <c r="L161" s="6">
        <v>4</v>
      </c>
    </row>
    <row r="162" spans="1:12">
      <c r="A162" s="9" t="s">
        <v>27</v>
      </c>
      <c r="B162" s="9" t="s">
        <v>57</v>
      </c>
      <c r="C162" s="9" t="s">
        <v>58</v>
      </c>
      <c r="D162" s="9" t="s">
        <v>264</v>
      </c>
      <c r="E162" s="9" t="s">
        <v>226</v>
      </c>
      <c r="F162" s="9" t="s">
        <v>235</v>
      </c>
      <c r="G162" s="9" t="s">
        <v>240</v>
      </c>
      <c r="H162" s="6">
        <v>5200</v>
      </c>
      <c r="I162" s="6">
        <v>4618</v>
      </c>
      <c r="J162" s="6">
        <v>3754</v>
      </c>
      <c r="K162" s="6">
        <v>582</v>
      </c>
      <c r="L162" s="10" t="s">
        <v>55</v>
      </c>
    </row>
    <row r="163" spans="1:12">
      <c r="A163" s="9" t="s">
        <v>27</v>
      </c>
      <c r="B163" s="9" t="s">
        <v>57</v>
      </c>
      <c r="C163" s="9" t="s">
        <v>58</v>
      </c>
      <c r="D163" s="9" t="s">
        <v>264</v>
      </c>
      <c r="E163" s="9" t="s">
        <v>226</v>
      </c>
      <c r="F163" s="9" t="s">
        <v>235</v>
      </c>
      <c r="G163" s="9" t="s">
        <v>241</v>
      </c>
      <c r="H163" s="6">
        <v>5218</v>
      </c>
      <c r="I163" s="6">
        <v>4719</v>
      </c>
      <c r="J163" s="6">
        <v>3893</v>
      </c>
      <c r="K163" s="6">
        <v>499</v>
      </c>
      <c r="L163" s="10" t="s">
        <v>55</v>
      </c>
    </row>
    <row r="164" spans="1:12">
      <c r="A164" s="9" t="s">
        <v>27</v>
      </c>
      <c r="B164" s="9" t="s">
        <v>57</v>
      </c>
      <c r="C164" s="9" t="s">
        <v>58</v>
      </c>
      <c r="D164" s="9" t="s">
        <v>264</v>
      </c>
      <c r="E164" s="9" t="s">
        <v>226</v>
      </c>
      <c r="F164" s="9" t="s">
        <v>235</v>
      </c>
      <c r="G164" s="9" t="s">
        <v>242</v>
      </c>
      <c r="H164" s="6">
        <v>4750</v>
      </c>
      <c r="I164" s="6">
        <v>4320</v>
      </c>
      <c r="J164" s="6">
        <v>3575</v>
      </c>
      <c r="K164" s="6">
        <v>430</v>
      </c>
      <c r="L164" s="10" t="s">
        <v>55</v>
      </c>
    </row>
    <row r="165" spans="1:12">
      <c r="A165" s="9" t="s">
        <v>27</v>
      </c>
      <c r="B165" s="9" t="s">
        <v>57</v>
      </c>
      <c r="C165" s="9" t="s">
        <v>58</v>
      </c>
      <c r="D165" s="9" t="s">
        <v>264</v>
      </c>
      <c r="E165" s="9" t="s">
        <v>226</v>
      </c>
      <c r="F165" s="9" t="s">
        <v>235</v>
      </c>
      <c r="G165" s="9" t="s">
        <v>243</v>
      </c>
      <c r="H165" s="6">
        <v>5255</v>
      </c>
      <c r="I165" s="6">
        <v>4732</v>
      </c>
      <c r="J165" s="6">
        <v>3845</v>
      </c>
      <c r="K165" s="6">
        <v>504</v>
      </c>
      <c r="L165" s="6">
        <v>19</v>
      </c>
    </row>
    <row r="166" spans="1:12">
      <c r="A166" s="9" t="s">
        <v>27</v>
      </c>
      <c r="B166" s="9" t="s">
        <v>57</v>
      </c>
      <c r="C166" s="9" t="s">
        <v>58</v>
      </c>
      <c r="D166" s="9" t="s">
        <v>264</v>
      </c>
      <c r="E166" s="9" t="s">
        <v>226</v>
      </c>
      <c r="F166" s="9" t="s">
        <v>235</v>
      </c>
      <c r="G166" s="9" t="s">
        <v>244</v>
      </c>
      <c r="H166" s="6">
        <v>5453</v>
      </c>
      <c r="I166" s="6">
        <v>4979</v>
      </c>
      <c r="J166" s="6">
        <v>4155</v>
      </c>
      <c r="K166" s="6">
        <v>469</v>
      </c>
      <c r="L166" s="6">
        <v>5</v>
      </c>
    </row>
    <row r="167" spans="1:12">
      <c r="A167" s="9" t="s">
        <v>27</v>
      </c>
      <c r="B167" s="9" t="s">
        <v>57</v>
      </c>
      <c r="C167" s="9" t="s">
        <v>58</v>
      </c>
      <c r="D167" s="9" t="s">
        <v>264</v>
      </c>
      <c r="E167" s="9" t="s">
        <v>226</v>
      </c>
      <c r="F167" s="9" t="s">
        <v>235</v>
      </c>
      <c r="G167" s="9" t="s">
        <v>245</v>
      </c>
      <c r="H167" s="6">
        <v>5059</v>
      </c>
      <c r="I167" s="6">
        <v>4569</v>
      </c>
      <c r="J167" s="6">
        <v>3836</v>
      </c>
      <c r="K167" s="6">
        <v>483</v>
      </c>
      <c r="L167" s="6">
        <v>7</v>
      </c>
    </row>
    <row r="168" spans="1:12">
      <c r="A168" s="9" t="s">
        <v>27</v>
      </c>
      <c r="B168" s="9" t="s">
        <v>57</v>
      </c>
      <c r="C168" s="9" t="s">
        <v>58</v>
      </c>
      <c r="D168" s="9" t="s">
        <v>264</v>
      </c>
      <c r="E168" s="9" t="s">
        <v>226</v>
      </c>
      <c r="F168" s="9" t="s">
        <v>235</v>
      </c>
      <c r="G168" s="9" t="s">
        <v>246</v>
      </c>
      <c r="H168" s="6">
        <v>5264</v>
      </c>
      <c r="I168" s="6">
        <v>4859</v>
      </c>
      <c r="J168" s="6">
        <v>3909</v>
      </c>
      <c r="K168" s="6">
        <v>400</v>
      </c>
      <c r="L168" s="6">
        <v>5</v>
      </c>
    </row>
    <row r="169" spans="1:12">
      <c r="A169" s="9" t="s">
        <v>27</v>
      </c>
      <c r="B169" s="9" t="s">
        <v>57</v>
      </c>
      <c r="C169" s="9" t="s">
        <v>58</v>
      </c>
      <c r="D169" s="9" t="s">
        <v>264</v>
      </c>
      <c r="E169" s="9" t="s">
        <v>226</v>
      </c>
      <c r="F169" s="9" t="s">
        <v>235</v>
      </c>
      <c r="G169" s="9" t="s">
        <v>247</v>
      </c>
      <c r="H169" s="6">
        <v>5019</v>
      </c>
      <c r="I169" s="6">
        <v>4552</v>
      </c>
      <c r="J169" s="6">
        <v>3563</v>
      </c>
      <c r="K169" s="6">
        <v>462</v>
      </c>
      <c r="L169" s="6">
        <v>5</v>
      </c>
    </row>
    <row r="170" spans="1:12">
      <c r="A170" s="9" t="s">
        <v>27</v>
      </c>
      <c r="B170" s="9" t="s">
        <v>57</v>
      </c>
      <c r="C170" s="9" t="s">
        <v>58</v>
      </c>
      <c r="D170" s="9" t="s">
        <v>264</v>
      </c>
      <c r="E170" s="9" t="s">
        <v>226</v>
      </c>
      <c r="F170" s="9" t="s">
        <v>235</v>
      </c>
      <c r="G170" s="9" t="s">
        <v>248</v>
      </c>
      <c r="H170" s="6">
        <v>5038</v>
      </c>
      <c r="I170" s="6">
        <v>4633</v>
      </c>
      <c r="J170" s="6">
        <v>3836</v>
      </c>
      <c r="K170" s="6">
        <v>405</v>
      </c>
      <c r="L170" s="10" t="s">
        <v>55</v>
      </c>
    </row>
    <row r="171" spans="1:12">
      <c r="A171" s="9" t="s">
        <v>27</v>
      </c>
      <c r="B171" s="9" t="s">
        <v>57</v>
      </c>
      <c r="C171" s="9" t="s">
        <v>58</v>
      </c>
      <c r="D171" s="9" t="s">
        <v>264</v>
      </c>
      <c r="E171" s="9" t="s">
        <v>226</v>
      </c>
      <c r="F171" s="9" t="s">
        <v>235</v>
      </c>
      <c r="G171" s="9" t="s">
        <v>249</v>
      </c>
      <c r="H171" s="6">
        <v>4697</v>
      </c>
      <c r="I171" s="6">
        <v>4319</v>
      </c>
      <c r="J171" s="6">
        <v>3496</v>
      </c>
      <c r="K171" s="6">
        <v>372</v>
      </c>
      <c r="L171" s="6">
        <v>6</v>
      </c>
    </row>
    <row r="172" spans="1:12">
      <c r="A172" s="9" t="s">
        <v>27</v>
      </c>
      <c r="B172" s="9" t="s">
        <v>57</v>
      </c>
      <c r="C172" s="9" t="s">
        <v>58</v>
      </c>
      <c r="D172" s="9" t="s">
        <v>264</v>
      </c>
      <c r="E172" s="9" t="s">
        <v>226</v>
      </c>
      <c r="F172" s="9" t="s">
        <v>235</v>
      </c>
      <c r="G172" s="9" t="s">
        <v>250</v>
      </c>
      <c r="H172" s="6">
        <v>4629</v>
      </c>
      <c r="I172" s="6">
        <v>4149</v>
      </c>
      <c r="J172" s="6">
        <v>3342</v>
      </c>
      <c r="K172" s="6">
        <v>480</v>
      </c>
      <c r="L172" s="10" t="s">
        <v>55</v>
      </c>
    </row>
    <row r="173" spans="1:12">
      <c r="A173" s="9" t="s">
        <v>27</v>
      </c>
      <c r="B173" s="9" t="s">
        <v>57</v>
      </c>
      <c r="C173" s="9" t="s">
        <v>58</v>
      </c>
      <c r="D173" s="9" t="s">
        <v>264</v>
      </c>
      <c r="E173" s="9" t="s">
        <v>226</v>
      </c>
      <c r="F173" s="9" t="s">
        <v>235</v>
      </c>
      <c r="G173" s="9" t="s">
        <v>251</v>
      </c>
      <c r="H173" s="6">
        <v>4633</v>
      </c>
      <c r="I173" s="6">
        <v>4051</v>
      </c>
      <c r="J173" s="6">
        <v>3381</v>
      </c>
      <c r="K173" s="6">
        <v>576</v>
      </c>
      <c r="L173" s="6">
        <v>6</v>
      </c>
    </row>
    <row r="174" spans="1:12">
      <c r="A174" s="9" t="s">
        <v>27</v>
      </c>
      <c r="B174" s="9" t="s">
        <v>57</v>
      </c>
      <c r="C174" s="9" t="s">
        <v>58</v>
      </c>
      <c r="D174" s="9" t="s">
        <v>264</v>
      </c>
      <c r="E174" s="9" t="s">
        <v>226</v>
      </c>
      <c r="F174" s="9" t="s">
        <v>235</v>
      </c>
      <c r="G174" s="9" t="s">
        <v>252</v>
      </c>
      <c r="H174" s="6">
        <v>4431</v>
      </c>
      <c r="I174" s="6">
        <v>3943</v>
      </c>
      <c r="J174" s="6">
        <v>3227</v>
      </c>
      <c r="K174" s="6">
        <v>480</v>
      </c>
      <c r="L174" s="6">
        <v>8</v>
      </c>
    </row>
    <row r="175" spans="1:12">
      <c r="A175" s="9" t="s">
        <v>27</v>
      </c>
      <c r="B175" s="9" t="s">
        <v>57</v>
      </c>
      <c r="C175" s="9" t="s">
        <v>58</v>
      </c>
      <c r="D175" s="9" t="s">
        <v>264</v>
      </c>
      <c r="E175" s="9" t="s">
        <v>226</v>
      </c>
      <c r="F175" s="9" t="s">
        <v>235</v>
      </c>
      <c r="G175" s="9" t="s">
        <v>253</v>
      </c>
      <c r="H175" s="6">
        <v>4851</v>
      </c>
      <c r="I175" s="6">
        <v>4386</v>
      </c>
      <c r="J175" s="6">
        <v>3547</v>
      </c>
      <c r="K175" s="6">
        <v>460</v>
      </c>
      <c r="L175" s="6">
        <v>5</v>
      </c>
    </row>
    <row r="176" spans="1:12">
      <c r="A176" s="9" t="s">
        <v>27</v>
      </c>
      <c r="B176" s="9" t="s">
        <v>57</v>
      </c>
      <c r="C176" s="9" t="s">
        <v>58</v>
      </c>
      <c r="D176" s="9" t="s">
        <v>264</v>
      </c>
      <c r="E176" s="9" t="s">
        <v>226</v>
      </c>
      <c r="F176" s="9" t="s">
        <v>235</v>
      </c>
      <c r="G176" s="9" t="s">
        <v>254</v>
      </c>
      <c r="H176" s="6">
        <v>4068</v>
      </c>
      <c r="I176" s="6">
        <v>3544</v>
      </c>
      <c r="J176" s="6">
        <v>2737</v>
      </c>
      <c r="K176" s="6">
        <v>518</v>
      </c>
      <c r="L176" s="6">
        <v>6</v>
      </c>
    </row>
    <row r="177" spans="1:12">
      <c r="A177" s="9" t="s">
        <v>27</v>
      </c>
      <c r="B177" s="9" t="s">
        <v>57</v>
      </c>
      <c r="C177" s="9" t="s">
        <v>58</v>
      </c>
      <c r="D177" s="9" t="s">
        <v>264</v>
      </c>
      <c r="E177" s="9" t="s">
        <v>226</v>
      </c>
      <c r="F177" s="9" t="s">
        <v>235</v>
      </c>
      <c r="G177" s="9" t="s">
        <v>255</v>
      </c>
      <c r="H177" s="6">
        <v>3322</v>
      </c>
      <c r="I177" s="6">
        <v>2948</v>
      </c>
      <c r="J177" s="6">
        <v>2314</v>
      </c>
      <c r="K177" s="6">
        <v>374</v>
      </c>
      <c r="L177" s="10" t="s">
        <v>55</v>
      </c>
    </row>
    <row r="178" spans="1:12">
      <c r="A178" s="9" t="s">
        <v>27</v>
      </c>
      <c r="B178" s="9" t="s">
        <v>57</v>
      </c>
      <c r="C178" s="9" t="s">
        <v>58</v>
      </c>
      <c r="D178" s="9" t="s">
        <v>264</v>
      </c>
      <c r="E178" s="9" t="s">
        <v>226</v>
      </c>
      <c r="F178" s="9" t="s">
        <v>235</v>
      </c>
      <c r="G178" s="9" t="s">
        <v>256</v>
      </c>
      <c r="H178" s="6">
        <v>59710</v>
      </c>
      <c r="I178" s="6">
        <v>46615</v>
      </c>
      <c r="J178" s="6">
        <v>31900</v>
      </c>
      <c r="K178" s="6">
        <v>12997</v>
      </c>
      <c r="L178" s="6">
        <v>98</v>
      </c>
    </row>
    <row r="179" spans="1:12">
      <c r="A179" s="9" t="s">
        <v>27</v>
      </c>
      <c r="B179" s="9" t="s">
        <v>57</v>
      </c>
      <c r="C179" s="9" t="s">
        <v>58</v>
      </c>
      <c r="D179" s="9" t="s">
        <v>264</v>
      </c>
      <c r="E179" s="9" t="s">
        <v>227</v>
      </c>
      <c r="F179" s="9" t="s">
        <v>6</v>
      </c>
      <c r="G179" s="9" t="s">
        <v>30</v>
      </c>
      <c r="H179" s="6">
        <v>120432</v>
      </c>
      <c r="I179" s="6">
        <v>98678</v>
      </c>
      <c r="J179" s="6">
        <v>94615</v>
      </c>
      <c r="K179" s="6">
        <v>21654</v>
      </c>
      <c r="L179" s="6">
        <v>100</v>
      </c>
    </row>
    <row r="180" spans="1:12">
      <c r="A180" s="9" t="s">
        <v>27</v>
      </c>
      <c r="B180" s="9" t="s">
        <v>57</v>
      </c>
      <c r="C180" s="9" t="s">
        <v>58</v>
      </c>
      <c r="D180" s="9" t="s">
        <v>264</v>
      </c>
      <c r="E180" s="9" t="s">
        <v>227</v>
      </c>
      <c r="F180" s="9" t="s">
        <v>234</v>
      </c>
      <c r="G180" s="9" t="s">
        <v>30</v>
      </c>
      <c r="H180" s="6">
        <v>3033</v>
      </c>
      <c r="I180" s="6">
        <v>2492</v>
      </c>
      <c r="J180" s="6">
        <v>2394</v>
      </c>
      <c r="K180" s="6">
        <v>535</v>
      </c>
      <c r="L180" s="6">
        <v>6</v>
      </c>
    </row>
    <row r="181" spans="1:12">
      <c r="A181" s="9" t="s">
        <v>27</v>
      </c>
      <c r="B181" s="9" t="s">
        <v>57</v>
      </c>
      <c r="C181" s="9" t="s">
        <v>58</v>
      </c>
      <c r="D181" s="9" t="s">
        <v>264</v>
      </c>
      <c r="E181" s="9" t="s">
        <v>227</v>
      </c>
      <c r="F181" s="9" t="s">
        <v>235</v>
      </c>
      <c r="G181" s="9" t="s">
        <v>30</v>
      </c>
      <c r="H181" s="6">
        <v>117399</v>
      </c>
      <c r="I181" s="6">
        <v>96186</v>
      </c>
      <c r="J181" s="6">
        <v>92221</v>
      </c>
      <c r="K181" s="6">
        <v>21119</v>
      </c>
      <c r="L181" s="6">
        <v>94</v>
      </c>
    </row>
    <row r="182" spans="1:12">
      <c r="A182" s="9" t="s">
        <v>27</v>
      </c>
      <c r="B182" s="9" t="s">
        <v>57</v>
      </c>
      <c r="C182" s="9" t="s">
        <v>58</v>
      </c>
      <c r="D182" s="9" t="s">
        <v>264</v>
      </c>
      <c r="E182" s="9" t="s">
        <v>227</v>
      </c>
      <c r="F182" s="9" t="s">
        <v>235</v>
      </c>
      <c r="G182" s="9" t="s">
        <v>236</v>
      </c>
      <c r="H182" s="6">
        <v>5984</v>
      </c>
      <c r="I182" s="6">
        <v>3478</v>
      </c>
      <c r="J182" s="6">
        <v>3379</v>
      </c>
      <c r="K182" s="6">
        <v>2506</v>
      </c>
      <c r="L182" s="10" t="s">
        <v>55</v>
      </c>
    </row>
    <row r="183" spans="1:12">
      <c r="A183" s="9" t="s">
        <v>27</v>
      </c>
      <c r="B183" s="9" t="s">
        <v>57</v>
      </c>
      <c r="C183" s="9" t="s">
        <v>58</v>
      </c>
      <c r="D183" s="9" t="s">
        <v>264</v>
      </c>
      <c r="E183" s="9" t="s">
        <v>227</v>
      </c>
      <c r="F183" s="9" t="s">
        <v>235</v>
      </c>
      <c r="G183" s="9" t="s">
        <v>237</v>
      </c>
      <c r="H183" s="6">
        <v>5605</v>
      </c>
      <c r="I183" s="6">
        <v>4478</v>
      </c>
      <c r="J183" s="6">
        <v>4305</v>
      </c>
      <c r="K183" s="6">
        <v>1114</v>
      </c>
      <c r="L183" s="6">
        <v>13</v>
      </c>
    </row>
    <row r="184" spans="1:12">
      <c r="A184" s="9" t="s">
        <v>27</v>
      </c>
      <c r="B184" s="9" t="s">
        <v>57</v>
      </c>
      <c r="C184" s="9" t="s">
        <v>58</v>
      </c>
      <c r="D184" s="9" t="s">
        <v>264</v>
      </c>
      <c r="E184" s="9" t="s">
        <v>227</v>
      </c>
      <c r="F184" s="9" t="s">
        <v>235</v>
      </c>
      <c r="G184" s="9" t="s">
        <v>238</v>
      </c>
      <c r="H184" s="6">
        <v>4976</v>
      </c>
      <c r="I184" s="6">
        <v>4287</v>
      </c>
      <c r="J184" s="6">
        <v>4072</v>
      </c>
      <c r="K184" s="6">
        <v>689</v>
      </c>
      <c r="L184" s="10" t="s">
        <v>55</v>
      </c>
    </row>
    <row r="185" spans="1:12">
      <c r="A185" s="9" t="s">
        <v>27</v>
      </c>
      <c r="B185" s="9" t="s">
        <v>57</v>
      </c>
      <c r="C185" s="9" t="s">
        <v>58</v>
      </c>
      <c r="D185" s="9" t="s">
        <v>264</v>
      </c>
      <c r="E185" s="9" t="s">
        <v>227</v>
      </c>
      <c r="F185" s="9" t="s">
        <v>235</v>
      </c>
      <c r="G185" s="9" t="s">
        <v>239</v>
      </c>
      <c r="H185" s="6">
        <v>4382</v>
      </c>
      <c r="I185" s="6">
        <v>3765</v>
      </c>
      <c r="J185" s="6">
        <v>3628</v>
      </c>
      <c r="K185" s="6">
        <v>613</v>
      </c>
      <c r="L185" s="6">
        <v>4</v>
      </c>
    </row>
    <row r="186" spans="1:12">
      <c r="A186" s="9" t="s">
        <v>27</v>
      </c>
      <c r="B186" s="9" t="s">
        <v>57</v>
      </c>
      <c r="C186" s="9" t="s">
        <v>58</v>
      </c>
      <c r="D186" s="9" t="s">
        <v>264</v>
      </c>
      <c r="E186" s="9" t="s">
        <v>227</v>
      </c>
      <c r="F186" s="9" t="s">
        <v>235</v>
      </c>
      <c r="G186" s="9" t="s">
        <v>240</v>
      </c>
      <c r="H186" s="6">
        <v>3995</v>
      </c>
      <c r="I186" s="6">
        <v>3490</v>
      </c>
      <c r="J186" s="6">
        <v>3359</v>
      </c>
      <c r="K186" s="6">
        <v>505</v>
      </c>
      <c r="L186" s="10" t="s">
        <v>55</v>
      </c>
    </row>
    <row r="187" spans="1:12">
      <c r="A187" s="9" t="s">
        <v>27</v>
      </c>
      <c r="B187" s="9" t="s">
        <v>57</v>
      </c>
      <c r="C187" s="9" t="s">
        <v>58</v>
      </c>
      <c r="D187" s="9" t="s">
        <v>264</v>
      </c>
      <c r="E187" s="9" t="s">
        <v>227</v>
      </c>
      <c r="F187" s="9" t="s">
        <v>235</v>
      </c>
      <c r="G187" s="9" t="s">
        <v>241</v>
      </c>
      <c r="H187" s="6">
        <v>3893</v>
      </c>
      <c r="I187" s="6">
        <v>3514</v>
      </c>
      <c r="J187" s="6">
        <v>3419</v>
      </c>
      <c r="K187" s="6">
        <v>379</v>
      </c>
      <c r="L187" s="10" t="s">
        <v>55</v>
      </c>
    </row>
    <row r="188" spans="1:12">
      <c r="A188" s="9" t="s">
        <v>27</v>
      </c>
      <c r="B188" s="9" t="s">
        <v>57</v>
      </c>
      <c r="C188" s="9" t="s">
        <v>58</v>
      </c>
      <c r="D188" s="9" t="s">
        <v>264</v>
      </c>
      <c r="E188" s="9" t="s">
        <v>227</v>
      </c>
      <c r="F188" s="9" t="s">
        <v>235</v>
      </c>
      <c r="G188" s="9" t="s">
        <v>242</v>
      </c>
      <c r="H188" s="6">
        <v>3664</v>
      </c>
      <c r="I188" s="6">
        <v>3276</v>
      </c>
      <c r="J188" s="6">
        <v>3191</v>
      </c>
      <c r="K188" s="6">
        <v>388</v>
      </c>
      <c r="L188" s="10" t="s">
        <v>55</v>
      </c>
    </row>
    <row r="189" spans="1:12">
      <c r="A189" s="9" t="s">
        <v>27</v>
      </c>
      <c r="B189" s="9" t="s">
        <v>57</v>
      </c>
      <c r="C189" s="9" t="s">
        <v>58</v>
      </c>
      <c r="D189" s="9" t="s">
        <v>264</v>
      </c>
      <c r="E189" s="9" t="s">
        <v>227</v>
      </c>
      <c r="F189" s="9" t="s">
        <v>235</v>
      </c>
      <c r="G189" s="9" t="s">
        <v>243</v>
      </c>
      <c r="H189" s="6">
        <v>4017</v>
      </c>
      <c r="I189" s="6">
        <v>3594</v>
      </c>
      <c r="J189" s="6">
        <v>3452</v>
      </c>
      <c r="K189" s="6">
        <v>416</v>
      </c>
      <c r="L189" s="6">
        <v>7</v>
      </c>
    </row>
    <row r="190" spans="1:12">
      <c r="A190" s="9" t="s">
        <v>27</v>
      </c>
      <c r="B190" s="9" t="s">
        <v>57</v>
      </c>
      <c r="C190" s="9" t="s">
        <v>58</v>
      </c>
      <c r="D190" s="9" t="s">
        <v>264</v>
      </c>
      <c r="E190" s="9" t="s">
        <v>227</v>
      </c>
      <c r="F190" s="9" t="s">
        <v>235</v>
      </c>
      <c r="G190" s="9" t="s">
        <v>244</v>
      </c>
      <c r="H190" s="6">
        <v>4265</v>
      </c>
      <c r="I190" s="6">
        <v>3872</v>
      </c>
      <c r="J190" s="6">
        <v>3743</v>
      </c>
      <c r="K190" s="6">
        <v>388</v>
      </c>
      <c r="L190" s="6">
        <v>5</v>
      </c>
    </row>
    <row r="191" spans="1:12">
      <c r="A191" s="9" t="s">
        <v>27</v>
      </c>
      <c r="B191" s="9" t="s">
        <v>57</v>
      </c>
      <c r="C191" s="9" t="s">
        <v>58</v>
      </c>
      <c r="D191" s="9" t="s">
        <v>264</v>
      </c>
      <c r="E191" s="9" t="s">
        <v>227</v>
      </c>
      <c r="F191" s="9" t="s">
        <v>235</v>
      </c>
      <c r="G191" s="9" t="s">
        <v>245</v>
      </c>
      <c r="H191" s="6">
        <v>3901</v>
      </c>
      <c r="I191" s="6">
        <v>3485</v>
      </c>
      <c r="J191" s="6">
        <v>3375</v>
      </c>
      <c r="K191" s="6">
        <v>409</v>
      </c>
      <c r="L191" s="6">
        <v>7</v>
      </c>
    </row>
    <row r="192" spans="1:12">
      <c r="A192" s="9" t="s">
        <v>27</v>
      </c>
      <c r="B192" s="9" t="s">
        <v>57</v>
      </c>
      <c r="C192" s="9" t="s">
        <v>58</v>
      </c>
      <c r="D192" s="9" t="s">
        <v>264</v>
      </c>
      <c r="E192" s="9" t="s">
        <v>227</v>
      </c>
      <c r="F192" s="9" t="s">
        <v>235</v>
      </c>
      <c r="G192" s="9" t="s">
        <v>246</v>
      </c>
      <c r="H192" s="6">
        <v>3939</v>
      </c>
      <c r="I192" s="6">
        <v>3590</v>
      </c>
      <c r="J192" s="6">
        <v>3477</v>
      </c>
      <c r="K192" s="6">
        <v>349</v>
      </c>
      <c r="L192" s="10" t="s">
        <v>55</v>
      </c>
    </row>
    <row r="193" spans="1:12">
      <c r="A193" s="9" t="s">
        <v>27</v>
      </c>
      <c r="B193" s="9" t="s">
        <v>57</v>
      </c>
      <c r="C193" s="9" t="s">
        <v>58</v>
      </c>
      <c r="D193" s="9" t="s">
        <v>264</v>
      </c>
      <c r="E193" s="9" t="s">
        <v>227</v>
      </c>
      <c r="F193" s="9" t="s">
        <v>235</v>
      </c>
      <c r="G193" s="9" t="s">
        <v>247</v>
      </c>
      <c r="H193" s="6">
        <v>3689</v>
      </c>
      <c r="I193" s="6">
        <v>3274</v>
      </c>
      <c r="J193" s="6">
        <v>3160</v>
      </c>
      <c r="K193" s="6">
        <v>415</v>
      </c>
      <c r="L193" s="10" t="s">
        <v>55</v>
      </c>
    </row>
    <row r="194" spans="1:12">
      <c r="A194" s="9" t="s">
        <v>27</v>
      </c>
      <c r="B194" s="9" t="s">
        <v>57</v>
      </c>
      <c r="C194" s="9" t="s">
        <v>58</v>
      </c>
      <c r="D194" s="9" t="s">
        <v>264</v>
      </c>
      <c r="E194" s="9" t="s">
        <v>227</v>
      </c>
      <c r="F194" s="9" t="s">
        <v>235</v>
      </c>
      <c r="G194" s="9" t="s">
        <v>248</v>
      </c>
      <c r="H194" s="6">
        <v>3859</v>
      </c>
      <c r="I194" s="6">
        <v>3510</v>
      </c>
      <c r="J194" s="6">
        <v>3390</v>
      </c>
      <c r="K194" s="6">
        <v>349</v>
      </c>
      <c r="L194" s="10" t="s">
        <v>55</v>
      </c>
    </row>
    <row r="195" spans="1:12">
      <c r="A195" s="9" t="s">
        <v>27</v>
      </c>
      <c r="B195" s="9" t="s">
        <v>57</v>
      </c>
      <c r="C195" s="9" t="s">
        <v>58</v>
      </c>
      <c r="D195" s="9" t="s">
        <v>264</v>
      </c>
      <c r="E195" s="9" t="s">
        <v>227</v>
      </c>
      <c r="F195" s="9" t="s">
        <v>235</v>
      </c>
      <c r="G195" s="9" t="s">
        <v>249</v>
      </c>
      <c r="H195" s="6">
        <v>3601</v>
      </c>
      <c r="I195" s="6">
        <v>3275</v>
      </c>
      <c r="J195" s="6">
        <v>3124</v>
      </c>
      <c r="K195" s="6">
        <v>320</v>
      </c>
      <c r="L195" s="6">
        <v>6</v>
      </c>
    </row>
    <row r="196" spans="1:12">
      <c r="A196" s="9" t="s">
        <v>27</v>
      </c>
      <c r="B196" s="9" t="s">
        <v>57</v>
      </c>
      <c r="C196" s="9" t="s">
        <v>58</v>
      </c>
      <c r="D196" s="9" t="s">
        <v>264</v>
      </c>
      <c r="E196" s="9" t="s">
        <v>227</v>
      </c>
      <c r="F196" s="9" t="s">
        <v>235</v>
      </c>
      <c r="G196" s="9" t="s">
        <v>250</v>
      </c>
      <c r="H196" s="6">
        <v>3467</v>
      </c>
      <c r="I196" s="6">
        <v>3077</v>
      </c>
      <c r="J196" s="6">
        <v>2959</v>
      </c>
      <c r="K196" s="6">
        <v>390</v>
      </c>
      <c r="L196" s="10" t="s">
        <v>55</v>
      </c>
    </row>
    <row r="197" spans="1:12">
      <c r="A197" s="9" t="s">
        <v>27</v>
      </c>
      <c r="B197" s="9" t="s">
        <v>57</v>
      </c>
      <c r="C197" s="9" t="s">
        <v>58</v>
      </c>
      <c r="D197" s="9" t="s">
        <v>264</v>
      </c>
      <c r="E197" s="9" t="s">
        <v>227</v>
      </c>
      <c r="F197" s="9" t="s">
        <v>235</v>
      </c>
      <c r="G197" s="9" t="s">
        <v>251</v>
      </c>
      <c r="H197" s="6">
        <v>3489</v>
      </c>
      <c r="I197" s="6">
        <v>3051</v>
      </c>
      <c r="J197" s="6">
        <v>2958</v>
      </c>
      <c r="K197" s="6">
        <v>432</v>
      </c>
      <c r="L197" s="6">
        <v>6</v>
      </c>
    </row>
    <row r="198" spans="1:12">
      <c r="A198" s="9" t="s">
        <v>27</v>
      </c>
      <c r="B198" s="9" t="s">
        <v>57</v>
      </c>
      <c r="C198" s="9" t="s">
        <v>58</v>
      </c>
      <c r="D198" s="9" t="s">
        <v>264</v>
      </c>
      <c r="E198" s="9" t="s">
        <v>227</v>
      </c>
      <c r="F198" s="9" t="s">
        <v>235</v>
      </c>
      <c r="G198" s="9" t="s">
        <v>252</v>
      </c>
      <c r="H198" s="6">
        <v>3393</v>
      </c>
      <c r="I198" s="6">
        <v>2973</v>
      </c>
      <c r="J198" s="6">
        <v>2850</v>
      </c>
      <c r="K198" s="6">
        <v>420</v>
      </c>
      <c r="L198" s="10" t="s">
        <v>55</v>
      </c>
    </row>
    <row r="199" spans="1:12">
      <c r="A199" s="9" t="s">
        <v>27</v>
      </c>
      <c r="B199" s="9" t="s">
        <v>57</v>
      </c>
      <c r="C199" s="9" t="s">
        <v>58</v>
      </c>
      <c r="D199" s="9" t="s">
        <v>264</v>
      </c>
      <c r="E199" s="9" t="s">
        <v>227</v>
      </c>
      <c r="F199" s="9" t="s">
        <v>235</v>
      </c>
      <c r="G199" s="9" t="s">
        <v>253</v>
      </c>
      <c r="H199" s="6">
        <v>3661</v>
      </c>
      <c r="I199" s="6">
        <v>3263</v>
      </c>
      <c r="J199" s="6">
        <v>3094</v>
      </c>
      <c r="K199" s="6">
        <v>398</v>
      </c>
      <c r="L199" s="10" t="s">
        <v>55</v>
      </c>
    </row>
    <row r="200" spans="1:12">
      <c r="A200" s="9" t="s">
        <v>27</v>
      </c>
      <c r="B200" s="9" t="s">
        <v>57</v>
      </c>
      <c r="C200" s="9" t="s">
        <v>58</v>
      </c>
      <c r="D200" s="9" t="s">
        <v>264</v>
      </c>
      <c r="E200" s="9" t="s">
        <v>227</v>
      </c>
      <c r="F200" s="9" t="s">
        <v>235</v>
      </c>
      <c r="G200" s="9" t="s">
        <v>254</v>
      </c>
      <c r="H200" s="6">
        <v>2872</v>
      </c>
      <c r="I200" s="6">
        <v>2451</v>
      </c>
      <c r="J200" s="6">
        <v>2363</v>
      </c>
      <c r="K200" s="6">
        <v>415</v>
      </c>
      <c r="L200" s="6">
        <v>6</v>
      </c>
    </row>
    <row r="201" spans="1:12">
      <c r="A201" s="9" t="s">
        <v>27</v>
      </c>
      <c r="B201" s="9" t="s">
        <v>57</v>
      </c>
      <c r="C201" s="9" t="s">
        <v>58</v>
      </c>
      <c r="D201" s="9" t="s">
        <v>264</v>
      </c>
      <c r="E201" s="9" t="s">
        <v>227</v>
      </c>
      <c r="F201" s="9" t="s">
        <v>235</v>
      </c>
      <c r="G201" s="9" t="s">
        <v>255</v>
      </c>
      <c r="H201" s="6">
        <v>2453</v>
      </c>
      <c r="I201" s="6">
        <v>2122</v>
      </c>
      <c r="J201" s="6">
        <v>2030</v>
      </c>
      <c r="K201" s="6">
        <v>331</v>
      </c>
      <c r="L201" s="10" t="s">
        <v>55</v>
      </c>
    </row>
    <row r="202" spans="1:12">
      <c r="A202" s="9" t="s">
        <v>27</v>
      </c>
      <c r="B202" s="9" t="s">
        <v>57</v>
      </c>
      <c r="C202" s="9" t="s">
        <v>58</v>
      </c>
      <c r="D202" s="9" t="s">
        <v>264</v>
      </c>
      <c r="E202" s="9" t="s">
        <v>227</v>
      </c>
      <c r="F202" s="9" t="s">
        <v>235</v>
      </c>
      <c r="G202" s="9" t="s">
        <v>256</v>
      </c>
      <c r="H202" s="6">
        <v>38294</v>
      </c>
      <c r="I202" s="6">
        <v>28361</v>
      </c>
      <c r="J202" s="6">
        <v>26893</v>
      </c>
      <c r="K202" s="6">
        <v>9893</v>
      </c>
      <c r="L202" s="6">
        <v>40</v>
      </c>
    </row>
    <row r="203" spans="1:12">
      <c r="A203" s="9" t="s">
        <v>27</v>
      </c>
      <c r="B203" s="9" t="s">
        <v>57</v>
      </c>
      <c r="C203" s="9" t="s">
        <v>58</v>
      </c>
      <c r="D203" s="9" t="s">
        <v>264</v>
      </c>
      <c r="E203" s="9" t="s">
        <v>228</v>
      </c>
      <c r="F203" s="9" t="s">
        <v>6</v>
      </c>
      <c r="G203" s="9" t="s">
        <v>30</v>
      </c>
      <c r="H203" s="6">
        <v>21579</v>
      </c>
      <c r="I203" s="6">
        <v>6041</v>
      </c>
      <c r="J203" s="6">
        <v>5375</v>
      </c>
      <c r="K203" s="6">
        <v>15508</v>
      </c>
      <c r="L203" s="6">
        <v>30</v>
      </c>
    </row>
    <row r="204" spans="1:12">
      <c r="A204" s="9" t="s">
        <v>27</v>
      </c>
      <c r="B204" s="9" t="s">
        <v>57</v>
      </c>
      <c r="C204" s="9" t="s">
        <v>58</v>
      </c>
      <c r="D204" s="9" t="s">
        <v>264</v>
      </c>
      <c r="E204" s="9" t="s">
        <v>228</v>
      </c>
      <c r="F204" s="9" t="s">
        <v>234</v>
      </c>
      <c r="G204" s="9" t="s">
        <v>30</v>
      </c>
      <c r="H204" s="6">
        <v>129</v>
      </c>
      <c r="I204" s="6">
        <v>53</v>
      </c>
      <c r="J204" s="6">
        <v>53</v>
      </c>
      <c r="K204" s="6">
        <v>76</v>
      </c>
      <c r="L204" s="10" t="s">
        <v>55</v>
      </c>
    </row>
    <row r="205" spans="1:12">
      <c r="A205" s="9" t="s">
        <v>27</v>
      </c>
      <c r="B205" s="9" t="s">
        <v>57</v>
      </c>
      <c r="C205" s="9" t="s">
        <v>58</v>
      </c>
      <c r="D205" s="9" t="s">
        <v>264</v>
      </c>
      <c r="E205" s="9" t="s">
        <v>228</v>
      </c>
      <c r="F205" s="9" t="s">
        <v>235</v>
      </c>
      <c r="G205" s="9" t="s">
        <v>30</v>
      </c>
      <c r="H205" s="6">
        <v>21450</v>
      </c>
      <c r="I205" s="6">
        <v>5988</v>
      </c>
      <c r="J205" s="6">
        <v>5322</v>
      </c>
      <c r="K205" s="6">
        <v>15432</v>
      </c>
      <c r="L205" s="6">
        <v>30</v>
      </c>
    </row>
    <row r="206" spans="1:12">
      <c r="A206" s="9" t="s">
        <v>27</v>
      </c>
      <c r="B206" s="9" t="s">
        <v>57</v>
      </c>
      <c r="C206" s="9" t="s">
        <v>58</v>
      </c>
      <c r="D206" s="9" t="s">
        <v>264</v>
      </c>
      <c r="E206" s="9" t="s">
        <v>228</v>
      </c>
      <c r="F206" s="9" t="s">
        <v>235</v>
      </c>
      <c r="G206" s="9" t="s">
        <v>236</v>
      </c>
      <c r="H206" s="6">
        <v>163</v>
      </c>
      <c r="I206" s="6">
        <v>33</v>
      </c>
      <c r="J206" s="6">
        <v>33</v>
      </c>
      <c r="K206" s="6">
        <v>130</v>
      </c>
      <c r="L206" s="10" t="s">
        <v>55</v>
      </c>
    </row>
    <row r="207" spans="1:12">
      <c r="A207" s="9" t="s">
        <v>27</v>
      </c>
      <c r="B207" s="9" t="s">
        <v>57</v>
      </c>
      <c r="C207" s="9" t="s">
        <v>58</v>
      </c>
      <c r="D207" s="9" t="s">
        <v>264</v>
      </c>
      <c r="E207" s="9" t="s">
        <v>228</v>
      </c>
      <c r="F207" s="9" t="s">
        <v>235</v>
      </c>
      <c r="G207" s="9" t="s">
        <v>237</v>
      </c>
      <c r="H207" s="6">
        <v>206</v>
      </c>
      <c r="I207" s="6">
        <v>96</v>
      </c>
      <c r="J207" s="6">
        <v>83</v>
      </c>
      <c r="K207" s="6">
        <v>110</v>
      </c>
      <c r="L207" s="10" t="s">
        <v>55</v>
      </c>
    </row>
    <row r="208" spans="1:12">
      <c r="A208" s="9" t="s">
        <v>27</v>
      </c>
      <c r="B208" s="9" t="s">
        <v>57</v>
      </c>
      <c r="C208" s="9" t="s">
        <v>58</v>
      </c>
      <c r="D208" s="9" t="s">
        <v>264</v>
      </c>
      <c r="E208" s="9" t="s">
        <v>228</v>
      </c>
      <c r="F208" s="9" t="s">
        <v>235</v>
      </c>
      <c r="G208" s="9" t="s">
        <v>238</v>
      </c>
      <c r="H208" s="6">
        <v>78</v>
      </c>
      <c r="I208" s="6">
        <v>61</v>
      </c>
      <c r="J208" s="6">
        <v>61</v>
      </c>
      <c r="K208" s="6">
        <v>17</v>
      </c>
      <c r="L208" s="10" t="s">
        <v>55</v>
      </c>
    </row>
    <row r="209" spans="1:12">
      <c r="A209" s="9" t="s">
        <v>27</v>
      </c>
      <c r="B209" s="9" t="s">
        <v>57</v>
      </c>
      <c r="C209" s="9" t="s">
        <v>58</v>
      </c>
      <c r="D209" s="9" t="s">
        <v>264</v>
      </c>
      <c r="E209" s="9" t="s">
        <v>228</v>
      </c>
      <c r="F209" s="9" t="s">
        <v>235</v>
      </c>
      <c r="G209" s="9" t="s">
        <v>239</v>
      </c>
      <c r="H209" s="6">
        <v>116</v>
      </c>
      <c r="I209" s="6">
        <v>96</v>
      </c>
      <c r="J209" s="6">
        <v>96</v>
      </c>
      <c r="K209" s="6">
        <v>20</v>
      </c>
      <c r="L209" s="10" t="s">
        <v>55</v>
      </c>
    </row>
    <row r="210" spans="1:12">
      <c r="A210" s="9" t="s">
        <v>27</v>
      </c>
      <c r="B210" s="9" t="s">
        <v>57</v>
      </c>
      <c r="C210" s="9" t="s">
        <v>58</v>
      </c>
      <c r="D210" s="9" t="s">
        <v>264</v>
      </c>
      <c r="E210" s="9" t="s">
        <v>228</v>
      </c>
      <c r="F210" s="9" t="s">
        <v>235</v>
      </c>
      <c r="G210" s="9" t="s">
        <v>240</v>
      </c>
      <c r="H210" s="6">
        <v>150</v>
      </c>
      <c r="I210" s="6">
        <v>91</v>
      </c>
      <c r="J210" s="6">
        <v>57</v>
      </c>
      <c r="K210" s="6">
        <v>59</v>
      </c>
      <c r="L210" s="10" t="s">
        <v>55</v>
      </c>
    </row>
    <row r="211" spans="1:12">
      <c r="A211" s="9" t="s">
        <v>27</v>
      </c>
      <c r="B211" s="9" t="s">
        <v>57</v>
      </c>
      <c r="C211" s="9" t="s">
        <v>58</v>
      </c>
      <c r="D211" s="9" t="s">
        <v>264</v>
      </c>
      <c r="E211" s="9" t="s">
        <v>228</v>
      </c>
      <c r="F211" s="9" t="s">
        <v>235</v>
      </c>
      <c r="G211" s="9" t="s">
        <v>241</v>
      </c>
      <c r="H211" s="6">
        <v>52</v>
      </c>
      <c r="I211" s="6">
        <v>34</v>
      </c>
      <c r="J211" s="6">
        <v>27</v>
      </c>
      <c r="K211" s="6">
        <v>18</v>
      </c>
      <c r="L211" s="10" t="s">
        <v>55</v>
      </c>
    </row>
    <row r="212" spans="1:12">
      <c r="A212" s="9" t="s">
        <v>27</v>
      </c>
      <c r="B212" s="9" t="s">
        <v>57</v>
      </c>
      <c r="C212" s="9" t="s">
        <v>58</v>
      </c>
      <c r="D212" s="9" t="s">
        <v>264</v>
      </c>
      <c r="E212" s="9" t="s">
        <v>228</v>
      </c>
      <c r="F212" s="9" t="s">
        <v>235</v>
      </c>
      <c r="G212" s="9" t="s">
        <v>242</v>
      </c>
      <c r="H212" s="6">
        <v>53</v>
      </c>
      <c r="I212" s="6">
        <v>24</v>
      </c>
      <c r="J212" s="6">
        <v>24</v>
      </c>
      <c r="K212" s="6">
        <v>29</v>
      </c>
      <c r="L212" s="10" t="s">
        <v>55</v>
      </c>
    </row>
    <row r="213" spans="1:12">
      <c r="A213" s="9" t="s">
        <v>27</v>
      </c>
      <c r="B213" s="9" t="s">
        <v>57</v>
      </c>
      <c r="C213" s="9" t="s">
        <v>58</v>
      </c>
      <c r="D213" s="9" t="s">
        <v>264</v>
      </c>
      <c r="E213" s="9" t="s">
        <v>228</v>
      </c>
      <c r="F213" s="9" t="s">
        <v>235</v>
      </c>
      <c r="G213" s="9" t="s">
        <v>243</v>
      </c>
      <c r="H213" s="6">
        <v>38</v>
      </c>
      <c r="I213" s="6">
        <v>33</v>
      </c>
      <c r="J213" s="6">
        <v>33</v>
      </c>
      <c r="K213" s="6">
        <v>5</v>
      </c>
      <c r="L213" s="10" t="s">
        <v>55</v>
      </c>
    </row>
    <row r="214" spans="1:12">
      <c r="A214" s="9" t="s">
        <v>27</v>
      </c>
      <c r="B214" s="9" t="s">
        <v>57</v>
      </c>
      <c r="C214" s="9" t="s">
        <v>58</v>
      </c>
      <c r="D214" s="9" t="s">
        <v>264</v>
      </c>
      <c r="E214" s="9" t="s">
        <v>228</v>
      </c>
      <c r="F214" s="9" t="s">
        <v>235</v>
      </c>
      <c r="G214" s="9" t="s">
        <v>244</v>
      </c>
      <c r="H214" s="6">
        <v>48</v>
      </c>
      <c r="I214" s="6">
        <v>34</v>
      </c>
      <c r="J214" s="6">
        <v>26</v>
      </c>
      <c r="K214" s="6">
        <v>14</v>
      </c>
      <c r="L214" s="10" t="s">
        <v>55</v>
      </c>
    </row>
    <row r="215" spans="1:12">
      <c r="A215" s="9" t="s">
        <v>27</v>
      </c>
      <c r="B215" s="9" t="s">
        <v>57</v>
      </c>
      <c r="C215" s="9" t="s">
        <v>58</v>
      </c>
      <c r="D215" s="9" t="s">
        <v>264</v>
      </c>
      <c r="E215" s="9" t="s">
        <v>228</v>
      </c>
      <c r="F215" s="9" t="s">
        <v>235</v>
      </c>
      <c r="G215" s="9" t="s">
        <v>245</v>
      </c>
      <c r="H215" s="6">
        <v>98</v>
      </c>
      <c r="I215" s="6">
        <v>79</v>
      </c>
      <c r="J215" s="6">
        <v>54</v>
      </c>
      <c r="K215" s="6">
        <v>12</v>
      </c>
      <c r="L215" s="6">
        <v>7</v>
      </c>
    </row>
    <row r="216" spans="1:12">
      <c r="A216" s="9" t="s">
        <v>27</v>
      </c>
      <c r="B216" s="9" t="s">
        <v>57</v>
      </c>
      <c r="C216" s="9" t="s">
        <v>58</v>
      </c>
      <c r="D216" s="9" t="s">
        <v>264</v>
      </c>
      <c r="E216" s="9" t="s">
        <v>228</v>
      </c>
      <c r="F216" s="9" t="s">
        <v>235</v>
      </c>
      <c r="G216" s="9" t="s">
        <v>246</v>
      </c>
      <c r="H216" s="6">
        <v>100</v>
      </c>
      <c r="I216" s="6">
        <v>78</v>
      </c>
      <c r="J216" s="6">
        <v>65</v>
      </c>
      <c r="K216" s="6">
        <v>22</v>
      </c>
      <c r="L216" s="10" t="s">
        <v>55</v>
      </c>
    </row>
    <row r="217" spans="1:12">
      <c r="A217" s="9" t="s">
        <v>27</v>
      </c>
      <c r="B217" s="9" t="s">
        <v>57</v>
      </c>
      <c r="C217" s="9" t="s">
        <v>58</v>
      </c>
      <c r="D217" s="9" t="s">
        <v>264</v>
      </c>
      <c r="E217" s="9" t="s">
        <v>228</v>
      </c>
      <c r="F217" s="9" t="s">
        <v>235</v>
      </c>
      <c r="G217" s="9" t="s">
        <v>247</v>
      </c>
      <c r="H217" s="6">
        <v>57</v>
      </c>
      <c r="I217" s="6">
        <v>52</v>
      </c>
      <c r="J217" s="6">
        <v>52</v>
      </c>
      <c r="K217" s="6">
        <v>5</v>
      </c>
      <c r="L217" s="10" t="s">
        <v>55</v>
      </c>
    </row>
    <row r="218" spans="1:12">
      <c r="A218" s="9" t="s">
        <v>27</v>
      </c>
      <c r="B218" s="9" t="s">
        <v>57</v>
      </c>
      <c r="C218" s="9" t="s">
        <v>58</v>
      </c>
      <c r="D218" s="9" t="s">
        <v>264</v>
      </c>
      <c r="E218" s="9" t="s">
        <v>228</v>
      </c>
      <c r="F218" s="9" t="s">
        <v>235</v>
      </c>
      <c r="G218" s="9" t="s">
        <v>248</v>
      </c>
      <c r="H218" s="6">
        <v>111</v>
      </c>
      <c r="I218" s="6">
        <v>88</v>
      </c>
      <c r="J218" s="6">
        <v>76</v>
      </c>
      <c r="K218" s="6">
        <v>23</v>
      </c>
      <c r="L218" s="10" t="s">
        <v>55</v>
      </c>
    </row>
    <row r="219" spans="1:12">
      <c r="A219" s="9" t="s">
        <v>27</v>
      </c>
      <c r="B219" s="9" t="s">
        <v>57</v>
      </c>
      <c r="C219" s="9" t="s">
        <v>58</v>
      </c>
      <c r="D219" s="9" t="s">
        <v>264</v>
      </c>
      <c r="E219" s="9" t="s">
        <v>228</v>
      </c>
      <c r="F219" s="9" t="s">
        <v>235</v>
      </c>
      <c r="G219" s="9" t="s">
        <v>249</v>
      </c>
      <c r="H219" s="6">
        <v>51</v>
      </c>
      <c r="I219" s="6">
        <v>37</v>
      </c>
      <c r="J219" s="6">
        <v>37</v>
      </c>
      <c r="K219" s="6">
        <v>10</v>
      </c>
      <c r="L219" s="6">
        <v>4</v>
      </c>
    </row>
    <row r="220" spans="1:12">
      <c r="A220" s="9" t="s">
        <v>27</v>
      </c>
      <c r="B220" s="9" t="s">
        <v>57</v>
      </c>
      <c r="C220" s="9" t="s">
        <v>58</v>
      </c>
      <c r="D220" s="9" t="s">
        <v>264</v>
      </c>
      <c r="E220" s="9" t="s">
        <v>228</v>
      </c>
      <c r="F220" s="9" t="s">
        <v>235</v>
      </c>
      <c r="G220" s="9" t="s">
        <v>250</v>
      </c>
      <c r="H220" s="6">
        <v>59</v>
      </c>
      <c r="I220" s="6">
        <v>42</v>
      </c>
      <c r="J220" s="6">
        <v>42</v>
      </c>
      <c r="K220" s="6">
        <v>17</v>
      </c>
      <c r="L220" s="10" t="s">
        <v>55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4</v>
      </c>
      <c r="E221" s="9" t="s">
        <v>228</v>
      </c>
      <c r="F221" s="9" t="s">
        <v>235</v>
      </c>
      <c r="G221" s="9" t="s">
        <v>251</v>
      </c>
      <c r="H221" s="6">
        <v>105</v>
      </c>
      <c r="I221" s="6">
        <v>68</v>
      </c>
      <c r="J221" s="6">
        <v>63</v>
      </c>
      <c r="K221" s="6">
        <v>37</v>
      </c>
      <c r="L221" s="10" t="s">
        <v>5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4</v>
      </c>
      <c r="E222" s="9" t="s">
        <v>228</v>
      </c>
      <c r="F222" s="9" t="s">
        <v>235</v>
      </c>
      <c r="G222" s="9" t="s">
        <v>252</v>
      </c>
      <c r="H222" s="6">
        <v>75</v>
      </c>
      <c r="I222" s="6">
        <v>57</v>
      </c>
      <c r="J222" s="6">
        <v>51</v>
      </c>
      <c r="K222" s="6">
        <v>18</v>
      </c>
      <c r="L222" s="10" t="s">
        <v>55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4</v>
      </c>
      <c r="E223" s="9" t="s">
        <v>228</v>
      </c>
      <c r="F223" s="9" t="s">
        <v>235</v>
      </c>
      <c r="G223" s="9" t="s">
        <v>253</v>
      </c>
      <c r="H223" s="6">
        <v>140</v>
      </c>
      <c r="I223" s="6">
        <v>109</v>
      </c>
      <c r="J223" s="6">
        <v>109</v>
      </c>
      <c r="K223" s="6">
        <v>31</v>
      </c>
      <c r="L223" s="10" t="s">
        <v>55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4</v>
      </c>
      <c r="E224" s="9" t="s">
        <v>228</v>
      </c>
      <c r="F224" s="9" t="s">
        <v>235</v>
      </c>
      <c r="G224" s="9" t="s">
        <v>254</v>
      </c>
      <c r="H224" s="6">
        <v>104</v>
      </c>
      <c r="I224" s="6">
        <v>60</v>
      </c>
      <c r="J224" s="6">
        <v>54</v>
      </c>
      <c r="K224" s="6">
        <v>44</v>
      </c>
      <c r="L224" s="10" t="s">
        <v>5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4</v>
      </c>
      <c r="E225" s="9" t="s">
        <v>228</v>
      </c>
      <c r="F225" s="9" t="s">
        <v>235</v>
      </c>
      <c r="G225" s="9" t="s">
        <v>255</v>
      </c>
      <c r="H225" s="6">
        <v>130</v>
      </c>
      <c r="I225" s="6">
        <v>79</v>
      </c>
      <c r="J225" s="6">
        <v>67</v>
      </c>
      <c r="K225" s="6">
        <v>51</v>
      </c>
      <c r="L225" s="10" t="s">
        <v>5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4</v>
      </c>
      <c r="E226" s="9" t="s">
        <v>228</v>
      </c>
      <c r="F226" s="9" t="s">
        <v>235</v>
      </c>
      <c r="G226" s="9" t="s">
        <v>256</v>
      </c>
      <c r="H226" s="6">
        <v>19516</v>
      </c>
      <c r="I226" s="6">
        <v>4737</v>
      </c>
      <c r="J226" s="6">
        <v>4212</v>
      </c>
      <c r="K226" s="6">
        <v>14760</v>
      </c>
      <c r="L226" s="6">
        <v>19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4</v>
      </c>
      <c r="E227" s="9" t="s">
        <v>18</v>
      </c>
      <c r="F227" s="9" t="s">
        <v>6</v>
      </c>
      <c r="G227" s="9" t="s">
        <v>30</v>
      </c>
      <c r="H227" s="6">
        <v>5148</v>
      </c>
      <c r="I227" s="6">
        <v>114</v>
      </c>
      <c r="J227" s="6">
        <v>72</v>
      </c>
      <c r="K227" s="6">
        <v>54</v>
      </c>
      <c r="L227" s="6">
        <v>4980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4</v>
      </c>
      <c r="E228" s="9" t="s">
        <v>18</v>
      </c>
      <c r="F228" s="9" t="s">
        <v>234</v>
      </c>
      <c r="G228" s="9" t="s">
        <v>30</v>
      </c>
      <c r="H228" s="6">
        <v>128</v>
      </c>
      <c r="I228" s="6">
        <v>7</v>
      </c>
      <c r="J228" s="6">
        <v>7</v>
      </c>
      <c r="K228" s="10" t="s">
        <v>55</v>
      </c>
      <c r="L228" s="6">
        <v>121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4</v>
      </c>
      <c r="E229" s="9" t="s">
        <v>18</v>
      </c>
      <c r="F229" s="9" t="s">
        <v>235</v>
      </c>
      <c r="G229" s="9" t="s">
        <v>30</v>
      </c>
      <c r="H229" s="6">
        <v>5020</v>
      </c>
      <c r="I229" s="6">
        <v>107</v>
      </c>
      <c r="J229" s="6">
        <v>65</v>
      </c>
      <c r="K229" s="6">
        <v>54</v>
      </c>
      <c r="L229" s="6">
        <v>4859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4</v>
      </c>
      <c r="E230" s="9" t="s">
        <v>18</v>
      </c>
      <c r="F230" s="9" t="s">
        <v>235</v>
      </c>
      <c r="G230" s="9" t="s">
        <v>236</v>
      </c>
      <c r="H230" s="6">
        <v>353</v>
      </c>
      <c r="I230" s="10" t="s">
        <v>55</v>
      </c>
      <c r="J230" s="10" t="s">
        <v>55</v>
      </c>
      <c r="K230" s="6">
        <v>6</v>
      </c>
      <c r="L230" s="6">
        <v>347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4</v>
      </c>
      <c r="E231" s="9" t="s">
        <v>18</v>
      </c>
      <c r="F231" s="9" t="s">
        <v>235</v>
      </c>
      <c r="G231" s="9" t="s">
        <v>237</v>
      </c>
      <c r="H231" s="6">
        <v>274</v>
      </c>
      <c r="I231" s="6">
        <v>7</v>
      </c>
      <c r="J231" s="6">
        <v>7</v>
      </c>
      <c r="K231" s="6">
        <v>6</v>
      </c>
      <c r="L231" s="6">
        <v>261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4</v>
      </c>
      <c r="E232" s="9" t="s">
        <v>18</v>
      </c>
      <c r="F232" s="9" t="s">
        <v>235</v>
      </c>
      <c r="G232" s="9" t="s">
        <v>238</v>
      </c>
      <c r="H232" s="6">
        <v>302</v>
      </c>
      <c r="I232" s="6">
        <v>10</v>
      </c>
      <c r="J232" s="6">
        <v>10</v>
      </c>
      <c r="K232" s="10" t="s">
        <v>55</v>
      </c>
      <c r="L232" s="6">
        <v>29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4</v>
      </c>
      <c r="E233" s="9" t="s">
        <v>18</v>
      </c>
      <c r="F233" s="9" t="s">
        <v>235</v>
      </c>
      <c r="G233" s="9" t="s">
        <v>239</v>
      </c>
      <c r="H233" s="6">
        <v>215</v>
      </c>
      <c r="I233" s="6">
        <v>9</v>
      </c>
      <c r="J233" s="10" t="s">
        <v>55</v>
      </c>
      <c r="K233" s="10" t="s">
        <v>55</v>
      </c>
      <c r="L233" s="6">
        <v>206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4</v>
      </c>
      <c r="E234" s="9" t="s">
        <v>18</v>
      </c>
      <c r="F234" s="9" t="s">
        <v>235</v>
      </c>
      <c r="G234" s="9" t="s">
        <v>240</v>
      </c>
      <c r="H234" s="6">
        <v>156</v>
      </c>
      <c r="I234" s="10" t="s">
        <v>55</v>
      </c>
      <c r="J234" s="10" t="s">
        <v>55</v>
      </c>
      <c r="K234" s="10" t="s">
        <v>55</v>
      </c>
      <c r="L234" s="6">
        <v>156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4</v>
      </c>
      <c r="E235" s="9" t="s">
        <v>18</v>
      </c>
      <c r="F235" s="9" t="s">
        <v>235</v>
      </c>
      <c r="G235" s="9" t="s">
        <v>241</v>
      </c>
      <c r="H235" s="6">
        <v>155</v>
      </c>
      <c r="I235" s="10" t="s">
        <v>55</v>
      </c>
      <c r="J235" s="10" t="s">
        <v>55</v>
      </c>
      <c r="K235" s="10" t="s">
        <v>55</v>
      </c>
      <c r="L235" s="6">
        <v>155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4</v>
      </c>
      <c r="E236" s="9" t="s">
        <v>18</v>
      </c>
      <c r="F236" s="9" t="s">
        <v>235</v>
      </c>
      <c r="G236" s="9" t="s">
        <v>242</v>
      </c>
      <c r="H236" s="6">
        <v>142</v>
      </c>
      <c r="I236" s="10" t="s">
        <v>55</v>
      </c>
      <c r="J236" s="10" t="s">
        <v>55</v>
      </c>
      <c r="K236" s="10" t="s">
        <v>55</v>
      </c>
      <c r="L236" s="6">
        <v>142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4</v>
      </c>
      <c r="E237" s="9" t="s">
        <v>18</v>
      </c>
      <c r="F237" s="9" t="s">
        <v>235</v>
      </c>
      <c r="G237" s="9" t="s">
        <v>243</v>
      </c>
      <c r="H237" s="6">
        <v>112</v>
      </c>
      <c r="I237" s="10" t="s">
        <v>55</v>
      </c>
      <c r="J237" s="10" t="s">
        <v>55</v>
      </c>
      <c r="K237" s="10" t="s">
        <v>55</v>
      </c>
      <c r="L237" s="6">
        <v>112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4</v>
      </c>
      <c r="E238" s="9" t="s">
        <v>18</v>
      </c>
      <c r="F238" s="9" t="s">
        <v>235</v>
      </c>
      <c r="G238" s="9" t="s">
        <v>244</v>
      </c>
      <c r="H238" s="6">
        <v>101</v>
      </c>
      <c r="I238" s="10" t="s">
        <v>55</v>
      </c>
      <c r="J238" s="10" t="s">
        <v>55</v>
      </c>
      <c r="K238" s="10" t="s">
        <v>55</v>
      </c>
      <c r="L238" s="6">
        <v>101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4</v>
      </c>
      <c r="E239" s="9" t="s">
        <v>18</v>
      </c>
      <c r="F239" s="9" t="s">
        <v>235</v>
      </c>
      <c r="G239" s="9" t="s">
        <v>245</v>
      </c>
      <c r="H239" s="6">
        <v>160</v>
      </c>
      <c r="I239" s="6">
        <v>5</v>
      </c>
      <c r="J239" s="6">
        <v>5</v>
      </c>
      <c r="K239" s="10" t="s">
        <v>55</v>
      </c>
      <c r="L239" s="6">
        <v>1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4</v>
      </c>
      <c r="E240" s="9" t="s">
        <v>18</v>
      </c>
      <c r="F240" s="9" t="s">
        <v>235</v>
      </c>
      <c r="G240" s="9" t="s">
        <v>246</v>
      </c>
      <c r="H240" s="6">
        <v>193</v>
      </c>
      <c r="I240" s="10" t="s">
        <v>55</v>
      </c>
      <c r="J240" s="10" t="s">
        <v>55</v>
      </c>
      <c r="K240" s="10" t="s">
        <v>55</v>
      </c>
      <c r="L240" s="6">
        <v>193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4</v>
      </c>
      <c r="E241" s="9" t="s">
        <v>18</v>
      </c>
      <c r="F241" s="9" t="s">
        <v>235</v>
      </c>
      <c r="G241" s="9" t="s">
        <v>247</v>
      </c>
      <c r="H241" s="6">
        <v>166</v>
      </c>
      <c r="I241" s="10" t="s">
        <v>55</v>
      </c>
      <c r="J241" s="10" t="s">
        <v>55</v>
      </c>
      <c r="K241" s="10" t="s">
        <v>55</v>
      </c>
      <c r="L241" s="6">
        <v>166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4</v>
      </c>
      <c r="E242" s="9" t="s">
        <v>18</v>
      </c>
      <c r="F242" s="9" t="s">
        <v>235</v>
      </c>
      <c r="G242" s="9" t="s">
        <v>248</v>
      </c>
      <c r="H242" s="6">
        <v>119</v>
      </c>
      <c r="I242" s="10" t="s">
        <v>55</v>
      </c>
      <c r="J242" s="10" t="s">
        <v>55</v>
      </c>
      <c r="K242" s="10" t="s">
        <v>55</v>
      </c>
      <c r="L242" s="6">
        <v>119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4</v>
      </c>
      <c r="E243" s="9" t="s">
        <v>18</v>
      </c>
      <c r="F243" s="9" t="s">
        <v>235</v>
      </c>
      <c r="G243" s="9" t="s">
        <v>249</v>
      </c>
      <c r="H243" s="6">
        <v>204</v>
      </c>
      <c r="I243" s="10" t="s">
        <v>55</v>
      </c>
      <c r="J243" s="10" t="s">
        <v>55</v>
      </c>
      <c r="K243" s="6">
        <v>6</v>
      </c>
      <c r="L243" s="6">
        <v>198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4</v>
      </c>
      <c r="E244" s="9" t="s">
        <v>18</v>
      </c>
      <c r="F244" s="9" t="s">
        <v>235</v>
      </c>
      <c r="G244" s="9" t="s">
        <v>250</v>
      </c>
      <c r="H244" s="6">
        <v>156</v>
      </c>
      <c r="I244" s="10" t="s">
        <v>55</v>
      </c>
      <c r="J244" s="10" t="s">
        <v>55</v>
      </c>
      <c r="K244" s="10" t="s">
        <v>55</v>
      </c>
      <c r="L244" s="6">
        <v>156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4</v>
      </c>
      <c r="E245" s="9" t="s">
        <v>18</v>
      </c>
      <c r="F245" s="9" t="s">
        <v>235</v>
      </c>
      <c r="G245" s="9" t="s">
        <v>251</v>
      </c>
      <c r="H245" s="6">
        <v>93</v>
      </c>
      <c r="I245" s="10" t="s">
        <v>55</v>
      </c>
      <c r="J245" s="10" t="s">
        <v>55</v>
      </c>
      <c r="K245" s="10" t="s">
        <v>55</v>
      </c>
      <c r="L245" s="6">
        <v>93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4</v>
      </c>
      <c r="E246" s="9" t="s">
        <v>18</v>
      </c>
      <c r="F246" s="9" t="s">
        <v>235</v>
      </c>
      <c r="G246" s="9" t="s">
        <v>252</v>
      </c>
      <c r="H246" s="6">
        <v>104</v>
      </c>
      <c r="I246" s="10" t="s">
        <v>55</v>
      </c>
      <c r="J246" s="10" t="s">
        <v>55</v>
      </c>
      <c r="K246" s="10" t="s">
        <v>55</v>
      </c>
      <c r="L246" s="6">
        <v>104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4</v>
      </c>
      <c r="E247" s="9" t="s">
        <v>18</v>
      </c>
      <c r="F247" s="9" t="s">
        <v>235</v>
      </c>
      <c r="G247" s="9" t="s">
        <v>253</v>
      </c>
      <c r="H247" s="6">
        <v>108</v>
      </c>
      <c r="I247" s="10" t="s">
        <v>55</v>
      </c>
      <c r="J247" s="10" t="s">
        <v>55</v>
      </c>
      <c r="K247" s="6">
        <v>4</v>
      </c>
      <c r="L247" s="6">
        <v>104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4</v>
      </c>
      <c r="E248" s="9" t="s">
        <v>18</v>
      </c>
      <c r="F248" s="9" t="s">
        <v>235</v>
      </c>
      <c r="G248" s="9" t="s">
        <v>254</v>
      </c>
      <c r="H248" s="6">
        <v>134</v>
      </c>
      <c r="I248" s="10" t="s">
        <v>55</v>
      </c>
      <c r="J248" s="10" t="s">
        <v>55</v>
      </c>
      <c r="K248" s="10" t="s">
        <v>55</v>
      </c>
      <c r="L248" s="6">
        <v>134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4</v>
      </c>
      <c r="E249" s="9" t="s">
        <v>18</v>
      </c>
      <c r="F249" s="9" t="s">
        <v>235</v>
      </c>
      <c r="G249" s="9" t="s">
        <v>255</v>
      </c>
      <c r="H249" s="6">
        <v>120</v>
      </c>
      <c r="I249" s="10" t="s">
        <v>55</v>
      </c>
      <c r="J249" s="10" t="s">
        <v>55</v>
      </c>
      <c r="K249" s="10" t="s">
        <v>55</v>
      </c>
      <c r="L249" s="6">
        <v>120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4</v>
      </c>
      <c r="E250" s="9" t="s">
        <v>18</v>
      </c>
      <c r="F250" s="9" t="s">
        <v>235</v>
      </c>
      <c r="G250" s="9" t="s">
        <v>256</v>
      </c>
      <c r="H250" s="6">
        <v>1653</v>
      </c>
      <c r="I250" s="6">
        <v>76</v>
      </c>
      <c r="J250" s="6">
        <v>43</v>
      </c>
      <c r="K250" s="6">
        <v>32</v>
      </c>
      <c r="L250" s="6">
        <v>1545</v>
      </c>
    </row>
    <row r="251" spans="1:12">
      <c r="A251" s="9" t="s">
        <v>56</v>
      </c>
      <c r="B251" s="9" t="s">
        <v>57</v>
      </c>
      <c r="C251" s="9" t="s">
        <v>59</v>
      </c>
      <c r="D251" s="9" t="s">
        <v>264</v>
      </c>
      <c r="E251" s="9" t="s">
        <v>6</v>
      </c>
      <c r="F251" s="9" t="s">
        <v>6</v>
      </c>
      <c r="G251" s="9" t="s">
        <v>30</v>
      </c>
      <c r="H251" s="6">
        <v>19059</v>
      </c>
      <c r="I251" s="6">
        <v>14664</v>
      </c>
      <c r="J251" s="6">
        <v>10306</v>
      </c>
      <c r="K251" s="6">
        <v>3770</v>
      </c>
      <c r="L251" s="6">
        <v>625</v>
      </c>
    </row>
    <row r="252" spans="1:12">
      <c r="A252" s="9" t="s">
        <v>56</v>
      </c>
      <c r="B252" s="9" t="s">
        <v>57</v>
      </c>
      <c r="C252" s="9" t="s">
        <v>59</v>
      </c>
      <c r="D252" s="9" t="s">
        <v>264</v>
      </c>
      <c r="E252" s="9" t="s">
        <v>6</v>
      </c>
      <c r="F252" s="9" t="s">
        <v>234</v>
      </c>
      <c r="G252" s="9" t="s">
        <v>30</v>
      </c>
      <c r="H252" s="6">
        <v>978</v>
      </c>
      <c r="I252" s="6">
        <v>846</v>
      </c>
      <c r="J252" s="6">
        <v>486</v>
      </c>
      <c r="K252" s="6">
        <v>120</v>
      </c>
      <c r="L252" s="6">
        <v>12</v>
      </c>
    </row>
    <row r="253" spans="1:12">
      <c r="A253" s="9" t="s">
        <v>56</v>
      </c>
      <c r="B253" s="9" t="s">
        <v>57</v>
      </c>
      <c r="C253" s="9" t="s">
        <v>59</v>
      </c>
      <c r="D253" s="9" t="s">
        <v>264</v>
      </c>
      <c r="E253" s="9" t="s">
        <v>6</v>
      </c>
      <c r="F253" s="9" t="s">
        <v>235</v>
      </c>
      <c r="G253" s="9" t="s">
        <v>30</v>
      </c>
      <c r="H253" s="6">
        <v>18081</v>
      </c>
      <c r="I253" s="6">
        <v>13818</v>
      </c>
      <c r="J253" s="6">
        <v>9820</v>
      </c>
      <c r="K253" s="6">
        <v>3650</v>
      </c>
      <c r="L253" s="6">
        <v>613</v>
      </c>
    </row>
    <row r="254" spans="1:12">
      <c r="A254" s="9" t="s">
        <v>56</v>
      </c>
      <c r="B254" s="9" t="s">
        <v>57</v>
      </c>
      <c r="C254" s="9" t="s">
        <v>59</v>
      </c>
      <c r="D254" s="9" t="s">
        <v>264</v>
      </c>
      <c r="E254" s="9" t="s">
        <v>6</v>
      </c>
      <c r="F254" s="9" t="s">
        <v>235</v>
      </c>
      <c r="G254" s="9" t="s">
        <v>236</v>
      </c>
      <c r="H254" s="6">
        <v>587</v>
      </c>
      <c r="I254" s="6">
        <v>310</v>
      </c>
      <c r="J254" s="6">
        <v>240</v>
      </c>
      <c r="K254" s="6">
        <v>240</v>
      </c>
      <c r="L254" s="6">
        <v>37</v>
      </c>
    </row>
    <row r="255" spans="1:12">
      <c r="A255" s="9" t="s">
        <v>56</v>
      </c>
      <c r="B255" s="9" t="s">
        <v>57</v>
      </c>
      <c r="C255" s="9" t="s">
        <v>59</v>
      </c>
      <c r="D255" s="9" t="s">
        <v>264</v>
      </c>
      <c r="E255" s="9" t="s">
        <v>6</v>
      </c>
      <c r="F255" s="9" t="s">
        <v>235</v>
      </c>
      <c r="G255" s="9" t="s">
        <v>237</v>
      </c>
      <c r="H255" s="6">
        <v>806</v>
      </c>
      <c r="I255" s="6">
        <v>631</v>
      </c>
      <c r="J255" s="6">
        <v>513</v>
      </c>
      <c r="K255" s="6">
        <v>159</v>
      </c>
      <c r="L255" s="6">
        <v>16</v>
      </c>
    </row>
    <row r="256" spans="1:12">
      <c r="A256" s="9" t="s">
        <v>56</v>
      </c>
      <c r="B256" s="9" t="s">
        <v>57</v>
      </c>
      <c r="C256" s="9" t="s">
        <v>59</v>
      </c>
      <c r="D256" s="9" t="s">
        <v>264</v>
      </c>
      <c r="E256" s="9" t="s">
        <v>6</v>
      </c>
      <c r="F256" s="9" t="s">
        <v>235</v>
      </c>
      <c r="G256" s="9" t="s">
        <v>238</v>
      </c>
      <c r="H256" s="6">
        <v>666</v>
      </c>
      <c r="I256" s="6">
        <v>562</v>
      </c>
      <c r="J256" s="6">
        <v>425</v>
      </c>
      <c r="K256" s="6">
        <v>71</v>
      </c>
      <c r="L256" s="6">
        <v>33</v>
      </c>
    </row>
    <row r="257" spans="1:12">
      <c r="A257" s="9" t="s">
        <v>56</v>
      </c>
      <c r="B257" s="9" t="s">
        <v>57</v>
      </c>
      <c r="C257" s="9" t="s">
        <v>59</v>
      </c>
      <c r="D257" s="9" t="s">
        <v>264</v>
      </c>
      <c r="E257" s="9" t="s">
        <v>6</v>
      </c>
      <c r="F257" s="9" t="s">
        <v>235</v>
      </c>
      <c r="G257" s="9" t="s">
        <v>239</v>
      </c>
      <c r="H257" s="6">
        <v>577</v>
      </c>
      <c r="I257" s="6">
        <v>486</v>
      </c>
      <c r="J257" s="6">
        <v>384</v>
      </c>
      <c r="K257" s="6">
        <v>63</v>
      </c>
      <c r="L257" s="6">
        <v>28</v>
      </c>
    </row>
    <row r="258" spans="1:12">
      <c r="A258" s="9" t="s">
        <v>56</v>
      </c>
      <c r="B258" s="9" t="s">
        <v>57</v>
      </c>
      <c r="C258" s="9" t="s">
        <v>59</v>
      </c>
      <c r="D258" s="9" t="s">
        <v>264</v>
      </c>
      <c r="E258" s="9" t="s">
        <v>6</v>
      </c>
      <c r="F258" s="9" t="s">
        <v>235</v>
      </c>
      <c r="G258" s="9" t="s">
        <v>240</v>
      </c>
      <c r="H258" s="6">
        <v>623</v>
      </c>
      <c r="I258" s="6">
        <v>547</v>
      </c>
      <c r="J258" s="6">
        <v>378</v>
      </c>
      <c r="K258" s="6">
        <v>60</v>
      </c>
      <c r="L258" s="6">
        <v>16</v>
      </c>
    </row>
    <row r="259" spans="1:12">
      <c r="A259" s="9" t="s">
        <v>56</v>
      </c>
      <c r="B259" s="9" t="s">
        <v>57</v>
      </c>
      <c r="C259" s="9" t="s">
        <v>59</v>
      </c>
      <c r="D259" s="9" t="s">
        <v>264</v>
      </c>
      <c r="E259" s="9" t="s">
        <v>6</v>
      </c>
      <c r="F259" s="9" t="s">
        <v>235</v>
      </c>
      <c r="G259" s="9" t="s">
        <v>241</v>
      </c>
      <c r="H259" s="6">
        <v>492</v>
      </c>
      <c r="I259" s="6">
        <v>418</v>
      </c>
      <c r="J259" s="6">
        <v>355</v>
      </c>
      <c r="K259" s="6">
        <v>44</v>
      </c>
      <c r="L259" s="6">
        <v>30</v>
      </c>
    </row>
    <row r="260" spans="1:12">
      <c r="A260" s="9" t="s">
        <v>56</v>
      </c>
      <c r="B260" s="9" t="s">
        <v>57</v>
      </c>
      <c r="C260" s="9" t="s">
        <v>59</v>
      </c>
      <c r="D260" s="9" t="s">
        <v>264</v>
      </c>
      <c r="E260" s="9" t="s">
        <v>6</v>
      </c>
      <c r="F260" s="9" t="s">
        <v>235</v>
      </c>
      <c r="G260" s="9" t="s">
        <v>242</v>
      </c>
      <c r="H260" s="6">
        <v>526</v>
      </c>
      <c r="I260" s="6">
        <v>464</v>
      </c>
      <c r="J260" s="6">
        <v>382</v>
      </c>
      <c r="K260" s="6">
        <v>38</v>
      </c>
      <c r="L260" s="6">
        <v>24</v>
      </c>
    </row>
    <row r="261" spans="1:12">
      <c r="A261" s="9" t="s">
        <v>56</v>
      </c>
      <c r="B261" s="9" t="s">
        <v>57</v>
      </c>
      <c r="C261" s="9" t="s">
        <v>59</v>
      </c>
      <c r="D261" s="9" t="s">
        <v>264</v>
      </c>
      <c r="E261" s="9" t="s">
        <v>6</v>
      </c>
      <c r="F261" s="9" t="s">
        <v>235</v>
      </c>
      <c r="G261" s="9" t="s">
        <v>243</v>
      </c>
      <c r="H261" s="6">
        <v>525</v>
      </c>
      <c r="I261" s="6">
        <v>469</v>
      </c>
      <c r="J261" s="6">
        <v>370</v>
      </c>
      <c r="K261" s="6">
        <v>56</v>
      </c>
      <c r="L261" s="10" t="s">
        <v>55</v>
      </c>
    </row>
    <row r="262" spans="1:12">
      <c r="A262" s="9" t="s">
        <v>56</v>
      </c>
      <c r="B262" s="9" t="s">
        <v>57</v>
      </c>
      <c r="C262" s="9" t="s">
        <v>59</v>
      </c>
      <c r="D262" s="9" t="s">
        <v>264</v>
      </c>
      <c r="E262" s="9" t="s">
        <v>6</v>
      </c>
      <c r="F262" s="9" t="s">
        <v>235</v>
      </c>
      <c r="G262" s="9" t="s">
        <v>244</v>
      </c>
      <c r="H262" s="6">
        <v>498</v>
      </c>
      <c r="I262" s="6">
        <v>450</v>
      </c>
      <c r="J262" s="6">
        <v>391</v>
      </c>
      <c r="K262" s="6">
        <v>43</v>
      </c>
      <c r="L262" s="6">
        <v>5</v>
      </c>
    </row>
    <row r="263" spans="1:12">
      <c r="A263" s="9" t="s">
        <v>56</v>
      </c>
      <c r="B263" s="9" t="s">
        <v>57</v>
      </c>
      <c r="C263" s="9" t="s">
        <v>59</v>
      </c>
      <c r="D263" s="9" t="s">
        <v>264</v>
      </c>
      <c r="E263" s="9" t="s">
        <v>6</v>
      </c>
      <c r="F263" s="9" t="s">
        <v>235</v>
      </c>
      <c r="G263" s="9" t="s">
        <v>245</v>
      </c>
      <c r="H263" s="6">
        <v>488</v>
      </c>
      <c r="I263" s="6">
        <v>438</v>
      </c>
      <c r="J263" s="6">
        <v>323</v>
      </c>
      <c r="K263" s="6">
        <v>36</v>
      </c>
      <c r="L263" s="6">
        <v>14</v>
      </c>
    </row>
    <row r="264" spans="1:12">
      <c r="A264" s="9" t="s">
        <v>56</v>
      </c>
      <c r="B264" s="9" t="s">
        <v>57</v>
      </c>
      <c r="C264" s="9" t="s">
        <v>59</v>
      </c>
      <c r="D264" s="9" t="s">
        <v>264</v>
      </c>
      <c r="E264" s="9" t="s">
        <v>6</v>
      </c>
      <c r="F264" s="9" t="s">
        <v>235</v>
      </c>
      <c r="G264" s="9" t="s">
        <v>246</v>
      </c>
      <c r="H264" s="6">
        <v>553</v>
      </c>
      <c r="I264" s="6">
        <v>497</v>
      </c>
      <c r="J264" s="6">
        <v>361</v>
      </c>
      <c r="K264" s="6">
        <v>35</v>
      </c>
      <c r="L264" s="6">
        <v>21</v>
      </c>
    </row>
    <row r="265" spans="1:12">
      <c r="A265" s="9" t="s">
        <v>56</v>
      </c>
      <c r="B265" s="9" t="s">
        <v>57</v>
      </c>
      <c r="C265" s="9" t="s">
        <v>59</v>
      </c>
      <c r="D265" s="9" t="s">
        <v>264</v>
      </c>
      <c r="E265" s="9" t="s">
        <v>6</v>
      </c>
      <c r="F265" s="9" t="s">
        <v>235</v>
      </c>
      <c r="G265" s="9" t="s">
        <v>247</v>
      </c>
      <c r="H265" s="6">
        <v>608</v>
      </c>
      <c r="I265" s="6">
        <v>523</v>
      </c>
      <c r="J265" s="6">
        <v>411</v>
      </c>
      <c r="K265" s="6">
        <v>44</v>
      </c>
      <c r="L265" s="6">
        <v>41</v>
      </c>
    </row>
    <row r="266" spans="1:12">
      <c r="A266" s="9" t="s">
        <v>56</v>
      </c>
      <c r="B266" s="9" t="s">
        <v>57</v>
      </c>
      <c r="C266" s="9" t="s">
        <v>59</v>
      </c>
      <c r="D266" s="9" t="s">
        <v>264</v>
      </c>
      <c r="E266" s="9" t="s">
        <v>6</v>
      </c>
      <c r="F266" s="9" t="s">
        <v>235</v>
      </c>
      <c r="G266" s="9" t="s">
        <v>248</v>
      </c>
      <c r="H266" s="6">
        <v>524</v>
      </c>
      <c r="I266" s="6">
        <v>490</v>
      </c>
      <c r="J266" s="6">
        <v>403</v>
      </c>
      <c r="K266" s="6">
        <v>20</v>
      </c>
      <c r="L266" s="6">
        <v>14</v>
      </c>
    </row>
    <row r="267" spans="1:12">
      <c r="A267" s="9" t="s">
        <v>56</v>
      </c>
      <c r="B267" s="9" t="s">
        <v>57</v>
      </c>
      <c r="C267" s="9" t="s">
        <v>59</v>
      </c>
      <c r="D267" s="9" t="s">
        <v>264</v>
      </c>
      <c r="E267" s="9" t="s">
        <v>6</v>
      </c>
      <c r="F267" s="9" t="s">
        <v>235</v>
      </c>
      <c r="G267" s="9" t="s">
        <v>249</v>
      </c>
      <c r="H267" s="6">
        <v>473</v>
      </c>
      <c r="I267" s="6">
        <v>387</v>
      </c>
      <c r="J267" s="6">
        <v>301</v>
      </c>
      <c r="K267" s="6">
        <v>35</v>
      </c>
      <c r="L267" s="6">
        <v>51</v>
      </c>
    </row>
    <row r="268" spans="1:12">
      <c r="A268" s="9" t="s">
        <v>56</v>
      </c>
      <c r="B268" s="9" t="s">
        <v>57</v>
      </c>
      <c r="C268" s="9" t="s">
        <v>59</v>
      </c>
      <c r="D268" s="9" t="s">
        <v>264</v>
      </c>
      <c r="E268" s="9" t="s">
        <v>6</v>
      </c>
      <c r="F268" s="9" t="s">
        <v>235</v>
      </c>
      <c r="G268" s="9" t="s">
        <v>250</v>
      </c>
      <c r="H268" s="6">
        <v>478</v>
      </c>
      <c r="I268" s="6">
        <v>404</v>
      </c>
      <c r="J268" s="6">
        <v>288</v>
      </c>
      <c r="K268" s="6">
        <v>56</v>
      </c>
      <c r="L268" s="6">
        <v>18</v>
      </c>
    </row>
    <row r="269" spans="1:12">
      <c r="A269" s="9" t="s">
        <v>56</v>
      </c>
      <c r="B269" s="9" t="s">
        <v>57</v>
      </c>
      <c r="C269" s="9" t="s">
        <v>59</v>
      </c>
      <c r="D269" s="9" t="s">
        <v>264</v>
      </c>
      <c r="E269" s="9" t="s">
        <v>6</v>
      </c>
      <c r="F269" s="9" t="s">
        <v>235</v>
      </c>
      <c r="G269" s="9" t="s">
        <v>251</v>
      </c>
      <c r="H269" s="6">
        <v>465</v>
      </c>
      <c r="I269" s="6">
        <v>396</v>
      </c>
      <c r="J269" s="6">
        <v>296</v>
      </c>
      <c r="K269" s="6">
        <v>42</v>
      </c>
      <c r="L269" s="6">
        <v>27</v>
      </c>
    </row>
    <row r="270" spans="1:12">
      <c r="A270" s="9" t="s">
        <v>56</v>
      </c>
      <c r="B270" s="9" t="s">
        <v>57</v>
      </c>
      <c r="C270" s="9" t="s">
        <v>59</v>
      </c>
      <c r="D270" s="9" t="s">
        <v>264</v>
      </c>
      <c r="E270" s="9" t="s">
        <v>6</v>
      </c>
      <c r="F270" s="9" t="s">
        <v>235</v>
      </c>
      <c r="G270" s="9" t="s">
        <v>252</v>
      </c>
      <c r="H270" s="6">
        <v>426</v>
      </c>
      <c r="I270" s="6">
        <v>373</v>
      </c>
      <c r="J270" s="6">
        <v>275</v>
      </c>
      <c r="K270" s="6">
        <v>31</v>
      </c>
      <c r="L270" s="6">
        <v>22</v>
      </c>
    </row>
    <row r="271" spans="1:12">
      <c r="A271" s="9" t="s">
        <v>56</v>
      </c>
      <c r="B271" s="9" t="s">
        <v>57</v>
      </c>
      <c r="C271" s="9" t="s">
        <v>59</v>
      </c>
      <c r="D271" s="9" t="s">
        <v>264</v>
      </c>
      <c r="E271" s="9" t="s">
        <v>6</v>
      </c>
      <c r="F271" s="9" t="s">
        <v>235</v>
      </c>
      <c r="G271" s="9" t="s">
        <v>253</v>
      </c>
      <c r="H271" s="6">
        <v>424</v>
      </c>
      <c r="I271" s="6">
        <v>379</v>
      </c>
      <c r="J271" s="6">
        <v>277</v>
      </c>
      <c r="K271" s="6">
        <v>33</v>
      </c>
      <c r="L271" s="6">
        <v>12</v>
      </c>
    </row>
    <row r="272" spans="1:12">
      <c r="A272" s="9" t="s">
        <v>56</v>
      </c>
      <c r="B272" s="9" t="s">
        <v>57</v>
      </c>
      <c r="C272" s="9" t="s">
        <v>59</v>
      </c>
      <c r="D272" s="9" t="s">
        <v>264</v>
      </c>
      <c r="E272" s="9" t="s">
        <v>6</v>
      </c>
      <c r="F272" s="9" t="s">
        <v>235</v>
      </c>
      <c r="G272" s="9" t="s">
        <v>254</v>
      </c>
      <c r="H272" s="6">
        <v>466</v>
      </c>
      <c r="I272" s="6">
        <v>406</v>
      </c>
      <c r="J272" s="6">
        <v>284</v>
      </c>
      <c r="K272" s="6">
        <v>38</v>
      </c>
      <c r="L272" s="6">
        <v>22</v>
      </c>
    </row>
    <row r="273" spans="1:12">
      <c r="A273" s="9" t="s">
        <v>56</v>
      </c>
      <c r="B273" s="9" t="s">
        <v>57</v>
      </c>
      <c r="C273" s="9" t="s">
        <v>59</v>
      </c>
      <c r="D273" s="9" t="s">
        <v>264</v>
      </c>
      <c r="E273" s="9" t="s">
        <v>6</v>
      </c>
      <c r="F273" s="9" t="s">
        <v>235</v>
      </c>
      <c r="G273" s="9" t="s">
        <v>255</v>
      </c>
      <c r="H273" s="6">
        <v>345</v>
      </c>
      <c r="I273" s="6">
        <v>293</v>
      </c>
      <c r="J273" s="6">
        <v>183</v>
      </c>
      <c r="K273" s="6">
        <v>36</v>
      </c>
      <c r="L273" s="6">
        <v>16</v>
      </c>
    </row>
    <row r="274" spans="1:12">
      <c r="A274" s="9" t="s">
        <v>56</v>
      </c>
      <c r="B274" s="9" t="s">
        <v>57</v>
      </c>
      <c r="C274" s="9" t="s">
        <v>59</v>
      </c>
      <c r="D274" s="9" t="s">
        <v>264</v>
      </c>
      <c r="E274" s="9" t="s">
        <v>6</v>
      </c>
      <c r="F274" s="9" t="s">
        <v>235</v>
      </c>
      <c r="G274" s="9" t="s">
        <v>256</v>
      </c>
      <c r="H274" s="6">
        <v>7531</v>
      </c>
      <c r="I274" s="6">
        <v>4895</v>
      </c>
      <c r="J274" s="6">
        <v>2980</v>
      </c>
      <c r="K274" s="6">
        <v>2470</v>
      </c>
      <c r="L274" s="6">
        <v>166</v>
      </c>
    </row>
    <row r="275" spans="1:12">
      <c r="A275" s="9" t="s">
        <v>56</v>
      </c>
      <c r="B275" s="9" t="s">
        <v>57</v>
      </c>
      <c r="C275" s="9" t="s">
        <v>59</v>
      </c>
      <c r="D275" s="9" t="s">
        <v>264</v>
      </c>
      <c r="E275" s="9" t="s">
        <v>226</v>
      </c>
      <c r="F275" s="9" t="s">
        <v>6</v>
      </c>
      <c r="G275" s="9" t="s">
        <v>30</v>
      </c>
      <c r="H275" s="6">
        <v>16359</v>
      </c>
      <c r="I275" s="6">
        <v>14056</v>
      </c>
      <c r="J275" s="6">
        <v>9773</v>
      </c>
      <c r="K275" s="6">
        <v>2298</v>
      </c>
      <c r="L275" s="6">
        <v>5</v>
      </c>
    </row>
    <row r="276" spans="1:12">
      <c r="A276" s="9" t="s">
        <v>56</v>
      </c>
      <c r="B276" s="9" t="s">
        <v>57</v>
      </c>
      <c r="C276" s="9" t="s">
        <v>59</v>
      </c>
      <c r="D276" s="9" t="s">
        <v>264</v>
      </c>
      <c r="E276" s="9" t="s">
        <v>226</v>
      </c>
      <c r="F276" s="9" t="s">
        <v>234</v>
      </c>
      <c r="G276" s="9" t="s">
        <v>30</v>
      </c>
      <c r="H276" s="6">
        <v>939</v>
      </c>
      <c r="I276" s="6">
        <v>831</v>
      </c>
      <c r="J276" s="6">
        <v>471</v>
      </c>
      <c r="K276" s="6">
        <v>108</v>
      </c>
      <c r="L276" s="10" t="s">
        <v>55</v>
      </c>
    </row>
    <row r="277" spans="1:12">
      <c r="A277" s="9" t="s">
        <v>56</v>
      </c>
      <c r="B277" s="9" t="s">
        <v>57</v>
      </c>
      <c r="C277" s="9" t="s">
        <v>59</v>
      </c>
      <c r="D277" s="9" t="s">
        <v>264</v>
      </c>
      <c r="E277" s="9" t="s">
        <v>226</v>
      </c>
      <c r="F277" s="9" t="s">
        <v>235</v>
      </c>
      <c r="G277" s="9" t="s">
        <v>30</v>
      </c>
      <c r="H277" s="6">
        <v>15420</v>
      </c>
      <c r="I277" s="6">
        <v>13225</v>
      </c>
      <c r="J277" s="6">
        <v>9302</v>
      </c>
      <c r="K277" s="6">
        <v>2190</v>
      </c>
      <c r="L277" s="6">
        <v>5</v>
      </c>
    </row>
    <row r="278" spans="1:12">
      <c r="A278" s="9" t="s">
        <v>56</v>
      </c>
      <c r="B278" s="9" t="s">
        <v>57</v>
      </c>
      <c r="C278" s="9" t="s">
        <v>59</v>
      </c>
      <c r="D278" s="9" t="s">
        <v>264</v>
      </c>
      <c r="E278" s="9" t="s">
        <v>226</v>
      </c>
      <c r="F278" s="9" t="s">
        <v>235</v>
      </c>
      <c r="G278" s="9" t="s">
        <v>236</v>
      </c>
      <c r="H278" s="6">
        <v>544</v>
      </c>
      <c r="I278" s="6">
        <v>310</v>
      </c>
      <c r="J278" s="6">
        <v>240</v>
      </c>
      <c r="K278" s="6">
        <v>234</v>
      </c>
      <c r="L278" s="10" t="s">
        <v>55</v>
      </c>
    </row>
    <row r="279" spans="1:12">
      <c r="A279" s="9" t="s">
        <v>56</v>
      </c>
      <c r="B279" s="9" t="s">
        <v>57</v>
      </c>
      <c r="C279" s="9" t="s">
        <v>59</v>
      </c>
      <c r="D279" s="9" t="s">
        <v>264</v>
      </c>
      <c r="E279" s="9" t="s">
        <v>226</v>
      </c>
      <c r="F279" s="9" t="s">
        <v>235</v>
      </c>
      <c r="G279" s="9" t="s">
        <v>237</v>
      </c>
      <c r="H279" s="6">
        <v>750</v>
      </c>
      <c r="I279" s="6">
        <v>614</v>
      </c>
      <c r="J279" s="6">
        <v>496</v>
      </c>
      <c r="K279" s="6">
        <v>136</v>
      </c>
      <c r="L279" s="10" t="s">
        <v>55</v>
      </c>
    </row>
    <row r="280" spans="1:12">
      <c r="A280" s="9" t="s">
        <v>56</v>
      </c>
      <c r="B280" s="9" t="s">
        <v>57</v>
      </c>
      <c r="C280" s="9" t="s">
        <v>59</v>
      </c>
      <c r="D280" s="9" t="s">
        <v>264</v>
      </c>
      <c r="E280" s="9" t="s">
        <v>226</v>
      </c>
      <c r="F280" s="9" t="s">
        <v>235</v>
      </c>
      <c r="G280" s="9" t="s">
        <v>238</v>
      </c>
      <c r="H280" s="6">
        <v>629</v>
      </c>
      <c r="I280" s="6">
        <v>562</v>
      </c>
      <c r="J280" s="6">
        <v>425</v>
      </c>
      <c r="K280" s="6">
        <v>67</v>
      </c>
      <c r="L280" s="10" t="s">
        <v>55</v>
      </c>
    </row>
    <row r="281" spans="1:12">
      <c r="A281" s="9" t="s">
        <v>56</v>
      </c>
      <c r="B281" s="9" t="s">
        <v>57</v>
      </c>
      <c r="C281" s="9" t="s">
        <v>59</v>
      </c>
      <c r="D281" s="9" t="s">
        <v>264</v>
      </c>
      <c r="E281" s="9" t="s">
        <v>226</v>
      </c>
      <c r="F281" s="9" t="s">
        <v>235</v>
      </c>
      <c r="G281" s="9" t="s">
        <v>239</v>
      </c>
      <c r="H281" s="6">
        <v>528</v>
      </c>
      <c r="I281" s="6">
        <v>465</v>
      </c>
      <c r="J281" s="6">
        <v>363</v>
      </c>
      <c r="K281" s="6">
        <v>63</v>
      </c>
      <c r="L281" s="10" t="s">
        <v>55</v>
      </c>
    </row>
    <row r="282" spans="1:12">
      <c r="A282" s="9" t="s">
        <v>56</v>
      </c>
      <c r="B282" s="9" t="s">
        <v>57</v>
      </c>
      <c r="C282" s="9" t="s">
        <v>59</v>
      </c>
      <c r="D282" s="9" t="s">
        <v>264</v>
      </c>
      <c r="E282" s="9" t="s">
        <v>226</v>
      </c>
      <c r="F282" s="9" t="s">
        <v>235</v>
      </c>
      <c r="G282" s="9" t="s">
        <v>240</v>
      </c>
      <c r="H282" s="6">
        <v>580</v>
      </c>
      <c r="I282" s="6">
        <v>533</v>
      </c>
      <c r="J282" s="6">
        <v>378</v>
      </c>
      <c r="K282" s="6">
        <v>47</v>
      </c>
      <c r="L282" s="10" t="s">
        <v>55</v>
      </c>
    </row>
    <row r="283" spans="1:12">
      <c r="A283" s="9" t="s">
        <v>56</v>
      </c>
      <c r="B283" s="9" t="s">
        <v>57</v>
      </c>
      <c r="C283" s="9" t="s">
        <v>59</v>
      </c>
      <c r="D283" s="9" t="s">
        <v>264</v>
      </c>
      <c r="E283" s="9" t="s">
        <v>226</v>
      </c>
      <c r="F283" s="9" t="s">
        <v>235</v>
      </c>
      <c r="G283" s="9" t="s">
        <v>241</v>
      </c>
      <c r="H283" s="6">
        <v>462</v>
      </c>
      <c r="I283" s="6">
        <v>418</v>
      </c>
      <c r="J283" s="6">
        <v>355</v>
      </c>
      <c r="K283" s="6">
        <v>44</v>
      </c>
      <c r="L283" s="10" t="s">
        <v>55</v>
      </c>
    </row>
    <row r="284" spans="1:12">
      <c r="A284" s="9" t="s">
        <v>56</v>
      </c>
      <c r="B284" s="9" t="s">
        <v>57</v>
      </c>
      <c r="C284" s="9" t="s">
        <v>59</v>
      </c>
      <c r="D284" s="9" t="s">
        <v>264</v>
      </c>
      <c r="E284" s="9" t="s">
        <v>226</v>
      </c>
      <c r="F284" s="9" t="s">
        <v>235</v>
      </c>
      <c r="G284" s="9" t="s">
        <v>242</v>
      </c>
      <c r="H284" s="6">
        <v>502</v>
      </c>
      <c r="I284" s="6">
        <v>464</v>
      </c>
      <c r="J284" s="6">
        <v>382</v>
      </c>
      <c r="K284" s="6">
        <v>38</v>
      </c>
      <c r="L284" s="10" t="s">
        <v>55</v>
      </c>
    </row>
    <row r="285" spans="1:12">
      <c r="A285" s="9" t="s">
        <v>56</v>
      </c>
      <c r="B285" s="9" t="s">
        <v>57</v>
      </c>
      <c r="C285" s="9" t="s">
        <v>59</v>
      </c>
      <c r="D285" s="9" t="s">
        <v>264</v>
      </c>
      <c r="E285" s="9" t="s">
        <v>226</v>
      </c>
      <c r="F285" s="9" t="s">
        <v>235</v>
      </c>
      <c r="G285" s="9" t="s">
        <v>243</v>
      </c>
      <c r="H285" s="6">
        <v>525</v>
      </c>
      <c r="I285" s="6">
        <v>469</v>
      </c>
      <c r="J285" s="6">
        <v>370</v>
      </c>
      <c r="K285" s="6">
        <v>56</v>
      </c>
      <c r="L285" s="10" t="s">
        <v>55</v>
      </c>
    </row>
    <row r="286" spans="1:12">
      <c r="A286" s="9" t="s">
        <v>56</v>
      </c>
      <c r="B286" s="9" t="s">
        <v>57</v>
      </c>
      <c r="C286" s="9" t="s">
        <v>59</v>
      </c>
      <c r="D286" s="9" t="s">
        <v>264</v>
      </c>
      <c r="E286" s="9" t="s">
        <v>226</v>
      </c>
      <c r="F286" s="9" t="s">
        <v>235</v>
      </c>
      <c r="G286" s="9" t="s">
        <v>244</v>
      </c>
      <c r="H286" s="6">
        <v>489</v>
      </c>
      <c r="I286" s="6">
        <v>446</v>
      </c>
      <c r="J286" s="6">
        <v>387</v>
      </c>
      <c r="K286" s="6">
        <v>43</v>
      </c>
      <c r="L286" s="10" t="s">
        <v>55</v>
      </c>
    </row>
    <row r="287" spans="1:12">
      <c r="A287" s="9" t="s">
        <v>56</v>
      </c>
      <c r="B287" s="9" t="s">
        <v>57</v>
      </c>
      <c r="C287" s="9" t="s">
        <v>59</v>
      </c>
      <c r="D287" s="9" t="s">
        <v>264</v>
      </c>
      <c r="E287" s="9" t="s">
        <v>226</v>
      </c>
      <c r="F287" s="9" t="s">
        <v>235</v>
      </c>
      <c r="G287" s="9" t="s">
        <v>245</v>
      </c>
      <c r="H287" s="6">
        <v>467</v>
      </c>
      <c r="I287" s="6">
        <v>431</v>
      </c>
      <c r="J287" s="6">
        <v>323</v>
      </c>
      <c r="K287" s="6">
        <v>36</v>
      </c>
      <c r="L287" s="10" t="s">
        <v>55</v>
      </c>
    </row>
    <row r="288" spans="1:12">
      <c r="A288" s="9" t="s">
        <v>56</v>
      </c>
      <c r="B288" s="9" t="s">
        <v>57</v>
      </c>
      <c r="C288" s="9" t="s">
        <v>59</v>
      </c>
      <c r="D288" s="9" t="s">
        <v>264</v>
      </c>
      <c r="E288" s="9" t="s">
        <v>226</v>
      </c>
      <c r="F288" s="9" t="s">
        <v>235</v>
      </c>
      <c r="G288" s="9" t="s">
        <v>246</v>
      </c>
      <c r="H288" s="6">
        <v>532</v>
      </c>
      <c r="I288" s="6">
        <v>497</v>
      </c>
      <c r="J288" s="6">
        <v>361</v>
      </c>
      <c r="K288" s="6">
        <v>35</v>
      </c>
      <c r="L288" s="10" t="s">
        <v>55</v>
      </c>
    </row>
    <row r="289" spans="1:12">
      <c r="A289" s="9" t="s">
        <v>56</v>
      </c>
      <c r="B289" s="9" t="s">
        <v>57</v>
      </c>
      <c r="C289" s="9" t="s">
        <v>59</v>
      </c>
      <c r="D289" s="9" t="s">
        <v>264</v>
      </c>
      <c r="E289" s="9" t="s">
        <v>226</v>
      </c>
      <c r="F289" s="9" t="s">
        <v>235</v>
      </c>
      <c r="G289" s="9" t="s">
        <v>247</v>
      </c>
      <c r="H289" s="6">
        <v>572</v>
      </c>
      <c r="I289" s="6">
        <v>523</v>
      </c>
      <c r="J289" s="6">
        <v>411</v>
      </c>
      <c r="K289" s="6">
        <v>44</v>
      </c>
      <c r="L289" s="6">
        <v>5</v>
      </c>
    </row>
    <row r="290" spans="1:12">
      <c r="A290" s="9" t="s">
        <v>56</v>
      </c>
      <c r="B290" s="9" t="s">
        <v>57</v>
      </c>
      <c r="C290" s="9" t="s">
        <v>59</v>
      </c>
      <c r="D290" s="9" t="s">
        <v>264</v>
      </c>
      <c r="E290" s="9" t="s">
        <v>226</v>
      </c>
      <c r="F290" s="9" t="s">
        <v>235</v>
      </c>
      <c r="G290" s="9" t="s">
        <v>248</v>
      </c>
      <c r="H290" s="6">
        <v>506</v>
      </c>
      <c r="I290" s="6">
        <v>490</v>
      </c>
      <c r="J290" s="6">
        <v>403</v>
      </c>
      <c r="K290" s="6">
        <v>16</v>
      </c>
      <c r="L290" s="10" t="s">
        <v>55</v>
      </c>
    </row>
    <row r="291" spans="1:12">
      <c r="A291" s="9" t="s">
        <v>56</v>
      </c>
      <c r="B291" s="9" t="s">
        <v>57</v>
      </c>
      <c r="C291" s="9" t="s">
        <v>59</v>
      </c>
      <c r="D291" s="9" t="s">
        <v>264</v>
      </c>
      <c r="E291" s="9" t="s">
        <v>226</v>
      </c>
      <c r="F291" s="9" t="s">
        <v>235</v>
      </c>
      <c r="G291" s="9" t="s">
        <v>249</v>
      </c>
      <c r="H291" s="6">
        <v>422</v>
      </c>
      <c r="I291" s="6">
        <v>387</v>
      </c>
      <c r="J291" s="6">
        <v>301</v>
      </c>
      <c r="K291" s="6">
        <v>35</v>
      </c>
      <c r="L291" s="10" t="s">
        <v>55</v>
      </c>
    </row>
    <row r="292" spans="1:12">
      <c r="A292" s="9" t="s">
        <v>56</v>
      </c>
      <c r="B292" s="9" t="s">
        <v>57</v>
      </c>
      <c r="C292" s="9" t="s">
        <v>59</v>
      </c>
      <c r="D292" s="9" t="s">
        <v>264</v>
      </c>
      <c r="E292" s="9" t="s">
        <v>226</v>
      </c>
      <c r="F292" s="9" t="s">
        <v>235</v>
      </c>
      <c r="G292" s="9" t="s">
        <v>250</v>
      </c>
      <c r="H292" s="6">
        <v>455</v>
      </c>
      <c r="I292" s="6">
        <v>399</v>
      </c>
      <c r="J292" s="6">
        <v>283</v>
      </c>
      <c r="K292" s="6">
        <v>56</v>
      </c>
      <c r="L292" s="10" t="s">
        <v>55</v>
      </c>
    </row>
    <row r="293" spans="1:12">
      <c r="A293" s="9" t="s">
        <v>56</v>
      </c>
      <c r="B293" s="9" t="s">
        <v>57</v>
      </c>
      <c r="C293" s="9" t="s">
        <v>59</v>
      </c>
      <c r="D293" s="9" t="s">
        <v>264</v>
      </c>
      <c r="E293" s="9" t="s">
        <v>226</v>
      </c>
      <c r="F293" s="9" t="s">
        <v>235</v>
      </c>
      <c r="G293" s="9" t="s">
        <v>251</v>
      </c>
      <c r="H293" s="6">
        <v>428</v>
      </c>
      <c r="I293" s="6">
        <v>386</v>
      </c>
      <c r="J293" s="6">
        <v>286</v>
      </c>
      <c r="K293" s="6">
        <v>42</v>
      </c>
      <c r="L293" s="10" t="s">
        <v>55</v>
      </c>
    </row>
    <row r="294" spans="1:12">
      <c r="A294" s="9" t="s">
        <v>56</v>
      </c>
      <c r="B294" s="9" t="s">
        <v>57</v>
      </c>
      <c r="C294" s="9" t="s">
        <v>59</v>
      </c>
      <c r="D294" s="9" t="s">
        <v>264</v>
      </c>
      <c r="E294" s="9" t="s">
        <v>226</v>
      </c>
      <c r="F294" s="9" t="s">
        <v>235</v>
      </c>
      <c r="G294" s="9" t="s">
        <v>252</v>
      </c>
      <c r="H294" s="6">
        <v>400</v>
      </c>
      <c r="I294" s="6">
        <v>373</v>
      </c>
      <c r="J294" s="6">
        <v>275</v>
      </c>
      <c r="K294" s="6">
        <v>27</v>
      </c>
      <c r="L294" s="10" t="s">
        <v>55</v>
      </c>
    </row>
    <row r="295" spans="1:12">
      <c r="A295" s="9" t="s">
        <v>56</v>
      </c>
      <c r="B295" s="9" t="s">
        <v>57</v>
      </c>
      <c r="C295" s="9" t="s">
        <v>59</v>
      </c>
      <c r="D295" s="9" t="s">
        <v>264</v>
      </c>
      <c r="E295" s="9" t="s">
        <v>226</v>
      </c>
      <c r="F295" s="9" t="s">
        <v>235</v>
      </c>
      <c r="G295" s="9" t="s">
        <v>253</v>
      </c>
      <c r="H295" s="6">
        <v>403</v>
      </c>
      <c r="I295" s="6">
        <v>370</v>
      </c>
      <c r="J295" s="6">
        <v>268</v>
      </c>
      <c r="K295" s="6">
        <v>33</v>
      </c>
      <c r="L295" s="10" t="s">
        <v>55</v>
      </c>
    </row>
    <row r="296" spans="1:12">
      <c r="A296" s="9" t="s">
        <v>56</v>
      </c>
      <c r="B296" s="9" t="s">
        <v>57</v>
      </c>
      <c r="C296" s="9" t="s">
        <v>59</v>
      </c>
      <c r="D296" s="9" t="s">
        <v>264</v>
      </c>
      <c r="E296" s="9" t="s">
        <v>226</v>
      </c>
      <c r="F296" s="9" t="s">
        <v>235</v>
      </c>
      <c r="G296" s="9" t="s">
        <v>254</v>
      </c>
      <c r="H296" s="6">
        <v>425</v>
      </c>
      <c r="I296" s="6">
        <v>391</v>
      </c>
      <c r="J296" s="6">
        <v>269</v>
      </c>
      <c r="K296" s="6">
        <v>34</v>
      </c>
      <c r="L296" s="10" t="s">
        <v>55</v>
      </c>
    </row>
    <row r="297" spans="1:12">
      <c r="A297" s="9" t="s">
        <v>56</v>
      </c>
      <c r="B297" s="9" t="s">
        <v>57</v>
      </c>
      <c r="C297" s="9" t="s">
        <v>59</v>
      </c>
      <c r="D297" s="9" t="s">
        <v>264</v>
      </c>
      <c r="E297" s="9" t="s">
        <v>226</v>
      </c>
      <c r="F297" s="9" t="s">
        <v>235</v>
      </c>
      <c r="G297" s="9" t="s">
        <v>255</v>
      </c>
      <c r="H297" s="6">
        <v>319</v>
      </c>
      <c r="I297" s="6">
        <v>287</v>
      </c>
      <c r="J297" s="6">
        <v>177</v>
      </c>
      <c r="K297" s="6">
        <v>32</v>
      </c>
      <c r="L297" s="10" t="s">
        <v>55</v>
      </c>
    </row>
    <row r="298" spans="1:12">
      <c r="A298" s="9" t="s">
        <v>56</v>
      </c>
      <c r="B298" s="9" t="s">
        <v>57</v>
      </c>
      <c r="C298" s="9" t="s">
        <v>59</v>
      </c>
      <c r="D298" s="9" t="s">
        <v>264</v>
      </c>
      <c r="E298" s="9" t="s">
        <v>226</v>
      </c>
      <c r="F298" s="9" t="s">
        <v>235</v>
      </c>
      <c r="G298" s="9" t="s">
        <v>256</v>
      </c>
      <c r="H298" s="6">
        <v>5482</v>
      </c>
      <c r="I298" s="6">
        <v>4410</v>
      </c>
      <c r="J298" s="6">
        <v>2549</v>
      </c>
      <c r="K298" s="6">
        <v>1072</v>
      </c>
      <c r="L298" s="10" t="s">
        <v>55</v>
      </c>
    </row>
    <row r="299" spans="1:12">
      <c r="A299" s="9" t="s">
        <v>56</v>
      </c>
      <c r="B299" s="9" t="s">
        <v>57</v>
      </c>
      <c r="C299" s="9" t="s">
        <v>59</v>
      </c>
      <c r="D299" s="9" t="s">
        <v>264</v>
      </c>
      <c r="E299" s="9" t="s">
        <v>227</v>
      </c>
      <c r="F299" s="9" t="s">
        <v>6</v>
      </c>
      <c r="G299" s="9" t="s">
        <v>30</v>
      </c>
      <c r="H299" s="6">
        <v>10784</v>
      </c>
      <c r="I299" s="6">
        <v>8975</v>
      </c>
      <c r="J299" s="6">
        <v>8611</v>
      </c>
      <c r="K299" s="6">
        <v>1809</v>
      </c>
      <c r="L299" s="10" t="s">
        <v>55</v>
      </c>
    </row>
    <row r="300" spans="1:12">
      <c r="A300" s="9" t="s">
        <v>56</v>
      </c>
      <c r="B300" s="9" t="s">
        <v>57</v>
      </c>
      <c r="C300" s="9" t="s">
        <v>59</v>
      </c>
      <c r="D300" s="9" t="s">
        <v>264</v>
      </c>
      <c r="E300" s="9" t="s">
        <v>227</v>
      </c>
      <c r="F300" s="9" t="s">
        <v>234</v>
      </c>
      <c r="G300" s="9" t="s">
        <v>30</v>
      </c>
      <c r="H300" s="6">
        <v>506</v>
      </c>
      <c r="I300" s="6">
        <v>435</v>
      </c>
      <c r="J300" s="6">
        <v>378</v>
      </c>
      <c r="K300" s="6">
        <v>71</v>
      </c>
      <c r="L300" s="10" t="s">
        <v>55</v>
      </c>
    </row>
    <row r="301" spans="1:12">
      <c r="A301" s="9" t="s">
        <v>56</v>
      </c>
      <c r="B301" s="9" t="s">
        <v>57</v>
      </c>
      <c r="C301" s="9" t="s">
        <v>59</v>
      </c>
      <c r="D301" s="9" t="s">
        <v>264</v>
      </c>
      <c r="E301" s="9" t="s">
        <v>227</v>
      </c>
      <c r="F301" s="9" t="s">
        <v>235</v>
      </c>
      <c r="G301" s="9" t="s">
        <v>30</v>
      </c>
      <c r="H301" s="6">
        <v>10278</v>
      </c>
      <c r="I301" s="6">
        <v>8540</v>
      </c>
      <c r="J301" s="6">
        <v>8233</v>
      </c>
      <c r="K301" s="6">
        <v>1738</v>
      </c>
      <c r="L301" s="10" t="s">
        <v>55</v>
      </c>
    </row>
    <row r="302" spans="1:12">
      <c r="A302" s="9" t="s">
        <v>56</v>
      </c>
      <c r="B302" s="9" t="s">
        <v>57</v>
      </c>
      <c r="C302" s="9" t="s">
        <v>59</v>
      </c>
      <c r="D302" s="9" t="s">
        <v>264</v>
      </c>
      <c r="E302" s="9" t="s">
        <v>227</v>
      </c>
      <c r="F302" s="9" t="s">
        <v>235</v>
      </c>
      <c r="G302" s="9" t="s">
        <v>236</v>
      </c>
      <c r="H302" s="6">
        <v>406</v>
      </c>
      <c r="I302" s="6">
        <v>218</v>
      </c>
      <c r="J302" s="6">
        <v>211</v>
      </c>
      <c r="K302" s="6">
        <v>188</v>
      </c>
      <c r="L302" s="10" t="s">
        <v>55</v>
      </c>
    </row>
    <row r="303" spans="1:12">
      <c r="A303" s="9" t="s">
        <v>56</v>
      </c>
      <c r="B303" s="9" t="s">
        <v>57</v>
      </c>
      <c r="C303" s="9" t="s">
        <v>59</v>
      </c>
      <c r="D303" s="9" t="s">
        <v>264</v>
      </c>
      <c r="E303" s="9" t="s">
        <v>227</v>
      </c>
      <c r="F303" s="9" t="s">
        <v>235</v>
      </c>
      <c r="G303" s="9" t="s">
        <v>237</v>
      </c>
      <c r="H303" s="6">
        <v>543</v>
      </c>
      <c r="I303" s="6">
        <v>451</v>
      </c>
      <c r="J303" s="6">
        <v>439</v>
      </c>
      <c r="K303" s="6">
        <v>92</v>
      </c>
      <c r="L303" s="10" t="s">
        <v>55</v>
      </c>
    </row>
    <row r="304" spans="1:12">
      <c r="A304" s="9" t="s">
        <v>56</v>
      </c>
      <c r="B304" s="9" t="s">
        <v>57</v>
      </c>
      <c r="C304" s="9" t="s">
        <v>59</v>
      </c>
      <c r="D304" s="9" t="s">
        <v>264</v>
      </c>
      <c r="E304" s="9" t="s">
        <v>227</v>
      </c>
      <c r="F304" s="9" t="s">
        <v>235</v>
      </c>
      <c r="G304" s="9" t="s">
        <v>238</v>
      </c>
      <c r="H304" s="6">
        <v>427</v>
      </c>
      <c r="I304" s="6">
        <v>381</v>
      </c>
      <c r="J304" s="6">
        <v>358</v>
      </c>
      <c r="K304" s="6">
        <v>46</v>
      </c>
      <c r="L304" s="10" t="s">
        <v>55</v>
      </c>
    </row>
    <row r="305" spans="1:12">
      <c r="A305" s="9" t="s">
        <v>56</v>
      </c>
      <c r="B305" s="9" t="s">
        <v>57</v>
      </c>
      <c r="C305" s="9" t="s">
        <v>59</v>
      </c>
      <c r="D305" s="9" t="s">
        <v>264</v>
      </c>
      <c r="E305" s="9" t="s">
        <v>227</v>
      </c>
      <c r="F305" s="9" t="s">
        <v>235</v>
      </c>
      <c r="G305" s="9" t="s">
        <v>239</v>
      </c>
      <c r="H305" s="6">
        <v>398</v>
      </c>
      <c r="I305" s="6">
        <v>346</v>
      </c>
      <c r="J305" s="6">
        <v>334</v>
      </c>
      <c r="K305" s="6">
        <v>52</v>
      </c>
      <c r="L305" s="10" t="s">
        <v>55</v>
      </c>
    </row>
    <row r="306" spans="1:12">
      <c r="A306" s="9" t="s">
        <v>56</v>
      </c>
      <c r="B306" s="9" t="s">
        <v>57</v>
      </c>
      <c r="C306" s="9" t="s">
        <v>59</v>
      </c>
      <c r="D306" s="9" t="s">
        <v>264</v>
      </c>
      <c r="E306" s="9" t="s">
        <v>227</v>
      </c>
      <c r="F306" s="9" t="s">
        <v>235</v>
      </c>
      <c r="G306" s="9" t="s">
        <v>240</v>
      </c>
      <c r="H306" s="6">
        <v>385</v>
      </c>
      <c r="I306" s="6">
        <v>354</v>
      </c>
      <c r="J306" s="6">
        <v>333</v>
      </c>
      <c r="K306" s="6">
        <v>31</v>
      </c>
      <c r="L306" s="10" t="s">
        <v>55</v>
      </c>
    </row>
    <row r="307" spans="1:12">
      <c r="A307" s="9" t="s">
        <v>56</v>
      </c>
      <c r="B307" s="9" t="s">
        <v>57</v>
      </c>
      <c r="C307" s="9" t="s">
        <v>59</v>
      </c>
      <c r="D307" s="9" t="s">
        <v>264</v>
      </c>
      <c r="E307" s="9" t="s">
        <v>227</v>
      </c>
      <c r="F307" s="9" t="s">
        <v>235</v>
      </c>
      <c r="G307" s="9" t="s">
        <v>241</v>
      </c>
      <c r="H307" s="6">
        <v>352</v>
      </c>
      <c r="I307" s="6">
        <v>308</v>
      </c>
      <c r="J307" s="6">
        <v>300</v>
      </c>
      <c r="K307" s="6">
        <v>44</v>
      </c>
      <c r="L307" s="10" t="s">
        <v>55</v>
      </c>
    </row>
    <row r="308" spans="1:12">
      <c r="A308" s="9" t="s">
        <v>56</v>
      </c>
      <c r="B308" s="9" t="s">
        <v>57</v>
      </c>
      <c r="C308" s="9" t="s">
        <v>59</v>
      </c>
      <c r="D308" s="9" t="s">
        <v>264</v>
      </c>
      <c r="E308" s="9" t="s">
        <v>227</v>
      </c>
      <c r="F308" s="9" t="s">
        <v>235</v>
      </c>
      <c r="G308" s="9" t="s">
        <v>242</v>
      </c>
      <c r="H308" s="6">
        <v>367</v>
      </c>
      <c r="I308" s="6">
        <v>341</v>
      </c>
      <c r="J308" s="6">
        <v>341</v>
      </c>
      <c r="K308" s="6">
        <v>26</v>
      </c>
      <c r="L308" s="10" t="s">
        <v>55</v>
      </c>
    </row>
    <row r="309" spans="1:12">
      <c r="A309" s="9" t="s">
        <v>56</v>
      </c>
      <c r="B309" s="9" t="s">
        <v>57</v>
      </c>
      <c r="C309" s="9" t="s">
        <v>59</v>
      </c>
      <c r="D309" s="9" t="s">
        <v>264</v>
      </c>
      <c r="E309" s="9" t="s">
        <v>227</v>
      </c>
      <c r="F309" s="9" t="s">
        <v>235</v>
      </c>
      <c r="G309" s="9" t="s">
        <v>243</v>
      </c>
      <c r="H309" s="6">
        <v>404</v>
      </c>
      <c r="I309" s="6">
        <v>361</v>
      </c>
      <c r="J309" s="6">
        <v>354</v>
      </c>
      <c r="K309" s="6">
        <v>43</v>
      </c>
      <c r="L309" s="10" t="s">
        <v>55</v>
      </c>
    </row>
    <row r="310" spans="1:12">
      <c r="A310" s="9" t="s">
        <v>56</v>
      </c>
      <c r="B310" s="9" t="s">
        <v>57</v>
      </c>
      <c r="C310" s="9" t="s">
        <v>59</v>
      </c>
      <c r="D310" s="9" t="s">
        <v>264</v>
      </c>
      <c r="E310" s="9" t="s">
        <v>227</v>
      </c>
      <c r="F310" s="9" t="s">
        <v>235</v>
      </c>
      <c r="G310" s="9" t="s">
        <v>244</v>
      </c>
      <c r="H310" s="6">
        <v>407</v>
      </c>
      <c r="I310" s="6">
        <v>377</v>
      </c>
      <c r="J310" s="6">
        <v>370</v>
      </c>
      <c r="K310" s="6">
        <v>30</v>
      </c>
      <c r="L310" s="10" t="s">
        <v>55</v>
      </c>
    </row>
    <row r="311" spans="1:12">
      <c r="A311" s="9" t="s">
        <v>56</v>
      </c>
      <c r="B311" s="9" t="s">
        <v>57</v>
      </c>
      <c r="C311" s="9" t="s">
        <v>59</v>
      </c>
      <c r="D311" s="9" t="s">
        <v>264</v>
      </c>
      <c r="E311" s="9" t="s">
        <v>227</v>
      </c>
      <c r="F311" s="9" t="s">
        <v>235</v>
      </c>
      <c r="G311" s="9" t="s">
        <v>245</v>
      </c>
      <c r="H311" s="6">
        <v>321</v>
      </c>
      <c r="I311" s="6">
        <v>299</v>
      </c>
      <c r="J311" s="6">
        <v>299</v>
      </c>
      <c r="K311" s="6">
        <v>22</v>
      </c>
      <c r="L311" s="10" t="s">
        <v>55</v>
      </c>
    </row>
    <row r="312" spans="1:12">
      <c r="A312" s="9" t="s">
        <v>56</v>
      </c>
      <c r="B312" s="9" t="s">
        <v>57</v>
      </c>
      <c r="C312" s="9" t="s">
        <v>59</v>
      </c>
      <c r="D312" s="9" t="s">
        <v>264</v>
      </c>
      <c r="E312" s="9" t="s">
        <v>227</v>
      </c>
      <c r="F312" s="9" t="s">
        <v>235</v>
      </c>
      <c r="G312" s="9" t="s">
        <v>246</v>
      </c>
      <c r="H312" s="6">
        <v>385</v>
      </c>
      <c r="I312" s="6">
        <v>350</v>
      </c>
      <c r="J312" s="6">
        <v>339</v>
      </c>
      <c r="K312" s="6">
        <v>35</v>
      </c>
      <c r="L312" s="10" t="s">
        <v>55</v>
      </c>
    </row>
    <row r="313" spans="1:12">
      <c r="A313" s="9" t="s">
        <v>56</v>
      </c>
      <c r="B313" s="9" t="s">
        <v>57</v>
      </c>
      <c r="C313" s="9" t="s">
        <v>59</v>
      </c>
      <c r="D313" s="9" t="s">
        <v>264</v>
      </c>
      <c r="E313" s="9" t="s">
        <v>227</v>
      </c>
      <c r="F313" s="9" t="s">
        <v>235</v>
      </c>
      <c r="G313" s="9" t="s">
        <v>247</v>
      </c>
      <c r="H313" s="6">
        <v>435</v>
      </c>
      <c r="I313" s="6">
        <v>397</v>
      </c>
      <c r="J313" s="6">
        <v>386</v>
      </c>
      <c r="K313" s="6">
        <v>38</v>
      </c>
      <c r="L313" s="10" t="s">
        <v>55</v>
      </c>
    </row>
    <row r="314" spans="1:12">
      <c r="A314" s="9" t="s">
        <v>56</v>
      </c>
      <c r="B314" s="9" t="s">
        <v>57</v>
      </c>
      <c r="C314" s="9" t="s">
        <v>59</v>
      </c>
      <c r="D314" s="9" t="s">
        <v>264</v>
      </c>
      <c r="E314" s="9" t="s">
        <v>227</v>
      </c>
      <c r="F314" s="9" t="s">
        <v>235</v>
      </c>
      <c r="G314" s="9" t="s">
        <v>248</v>
      </c>
      <c r="H314" s="6">
        <v>387</v>
      </c>
      <c r="I314" s="6">
        <v>378</v>
      </c>
      <c r="J314" s="6">
        <v>374</v>
      </c>
      <c r="K314" s="6">
        <v>9</v>
      </c>
      <c r="L314" s="10" t="s">
        <v>55</v>
      </c>
    </row>
    <row r="315" spans="1:12">
      <c r="A315" s="9" t="s">
        <v>56</v>
      </c>
      <c r="B315" s="9" t="s">
        <v>57</v>
      </c>
      <c r="C315" s="9" t="s">
        <v>59</v>
      </c>
      <c r="D315" s="9" t="s">
        <v>264</v>
      </c>
      <c r="E315" s="9" t="s">
        <v>227</v>
      </c>
      <c r="F315" s="9" t="s">
        <v>235</v>
      </c>
      <c r="G315" s="9" t="s">
        <v>249</v>
      </c>
      <c r="H315" s="6">
        <v>276</v>
      </c>
      <c r="I315" s="6">
        <v>252</v>
      </c>
      <c r="J315" s="6">
        <v>252</v>
      </c>
      <c r="K315" s="6">
        <v>24</v>
      </c>
      <c r="L315" s="10" t="s">
        <v>55</v>
      </c>
    </row>
    <row r="316" spans="1:12">
      <c r="A316" s="9" t="s">
        <v>56</v>
      </c>
      <c r="B316" s="9" t="s">
        <v>57</v>
      </c>
      <c r="C316" s="9" t="s">
        <v>59</v>
      </c>
      <c r="D316" s="9" t="s">
        <v>264</v>
      </c>
      <c r="E316" s="9" t="s">
        <v>227</v>
      </c>
      <c r="F316" s="9" t="s">
        <v>235</v>
      </c>
      <c r="G316" s="9" t="s">
        <v>250</v>
      </c>
      <c r="H316" s="6">
        <v>302</v>
      </c>
      <c r="I316" s="6">
        <v>255</v>
      </c>
      <c r="J316" s="6">
        <v>255</v>
      </c>
      <c r="K316" s="6">
        <v>47</v>
      </c>
      <c r="L316" s="10" t="s">
        <v>55</v>
      </c>
    </row>
    <row r="317" spans="1:12">
      <c r="A317" s="9" t="s">
        <v>56</v>
      </c>
      <c r="B317" s="9" t="s">
        <v>57</v>
      </c>
      <c r="C317" s="9" t="s">
        <v>59</v>
      </c>
      <c r="D317" s="9" t="s">
        <v>264</v>
      </c>
      <c r="E317" s="9" t="s">
        <v>227</v>
      </c>
      <c r="F317" s="9" t="s">
        <v>235</v>
      </c>
      <c r="G317" s="9" t="s">
        <v>251</v>
      </c>
      <c r="H317" s="6">
        <v>280</v>
      </c>
      <c r="I317" s="6">
        <v>250</v>
      </c>
      <c r="J317" s="6">
        <v>244</v>
      </c>
      <c r="K317" s="6">
        <v>30</v>
      </c>
      <c r="L317" s="10" t="s">
        <v>55</v>
      </c>
    </row>
    <row r="318" spans="1:12">
      <c r="A318" s="9" t="s">
        <v>56</v>
      </c>
      <c r="B318" s="9" t="s">
        <v>57</v>
      </c>
      <c r="C318" s="9" t="s">
        <v>59</v>
      </c>
      <c r="D318" s="9" t="s">
        <v>264</v>
      </c>
      <c r="E318" s="9" t="s">
        <v>227</v>
      </c>
      <c r="F318" s="9" t="s">
        <v>235</v>
      </c>
      <c r="G318" s="9" t="s">
        <v>252</v>
      </c>
      <c r="H318" s="6">
        <v>259</v>
      </c>
      <c r="I318" s="6">
        <v>232</v>
      </c>
      <c r="J318" s="6">
        <v>223</v>
      </c>
      <c r="K318" s="6">
        <v>27</v>
      </c>
      <c r="L318" s="10" t="s">
        <v>55</v>
      </c>
    </row>
    <row r="319" spans="1:12">
      <c r="A319" s="9" t="s">
        <v>56</v>
      </c>
      <c r="B319" s="9" t="s">
        <v>57</v>
      </c>
      <c r="C319" s="9" t="s">
        <v>59</v>
      </c>
      <c r="D319" s="9" t="s">
        <v>264</v>
      </c>
      <c r="E319" s="9" t="s">
        <v>227</v>
      </c>
      <c r="F319" s="9" t="s">
        <v>235</v>
      </c>
      <c r="G319" s="9" t="s">
        <v>253</v>
      </c>
      <c r="H319" s="6">
        <v>304</v>
      </c>
      <c r="I319" s="6">
        <v>271</v>
      </c>
      <c r="J319" s="6">
        <v>245</v>
      </c>
      <c r="K319" s="6">
        <v>33</v>
      </c>
      <c r="L319" s="10" t="s">
        <v>55</v>
      </c>
    </row>
    <row r="320" spans="1:12">
      <c r="A320" s="9" t="s">
        <v>56</v>
      </c>
      <c r="B320" s="9" t="s">
        <v>57</v>
      </c>
      <c r="C320" s="9" t="s">
        <v>59</v>
      </c>
      <c r="D320" s="9" t="s">
        <v>264</v>
      </c>
      <c r="E320" s="9" t="s">
        <v>227</v>
      </c>
      <c r="F320" s="9" t="s">
        <v>235</v>
      </c>
      <c r="G320" s="9" t="s">
        <v>254</v>
      </c>
      <c r="H320" s="6">
        <v>275</v>
      </c>
      <c r="I320" s="6">
        <v>251</v>
      </c>
      <c r="J320" s="6">
        <v>243</v>
      </c>
      <c r="K320" s="6">
        <v>24</v>
      </c>
      <c r="L320" s="10" t="s">
        <v>55</v>
      </c>
    </row>
    <row r="321" spans="1:12">
      <c r="A321" s="9" t="s">
        <v>56</v>
      </c>
      <c r="B321" s="9" t="s">
        <v>57</v>
      </c>
      <c r="C321" s="9" t="s">
        <v>59</v>
      </c>
      <c r="D321" s="9" t="s">
        <v>264</v>
      </c>
      <c r="E321" s="9" t="s">
        <v>227</v>
      </c>
      <c r="F321" s="9" t="s">
        <v>235</v>
      </c>
      <c r="G321" s="9" t="s">
        <v>255</v>
      </c>
      <c r="H321" s="6">
        <v>210</v>
      </c>
      <c r="I321" s="6">
        <v>178</v>
      </c>
      <c r="J321" s="6">
        <v>167</v>
      </c>
      <c r="K321" s="6">
        <v>32</v>
      </c>
      <c r="L321" s="10" t="s">
        <v>55</v>
      </c>
    </row>
    <row r="322" spans="1:12">
      <c r="A322" s="9" t="s">
        <v>56</v>
      </c>
      <c r="B322" s="9" t="s">
        <v>57</v>
      </c>
      <c r="C322" s="9" t="s">
        <v>59</v>
      </c>
      <c r="D322" s="9" t="s">
        <v>264</v>
      </c>
      <c r="E322" s="9" t="s">
        <v>227</v>
      </c>
      <c r="F322" s="9" t="s">
        <v>235</v>
      </c>
      <c r="G322" s="9" t="s">
        <v>256</v>
      </c>
      <c r="H322" s="6">
        <v>3155</v>
      </c>
      <c r="I322" s="6">
        <v>2290</v>
      </c>
      <c r="J322" s="6">
        <v>2166</v>
      </c>
      <c r="K322" s="6">
        <v>865</v>
      </c>
      <c r="L322" s="10" t="s">
        <v>55</v>
      </c>
    </row>
    <row r="323" spans="1:12">
      <c r="A323" s="9" t="s">
        <v>56</v>
      </c>
      <c r="B323" s="9" t="s">
        <v>57</v>
      </c>
      <c r="C323" s="9" t="s">
        <v>59</v>
      </c>
      <c r="D323" s="9" t="s">
        <v>264</v>
      </c>
      <c r="E323" s="9" t="s">
        <v>228</v>
      </c>
      <c r="F323" s="9" t="s">
        <v>6</v>
      </c>
      <c r="G323" s="9" t="s">
        <v>30</v>
      </c>
      <c r="H323" s="6">
        <v>2073</v>
      </c>
      <c r="I323" s="6">
        <v>601</v>
      </c>
      <c r="J323" s="6">
        <v>526</v>
      </c>
      <c r="K323" s="6">
        <v>1467</v>
      </c>
      <c r="L323" s="6">
        <v>5</v>
      </c>
    </row>
    <row r="324" spans="1:12">
      <c r="A324" s="9" t="s">
        <v>56</v>
      </c>
      <c r="B324" s="9" t="s">
        <v>57</v>
      </c>
      <c r="C324" s="9" t="s">
        <v>59</v>
      </c>
      <c r="D324" s="9" t="s">
        <v>264</v>
      </c>
      <c r="E324" s="9" t="s">
        <v>228</v>
      </c>
      <c r="F324" s="9" t="s">
        <v>234</v>
      </c>
      <c r="G324" s="9" t="s">
        <v>30</v>
      </c>
      <c r="H324" s="6">
        <v>20</v>
      </c>
      <c r="I324" s="6">
        <v>8</v>
      </c>
      <c r="J324" s="6">
        <v>8</v>
      </c>
      <c r="K324" s="6">
        <v>12</v>
      </c>
      <c r="L324" s="10" t="s">
        <v>55</v>
      </c>
    </row>
    <row r="325" spans="1:12">
      <c r="A325" s="9" t="s">
        <v>56</v>
      </c>
      <c r="B325" s="9" t="s">
        <v>57</v>
      </c>
      <c r="C325" s="9" t="s">
        <v>59</v>
      </c>
      <c r="D325" s="9" t="s">
        <v>264</v>
      </c>
      <c r="E325" s="9" t="s">
        <v>228</v>
      </c>
      <c r="F325" s="9" t="s">
        <v>235</v>
      </c>
      <c r="G325" s="9" t="s">
        <v>30</v>
      </c>
      <c r="H325" s="6">
        <v>2053</v>
      </c>
      <c r="I325" s="6">
        <v>593</v>
      </c>
      <c r="J325" s="6">
        <v>518</v>
      </c>
      <c r="K325" s="6">
        <v>1455</v>
      </c>
      <c r="L325" s="6">
        <v>5</v>
      </c>
    </row>
    <row r="326" spans="1:12">
      <c r="A326" s="9" t="s">
        <v>56</v>
      </c>
      <c r="B326" s="9" t="s">
        <v>57</v>
      </c>
      <c r="C326" s="9" t="s">
        <v>59</v>
      </c>
      <c r="D326" s="9" t="s">
        <v>264</v>
      </c>
      <c r="E326" s="9" t="s">
        <v>228</v>
      </c>
      <c r="F326" s="9" t="s">
        <v>235</v>
      </c>
      <c r="G326" s="9" t="s">
        <v>236</v>
      </c>
      <c r="H326" s="6">
        <v>6</v>
      </c>
      <c r="I326" s="10" t="s">
        <v>55</v>
      </c>
      <c r="J326" s="10" t="s">
        <v>55</v>
      </c>
      <c r="K326" s="6">
        <v>6</v>
      </c>
      <c r="L326" s="10" t="s">
        <v>55</v>
      </c>
    </row>
    <row r="327" spans="1:12">
      <c r="A327" s="9" t="s">
        <v>56</v>
      </c>
      <c r="B327" s="9" t="s">
        <v>57</v>
      </c>
      <c r="C327" s="9" t="s">
        <v>59</v>
      </c>
      <c r="D327" s="9" t="s">
        <v>264</v>
      </c>
      <c r="E327" s="9" t="s">
        <v>228</v>
      </c>
      <c r="F327" s="9" t="s">
        <v>235</v>
      </c>
      <c r="G327" s="9" t="s">
        <v>237</v>
      </c>
      <c r="H327" s="6">
        <v>40</v>
      </c>
      <c r="I327" s="6">
        <v>17</v>
      </c>
      <c r="J327" s="6">
        <v>17</v>
      </c>
      <c r="K327" s="6">
        <v>23</v>
      </c>
      <c r="L327" s="10" t="s">
        <v>55</v>
      </c>
    </row>
    <row r="328" spans="1:12">
      <c r="A328" s="9" t="s">
        <v>56</v>
      </c>
      <c r="B328" s="9" t="s">
        <v>57</v>
      </c>
      <c r="C328" s="9" t="s">
        <v>59</v>
      </c>
      <c r="D328" s="9" t="s">
        <v>264</v>
      </c>
      <c r="E328" s="9" t="s">
        <v>228</v>
      </c>
      <c r="F328" s="9" t="s">
        <v>235</v>
      </c>
      <c r="G328" s="9" t="s">
        <v>238</v>
      </c>
      <c r="H328" s="6">
        <v>4</v>
      </c>
      <c r="I328" s="10" t="s">
        <v>55</v>
      </c>
      <c r="J328" s="10" t="s">
        <v>55</v>
      </c>
      <c r="K328" s="6">
        <v>4</v>
      </c>
      <c r="L328" s="10" t="s">
        <v>55</v>
      </c>
    </row>
    <row r="329" spans="1:12">
      <c r="A329" s="9" t="s">
        <v>56</v>
      </c>
      <c r="B329" s="9" t="s">
        <v>57</v>
      </c>
      <c r="C329" s="9" t="s">
        <v>59</v>
      </c>
      <c r="D329" s="9" t="s">
        <v>264</v>
      </c>
      <c r="E329" s="9" t="s">
        <v>228</v>
      </c>
      <c r="F329" s="9" t="s">
        <v>235</v>
      </c>
      <c r="G329" s="9" t="s">
        <v>239</v>
      </c>
      <c r="H329" s="6">
        <v>21</v>
      </c>
      <c r="I329" s="6">
        <v>21</v>
      </c>
      <c r="J329" s="6">
        <v>21</v>
      </c>
      <c r="K329" s="10" t="s">
        <v>55</v>
      </c>
      <c r="L329" s="10" t="s">
        <v>55</v>
      </c>
    </row>
    <row r="330" spans="1:12">
      <c r="A330" s="9" t="s">
        <v>56</v>
      </c>
      <c r="B330" s="9" t="s">
        <v>57</v>
      </c>
      <c r="C330" s="9" t="s">
        <v>59</v>
      </c>
      <c r="D330" s="9" t="s">
        <v>264</v>
      </c>
      <c r="E330" s="9" t="s">
        <v>228</v>
      </c>
      <c r="F330" s="9" t="s">
        <v>235</v>
      </c>
      <c r="G330" s="9" t="s">
        <v>240</v>
      </c>
      <c r="H330" s="6">
        <v>27</v>
      </c>
      <c r="I330" s="6">
        <v>14</v>
      </c>
      <c r="J330" s="10" t="s">
        <v>55</v>
      </c>
      <c r="K330" s="6">
        <v>13</v>
      </c>
      <c r="L330" s="10" t="s">
        <v>55</v>
      </c>
    </row>
    <row r="331" spans="1:12">
      <c r="A331" s="9" t="s">
        <v>56</v>
      </c>
      <c r="B331" s="9" t="s">
        <v>57</v>
      </c>
      <c r="C331" s="9" t="s">
        <v>59</v>
      </c>
      <c r="D331" s="9" t="s">
        <v>264</v>
      </c>
      <c r="E331" s="9" t="s">
        <v>228</v>
      </c>
      <c r="F331" s="9" t="s">
        <v>235</v>
      </c>
      <c r="G331" s="9" t="s">
        <v>241</v>
      </c>
      <c r="H331" s="10" t="s">
        <v>55</v>
      </c>
      <c r="I331" s="10" t="s">
        <v>55</v>
      </c>
      <c r="J331" s="10" t="s">
        <v>55</v>
      </c>
      <c r="K331" s="10" t="s">
        <v>55</v>
      </c>
      <c r="L331" s="10" t="s">
        <v>55</v>
      </c>
    </row>
    <row r="332" spans="1:12">
      <c r="A332" s="9" t="s">
        <v>56</v>
      </c>
      <c r="B332" s="9" t="s">
        <v>57</v>
      </c>
      <c r="C332" s="9" t="s">
        <v>59</v>
      </c>
      <c r="D332" s="9" t="s">
        <v>264</v>
      </c>
      <c r="E332" s="9" t="s">
        <v>228</v>
      </c>
      <c r="F332" s="9" t="s">
        <v>235</v>
      </c>
      <c r="G332" s="9" t="s">
        <v>242</v>
      </c>
      <c r="H332" s="10" t="s">
        <v>55</v>
      </c>
      <c r="I332" s="10" t="s">
        <v>55</v>
      </c>
      <c r="J332" s="10" t="s">
        <v>55</v>
      </c>
      <c r="K332" s="10" t="s">
        <v>55</v>
      </c>
      <c r="L332" s="10" t="s">
        <v>55</v>
      </c>
    </row>
    <row r="333" spans="1:12">
      <c r="A333" s="9" t="s">
        <v>56</v>
      </c>
      <c r="B333" s="9" t="s">
        <v>57</v>
      </c>
      <c r="C333" s="9" t="s">
        <v>59</v>
      </c>
      <c r="D333" s="9" t="s">
        <v>264</v>
      </c>
      <c r="E333" s="9" t="s">
        <v>228</v>
      </c>
      <c r="F333" s="9" t="s">
        <v>235</v>
      </c>
      <c r="G333" s="9" t="s">
        <v>243</v>
      </c>
      <c r="H333" s="10" t="s">
        <v>55</v>
      </c>
      <c r="I333" s="10" t="s">
        <v>55</v>
      </c>
      <c r="J333" s="10" t="s">
        <v>55</v>
      </c>
      <c r="K333" s="10" t="s">
        <v>55</v>
      </c>
      <c r="L333" s="10" t="s">
        <v>55</v>
      </c>
    </row>
    <row r="334" spans="1:12">
      <c r="A334" s="9" t="s">
        <v>56</v>
      </c>
      <c r="B334" s="9" t="s">
        <v>57</v>
      </c>
      <c r="C334" s="9" t="s">
        <v>59</v>
      </c>
      <c r="D334" s="9" t="s">
        <v>264</v>
      </c>
      <c r="E334" s="9" t="s">
        <v>228</v>
      </c>
      <c r="F334" s="9" t="s">
        <v>235</v>
      </c>
      <c r="G334" s="9" t="s">
        <v>244</v>
      </c>
      <c r="H334" s="6">
        <v>4</v>
      </c>
      <c r="I334" s="6">
        <v>4</v>
      </c>
      <c r="J334" s="6">
        <v>4</v>
      </c>
      <c r="K334" s="10" t="s">
        <v>55</v>
      </c>
      <c r="L334" s="10" t="s">
        <v>55</v>
      </c>
    </row>
    <row r="335" spans="1:12">
      <c r="A335" s="9" t="s">
        <v>56</v>
      </c>
      <c r="B335" s="9" t="s">
        <v>57</v>
      </c>
      <c r="C335" s="9" t="s">
        <v>59</v>
      </c>
      <c r="D335" s="9" t="s">
        <v>264</v>
      </c>
      <c r="E335" s="9" t="s">
        <v>228</v>
      </c>
      <c r="F335" s="9" t="s">
        <v>235</v>
      </c>
      <c r="G335" s="9" t="s">
        <v>245</v>
      </c>
      <c r="H335" s="6">
        <v>7</v>
      </c>
      <c r="I335" s="6">
        <v>7</v>
      </c>
      <c r="J335" s="10" t="s">
        <v>55</v>
      </c>
      <c r="K335" s="10" t="s">
        <v>55</v>
      </c>
      <c r="L335" s="10" t="s">
        <v>55</v>
      </c>
    </row>
    <row r="336" spans="1:12">
      <c r="A336" s="9" t="s">
        <v>56</v>
      </c>
      <c r="B336" s="9" t="s">
        <v>57</v>
      </c>
      <c r="C336" s="9" t="s">
        <v>59</v>
      </c>
      <c r="D336" s="9" t="s">
        <v>264</v>
      </c>
      <c r="E336" s="9" t="s">
        <v>228</v>
      </c>
      <c r="F336" s="9" t="s">
        <v>235</v>
      </c>
      <c r="G336" s="9" t="s">
        <v>246</v>
      </c>
      <c r="H336" s="10" t="s">
        <v>55</v>
      </c>
      <c r="I336" s="10" t="s">
        <v>55</v>
      </c>
      <c r="J336" s="10" t="s">
        <v>55</v>
      </c>
      <c r="K336" s="10" t="s">
        <v>55</v>
      </c>
      <c r="L336" s="10" t="s">
        <v>55</v>
      </c>
    </row>
    <row r="337" spans="1:12">
      <c r="A337" s="9" t="s">
        <v>56</v>
      </c>
      <c r="B337" s="9" t="s">
        <v>57</v>
      </c>
      <c r="C337" s="9" t="s">
        <v>59</v>
      </c>
      <c r="D337" s="9" t="s">
        <v>264</v>
      </c>
      <c r="E337" s="9" t="s">
        <v>228</v>
      </c>
      <c r="F337" s="9" t="s">
        <v>235</v>
      </c>
      <c r="G337" s="9" t="s">
        <v>247</v>
      </c>
      <c r="H337" s="10" t="s">
        <v>55</v>
      </c>
      <c r="I337" s="10" t="s">
        <v>55</v>
      </c>
      <c r="J337" s="10" t="s">
        <v>55</v>
      </c>
      <c r="K337" s="10" t="s">
        <v>55</v>
      </c>
      <c r="L337" s="10" t="s">
        <v>55</v>
      </c>
    </row>
    <row r="338" spans="1:12">
      <c r="A338" s="9" t="s">
        <v>56</v>
      </c>
      <c r="B338" s="9" t="s">
        <v>57</v>
      </c>
      <c r="C338" s="9" t="s">
        <v>59</v>
      </c>
      <c r="D338" s="9" t="s">
        <v>264</v>
      </c>
      <c r="E338" s="9" t="s">
        <v>228</v>
      </c>
      <c r="F338" s="9" t="s">
        <v>235</v>
      </c>
      <c r="G338" s="9" t="s">
        <v>248</v>
      </c>
      <c r="H338" s="6">
        <v>4</v>
      </c>
      <c r="I338" s="10" t="s">
        <v>55</v>
      </c>
      <c r="J338" s="10" t="s">
        <v>55</v>
      </c>
      <c r="K338" s="6">
        <v>4</v>
      </c>
      <c r="L338" s="10" t="s">
        <v>55</v>
      </c>
    </row>
    <row r="339" spans="1:12">
      <c r="A339" s="9" t="s">
        <v>56</v>
      </c>
      <c r="B339" s="9" t="s">
        <v>57</v>
      </c>
      <c r="C339" s="9" t="s">
        <v>59</v>
      </c>
      <c r="D339" s="9" t="s">
        <v>264</v>
      </c>
      <c r="E339" s="9" t="s">
        <v>228</v>
      </c>
      <c r="F339" s="9" t="s">
        <v>235</v>
      </c>
      <c r="G339" s="9" t="s">
        <v>249</v>
      </c>
      <c r="H339" s="10" t="s">
        <v>55</v>
      </c>
      <c r="I339" s="10" t="s">
        <v>55</v>
      </c>
      <c r="J339" s="10" t="s">
        <v>55</v>
      </c>
      <c r="K339" s="10" t="s">
        <v>55</v>
      </c>
      <c r="L339" s="10" t="s">
        <v>55</v>
      </c>
    </row>
    <row r="340" spans="1:12">
      <c r="A340" s="9" t="s">
        <v>56</v>
      </c>
      <c r="B340" s="9" t="s">
        <v>57</v>
      </c>
      <c r="C340" s="9" t="s">
        <v>59</v>
      </c>
      <c r="D340" s="9" t="s">
        <v>264</v>
      </c>
      <c r="E340" s="9" t="s">
        <v>228</v>
      </c>
      <c r="F340" s="9" t="s">
        <v>235</v>
      </c>
      <c r="G340" s="9" t="s">
        <v>250</v>
      </c>
      <c r="H340" s="6">
        <v>5</v>
      </c>
      <c r="I340" s="6">
        <v>5</v>
      </c>
      <c r="J340" s="6">
        <v>5</v>
      </c>
      <c r="K340" s="10" t="s">
        <v>55</v>
      </c>
      <c r="L340" s="10" t="s">
        <v>55</v>
      </c>
    </row>
    <row r="341" spans="1:12">
      <c r="A341" s="9" t="s">
        <v>56</v>
      </c>
      <c r="B341" s="9" t="s">
        <v>57</v>
      </c>
      <c r="C341" s="9" t="s">
        <v>59</v>
      </c>
      <c r="D341" s="9" t="s">
        <v>264</v>
      </c>
      <c r="E341" s="9" t="s">
        <v>228</v>
      </c>
      <c r="F341" s="9" t="s">
        <v>235</v>
      </c>
      <c r="G341" s="9" t="s">
        <v>251</v>
      </c>
      <c r="H341" s="6">
        <v>10</v>
      </c>
      <c r="I341" s="6">
        <v>10</v>
      </c>
      <c r="J341" s="6">
        <v>10</v>
      </c>
      <c r="K341" s="10" t="s">
        <v>55</v>
      </c>
      <c r="L341" s="10" t="s">
        <v>55</v>
      </c>
    </row>
    <row r="342" spans="1:12">
      <c r="A342" s="9" t="s">
        <v>56</v>
      </c>
      <c r="B342" s="9" t="s">
        <v>57</v>
      </c>
      <c r="C342" s="9" t="s">
        <v>59</v>
      </c>
      <c r="D342" s="9" t="s">
        <v>264</v>
      </c>
      <c r="E342" s="9" t="s">
        <v>228</v>
      </c>
      <c r="F342" s="9" t="s">
        <v>235</v>
      </c>
      <c r="G342" s="9" t="s">
        <v>252</v>
      </c>
      <c r="H342" s="6">
        <v>4</v>
      </c>
      <c r="I342" s="10" t="s">
        <v>55</v>
      </c>
      <c r="J342" s="10" t="s">
        <v>55</v>
      </c>
      <c r="K342" s="6">
        <v>4</v>
      </c>
      <c r="L342" s="10" t="s">
        <v>55</v>
      </c>
    </row>
    <row r="343" spans="1:12">
      <c r="A343" s="9" t="s">
        <v>56</v>
      </c>
      <c r="B343" s="9" t="s">
        <v>57</v>
      </c>
      <c r="C343" s="9" t="s">
        <v>59</v>
      </c>
      <c r="D343" s="9" t="s">
        <v>264</v>
      </c>
      <c r="E343" s="9" t="s">
        <v>228</v>
      </c>
      <c r="F343" s="9" t="s">
        <v>235</v>
      </c>
      <c r="G343" s="9" t="s">
        <v>253</v>
      </c>
      <c r="H343" s="6">
        <v>9</v>
      </c>
      <c r="I343" s="6">
        <v>9</v>
      </c>
      <c r="J343" s="6">
        <v>9</v>
      </c>
      <c r="K343" s="10" t="s">
        <v>55</v>
      </c>
      <c r="L343" s="10" t="s">
        <v>55</v>
      </c>
    </row>
    <row r="344" spans="1:12">
      <c r="A344" s="9" t="s">
        <v>56</v>
      </c>
      <c r="B344" s="9" t="s">
        <v>57</v>
      </c>
      <c r="C344" s="9" t="s">
        <v>59</v>
      </c>
      <c r="D344" s="9" t="s">
        <v>264</v>
      </c>
      <c r="E344" s="9" t="s">
        <v>228</v>
      </c>
      <c r="F344" s="9" t="s">
        <v>235</v>
      </c>
      <c r="G344" s="9" t="s">
        <v>254</v>
      </c>
      <c r="H344" s="6">
        <v>19</v>
      </c>
      <c r="I344" s="6">
        <v>15</v>
      </c>
      <c r="J344" s="6">
        <v>15</v>
      </c>
      <c r="K344" s="6">
        <v>4</v>
      </c>
      <c r="L344" s="10" t="s">
        <v>55</v>
      </c>
    </row>
    <row r="345" spans="1:12">
      <c r="A345" s="9" t="s">
        <v>56</v>
      </c>
      <c r="B345" s="9" t="s">
        <v>57</v>
      </c>
      <c r="C345" s="9" t="s">
        <v>59</v>
      </c>
      <c r="D345" s="9" t="s">
        <v>264</v>
      </c>
      <c r="E345" s="9" t="s">
        <v>228</v>
      </c>
      <c r="F345" s="9" t="s">
        <v>235</v>
      </c>
      <c r="G345" s="9" t="s">
        <v>255</v>
      </c>
      <c r="H345" s="6">
        <v>10</v>
      </c>
      <c r="I345" s="6">
        <v>6</v>
      </c>
      <c r="J345" s="6">
        <v>6</v>
      </c>
      <c r="K345" s="6">
        <v>4</v>
      </c>
      <c r="L345" s="10" t="s">
        <v>55</v>
      </c>
    </row>
    <row r="346" spans="1:12">
      <c r="A346" s="9" t="s">
        <v>56</v>
      </c>
      <c r="B346" s="9" t="s">
        <v>57</v>
      </c>
      <c r="C346" s="9" t="s">
        <v>59</v>
      </c>
      <c r="D346" s="9" t="s">
        <v>264</v>
      </c>
      <c r="E346" s="9" t="s">
        <v>228</v>
      </c>
      <c r="F346" s="9" t="s">
        <v>235</v>
      </c>
      <c r="G346" s="9" t="s">
        <v>256</v>
      </c>
      <c r="H346" s="6">
        <v>1883</v>
      </c>
      <c r="I346" s="6">
        <v>485</v>
      </c>
      <c r="J346" s="6">
        <v>431</v>
      </c>
      <c r="K346" s="6">
        <v>1393</v>
      </c>
      <c r="L346" s="6">
        <v>5</v>
      </c>
    </row>
    <row r="347" spans="1:12">
      <c r="A347" s="9" t="s">
        <v>56</v>
      </c>
      <c r="B347" s="9" t="s">
        <v>57</v>
      </c>
      <c r="C347" s="9" t="s">
        <v>59</v>
      </c>
      <c r="D347" s="9" t="s">
        <v>264</v>
      </c>
      <c r="E347" s="9" t="s">
        <v>18</v>
      </c>
      <c r="F347" s="9" t="s">
        <v>6</v>
      </c>
      <c r="G347" s="9" t="s">
        <v>30</v>
      </c>
      <c r="H347" s="6">
        <v>627</v>
      </c>
      <c r="I347" s="6">
        <v>7</v>
      </c>
      <c r="J347" s="6">
        <v>7</v>
      </c>
      <c r="K347" s="6">
        <v>5</v>
      </c>
      <c r="L347" s="6">
        <v>615</v>
      </c>
    </row>
    <row r="348" spans="1:12">
      <c r="A348" s="9" t="s">
        <v>56</v>
      </c>
      <c r="B348" s="9" t="s">
        <v>57</v>
      </c>
      <c r="C348" s="9" t="s">
        <v>59</v>
      </c>
      <c r="D348" s="9" t="s">
        <v>264</v>
      </c>
      <c r="E348" s="9" t="s">
        <v>18</v>
      </c>
      <c r="F348" s="9" t="s">
        <v>234</v>
      </c>
      <c r="G348" s="9" t="s">
        <v>30</v>
      </c>
      <c r="H348" s="6">
        <v>19</v>
      </c>
      <c r="I348" s="6">
        <v>7</v>
      </c>
      <c r="J348" s="6">
        <v>7</v>
      </c>
      <c r="K348" s="10" t="s">
        <v>55</v>
      </c>
      <c r="L348" s="6">
        <v>12</v>
      </c>
    </row>
    <row r="349" spans="1:12">
      <c r="A349" s="9" t="s">
        <v>56</v>
      </c>
      <c r="B349" s="9" t="s">
        <v>57</v>
      </c>
      <c r="C349" s="9" t="s">
        <v>59</v>
      </c>
      <c r="D349" s="9" t="s">
        <v>264</v>
      </c>
      <c r="E349" s="9" t="s">
        <v>18</v>
      </c>
      <c r="F349" s="9" t="s">
        <v>235</v>
      </c>
      <c r="G349" s="9" t="s">
        <v>30</v>
      </c>
      <c r="H349" s="6">
        <v>608</v>
      </c>
      <c r="I349" s="10" t="s">
        <v>55</v>
      </c>
      <c r="J349" s="10" t="s">
        <v>55</v>
      </c>
      <c r="K349" s="6">
        <v>5</v>
      </c>
      <c r="L349" s="6">
        <v>603</v>
      </c>
    </row>
    <row r="350" spans="1:12">
      <c r="A350" s="9" t="s">
        <v>56</v>
      </c>
      <c r="B350" s="9" t="s">
        <v>57</v>
      </c>
      <c r="C350" s="9" t="s">
        <v>59</v>
      </c>
      <c r="D350" s="9" t="s">
        <v>264</v>
      </c>
      <c r="E350" s="9" t="s">
        <v>18</v>
      </c>
      <c r="F350" s="9" t="s">
        <v>235</v>
      </c>
      <c r="G350" s="9" t="s">
        <v>236</v>
      </c>
      <c r="H350" s="6">
        <v>37</v>
      </c>
      <c r="I350" s="10" t="s">
        <v>55</v>
      </c>
      <c r="J350" s="10" t="s">
        <v>55</v>
      </c>
      <c r="K350" s="10" t="s">
        <v>55</v>
      </c>
      <c r="L350" s="6">
        <v>37</v>
      </c>
    </row>
    <row r="351" spans="1:12">
      <c r="A351" s="9" t="s">
        <v>56</v>
      </c>
      <c r="B351" s="9" t="s">
        <v>57</v>
      </c>
      <c r="C351" s="9" t="s">
        <v>59</v>
      </c>
      <c r="D351" s="9" t="s">
        <v>264</v>
      </c>
      <c r="E351" s="9" t="s">
        <v>18</v>
      </c>
      <c r="F351" s="9" t="s">
        <v>235</v>
      </c>
      <c r="G351" s="9" t="s">
        <v>237</v>
      </c>
      <c r="H351" s="6">
        <v>16</v>
      </c>
      <c r="I351" s="10" t="s">
        <v>55</v>
      </c>
      <c r="J351" s="10" t="s">
        <v>55</v>
      </c>
      <c r="K351" s="10" t="s">
        <v>55</v>
      </c>
      <c r="L351" s="6">
        <v>16</v>
      </c>
    </row>
    <row r="352" spans="1:12">
      <c r="A352" s="9" t="s">
        <v>56</v>
      </c>
      <c r="B352" s="9" t="s">
        <v>57</v>
      </c>
      <c r="C352" s="9" t="s">
        <v>59</v>
      </c>
      <c r="D352" s="9" t="s">
        <v>264</v>
      </c>
      <c r="E352" s="9" t="s">
        <v>18</v>
      </c>
      <c r="F352" s="9" t="s">
        <v>235</v>
      </c>
      <c r="G352" s="9" t="s">
        <v>238</v>
      </c>
      <c r="H352" s="6">
        <v>33</v>
      </c>
      <c r="I352" s="10" t="s">
        <v>55</v>
      </c>
      <c r="J352" s="10" t="s">
        <v>55</v>
      </c>
      <c r="K352" s="10" t="s">
        <v>55</v>
      </c>
      <c r="L352" s="6">
        <v>33</v>
      </c>
    </row>
    <row r="353" spans="1:12">
      <c r="A353" s="9" t="s">
        <v>56</v>
      </c>
      <c r="B353" s="9" t="s">
        <v>57</v>
      </c>
      <c r="C353" s="9" t="s">
        <v>59</v>
      </c>
      <c r="D353" s="9" t="s">
        <v>264</v>
      </c>
      <c r="E353" s="9" t="s">
        <v>18</v>
      </c>
      <c r="F353" s="9" t="s">
        <v>235</v>
      </c>
      <c r="G353" s="9" t="s">
        <v>239</v>
      </c>
      <c r="H353" s="6">
        <v>28</v>
      </c>
      <c r="I353" s="10" t="s">
        <v>55</v>
      </c>
      <c r="J353" s="10" t="s">
        <v>55</v>
      </c>
      <c r="K353" s="10" t="s">
        <v>55</v>
      </c>
      <c r="L353" s="6">
        <v>28</v>
      </c>
    </row>
    <row r="354" spans="1:12">
      <c r="A354" s="9" t="s">
        <v>56</v>
      </c>
      <c r="B354" s="9" t="s">
        <v>57</v>
      </c>
      <c r="C354" s="9" t="s">
        <v>59</v>
      </c>
      <c r="D354" s="9" t="s">
        <v>264</v>
      </c>
      <c r="E354" s="9" t="s">
        <v>18</v>
      </c>
      <c r="F354" s="9" t="s">
        <v>235</v>
      </c>
      <c r="G354" s="9" t="s">
        <v>240</v>
      </c>
      <c r="H354" s="6">
        <v>16</v>
      </c>
      <c r="I354" s="10" t="s">
        <v>55</v>
      </c>
      <c r="J354" s="10" t="s">
        <v>55</v>
      </c>
      <c r="K354" s="10" t="s">
        <v>55</v>
      </c>
      <c r="L354" s="6">
        <v>16</v>
      </c>
    </row>
    <row r="355" spans="1:12">
      <c r="A355" s="9" t="s">
        <v>56</v>
      </c>
      <c r="B355" s="9" t="s">
        <v>57</v>
      </c>
      <c r="C355" s="9" t="s">
        <v>59</v>
      </c>
      <c r="D355" s="9" t="s">
        <v>264</v>
      </c>
      <c r="E355" s="9" t="s">
        <v>18</v>
      </c>
      <c r="F355" s="9" t="s">
        <v>235</v>
      </c>
      <c r="G355" s="9" t="s">
        <v>241</v>
      </c>
      <c r="H355" s="6">
        <v>30</v>
      </c>
      <c r="I355" s="10" t="s">
        <v>55</v>
      </c>
      <c r="J355" s="10" t="s">
        <v>55</v>
      </c>
      <c r="K355" s="10" t="s">
        <v>55</v>
      </c>
      <c r="L355" s="6">
        <v>30</v>
      </c>
    </row>
    <row r="356" spans="1:12">
      <c r="A356" s="9" t="s">
        <v>56</v>
      </c>
      <c r="B356" s="9" t="s">
        <v>57</v>
      </c>
      <c r="C356" s="9" t="s">
        <v>59</v>
      </c>
      <c r="D356" s="9" t="s">
        <v>264</v>
      </c>
      <c r="E356" s="9" t="s">
        <v>18</v>
      </c>
      <c r="F356" s="9" t="s">
        <v>235</v>
      </c>
      <c r="G356" s="9" t="s">
        <v>242</v>
      </c>
      <c r="H356" s="6">
        <v>24</v>
      </c>
      <c r="I356" s="10" t="s">
        <v>55</v>
      </c>
      <c r="J356" s="10" t="s">
        <v>55</v>
      </c>
      <c r="K356" s="10" t="s">
        <v>55</v>
      </c>
      <c r="L356" s="6">
        <v>24</v>
      </c>
    </row>
    <row r="357" spans="1:12">
      <c r="A357" s="9" t="s">
        <v>56</v>
      </c>
      <c r="B357" s="9" t="s">
        <v>57</v>
      </c>
      <c r="C357" s="9" t="s">
        <v>59</v>
      </c>
      <c r="D357" s="9" t="s">
        <v>264</v>
      </c>
      <c r="E357" s="9" t="s">
        <v>18</v>
      </c>
      <c r="F357" s="9" t="s">
        <v>235</v>
      </c>
      <c r="G357" s="9" t="s">
        <v>243</v>
      </c>
      <c r="H357" s="10" t="s">
        <v>55</v>
      </c>
      <c r="I357" s="10" t="s">
        <v>55</v>
      </c>
      <c r="J357" s="10" t="s">
        <v>55</v>
      </c>
      <c r="K357" s="10" t="s">
        <v>55</v>
      </c>
      <c r="L357" s="10" t="s">
        <v>55</v>
      </c>
    </row>
    <row r="358" spans="1:12">
      <c r="A358" s="9" t="s">
        <v>56</v>
      </c>
      <c r="B358" s="9" t="s">
        <v>57</v>
      </c>
      <c r="C358" s="9" t="s">
        <v>59</v>
      </c>
      <c r="D358" s="9" t="s">
        <v>264</v>
      </c>
      <c r="E358" s="9" t="s">
        <v>18</v>
      </c>
      <c r="F358" s="9" t="s">
        <v>235</v>
      </c>
      <c r="G358" s="9" t="s">
        <v>244</v>
      </c>
      <c r="H358" s="6">
        <v>5</v>
      </c>
      <c r="I358" s="10" t="s">
        <v>55</v>
      </c>
      <c r="J358" s="10" t="s">
        <v>55</v>
      </c>
      <c r="K358" s="10" t="s">
        <v>55</v>
      </c>
      <c r="L358" s="6">
        <v>5</v>
      </c>
    </row>
    <row r="359" spans="1:12">
      <c r="A359" s="9" t="s">
        <v>56</v>
      </c>
      <c r="B359" s="9" t="s">
        <v>57</v>
      </c>
      <c r="C359" s="9" t="s">
        <v>59</v>
      </c>
      <c r="D359" s="9" t="s">
        <v>264</v>
      </c>
      <c r="E359" s="9" t="s">
        <v>18</v>
      </c>
      <c r="F359" s="9" t="s">
        <v>235</v>
      </c>
      <c r="G359" s="9" t="s">
        <v>245</v>
      </c>
      <c r="H359" s="6">
        <v>14</v>
      </c>
      <c r="I359" s="10" t="s">
        <v>55</v>
      </c>
      <c r="J359" s="10" t="s">
        <v>55</v>
      </c>
      <c r="K359" s="10" t="s">
        <v>55</v>
      </c>
      <c r="L359" s="6">
        <v>14</v>
      </c>
    </row>
    <row r="360" spans="1:12">
      <c r="A360" s="9" t="s">
        <v>56</v>
      </c>
      <c r="B360" s="9" t="s">
        <v>57</v>
      </c>
      <c r="C360" s="9" t="s">
        <v>59</v>
      </c>
      <c r="D360" s="9" t="s">
        <v>264</v>
      </c>
      <c r="E360" s="9" t="s">
        <v>18</v>
      </c>
      <c r="F360" s="9" t="s">
        <v>235</v>
      </c>
      <c r="G360" s="9" t="s">
        <v>246</v>
      </c>
      <c r="H360" s="6">
        <v>21</v>
      </c>
      <c r="I360" s="10" t="s">
        <v>55</v>
      </c>
      <c r="J360" s="10" t="s">
        <v>55</v>
      </c>
      <c r="K360" s="10" t="s">
        <v>55</v>
      </c>
      <c r="L360" s="6">
        <v>21</v>
      </c>
    </row>
    <row r="361" spans="1:12">
      <c r="A361" s="9" t="s">
        <v>56</v>
      </c>
      <c r="B361" s="9" t="s">
        <v>57</v>
      </c>
      <c r="C361" s="9" t="s">
        <v>59</v>
      </c>
      <c r="D361" s="9" t="s">
        <v>264</v>
      </c>
      <c r="E361" s="9" t="s">
        <v>18</v>
      </c>
      <c r="F361" s="9" t="s">
        <v>235</v>
      </c>
      <c r="G361" s="9" t="s">
        <v>247</v>
      </c>
      <c r="H361" s="6">
        <v>36</v>
      </c>
      <c r="I361" s="10" t="s">
        <v>55</v>
      </c>
      <c r="J361" s="10" t="s">
        <v>55</v>
      </c>
      <c r="K361" s="10" t="s">
        <v>55</v>
      </c>
      <c r="L361" s="6">
        <v>36</v>
      </c>
    </row>
    <row r="362" spans="1:12">
      <c r="A362" s="9" t="s">
        <v>56</v>
      </c>
      <c r="B362" s="9" t="s">
        <v>57</v>
      </c>
      <c r="C362" s="9" t="s">
        <v>59</v>
      </c>
      <c r="D362" s="9" t="s">
        <v>264</v>
      </c>
      <c r="E362" s="9" t="s">
        <v>18</v>
      </c>
      <c r="F362" s="9" t="s">
        <v>235</v>
      </c>
      <c r="G362" s="9" t="s">
        <v>248</v>
      </c>
      <c r="H362" s="6">
        <v>14</v>
      </c>
      <c r="I362" s="10" t="s">
        <v>55</v>
      </c>
      <c r="J362" s="10" t="s">
        <v>55</v>
      </c>
      <c r="K362" s="10" t="s">
        <v>55</v>
      </c>
      <c r="L362" s="6">
        <v>14</v>
      </c>
    </row>
    <row r="363" spans="1:12">
      <c r="A363" s="9" t="s">
        <v>56</v>
      </c>
      <c r="B363" s="9" t="s">
        <v>57</v>
      </c>
      <c r="C363" s="9" t="s">
        <v>59</v>
      </c>
      <c r="D363" s="9" t="s">
        <v>264</v>
      </c>
      <c r="E363" s="9" t="s">
        <v>18</v>
      </c>
      <c r="F363" s="9" t="s">
        <v>235</v>
      </c>
      <c r="G363" s="9" t="s">
        <v>249</v>
      </c>
      <c r="H363" s="6">
        <v>51</v>
      </c>
      <c r="I363" s="10" t="s">
        <v>55</v>
      </c>
      <c r="J363" s="10" t="s">
        <v>55</v>
      </c>
      <c r="K363" s="10" t="s">
        <v>55</v>
      </c>
      <c r="L363" s="6">
        <v>51</v>
      </c>
    </row>
    <row r="364" spans="1:12">
      <c r="A364" s="9" t="s">
        <v>56</v>
      </c>
      <c r="B364" s="9" t="s">
        <v>57</v>
      </c>
      <c r="C364" s="9" t="s">
        <v>59</v>
      </c>
      <c r="D364" s="9" t="s">
        <v>264</v>
      </c>
      <c r="E364" s="9" t="s">
        <v>18</v>
      </c>
      <c r="F364" s="9" t="s">
        <v>235</v>
      </c>
      <c r="G364" s="9" t="s">
        <v>250</v>
      </c>
      <c r="H364" s="6">
        <v>18</v>
      </c>
      <c r="I364" s="10" t="s">
        <v>55</v>
      </c>
      <c r="J364" s="10" t="s">
        <v>55</v>
      </c>
      <c r="K364" s="10" t="s">
        <v>55</v>
      </c>
      <c r="L364" s="6">
        <v>18</v>
      </c>
    </row>
    <row r="365" spans="1:12">
      <c r="A365" s="9" t="s">
        <v>56</v>
      </c>
      <c r="B365" s="9" t="s">
        <v>57</v>
      </c>
      <c r="C365" s="9" t="s">
        <v>59</v>
      </c>
      <c r="D365" s="9" t="s">
        <v>264</v>
      </c>
      <c r="E365" s="9" t="s">
        <v>18</v>
      </c>
      <c r="F365" s="9" t="s">
        <v>235</v>
      </c>
      <c r="G365" s="9" t="s">
        <v>251</v>
      </c>
      <c r="H365" s="6">
        <v>27</v>
      </c>
      <c r="I365" s="10" t="s">
        <v>55</v>
      </c>
      <c r="J365" s="10" t="s">
        <v>55</v>
      </c>
      <c r="K365" s="10" t="s">
        <v>55</v>
      </c>
      <c r="L365" s="6">
        <v>27</v>
      </c>
    </row>
    <row r="366" spans="1:12">
      <c r="A366" s="9" t="s">
        <v>56</v>
      </c>
      <c r="B366" s="9" t="s">
        <v>57</v>
      </c>
      <c r="C366" s="9" t="s">
        <v>59</v>
      </c>
      <c r="D366" s="9" t="s">
        <v>264</v>
      </c>
      <c r="E366" s="9" t="s">
        <v>18</v>
      </c>
      <c r="F366" s="9" t="s">
        <v>235</v>
      </c>
      <c r="G366" s="9" t="s">
        <v>252</v>
      </c>
      <c r="H366" s="6">
        <v>22</v>
      </c>
      <c r="I366" s="10" t="s">
        <v>55</v>
      </c>
      <c r="J366" s="10" t="s">
        <v>55</v>
      </c>
      <c r="K366" s="10" t="s">
        <v>55</v>
      </c>
      <c r="L366" s="6">
        <v>22</v>
      </c>
    </row>
    <row r="367" spans="1:12">
      <c r="A367" s="9" t="s">
        <v>56</v>
      </c>
      <c r="B367" s="9" t="s">
        <v>57</v>
      </c>
      <c r="C367" s="9" t="s">
        <v>59</v>
      </c>
      <c r="D367" s="9" t="s">
        <v>264</v>
      </c>
      <c r="E367" s="9" t="s">
        <v>18</v>
      </c>
      <c r="F367" s="9" t="s">
        <v>235</v>
      </c>
      <c r="G367" s="9" t="s">
        <v>253</v>
      </c>
      <c r="H367" s="6">
        <v>12</v>
      </c>
      <c r="I367" s="10" t="s">
        <v>55</v>
      </c>
      <c r="J367" s="10" t="s">
        <v>55</v>
      </c>
      <c r="K367" s="10" t="s">
        <v>55</v>
      </c>
      <c r="L367" s="6">
        <v>12</v>
      </c>
    </row>
    <row r="368" spans="1:12">
      <c r="A368" s="9" t="s">
        <v>56</v>
      </c>
      <c r="B368" s="9" t="s">
        <v>57</v>
      </c>
      <c r="C368" s="9" t="s">
        <v>59</v>
      </c>
      <c r="D368" s="9" t="s">
        <v>264</v>
      </c>
      <c r="E368" s="9" t="s">
        <v>18</v>
      </c>
      <c r="F368" s="9" t="s">
        <v>235</v>
      </c>
      <c r="G368" s="9" t="s">
        <v>254</v>
      </c>
      <c r="H368" s="6">
        <v>22</v>
      </c>
      <c r="I368" s="10" t="s">
        <v>55</v>
      </c>
      <c r="J368" s="10" t="s">
        <v>55</v>
      </c>
      <c r="K368" s="10" t="s">
        <v>55</v>
      </c>
      <c r="L368" s="6">
        <v>22</v>
      </c>
    </row>
    <row r="369" spans="1:12">
      <c r="A369" s="9" t="s">
        <v>56</v>
      </c>
      <c r="B369" s="9" t="s">
        <v>57</v>
      </c>
      <c r="C369" s="9" t="s">
        <v>59</v>
      </c>
      <c r="D369" s="9" t="s">
        <v>264</v>
      </c>
      <c r="E369" s="9" t="s">
        <v>18</v>
      </c>
      <c r="F369" s="9" t="s">
        <v>235</v>
      </c>
      <c r="G369" s="9" t="s">
        <v>255</v>
      </c>
      <c r="H369" s="6">
        <v>16</v>
      </c>
      <c r="I369" s="10" t="s">
        <v>55</v>
      </c>
      <c r="J369" s="10" t="s">
        <v>55</v>
      </c>
      <c r="K369" s="10" t="s">
        <v>55</v>
      </c>
      <c r="L369" s="6">
        <v>16</v>
      </c>
    </row>
    <row r="370" spans="1:12">
      <c r="A370" s="9" t="s">
        <v>56</v>
      </c>
      <c r="B370" s="9" t="s">
        <v>57</v>
      </c>
      <c r="C370" s="9" t="s">
        <v>59</v>
      </c>
      <c r="D370" s="9" t="s">
        <v>264</v>
      </c>
      <c r="E370" s="9" t="s">
        <v>18</v>
      </c>
      <c r="F370" s="9" t="s">
        <v>235</v>
      </c>
      <c r="G370" s="9" t="s">
        <v>256</v>
      </c>
      <c r="H370" s="6">
        <v>166</v>
      </c>
      <c r="I370" s="10" t="s">
        <v>55</v>
      </c>
      <c r="J370" s="10" t="s">
        <v>55</v>
      </c>
      <c r="K370" s="6">
        <v>5</v>
      </c>
      <c r="L370" s="6">
        <v>16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8" orientation="portrait" r:id="rId1"/>
</worksheet>
</file>

<file path=xl/worksheets/sheet3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0785D01-7C44-4751-A3DA-339EF0B3D6E7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70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5" t="s">
        <v>6</v>
      </c>
      <c r="G11" s="5" t="s">
        <v>6</v>
      </c>
      <c r="H11" s="6">
        <v>28058120</v>
      </c>
      <c r="I11" s="6">
        <v>14362976</v>
      </c>
      <c r="J11" s="6">
        <v>12511952</v>
      </c>
      <c r="K11" s="6">
        <v>11273453</v>
      </c>
      <c r="L11" s="6">
        <v>2421691</v>
      </c>
    </row>
    <row r="12" spans="1:12">
      <c r="A12" s="9" t="s">
        <v>27</v>
      </c>
      <c r="B12" s="9" t="s">
        <v>28</v>
      </c>
      <c r="C12" s="9" t="s">
        <v>29</v>
      </c>
      <c r="D12" s="9" t="s">
        <v>6</v>
      </c>
      <c r="E12" s="9" t="s">
        <v>6</v>
      </c>
      <c r="F12" s="9" t="s">
        <v>234</v>
      </c>
      <c r="G12" s="9" t="s">
        <v>6</v>
      </c>
      <c r="H12" s="6">
        <v>12121001</v>
      </c>
      <c r="I12" s="6">
        <v>5111051</v>
      </c>
      <c r="J12" s="6">
        <v>4243779</v>
      </c>
      <c r="K12" s="6">
        <v>6037774</v>
      </c>
      <c r="L12" s="6">
        <v>972176</v>
      </c>
    </row>
    <row r="13" spans="1:12">
      <c r="A13" s="9" t="s">
        <v>27</v>
      </c>
      <c r="B13" s="9" t="s">
        <v>28</v>
      </c>
      <c r="C13" s="9" t="s">
        <v>29</v>
      </c>
      <c r="D13" s="9" t="s">
        <v>6</v>
      </c>
      <c r="E13" s="9" t="s">
        <v>6</v>
      </c>
      <c r="F13" s="9" t="s">
        <v>235</v>
      </c>
      <c r="G13" s="9" t="s">
        <v>6</v>
      </c>
      <c r="H13" s="6">
        <v>15937119</v>
      </c>
      <c r="I13" s="6">
        <v>9251925</v>
      </c>
      <c r="J13" s="6">
        <v>8268173</v>
      </c>
      <c r="K13" s="6">
        <v>5235679</v>
      </c>
      <c r="L13" s="6">
        <v>1449515</v>
      </c>
    </row>
    <row r="14" spans="1:12">
      <c r="A14" s="9" t="s">
        <v>27</v>
      </c>
      <c r="B14" s="9" t="s">
        <v>28</v>
      </c>
      <c r="C14" s="9" t="s">
        <v>29</v>
      </c>
      <c r="D14" s="9" t="s">
        <v>6</v>
      </c>
      <c r="E14" s="9" t="s">
        <v>6</v>
      </c>
      <c r="F14" s="9" t="s">
        <v>235</v>
      </c>
      <c r="G14" s="9" t="s">
        <v>272</v>
      </c>
      <c r="H14" s="6">
        <v>778266</v>
      </c>
      <c r="I14" s="6">
        <v>322942</v>
      </c>
      <c r="J14" s="6">
        <v>300427</v>
      </c>
      <c r="K14" s="6">
        <v>357845</v>
      </c>
      <c r="L14" s="6">
        <v>97479</v>
      </c>
    </row>
    <row r="15" spans="1:12">
      <c r="A15" s="9" t="s">
        <v>27</v>
      </c>
      <c r="B15" s="9" t="s">
        <v>28</v>
      </c>
      <c r="C15" s="9" t="s">
        <v>29</v>
      </c>
      <c r="D15" s="9" t="s">
        <v>6</v>
      </c>
      <c r="E15" s="9" t="s">
        <v>6</v>
      </c>
      <c r="F15" s="9" t="s">
        <v>235</v>
      </c>
      <c r="G15" s="9" t="s">
        <v>273</v>
      </c>
      <c r="H15" s="6">
        <v>1454892</v>
      </c>
      <c r="I15" s="6">
        <v>775347</v>
      </c>
      <c r="J15" s="6">
        <v>717860</v>
      </c>
      <c r="K15" s="6">
        <v>479187</v>
      </c>
      <c r="L15" s="6">
        <v>200358</v>
      </c>
    </row>
    <row r="16" spans="1:12">
      <c r="A16" s="9" t="s">
        <v>27</v>
      </c>
      <c r="B16" s="9" t="s">
        <v>28</v>
      </c>
      <c r="C16" s="9" t="s">
        <v>29</v>
      </c>
      <c r="D16" s="9" t="s">
        <v>6</v>
      </c>
      <c r="E16" s="9" t="s">
        <v>6</v>
      </c>
      <c r="F16" s="9" t="s">
        <v>235</v>
      </c>
      <c r="G16" s="9" t="s">
        <v>274</v>
      </c>
      <c r="H16" s="6">
        <v>1625382</v>
      </c>
      <c r="I16" s="6">
        <v>997592</v>
      </c>
      <c r="J16" s="6">
        <v>916422</v>
      </c>
      <c r="K16" s="6">
        <v>417270</v>
      </c>
      <c r="L16" s="6">
        <v>210520</v>
      </c>
    </row>
    <row r="17" spans="1:12">
      <c r="A17" s="9" t="s">
        <v>27</v>
      </c>
      <c r="B17" s="9" t="s">
        <v>28</v>
      </c>
      <c r="C17" s="9" t="s">
        <v>29</v>
      </c>
      <c r="D17" s="9" t="s">
        <v>6</v>
      </c>
      <c r="E17" s="9" t="s">
        <v>6</v>
      </c>
      <c r="F17" s="9" t="s">
        <v>235</v>
      </c>
      <c r="G17" s="9" t="s">
        <v>275</v>
      </c>
      <c r="H17" s="6">
        <v>1391051</v>
      </c>
      <c r="I17" s="6">
        <v>929290</v>
      </c>
      <c r="J17" s="6">
        <v>857316</v>
      </c>
      <c r="K17" s="6">
        <v>300707</v>
      </c>
      <c r="L17" s="6">
        <v>161054</v>
      </c>
    </row>
    <row r="18" spans="1:12">
      <c r="A18" s="9" t="s">
        <v>27</v>
      </c>
      <c r="B18" s="9" t="s">
        <v>28</v>
      </c>
      <c r="C18" s="9" t="s">
        <v>29</v>
      </c>
      <c r="D18" s="9" t="s">
        <v>6</v>
      </c>
      <c r="E18" s="9" t="s">
        <v>6</v>
      </c>
      <c r="F18" s="9" t="s">
        <v>235</v>
      </c>
      <c r="G18" s="9" t="s">
        <v>276</v>
      </c>
      <c r="H18" s="6">
        <v>1322575</v>
      </c>
      <c r="I18" s="6">
        <v>935330</v>
      </c>
      <c r="J18" s="6">
        <v>867729</v>
      </c>
      <c r="K18" s="6">
        <v>243705</v>
      </c>
      <c r="L18" s="6">
        <v>143540</v>
      </c>
    </row>
    <row r="19" spans="1:12">
      <c r="A19" s="9" t="s">
        <v>27</v>
      </c>
      <c r="B19" s="9" t="s">
        <v>28</v>
      </c>
      <c r="C19" s="9" t="s">
        <v>29</v>
      </c>
      <c r="D19" s="9" t="s">
        <v>6</v>
      </c>
      <c r="E19" s="9" t="s">
        <v>6</v>
      </c>
      <c r="F19" s="9" t="s">
        <v>235</v>
      </c>
      <c r="G19" s="9" t="s">
        <v>277</v>
      </c>
      <c r="H19" s="6">
        <v>1263206</v>
      </c>
      <c r="I19" s="6">
        <v>920077</v>
      </c>
      <c r="J19" s="6">
        <v>855821</v>
      </c>
      <c r="K19" s="6">
        <v>217903</v>
      </c>
      <c r="L19" s="6">
        <v>125226</v>
      </c>
    </row>
    <row r="20" spans="1:12">
      <c r="A20" s="9" t="s">
        <v>27</v>
      </c>
      <c r="B20" s="9" t="s">
        <v>28</v>
      </c>
      <c r="C20" s="9" t="s">
        <v>29</v>
      </c>
      <c r="D20" s="9" t="s">
        <v>6</v>
      </c>
      <c r="E20" s="9" t="s">
        <v>6</v>
      </c>
      <c r="F20" s="9" t="s">
        <v>235</v>
      </c>
      <c r="G20" s="9" t="s">
        <v>278</v>
      </c>
      <c r="H20" s="6">
        <v>1206827</v>
      </c>
      <c r="I20" s="6">
        <v>889185</v>
      </c>
      <c r="J20" s="6">
        <v>827101</v>
      </c>
      <c r="K20" s="6">
        <v>209394</v>
      </c>
      <c r="L20" s="6">
        <v>108248</v>
      </c>
    </row>
    <row r="21" spans="1:12">
      <c r="A21" s="9" t="s">
        <v>27</v>
      </c>
      <c r="B21" s="9" t="s">
        <v>28</v>
      </c>
      <c r="C21" s="9" t="s">
        <v>29</v>
      </c>
      <c r="D21" s="9" t="s">
        <v>6</v>
      </c>
      <c r="E21" s="9" t="s">
        <v>6</v>
      </c>
      <c r="F21" s="9" t="s">
        <v>235</v>
      </c>
      <c r="G21" s="9" t="s">
        <v>279</v>
      </c>
      <c r="H21" s="6">
        <v>706658</v>
      </c>
      <c r="I21" s="6">
        <v>508105</v>
      </c>
      <c r="J21" s="6">
        <v>471206</v>
      </c>
      <c r="K21" s="6">
        <v>133606</v>
      </c>
      <c r="L21" s="6">
        <v>64947</v>
      </c>
    </row>
    <row r="22" spans="1:12">
      <c r="A22" s="9" t="s">
        <v>27</v>
      </c>
      <c r="B22" s="9" t="s">
        <v>28</v>
      </c>
      <c r="C22" s="9" t="s">
        <v>29</v>
      </c>
      <c r="D22" s="9" t="s">
        <v>6</v>
      </c>
      <c r="E22" s="9" t="s">
        <v>6</v>
      </c>
      <c r="F22" s="9" t="s">
        <v>235</v>
      </c>
      <c r="G22" s="9" t="s">
        <v>280</v>
      </c>
      <c r="H22" s="6">
        <v>6188262</v>
      </c>
      <c r="I22" s="6">
        <v>2974057</v>
      </c>
      <c r="J22" s="6">
        <v>2454291</v>
      </c>
      <c r="K22" s="6">
        <v>2876062</v>
      </c>
      <c r="L22" s="6">
        <v>338143</v>
      </c>
    </row>
    <row r="23" spans="1:12">
      <c r="A23" s="9" t="s">
        <v>27</v>
      </c>
      <c r="B23" s="9" t="s">
        <v>28</v>
      </c>
      <c r="C23" s="9" t="s">
        <v>29</v>
      </c>
      <c r="D23" s="9" t="s">
        <v>6</v>
      </c>
      <c r="E23" s="9" t="s">
        <v>6</v>
      </c>
      <c r="F23" s="9" t="s">
        <v>281</v>
      </c>
      <c r="G23" s="9" t="s">
        <v>6</v>
      </c>
      <c r="H23" s="6">
        <v>8053208</v>
      </c>
      <c r="I23" s="6">
        <v>4170505</v>
      </c>
      <c r="J23" s="6">
        <v>3620064</v>
      </c>
      <c r="K23" s="6">
        <v>3252006</v>
      </c>
      <c r="L23" s="6">
        <v>630697</v>
      </c>
    </row>
    <row r="24" spans="1:12">
      <c r="A24" s="9" t="s">
        <v>27</v>
      </c>
      <c r="B24" s="9" t="s">
        <v>28</v>
      </c>
      <c r="C24" s="9" t="s">
        <v>29</v>
      </c>
      <c r="D24" s="9" t="s">
        <v>6</v>
      </c>
      <c r="E24" s="9" t="s">
        <v>6</v>
      </c>
      <c r="F24" s="9" t="s">
        <v>281</v>
      </c>
      <c r="G24" s="9" t="s">
        <v>272</v>
      </c>
      <c r="H24" s="6">
        <v>360911</v>
      </c>
      <c r="I24" s="6">
        <v>154860</v>
      </c>
      <c r="J24" s="6">
        <v>147118</v>
      </c>
      <c r="K24" s="6">
        <v>160776</v>
      </c>
      <c r="L24" s="6">
        <v>45275</v>
      </c>
    </row>
    <row r="25" spans="1:12">
      <c r="A25" s="9" t="s">
        <v>27</v>
      </c>
      <c r="B25" s="9" t="s">
        <v>28</v>
      </c>
      <c r="C25" s="9" t="s">
        <v>29</v>
      </c>
      <c r="D25" s="9" t="s">
        <v>6</v>
      </c>
      <c r="E25" s="9" t="s">
        <v>6</v>
      </c>
      <c r="F25" s="9" t="s">
        <v>281</v>
      </c>
      <c r="G25" s="9" t="s">
        <v>273</v>
      </c>
      <c r="H25" s="6">
        <v>624233</v>
      </c>
      <c r="I25" s="6">
        <v>330077</v>
      </c>
      <c r="J25" s="6">
        <v>310276</v>
      </c>
      <c r="K25" s="6">
        <v>206676</v>
      </c>
      <c r="L25" s="6">
        <v>87480</v>
      </c>
    </row>
    <row r="26" spans="1:12">
      <c r="A26" s="9" t="s">
        <v>27</v>
      </c>
      <c r="B26" s="9" t="s">
        <v>28</v>
      </c>
      <c r="C26" s="9" t="s">
        <v>29</v>
      </c>
      <c r="D26" s="9" t="s">
        <v>6</v>
      </c>
      <c r="E26" s="9" t="s">
        <v>6</v>
      </c>
      <c r="F26" s="9" t="s">
        <v>281</v>
      </c>
      <c r="G26" s="9" t="s">
        <v>274</v>
      </c>
      <c r="H26" s="6">
        <v>516639</v>
      </c>
      <c r="I26" s="6">
        <v>302269</v>
      </c>
      <c r="J26" s="6">
        <v>278780</v>
      </c>
      <c r="K26" s="6">
        <v>141606</v>
      </c>
      <c r="L26" s="6">
        <v>72764</v>
      </c>
    </row>
    <row r="27" spans="1:12">
      <c r="A27" s="9" t="s">
        <v>27</v>
      </c>
      <c r="B27" s="9" t="s">
        <v>28</v>
      </c>
      <c r="C27" s="9" t="s">
        <v>29</v>
      </c>
      <c r="D27" s="9" t="s">
        <v>6</v>
      </c>
      <c r="E27" s="9" t="s">
        <v>6</v>
      </c>
      <c r="F27" s="9" t="s">
        <v>281</v>
      </c>
      <c r="G27" s="9" t="s">
        <v>275</v>
      </c>
      <c r="H27" s="6">
        <v>364198</v>
      </c>
      <c r="I27" s="6">
        <v>220167</v>
      </c>
      <c r="J27" s="6">
        <v>201648</v>
      </c>
      <c r="K27" s="6">
        <v>98888</v>
      </c>
      <c r="L27" s="6">
        <v>45143</v>
      </c>
    </row>
    <row r="28" spans="1:12">
      <c r="A28" s="9" t="s">
        <v>27</v>
      </c>
      <c r="B28" s="9" t="s">
        <v>28</v>
      </c>
      <c r="C28" s="9" t="s">
        <v>29</v>
      </c>
      <c r="D28" s="9" t="s">
        <v>6</v>
      </c>
      <c r="E28" s="9" t="s">
        <v>6</v>
      </c>
      <c r="F28" s="9" t="s">
        <v>281</v>
      </c>
      <c r="G28" s="9" t="s">
        <v>276</v>
      </c>
      <c r="H28" s="6">
        <v>343338</v>
      </c>
      <c r="I28" s="6">
        <v>218765</v>
      </c>
      <c r="J28" s="6">
        <v>200894</v>
      </c>
      <c r="K28" s="6">
        <v>85748</v>
      </c>
      <c r="L28" s="6">
        <v>38825</v>
      </c>
    </row>
    <row r="29" spans="1:12">
      <c r="A29" s="9" t="s">
        <v>27</v>
      </c>
      <c r="B29" s="9" t="s">
        <v>28</v>
      </c>
      <c r="C29" s="9" t="s">
        <v>29</v>
      </c>
      <c r="D29" s="9" t="s">
        <v>6</v>
      </c>
      <c r="E29" s="9" t="s">
        <v>6</v>
      </c>
      <c r="F29" s="9" t="s">
        <v>281</v>
      </c>
      <c r="G29" s="9" t="s">
        <v>277</v>
      </c>
      <c r="H29" s="6">
        <v>357843</v>
      </c>
      <c r="I29" s="6">
        <v>239837</v>
      </c>
      <c r="J29" s="6">
        <v>220613</v>
      </c>
      <c r="K29" s="6">
        <v>82005</v>
      </c>
      <c r="L29" s="6">
        <v>36001</v>
      </c>
    </row>
    <row r="30" spans="1:12">
      <c r="A30" s="9" t="s">
        <v>27</v>
      </c>
      <c r="B30" s="9" t="s">
        <v>28</v>
      </c>
      <c r="C30" s="9" t="s">
        <v>29</v>
      </c>
      <c r="D30" s="9" t="s">
        <v>6</v>
      </c>
      <c r="E30" s="9" t="s">
        <v>6</v>
      </c>
      <c r="F30" s="9" t="s">
        <v>281</v>
      </c>
      <c r="G30" s="9" t="s">
        <v>278</v>
      </c>
      <c r="H30" s="6">
        <v>459955</v>
      </c>
      <c r="I30" s="6">
        <v>329128</v>
      </c>
      <c r="J30" s="6">
        <v>304055</v>
      </c>
      <c r="K30" s="6">
        <v>94201</v>
      </c>
      <c r="L30" s="6">
        <v>36626</v>
      </c>
    </row>
    <row r="31" spans="1:12">
      <c r="A31" s="9" t="s">
        <v>27</v>
      </c>
      <c r="B31" s="9" t="s">
        <v>28</v>
      </c>
      <c r="C31" s="9" t="s">
        <v>29</v>
      </c>
      <c r="D31" s="9" t="s">
        <v>6</v>
      </c>
      <c r="E31" s="9" t="s">
        <v>6</v>
      </c>
      <c r="F31" s="9" t="s">
        <v>281</v>
      </c>
      <c r="G31" s="9" t="s">
        <v>279</v>
      </c>
      <c r="H31" s="6">
        <v>315325</v>
      </c>
      <c r="I31" s="6">
        <v>222322</v>
      </c>
      <c r="J31" s="6">
        <v>205154</v>
      </c>
      <c r="K31" s="6">
        <v>66270</v>
      </c>
      <c r="L31" s="6">
        <v>26733</v>
      </c>
    </row>
    <row r="32" spans="1:12">
      <c r="A32" s="9" t="s">
        <v>27</v>
      </c>
      <c r="B32" s="9" t="s">
        <v>28</v>
      </c>
      <c r="C32" s="9" t="s">
        <v>29</v>
      </c>
      <c r="D32" s="9" t="s">
        <v>6</v>
      </c>
      <c r="E32" s="9" t="s">
        <v>6</v>
      </c>
      <c r="F32" s="9" t="s">
        <v>281</v>
      </c>
      <c r="G32" s="9" t="s">
        <v>280</v>
      </c>
      <c r="H32" s="6">
        <v>4710766</v>
      </c>
      <c r="I32" s="6">
        <v>2153080</v>
      </c>
      <c r="J32" s="6">
        <v>1751526</v>
      </c>
      <c r="K32" s="6">
        <v>2315836</v>
      </c>
      <c r="L32" s="6">
        <v>241850</v>
      </c>
    </row>
    <row r="33" spans="1:12">
      <c r="A33" s="9" t="s">
        <v>27</v>
      </c>
      <c r="B33" s="9" t="s">
        <v>28</v>
      </c>
      <c r="C33" s="9" t="s">
        <v>29</v>
      </c>
      <c r="D33" s="9" t="s">
        <v>6</v>
      </c>
      <c r="E33" s="9" t="s">
        <v>6</v>
      </c>
      <c r="F33" s="9" t="s">
        <v>282</v>
      </c>
      <c r="G33" s="9" t="s">
        <v>6</v>
      </c>
      <c r="H33" s="6">
        <v>6029774</v>
      </c>
      <c r="I33" s="6">
        <v>3868904</v>
      </c>
      <c r="J33" s="6">
        <v>3545382</v>
      </c>
      <c r="K33" s="6">
        <v>1575138</v>
      </c>
      <c r="L33" s="6">
        <v>585732</v>
      </c>
    </row>
    <row r="34" spans="1:12">
      <c r="A34" s="9" t="s">
        <v>27</v>
      </c>
      <c r="B34" s="9" t="s">
        <v>28</v>
      </c>
      <c r="C34" s="9" t="s">
        <v>29</v>
      </c>
      <c r="D34" s="9" t="s">
        <v>6</v>
      </c>
      <c r="E34" s="9" t="s">
        <v>6</v>
      </c>
      <c r="F34" s="9" t="s">
        <v>282</v>
      </c>
      <c r="G34" s="9" t="s">
        <v>272</v>
      </c>
      <c r="H34" s="6">
        <v>289556</v>
      </c>
      <c r="I34" s="6">
        <v>117676</v>
      </c>
      <c r="J34" s="6">
        <v>108799</v>
      </c>
      <c r="K34" s="6">
        <v>137063</v>
      </c>
      <c r="L34" s="6">
        <v>34817</v>
      </c>
    </row>
    <row r="35" spans="1:12">
      <c r="A35" s="9" t="s">
        <v>27</v>
      </c>
      <c r="B35" s="9" t="s">
        <v>28</v>
      </c>
      <c r="C35" s="9" t="s">
        <v>29</v>
      </c>
      <c r="D35" s="9" t="s">
        <v>6</v>
      </c>
      <c r="E35" s="9" t="s">
        <v>6</v>
      </c>
      <c r="F35" s="9" t="s">
        <v>282</v>
      </c>
      <c r="G35" s="9" t="s">
        <v>273</v>
      </c>
      <c r="H35" s="6">
        <v>576909</v>
      </c>
      <c r="I35" s="6">
        <v>307452</v>
      </c>
      <c r="J35" s="6">
        <v>283786</v>
      </c>
      <c r="K35" s="6">
        <v>193246</v>
      </c>
      <c r="L35" s="6">
        <v>76211</v>
      </c>
    </row>
    <row r="36" spans="1:12">
      <c r="A36" s="9" t="s">
        <v>27</v>
      </c>
      <c r="B36" s="9" t="s">
        <v>28</v>
      </c>
      <c r="C36" s="9" t="s">
        <v>29</v>
      </c>
      <c r="D36" s="9" t="s">
        <v>6</v>
      </c>
      <c r="E36" s="9" t="s">
        <v>6</v>
      </c>
      <c r="F36" s="9" t="s">
        <v>282</v>
      </c>
      <c r="G36" s="9" t="s">
        <v>274</v>
      </c>
      <c r="H36" s="6">
        <v>759106</v>
      </c>
      <c r="I36" s="6">
        <v>469092</v>
      </c>
      <c r="J36" s="6">
        <v>432648</v>
      </c>
      <c r="K36" s="6">
        <v>198913</v>
      </c>
      <c r="L36" s="6">
        <v>91101</v>
      </c>
    </row>
    <row r="37" spans="1:12">
      <c r="A37" s="9" t="s">
        <v>27</v>
      </c>
      <c r="B37" s="9" t="s">
        <v>28</v>
      </c>
      <c r="C37" s="9" t="s">
        <v>29</v>
      </c>
      <c r="D37" s="9" t="s">
        <v>6</v>
      </c>
      <c r="E37" s="9" t="s">
        <v>6</v>
      </c>
      <c r="F37" s="9" t="s">
        <v>282</v>
      </c>
      <c r="G37" s="9" t="s">
        <v>275</v>
      </c>
      <c r="H37" s="6">
        <v>705185</v>
      </c>
      <c r="I37" s="6">
        <v>481366</v>
      </c>
      <c r="J37" s="6">
        <v>447015</v>
      </c>
      <c r="K37" s="6">
        <v>148126</v>
      </c>
      <c r="L37" s="6">
        <v>75693</v>
      </c>
    </row>
    <row r="38" spans="1:12">
      <c r="A38" s="9" t="s">
        <v>27</v>
      </c>
      <c r="B38" s="9" t="s">
        <v>28</v>
      </c>
      <c r="C38" s="9" t="s">
        <v>29</v>
      </c>
      <c r="D38" s="9" t="s">
        <v>6</v>
      </c>
      <c r="E38" s="9" t="s">
        <v>6</v>
      </c>
      <c r="F38" s="9" t="s">
        <v>282</v>
      </c>
      <c r="G38" s="9" t="s">
        <v>276</v>
      </c>
      <c r="H38" s="6">
        <v>698042</v>
      </c>
      <c r="I38" s="6">
        <v>508523</v>
      </c>
      <c r="J38" s="6">
        <v>474932</v>
      </c>
      <c r="K38" s="6">
        <v>118878</v>
      </c>
      <c r="L38" s="6">
        <v>70641</v>
      </c>
    </row>
    <row r="39" spans="1:12">
      <c r="A39" s="9" t="s">
        <v>27</v>
      </c>
      <c r="B39" s="9" t="s">
        <v>28</v>
      </c>
      <c r="C39" s="9" t="s">
        <v>29</v>
      </c>
      <c r="D39" s="9" t="s">
        <v>6</v>
      </c>
      <c r="E39" s="9" t="s">
        <v>6</v>
      </c>
      <c r="F39" s="9" t="s">
        <v>282</v>
      </c>
      <c r="G39" s="9" t="s">
        <v>277</v>
      </c>
      <c r="H39" s="6">
        <v>698878</v>
      </c>
      <c r="I39" s="6">
        <v>526378</v>
      </c>
      <c r="J39" s="6">
        <v>492798</v>
      </c>
      <c r="K39" s="6">
        <v>107954</v>
      </c>
      <c r="L39" s="6">
        <v>64546</v>
      </c>
    </row>
    <row r="40" spans="1:12">
      <c r="A40" s="9" t="s">
        <v>27</v>
      </c>
      <c r="B40" s="9" t="s">
        <v>28</v>
      </c>
      <c r="C40" s="9" t="s">
        <v>29</v>
      </c>
      <c r="D40" s="9" t="s">
        <v>6</v>
      </c>
      <c r="E40" s="9" t="s">
        <v>6</v>
      </c>
      <c r="F40" s="9" t="s">
        <v>282</v>
      </c>
      <c r="G40" s="9" t="s">
        <v>278</v>
      </c>
      <c r="H40" s="6">
        <v>619444</v>
      </c>
      <c r="I40" s="6">
        <v>466854</v>
      </c>
      <c r="J40" s="6">
        <v>436994</v>
      </c>
      <c r="K40" s="6">
        <v>96471</v>
      </c>
      <c r="L40" s="6">
        <v>56119</v>
      </c>
    </row>
    <row r="41" spans="1:12">
      <c r="A41" s="9" t="s">
        <v>27</v>
      </c>
      <c r="B41" s="9" t="s">
        <v>28</v>
      </c>
      <c r="C41" s="9" t="s">
        <v>29</v>
      </c>
      <c r="D41" s="9" t="s">
        <v>6</v>
      </c>
      <c r="E41" s="9" t="s">
        <v>6</v>
      </c>
      <c r="F41" s="9" t="s">
        <v>282</v>
      </c>
      <c r="G41" s="9" t="s">
        <v>279</v>
      </c>
      <c r="H41" s="6">
        <v>335874</v>
      </c>
      <c r="I41" s="6">
        <v>246345</v>
      </c>
      <c r="J41" s="6">
        <v>229886</v>
      </c>
      <c r="K41" s="6">
        <v>57903</v>
      </c>
      <c r="L41" s="6">
        <v>31626</v>
      </c>
    </row>
    <row r="42" spans="1:12">
      <c r="A42" s="9" t="s">
        <v>27</v>
      </c>
      <c r="B42" s="9" t="s">
        <v>28</v>
      </c>
      <c r="C42" s="9" t="s">
        <v>29</v>
      </c>
      <c r="D42" s="9" t="s">
        <v>6</v>
      </c>
      <c r="E42" s="9" t="s">
        <v>6</v>
      </c>
      <c r="F42" s="9" t="s">
        <v>282</v>
      </c>
      <c r="G42" s="9" t="s">
        <v>280</v>
      </c>
      <c r="H42" s="6">
        <v>1346780</v>
      </c>
      <c r="I42" s="6">
        <v>745218</v>
      </c>
      <c r="J42" s="6">
        <v>638524</v>
      </c>
      <c r="K42" s="6">
        <v>516584</v>
      </c>
      <c r="L42" s="6">
        <v>84978</v>
      </c>
    </row>
    <row r="43" spans="1:12">
      <c r="A43" s="9" t="s">
        <v>27</v>
      </c>
      <c r="B43" s="9" t="s">
        <v>28</v>
      </c>
      <c r="C43" s="9" t="s">
        <v>29</v>
      </c>
      <c r="D43" s="9" t="s">
        <v>6</v>
      </c>
      <c r="E43" s="9" t="s">
        <v>6</v>
      </c>
      <c r="F43" s="9" t="s">
        <v>283</v>
      </c>
      <c r="G43" s="9" t="s">
        <v>6</v>
      </c>
      <c r="H43" s="6">
        <v>1854137</v>
      </c>
      <c r="I43" s="6">
        <v>1212516</v>
      </c>
      <c r="J43" s="6">
        <v>1102727</v>
      </c>
      <c r="K43" s="6">
        <v>408535</v>
      </c>
      <c r="L43" s="6">
        <v>233086</v>
      </c>
    </row>
    <row r="44" spans="1:12">
      <c r="A44" s="9" t="s">
        <v>27</v>
      </c>
      <c r="B44" s="9" t="s">
        <v>28</v>
      </c>
      <c r="C44" s="9" t="s">
        <v>29</v>
      </c>
      <c r="D44" s="9" t="s">
        <v>6</v>
      </c>
      <c r="E44" s="9" t="s">
        <v>6</v>
      </c>
      <c r="F44" s="9" t="s">
        <v>283</v>
      </c>
      <c r="G44" s="9" t="s">
        <v>272</v>
      </c>
      <c r="H44" s="6">
        <v>127799</v>
      </c>
      <c r="I44" s="6">
        <v>50406</v>
      </c>
      <c r="J44" s="6">
        <v>44510</v>
      </c>
      <c r="K44" s="6">
        <v>60006</v>
      </c>
      <c r="L44" s="6">
        <v>17387</v>
      </c>
    </row>
    <row r="45" spans="1:12">
      <c r="A45" s="9" t="s">
        <v>27</v>
      </c>
      <c r="B45" s="9" t="s">
        <v>28</v>
      </c>
      <c r="C45" s="9" t="s">
        <v>29</v>
      </c>
      <c r="D45" s="9" t="s">
        <v>6</v>
      </c>
      <c r="E45" s="9" t="s">
        <v>6</v>
      </c>
      <c r="F45" s="9" t="s">
        <v>283</v>
      </c>
      <c r="G45" s="9" t="s">
        <v>273</v>
      </c>
      <c r="H45" s="6">
        <v>253750</v>
      </c>
      <c r="I45" s="6">
        <v>137818</v>
      </c>
      <c r="J45" s="6">
        <v>123798</v>
      </c>
      <c r="K45" s="6">
        <v>79265</v>
      </c>
      <c r="L45" s="6">
        <v>36667</v>
      </c>
    </row>
    <row r="46" spans="1:12">
      <c r="A46" s="9" t="s">
        <v>27</v>
      </c>
      <c r="B46" s="9" t="s">
        <v>28</v>
      </c>
      <c r="C46" s="9" t="s">
        <v>29</v>
      </c>
      <c r="D46" s="9" t="s">
        <v>6</v>
      </c>
      <c r="E46" s="9" t="s">
        <v>6</v>
      </c>
      <c r="F46" s="9" t="s">
        <v>283</v>
      </c>
      <c r="G46" s="9" t="s">
        <v>274</v>
      </c>
      <c r="H46" s="6">
        <v>349637</v>
      </c>
      <c r="I46" s="6">
        <v>226231</v>
      </c>
      <c r="J46" s="6">
        <v>204994</v>
      </c>
      <c r="K46" s="6">
        <v>76751</v>
      </c>
      <c r="L46" s="6">
        <v>46655</v>
      </c>
    </row>
    <row r="47" spans="1:12">
      <c r="A47" s="9" t="s">
        <v>27</v>
      </c>
      <c r="B47" s="9" t="s">
        <v>28</v>
      </c>
      <c r="C47" s="9" t="s">
        <v>29</v>
      </c>
      <c r="D47" s="9" t="s">
        <v>6</v>
      </c>
      <c r="E47" s="9" t="s">
        <v>6</v>
      </c>
      <c r="F47" s="9" t="s">
        <v>283</v>
      </c>
      <c r="G47" s="9" t="s">
        <v>275</v>
      </c>
      <c r="H47" s="6">
        <v>321668</v>
      </c>
      <c r="I47" s="6">
        <v>227757</v>
      </c>
      <c r="J47" s="6">
        <v>208653</v>
      </c>
      <c r="K47" s="6">
        <v>53693</v>
      </c>
      <c r="L47" s="6">
        <v>40218</v>
      </c>
    </row>
    <row r="48" spans="1:12">
      <c r="A48" s="9" t="s">
        <v>27</v>
      </c>
      <c r="B48" s="9" t="s">
        <v>28</v>
      </c>
      <c r="C48" s="9" t="s">
        <v>29</v>
      </c>
      <c r="D48" s="9" t="s">
        <v>6</v>
      </c>
      <c r="E48" s="9" t="s">
        <v>6</v>
      </c>
      <c r="F48" s="9" t="s">
        <v>283</v>
      </c>
      <c r="G48" s="9" t="s">
        <v>276</v>
      </c>
      <c r="H48" s="6">
        <v>281195</v>
      </c>
      <c r="I48" s="6">
        <v>208042</v>
      </c>
      <c r="J48" s="6">
        <v>191903</v>
      </c>
      <c r="K48" s="6">
        <v>39079</v>
      </c>
      <c r="L48" s="6">
        <v>34074</v>
      </c>
    </row>
    <row r="49" spans="1:12">
      <c r="A49" s="9" t="s">
        <v>27</v>
      </c>
      <c r="B49" s="9" t="s">
        <v>28</v>
      </c>
      <c r="C49" s="9" t="s">
        <v>29</v>
      </c>
      <c r="D49" s="9" t="s">
        <v>6</v>
      </c>
      <c r="E49" s="9" t="s">
        <v>6</v>
      </c>
      <c r="F49" s="9" t="s">
        <v>283</v>
      </c>
      <c r="G49" s="9" t="s">
        <v>277</v>
      </c>
      <c r="H49" s="6">
        <v>206485</v>
      </c>
      <c r="I49" s="6">
        <v>153862</v>
      </c>
      <c r="J49" s="6">
        <v>142410</v>
      </c>
      <c r="K49" s="6">
        <v>27944</v>
      </c>
      <c r="L49" s="6">
        <v>24679</v>
      </c>
    </row>
    <row r="50" spans="1:12">
      <c r="A50" s="9" t="s">
        <v>27</v>
      </c>
      <c r="B50" s="9" t="s">
        <v>28</v>
      </c>
      <c r="C50" s="9" t="s">
        <v>29</v>
      </c>
      <c r="D50" s="9" t="s">
        <v>6</v>
      </c>
      <c r="E50" s="9" t="s">
        <v>6</v>
      </c>
      <c r="F50" s="9" t="s">
        <v>283</v>
      </c>
      <c r="G50" s="9" t="s">
        <v>278</v>
      </c>
      <c r="H50" s="6">
        <v>127428</v>
      </c>
      <c r="I50" s="6">
        <v>93203</v>
      </c>
      <c r="J50" s="6">
        <v>86052</v>
      </c>
      <c r="K50" s="6">
        <v>18722</v>
      </c>
      <c r="L50" s="6">
        <v>15503</v>
      </c>
    </row>
    <row r="51" spans="1:12">
      <c r="A51" s="9" t="s">
        <v>27</v>
      </c>
      <c r="B51" s="9" t="s">
        <v>28</v>
      </c>
      <c r="C51" s="9" t="s">
        <v>29</v>
      </c>
      <c r="D51" s="9" t="s">
        <v>6</v>
      </c>
      <c r="E51" s="9" t="s">
        <v>6</v>
      </c>
      <c r="F51" s="9" t="s">
        <v>283</v>
      </c>
      <c r="G51" s="9" t="s">
        <v>279</v>
      </c>
      <c r="H51" s="6">
        <v>55459</v>
      </c>
      <c r="I51" s="6">
        <v>39438</v>
      </c>
      <c r="J51" s="6">
        <v>36166</v>
      </c>
      <c r="K51" s="6">
        <v>9433</v>
      </c>
      <c r="L51" s="6">
        <v>6588</v>
      </c>
    </row>
    <row r="52" spans="1:12">
      <c r="A52" s="9" t="s">
        <v>27</v>
      </c>
      <c r="B52" s="9" t="s">
        <v>28</v>
      </c>
      <c r="C52" s="9" t="s">
        <v>29</v>
      </c>
      <c r="D52" s="9" t="s">
        <v>6</v>
      </c>
      <c r="E52" s="9" t="s">
        <v>6</v>
      </c>
      <c r="F52" s="9" t="s">
        <v>283</v>
      </c>
      <c r="G52" s="9" t="s">
        <v>280</v>
      </c>
      <c r="H52" s="6">
        <v>130716</v>
      </c>
      <c r="I52" s="6">
        <v>75759</v>
      </c>
      <c r="J52" s="6">
        <v>64241</v>
      </c>
      <c r="K52" s="6">
        <v>43642</v>
      </c>
      <c r="L52" s="6">
        <v>11315</v>
      </c>
    </row>
    <row r="53" spans="1:12">
      <c r="A53" s="9" t="s">
        <v>27</v>
      </c>
      <c r="B53" s="9" t="s">
        <v>28</v>
      </c>
      <c r="C53" s="9" t="s">
        <v>29</v>
      </c>
      <c r="D53" s="9" t="s">
        <v>6</v>
      </c>
      <c r="E53" s="9" t="s">
        <v>226</v>
      </c>
      <c r="F53" s="9" t="s">
        <v>6</v>
      </c>
      <c r="G53" s="9" t="s">
        <v>6</v>
      </c>
      <c r="H53" s="6">
        <v>19073686</v>
      </c>
      <c r="I53" s="6">
        <v>13206934</v>
      </c>
      <c r="J53" s="6">
        <v>11482010</v>
      </c>
      <c r="K53" s="6">
        <v>5816497</v>
      </c>
      <c r="L53" s="6">
        <v>50255</v>
      </c>
    </row>
    <row r="54" spans="1:12">
      <c r="A54" s="9" t="s">
        <v>27</v>
      </c>
      <c r="B54" s="9" t="s">
        <v>28</v>
      </c>
      <c r="C54" s="9" t="s">
        <v>29</v>
      </c>
      <c r="D54" s="9" t="s">
        <v>6</v>
      </c>
      <c r="E54" s="9" t="s">
        <v>226</v>
      </c>
      <c r="F54" s="9" t="s">
        <v>234</v>
      </c>
      <c r="G54" s="9" t="s">
        <v>6</v>
      </c>
      <c r="H54" s="6">
        <v>6723283</v>
      </c>
      <c r="I54" s="6">
        <v>4434948</v>
      </c>
      <c r="J54" s="6">
        <v>3644493</v>
      </c>
      <c r="K54" s="6">
        <v>2254529</v>
      </c>
      <c r="L54" s="6">
        <v>33806</v>
      </c>
    </row>
    <row r="55" spans="1:12">
      <c r="A55" s="9" t="s">
        <v>27</v>
      </c>
      <c r="B55" s="9" t="s">
        <v>28</v>
      </c>
      <c r="C55" s="9" t="s">
        <v>29</v>
      </c>
      <c r="D55" s="9" t="s">
        <v>6</v>
      </c>
      <c r="E55" s="9" t="s">
        <v>226</v>
      </c>
      <c r="F55" s="9" t="s">
        <v>235</v>
      </c>
      <c r="G55" s="9" t="s">
        <v>6</v>
      </c>
      <c r="H55" s="6">
        <v>12350403</v>
      </c>
      <c r="I55" s="6">
        <v>8771986</v>
      </c>
      <c r="J55" s="6">
        <v>7837517</v>
      </c>
      <c r="K55" s="6">
        <v>3561968</v>
      </c>
      <c r="L55" s="6">
        <v>16449</v>
      </c>
    </row>
    <row r="56" spans="1:12">
      <c r="A56" s="9" t="s">
        <v>27</v>
      </c>
      <c r="B56" s="9" t="s">
        <v>28</v>
      </c>
      <c r="C56" s="9" t="s">
        <v>29</v>
      </c>
      <c r="D56" s="9" t="s">
        <v>6</v>
      </c>
      <c r="E56" s="9" t="s">
        <v>226</v>
      </c>
      <c r="F56" s="9" t="s">
        <v>235</v>
      </c>
      <c r="G56" s="9" t="s">
        <v>272</v>
      </c>
      <c r="H56" s="6">
        <v>671756</v>
      </c>
      <c r="I56" s="6">
        <v>319535</v>
      </c>
      <c r="J56" s="6">
        <v>297305</v>
      </c>
      <c r="K56" s="6">
        <v>351561</v>
      </c>
      <c r="L56" s="6">
        <v>660</v>
      </c>
    </row>
    <row r="57" spans="1:12">
      <c r="A57" s="9" t="s">
        <v>27</v>
      </c>
      <c r="B57" s="9" t="s">
        <v>28</v>
      </c>
      <c r="C57" s="9" t="s">
        <v>29</v>
      </c>
      <c r="D57" s="9" t="s">
        <v>6</v>
      </c>
      <c r="E57" s="9" t="s">
        <v>226</v>
      </c>
      <c r="F57" s="9" t="s">
        <v>235</v>
      </c>
      <c r="G57" s="9" t="s">
        <v>273</v>
      </c>
      <c r="H57" s="6">
        <v>1240913</v>
      </c>
      <c r="I57" s="6">
        <v>768067</v>
      </c>
      <c r="J57" s="6">
        <v>711133</v>
      </c>
      <c r="K57" s="6">
        <v>471779</v>
      </c>
      <c r="L57" s="6">
        <v>1067</v>
      </c>
    </row>
    <row r="58" spans="1:12">
      <c r="A58" s="9" t="s">
        <v>27</v>
      </c>
      <c r="B58" s="9" t="s">
        <v>28</v>
      </c>
      <c r="C58" s="9" t="s">
        <v>29</v>
      </c>
      <c r="D58" s="9" t="s">
        <v>6</v>
      </c>
      <c r="E58" s="9" t="s">
        <v>226</v>
      </c>
      <c r="F58" s="9" t="s">
        <v>235</v>
      </c>
      <c r="G58" s="9" t="s">
        <v>274</v>
      </c>
      <c r="H58" s="6">
        <v>1399795</v>
      </c>
      <c r="I58" s="6">
        <v>987947</v>
      </c>
      <c r="J58" s="6">
        <v>907497</v>
      </c>
      <c r="K58" s="6">
        <v>410765</v>
      </c>
      <c r="L58" s="6">
        <v>1083</v>
      </c>
    </row>
    <row r="59" spans="1:12">
      <c r="A59" s="9" t="s">
        <v>27</v>
      </c>
      <c r="B59" s="9" t="s">
        <v>28</v>
      </c>
      <c r="C59" s="9" t="s">
        <v>29</v>
      </c>
      <c r="D59" s="9" t="s">
        <v>6</v>
      </c>
      <c r="E59" s="9" t="s">
        <v>226</v>
      </c>
      <c r="F59" s="9" t="s">
        <v>235</v>
      </c>
      <c r="G59" s="9" t="s">
        <v>275</v>
      </c>
      <c r="H59" s="6">
        <v>1215069</v>
      </c>
      <c r="I59" s="6">
        <v>918975</v>
      </c>
      <c r="J59" s="6">
        <v>847675</v>
      </c>
      <c r="K59" s="6">
        <v>295140</v>
      </c>
      <c r="L59" s="6">
        <v>954</v>
      </c>
    </row>
    <row r="60" spans="1:12">
      <c r="A60" s="9" t="s">
        <v>27</v>
      </c>
      <c r="B60" s="9" t="s">
        <v>28</v>
      </c>
      <c r="C60" s="9" t="s">
        <v>29</v>
      </c>
      <c r="D60" s="9" t="s">
        <v>6</v>
      </c>
      <c r="E60" s="9" t="s">
        <v>226</v>
      </c>
      <c r="F60" s="9" t="s">
        <v>235</v>
      </c>
      <c r="G60" s="9" t="s">
        <v>276</v>
      </c>
      <c r="H60" s="6">
        <v>1162907</v>
      </c>
      <c r="I60" s="6">
        <v>923607</v>
      </c>
      <c r="J60" s="6">
        <v>856703</v>
      </c>
      <c r="K60" s="6">
        <v>238474</v>
      </c>
      <c r="L60" s="6">
        <v>826</v>
      </c>
    </row>
    <row r="61" spans="1:12">
      <c r="A61" s="9" t="s">
        <v>27</v>
      </c>
      <c r="B61" s="9" t="s">
        <v>28</v>
      </c>
      <c r="C61" s="9" t="s">
        <v>29</v>
      </c>
      <c r="D61" s="9" t="s">
        <v>6</v>
      </c>
      <c r="E61" s="9" t="s">
        <v>226</v>
      </c>
      <c r="F61" s="9" t="s">
        <v>235</v>
      </c>
      <c r="G61" s="9" t="s">
        <v>277</v>
      </c>
      <c r="H61" s="6">
        <v>1119699</v>
      </c>
      <c r="I61" s="6">
        <v>906621</v>
      </c>
      <c r="J61" s="6">
        <v>843141</v>
      </c>
      <c r="K61" s="6">
        <v>212247</v>
      </c>
      <c r="L61" s="6">
        <v>831</v>
      </c>
    </row>
    <row r="62" spans="1:12">
      <c r="A62" s="9" t="s">
        <v>27</v>
      </c>
      <c r="B62" s="9" t="s">
        <v>28</v>
      </c>
      <c r="C62" s="9" t="s">
        <v>29</v>
      </c>
      <c r="D62" s="9" t="s">
        <v>6</v>
      </c>
      <c r="E62" s="9" t="s">
        <v>226</v>
      </c>
      <c r="F62" s="9" t="s">
        <v>235</v>
      </c>
      <c r="G62" s="9" t="s">
        <v>278</v>
      </c>
      <c r="H62" s="6">
        <v>1076194</v>
      </c>
      <c r="I62" s="6">
        <v>872923</v>
      </c>
      <c r="J62" s="6">
        <v>811780</v>
      </c>
      <c r="K62" s="6">
        <v>202495</v>
      </c>
      <c r="L62" s="6">
        <v>776</v>
      </c>
    </row>
    <row r="63" spans="1:12">
      <c r="A63" s="9" t="s">
        <v>27</v>
      </c>
      <c r="B63" s="9" t="s">
        <v>28</v>
      </c>
      <c r="C63" s="9" t="s">
        <v>29</v>
      </c>
      <c r="D63" s="9" t="s">
        <v>6</v>
      </c>
      <c r="E63" s="9" t="s">
        <v>226</v>
      </c>
      <c r="F63" s="9" t="s">
        <v>235</v>
      </c>
      <c r="G63" s="9" t="s">
        <v>279</v>
      </c>
      <c r="H63" s="6">
        <v>623901</v>
      </c>
      <c r="I63" s="6">
        <v>495469</v>
      </c>
      <c r="J63" s="6">
        <v>459209</v>
      </c>
      <c r="K63" s="6">
        <v>127897</v>
      </c>
      <c r="L63" s="6">
        <v>535</v>
      </c>
    </row>
    <row r="64" spans="1:12">
      <c r="A64" s="9" t="s">
        <v>27</v>
      </c>
      <c r="B64" s="9" t="s">
        <v>28</v>
      </c>
      <c r="C64" s="9" t="s">
        <v>29</v>
      </c>
      <c r="D64" s="9" t="s">
        <v>6</v>
      </c>
      <c r="E64" s="9" t="s">
        <v>226</v>
      </c>
      <c r="F64" s="9" t="s">
        <v>235</v>
      </c>
      <c r="G64" s="9" t="s">
        <v>280</v>
      </c>
      <c r="H64" s="6">
        <v>3840169</v>
      </c>
      <c r="I64" s="6">
        <v>2578842</v>
      </c>
      <c r="J64" s="6">
        <v>2103074</v>
      </c>
      <c r="K64" s="6">
        <v>1251610</v>
      </c>
      <c r="L64" s="6">
        <v>9717</v>
      </c>
    </row>
    <row r="65" spans="1:12">
      <c r="A65" s="9" t="s">
        <v>27</v>
      </c>
      <c r="B65" s="9" t="s">
        <v>28</v>
      </c>
      <c r="C65" s="9" t="s">
        <v>29</v>
      </c>
      <c r="D65" s="9" t="s">
        <v>6</v>
      </c>
      <c r="E65" s="9" t="s">
        <v>226</v>
      </c>
      <c r="F65" s="9" t="s">
        <v>281</v>
      </c>
      <c r="G65" s="9" t="s">
        <v>6</v>
      </c>
      <c r="H65" s="6">
        <v>5693558</v>
      </c>
      <c r="I65" s="6">
        <v>3825131</v>
      </c>
      <c r="J65" s="6">
        <v>3312921</v>
      </c>
      <c r="K65" s="6">
        <v>1858404</v>
      </c>
      <c r="L65" s="6">
        <v>10023</v>
      </c>
    </row>
    <row r="66" spans="1:12">
      <c r="A66" s="9" t="s">
        <v>27</v>
      </c>
      <c r="B66" s="9" t="s">
        <v>28</v>
      </c>
      <c r="C66" s="9" t="s">
        <v>29</v>
      </c>
      <c r="D66" s="9" t="s">
        <v>6</v>
      </c>
      <c r="E66" s="9" t="s">
        <v>226</v>
      </c>
      <c r="F66" s="9" t="s">
        <v>281</v>
      </c>
      <c r="G66" s="9" t="s">
        <v>272</v>
      </c>
      <c r="H66" s="6">
        <v>310879</v>
      </c>
      <c r="I66" s="6">
        <v>152946</v>
      </c>
      <c r="J66" s="6">
        <v>145335</v>
      </c>
      <c r="K66" s="6">
        <v>157635</v>
      </c>
      <c r="L66" s="6">
        <v>298</v>
      </c>
    </row>
    <row r="67" spans="1:12">
      <c r="A67" s="9" t="s">
        <v>27</v>
      </c>
      <c r="B67" s="9" t="s">
        <v>28</v>
      </c>
      <c r="C67" s="9" t="s">
        <v>29</v>
      </c>
      <c r="D67" s="9" t="s">
        <v>6</v>
      </c>
      <c r="E67" s="9" t="s">
        <v>226</v>
      </c>
      <c r="F67" s="9" t="s">
        <v>281</v>
      </c>
      <c r="G67" s="9" t="s">
        <v>273</v>
      </c>
      <c r="H67" s="6">
        <v>530248</v>
      </c>
      <c r="I67" s="6">
        <v>326574</v>
      </c>
      <c r="J67" s="6">
        <v>307007</v>
      </c>
      <c r="K67" s="6">
        <v>203230</v>
      </c>
      <c r="L67" s="6">
        <v>444</v>
      </c>
    </row>
    <row r="68" spans="1:12">
      <c r="A68" s="9" t="s">
        <v>27</v>
      </c>
      <c r="B68" s="9" t="s">
        <v>28</v>
      </c>
      <c r="C68" s="9" t="s">
        <v>29</v>
      </c>
      <c r="D68" s="9" t="s">
        <v>6</v>
      </c>
      <c r="E68" s="9" t="s">
        <v>226</v>
      </c>
      <c r="F68" s="9" t="s">
        <v>281</v>
      </c>
      <c r="G68" s="9" t="s">
        <v>274</v>
      </c>
      <c r="H68" s="6">
        <v>437897</v>
      </c>
      <c r="I68" s="6">
        <v>298431</v>
      </c>
      <c r="J68" s="6">
        <v>275236</v>
      </c>
      <c r="K68" s="6">
        <v>139124</v>
      </c>
      <c r="L68" s="6">
        <v>342</v>
      </c>
    </row>
    <row r="69" spans="1:12">
      <c r="A69" s="9" t="s">
        <v>27</v>
      </c>
      <c r="B69" s="9" t="s">
        <v>28</v>
      </c>
      <c r="C69" s="9" t="s">
        <v>29</v>
      </c>
      <c r="D69" s="9" t="s">
        <v>6</v>
      </c>
      <c r="E69" s="9" t="s">
        <v>226</v>
      </c>
      <c r="F69" s="9" t="s">
        <v>281</v>
      </c>
      <c r="G69" s="9" t="s">
        <v>275</v>
      </c>
      <c r="H69" s="6">
        <v>313555</v>
      </c>
      <c r="I69" s="6">
        <v>216475</v>
      </c>
      <c r="J69" s="6">
        <v>198222</v>
      </c>
      <c r="K69" s="6">
        <v>96841</v>
      </c>
      <c r="L69" s="6">
        <v>239</v>
      </c>
    </row>
    <row r="70" spans="1:12">
      <c r="A70" s="9" t="s">
        <v>27</v>
      </c>
      <c r="B70" s="9" t="s">
        <v>28</v>
      </c>
      <c r="C70" s="9" t="s">
        <v>29</v>
      </c>
      <c r="D70" s="9" t="s">
        <v>6</v>
      </c>
      <c r="E70" s="9" t="s">
        <v>226</v>
      </c>
      <c r="F70" s="9" t="s">
        <v>281</v>
      </c>
      <c r="G70" s="9" t="s">
        <v>276</v>
      </c>
      <c r="H70" s="6">
        <v>298470</v>
      </c>
      <c r="I70" s="6">
        <v>214525</v>
      </c>
      <c r="J70" s="6">
        <v>196911</v>
      </c>
      <c r="K70" s="6">
        <v>83723</v>
      </c>
      <c r="L70" s="6">
        <v>222</v>
      </c>
    </row>
    <row r="71" spans="1:12">
      <c r="A71" s="9" t="s">
        <v>27</v>
      </c>
      <c r="B71" s="9" t="s">
        <v>28</v>
      </c>
      <c r="C71" s="9" t="s">
        <v>29</v>
      </c>
      <c r="D71" s="9" t="s">
        <v>6</v>
      </c>
      <c r="E71" s="9" t="s">
        <v>226</v>
      </c>
      <c r="F71" s="9" t="s">
        <v>281</v>
      </c>
      <c r="G71" s="9" t="s">
        <v>277</v>
      </c>
      <c r="H71" s="6">
        <v>314391</v>
      </c>
      <c r="I71" s="6">
        <v>234643</v>
      </c>
      <c r="J71" s="6">
        <v>215744</v>
      </c>
      <c r="K71" s="6">
        <v>79474</v>
      </c>
      <c r="L71" s="6">
        <v>274</v>
      </c>
    </row>
    <row r="72" spans="1:12">
      <c r="A72" s="9" t="s">
        <v>27</v>
      </c>
      <c r="B72" s="9" t="s">
        <v>28</v>
      </c>
      <c r="C72" s="9" t="s">
        <v>29</v>
      </c>
      <c r="D72" s="9" t="s">
        <v>6</v>
      </c>
      <c r="E72" s="9" t="s">
        <v>226</v>
      </c>
      <c r="F72" s="9" t="s">
        <v>281</v>
      </c>
      <c r="G72" s="9" t="s">
        <v>278</v>
      </c>
      <c r="H72" s="6">
        <v>412323</v>
      </c>
      <c r="I72" s="6">
        <v>321486</v>
      </c>
      <c r="J72" s="6">
        <v>296893</v>
      </c>
      <c r="K72" s="6">
        <v>90556</v>
      </c>
      <c r="L72" s="6">
        <v>281</v>
      </c>
    </row>
    <row r="73" spans="1:12">
      <c r="A73" s="9" t="s">
        <v>27</v>
      </c>
      <c r="B73" s="9" t="s">
        <v>28</v>
      </c>
      <c r="C73" s="9" t="s">
        <v>29</v>
      </c>
      <c r="D73" s="9" t="s">
        <v>6</v>
      </c>
      <c r="E73" s="9" t="s">
        <v>226</v>
      </c>
      <c r="F73" s="9" t="s">
        <v>281</v>
      </c>
      <c r="G73" s="9" t="s">
        <v>279</v>
      </c>
      <c r="H73" s="6">
        <v>279207</v>
      </c>
      <c r="I73" s="6">
        <v>215882</v>
      </c>
      <c r="J73" s="6">
        <v>199038</v>
      </c>
      <c r="K73" s="6">
        <v>63061</v>
      </c>
      <c r="L73" s="6">
        <v>264</v>
      </c>
    </row>
    <row r="74" spans="1:12">
      <c r="A74" s="9" t="s">
        <v>27</v>
      </c>
      <c r="B74" s="9" t="s">
        <v>28</v>
      </c>
      <c r="C74" s="9" t="s">
        <v>29</v>
      </c>
      <c r="D74" s="9" t="s">
        <v>6</v>
      </c>
      <c r="E74" s="9" t="s">
        <v>226</v>
      </c>
      <c r="F74" s="9" t="s">
        <v>281</v>
      </c>
      <c r="G74" s="9" t="s">
        <v>280</v>
      </c>
      <c r="H74" s="6">
        <v>2796588</v>
      </c>
      <c r="I74" s="6">
        <v>1844169</v>
      </c>
      <c r="J74" s="6">
        <v>1478535</v>
      </c>
      <c r="K74" s="6">
        <v>944760</v>
      </c>
      <c r="L74" s="6">
        <v>7659</v>
      </c>
    </row>
    <row r="75" spans="1:12">
      <c r="A75" s="9" t="s">
        <v>27</v>
      </c>
      <c r="B75" s="9" t="s">
        <v>28</v>
      </c>
      <c r="C75" s="9" t="s">
        <v>29</v>
      </c>
      <c r="D75" s="9" t="s">
        <v>6</v>
      </c>
      <c r="E75" s="9" t="s">
        <v>226</v>
      </c>
      <c r="F75" s="9" t="s">
        <v>282</v>
      </c>
      <c r="G75" s="9" t="s">
        <v>6</v>
      </c>
      <c r="H75" s="6">
        <v>5080901</v>
      </c>
      <c r="I75" s="6">
        <v>3756287</v>
      </c>
      <c r="J75" s="6">
        <v>3442100</v>
      </c>
      <c r="K75" s="6">
        <v>1320162</v>
      </c>
      <c r="L75" s="6">
        <v>4452</v>
      </c>
    </row>
    <row r="76" spans="1:12">
      <c r="A76" s="9" t="s">
        <v>27</v>
      </c>
      <c r="B76" s="9" t="s">
        <v>28</v>
      </c>
      <c r="C76" s="9" t="s">
        <v>29</v>
      </c>
      <c r="D76" s="9" t="s">
        <v>6</v>
      </c>
      <c r="E76" s="9" t="s">
        <v>226</v>
      </c>
      <c r="F76" s="9" t="s">
        <v>282</v>
      </c>
      <c r="G76" s="9" t="s">
        <v>272</v>
      </c>
      <c r="H76" s="6">
        <v>252014</v>
      </c>
      <c r="I76" s="6">
        <v>116697</v>
      </c>
      <c r="J76" s="6">
        <v>107909</v>
      </c>
      <c r="K76" s="6">
        <v>135078</v>
      </c>
      <c r="L76" s="6">
        <v>239</v>
      </c>
    </row>
    <row r="77" spans="1:12">
      <c r="A77" s="9" t="s">
        <v>27</v>
      </c>
      <c r="B77" s="9" t="s">
        <v>28</v>
      </c>
      <c r="C77" s="9" t="s">
        <v>29</v>
      </c>
      <c r="D77" s="9" t="s">
        <v>6</v>
      </c>
      <c r="E77" s="9" t="s">
        <v>226</v>
      </c>
      <c r="F77" s="9" t="s">
        <v>282</v>
      </c>
      <c r="G77" s="9" t="s">
        <v>273</v>
      </c>
      <c r="H77" s="6">
        <v>496230</v>
      </c>
      <c r="I77" s="6">
        <v>305066</v>
      </c>
      <c r="J77" s="6">
        <v>281583</v>
      </c>
      <c r="K77" s="6">
        <v>190776</v>
      </c>
      <c r="L77" s="6">
        <v>388</v>
      </c>
    </row>
    <row r="78" spans="1:12">
      <c r="A78" s="9" t="s">
        <v>27</v>
      </c>
      <c r="B78" s="9" t="s">
        <v>28</v>
      </c>
      <c r="C78" s="9" t="s">
        <v>29</v>
      </c>
      <c r="D78" s="9" t="s">
        <v>6</v>
      </c>
      <c r="E78" s="9" t="s">
        <v>226</v>
      </c>
      <c r="F78" s="9" t="s">
        <v>282</v>
      </c>
      <c r="G78" s="9" t="s">
        <v>274</v>
      </c>
      <c r="H78" s="6">
        <v>662337</v>
      </c>
      <c r="I78" s="6">
        <v>465490</v>
      </c>
      <c r="J78" s="6">
        <v>429280</v>
      </c>
      <c r="K78" s="6">
        <v>196418</v>
      </c>
      <c r="L78" s="6">
        <v>429</v>
      </c>
    </row>
    <row r="79" spans="1:12">
      <c r="A79" s="9" t="s">
        <v>27</v>
      </c>
      <c r="B79" s="9" t="s">
        <v>28</v>
      </c>
      <c r="C79" s="9" t="s">
        <v>29</v>
      </c>
      <c r="D79" s="9" t="s">
        <v>6</v>
      </c>
      <c r="E79" s="9" t="s">
        <v>226</v>
      </c>
      <c r="F79" s="9" t="s">
        <v>282</v>
      </c>
      <c r="G79" s="9" t="s">
        <v>275</v>
      </c>
      <c r="H79" s="6">
        <v>623491</v>
      </c>
      <c r="I79" s="6">
        <v>477111</v>
      </c>
      <c r="J79" s="6">
        <v>443022</v>
      </c>
      <c r="K79" s="6">
        <v>146002</v>
      </c>
      <c r="L79" s="6">
        <v>378</v>
      </c>
    </row>
    <row r="80" spans="1:12">
      <c r="A80" s="9" t="s">
        <v>27</v>
      </c>
      <c r="B80" s="9" t="s">
        <v>28</v>
      </c>
      <c r="C80" s="9" t="s">
        <v>29</v>
      </c>
      <c r="D80" s="9" t="s">
        <v>6</v>
      </c>
      <c r="E80" s="9" t="s">
        <v>226</v>
      </c>
      <c r="F80" s="9" t="s">
        <v>282</v>
      </c>
      <c r="G80" s="9" t="s">
        <v>276</v>
      </c>
      <c r="H80" s="6">
        <v>620632</v>
      </c>
      <c r="I80" s="6">
        <v>503529</v>
      </c>
      <c r="J80" s="6">
        <v>470213</v>
      </c>
      <c r="K80" s="6">
        <v>116768</v>
      </c>
      <c r="L80" s="6">
        <v>335</v>
      </c>
    </row>
    <row r="81" spans="1:12">
      <c r="A81" s="9" t="s">
        <v>27</v>
      </c>
      <c r="B81" s="9" t="s">
        <v>28</v>
      </c>
      <c r="C81" s="9" t="s">
        <v>29</v>
      </c>
      <c r="D81" s="9" t="s">
        <v>6</v>
      </c>
      <c r="E81" s="9" t="s">
        <v>226</v>
      </c>
      <c r="F81" s="9" t="s">
        <v>282</v>
      </c>
      <c r="G81" s="9" t="s">
        <v>277</v>
      </c>
      <c r="H81" s="6">
        <v>626286</v>
      </c>
      <c r="I81" s="6">
        <v>520273</v>
      </c>
      <c r="J81" s="6">
        <v>487002</v>
      </c>
      <c r="K81" s="6">
        <v>105683</v>
      </c>
      <c r="L81" s="6">
        <v>330</v>
      </c>
    </row>
    <row r="82" spans="1:12">
      <c r="A82" s="9" t="s">
        <v>27</v>
      </c>
      <c r="B82" s="9" t="s">
        <v>28</v>
      </c>
      <c r="C82" s="9" t="s">
        <v>29</v>
      </c>
      <c r="D82" s="9" t="s">
        <v>6</v>
      </c>
      <c r="E82" s="9" t="s">
        <v>226</v>
      </c>
      <c r="F82" s="9" t="s">
        <v>282</v>
      </c>
      <c r="G82" s="9" t="s">
        <v>278</v>
      </c>
      <c r="H82" s="6">
        <v>554328</v>
      </c>
      <c r="I82" s="6">
        <v>460073</v>
      </c>
      <c r="J82" s="6">
        <v>430570</v>
      </c>
      <c r="K82" s="6">
        <v>93914</v>
      </c>
      <c r="L82" s="6">
        <v>341</v>
      </c>
    </row>
    <row r="83" spans="1:12">
      <c r="A83" s="9" t="s">
        <v>27</v>
      </c>
      <c r="B83" s="9" t="s">
        <v>28</v>
      </c>
      <c r="C83" s="9" t="s">
        <v>29</v>
      </c>
      <c r="D83" s="9" t="s">
        <v>6</v>
      </c>
      <c r="E83" s="9" t="s">
        <v>226</v>
      </c>
      <c r="F83" s="9" t="s">
        <v>282</v>
      </c>
      <c r="G83" s="9" t="s">
        <v>279</v>
      </c>
      <c r="H83" s="6">
        <v>297400</v>
      </c>
      <c r="I83" s="6">
        <v>241289</v>
      </c>
      <c r="J83" s="6">
        <v>225076</v>
      </c>
      <c r="K83" s="6">
        <v>55909</v>
      </c>
      <c r="L83" s="6">
        <v>202</v>
      </c>
    </row>
    <row r="84" spans="1:12">
      <c r="A84" s="9" t="s">
        <v>27</v>
      </c>
      <c r="B84" s="9" t="s">
        <v>28</v>
      </c>
      <c r="C84" s="9" t="s">
        <v>29</v>
      </c>
      <c r="D84" s="9" t="s">
        <v>6</v>
      </c>
      <c r="E84" s="9" t="s">
        <v>226</v>
      </c>
      <c r="F84" s="9" t="s">
        <v>282</v>
      </c>
      <c r="G84" s="9" t="s">
        <v>280</v>
      </c>
      <c r="H84" s="6">
        <v>948183</v>
      </c>
      <c r="I84" s="6">
        <v>666759</v>
      </c>
      <c r="J84" s="6">
        <v>567445</v>
      </c>
      <c r="K84" s="6">
        <v>279614</v>
      </c>
      <c r="L84" s="6">
        <v>1810</v>
      </c>
    </row>
    <row r="85" spans="1:12">
      <c r="A85" s="9" t="s">
        <v>27</v>
      </c>
      <c r="B85" s="9" t="s">
        <v>28</v>
      </c>
      <c r="C85" s="9" t="s">
        <v>29</v>
      </c>
      <c r="D85" s="9" t="s">
        <v>6</v>
      </c>
      <c r="E85" s="9" t="s">
        <v>226</v>
      </c>
      <c r="F85" s="9" t="s">
        <v>283</v>
      </c>
      <c r="G85" s="9" t="s">
        <v>6</v>
      </c>
      <c r="H85" s="6">
        <v>1575944</v>
      </c>
      <c r="I85" s="6">
        <v>1190568</v>
      </c>
      <c r="J85" s="6">
        <v>1082496</v>
      </c>
      <c r="K85" s="6">
        <v>383402</v>
      </c>
      <c r="L85" s="6">
        <v>1974</v>
      </c>
    </row>
    <row r="86" spans="1:12">
      <c r="A86" s="9" t="s">
        <v>27</v>
      </c>
      <c r="B86" s="9" t="s">
        <v>28</v>
      </c>
      <c r="C86" s="9" t="s">
        <v>29</v>
      </c>
      <c r="D86" s="9" t="s">
        <v>6</v>
      </c>
      <c r="E86" s="9" t="s">
        <v>226</v>
      </c>
      <c r="F86" s="9" t="s">
        <v>283</v>
      </c>
      <c r="G86" s="9" t="s">
        <v>272</v>
      </c>
      <c r="H86" s="6">
        <v>108863</v>
      </c>
      <c r="I86" s="6">
        <v>49892</v>
      </c>
      <c r="J86" s="6">
        <v>44061</v>
      </c>
      <c r="K86" s="6">
        <v>58848</v>
      </c>
      <c r="L86" s="6">
        <v>123</v>
      </c>
    </row>
    <row r="87" spans="1:12">
      <c r="A87" s="9" t="s">
        <v>27</v>
      </c>
      <c r="B87" s="9" t="s">
        <v>28</v>
      </c>
      <c r="C87" s="9" t="s">
        <v>29</v>
      </c>
      <c r="D87" s="9" t="s">
        <v>6</v>
      </c>
      <c r="E87" s="9" t="s">
        <v>226</v>
      </c>
      <c r="F87" s="9" t="s">
        <v>283</v>
      </c>
      <c r="G87" s="9" t="s">
        <v>273</v>
      </c>
      <c r="H87" s="6">
        <v>214435</v>
      </c>
      <c r="I87" s="6">
        <v>136427</v>
      </c>
      <c r="J87" s="6">
        <v>122543</v>
      </c>
      <c r="K87" s="6">
        <v>77773</v>
      </c>
      <c r="L87" s="6">
        <v>235</v>
      </c>
    </row>
    <row r="88" spans="1:12">
      <c r="A88" s="9" t="s">
        <v>27</v>
      </c>
      <c r="B88" s="9" t="s">
        <v>28</v>
      </c>
      <c r="C88" s="9" t="s">
        <v>29</v>
      </c>
      <c r="D88" s="9" t="s">
        <v>6</v>
      </c>
      <c r="E88" s="9" t="s">
        <v>226</v>
      </c>
      <c r="F88" s="9" t="s">
        <v>283</v>
      </c>
      <c r="G88" s="9" t="s">
        <v>274</v>
      </c>
      <c r="H88" s="6">
        <v>299561</v>
      </c>
      <c r="I88" s="6">
        <v>224026</v>
      </c>
      <c r="J88" s="6">
        <v>202981</v>
      </c>
      <c r="K88" s="6">
        <v>75223</v>
      </c>
      <c r="L88" s="6">
        <v>312</v>
      </c>
    </row>
    <row r="89" spans="1:12">
      <c r="A89" s="9" t="s">
        <v>27</v>
      </c>
      <c r="B89" s="9" t="s">
        <v>28</v>
      </c>
      <c r="C89" s="9" t="s">
        <v>29</v>
      </c>
      <c r="D89" s="9" t="s">
        <v>6</v>
      </c>
      <c r="E89" s="9" t="s">
        <v>226</v>
      </c>
      <c r="F89" s="9" t="s">
        <v>283</v>
      </c>
      <c r="G89" s="9" t="s">
        <v>275</v>
      </c>
      <c r="H89" s="6">
        <v>278023</v>
      </c>
      <c r="I89" s="6">
        <v>225389</v>
      </c>
      <c r="J89" s="6">
        <v>206431</v>
      </c>
      <c r="K89" s="6">
        <v>52297</v>
      </c>
      <c r="L89" s="6">
        <v>337</v>
      </c>
    </row>
    <row r="90" spans="1:12">
      <c r="A90" s="9" t="s">
        <v>27</v>
      </c>
      <c r="B90" s="9" t="s">
        <v>28</v>
      </c>
      <c r="C90" s="9" t="s">
        <v>29</v>
      </c>
      <c r="D90" s="9" t="s">
        <v>6</v>
      </c>
      <c r="E90" s="9" t="s">
        <v>226</v>
      </c>
      <c r="F90" s="9" t="s">
        <v>283</v>
      </c>
      <c r="G90" s="9" t="s">
        <v>276</v>
      </c>
      <c r="H90" s="6">
        <v>243805</v>
      </c>
      <c r="I90" s="6">
        <v>205553</v>
      </c>
      <c r="J90" s="6">
        <v>189579</v>
      </c>
      <c r="K90" s="6">
        <v>37983</v>
      </c>
      <c r="L90" s="6">
        <v>269</v>
      </c>
    </row>
    <row r="91" spans="1:12">
      <c r="A91" s="9" t="s">
        <v>27</v>
      </c>
      <c r="B91" s="9" t="s">
        <v>28</v>
      </c>
      <c r="C91" s="9" t="s">
        <v>29</v>
      </c>
      <c r="D91" s="9" t="s">
        <v>6</v>
      </c>
      <c r="E91" s="9" t="s">
        <v>226</v>
      </c>
      <c r="F91" s="9" t="s">
        <v>283</v>
      </c>
      <c r="G91" s="9" t="s">
        <v>277</v>
      </c>
      <c r="H91" s="6">
        <v>179022</v>
      </c>
      <c r="I91" s="6">
        <v>151705</v>
      </c>
      <c r="J91" s="6">
        <v>140395</v>
      </c>
      <c r="K91" s="6">
        <v>27090</v>
      </c>
      <c r="L91" s="6">
        <v>227</v>
      </c>
    </row>
    <row r="92" spans="1:12">
      <c r="A92" s="9" t="s">
        <v>27</v>
      </c>
      <c r="B92" s="9" t="s">
        <v>28</v>
      </c>
      <c r="C92" s="9" t="s">
        <v>29</v>
      </c>
      <c r="D92" s="9" t="s">
        <v>6</v>
      </c>
      <c r="E92" s="9" t="s">
        <v>226</v>
      </c>
      <c r="F92" s="9" t="s">
        <v>283</v>
      </c>
      <c r="G92" s="9" t="s">
        <v>278</v>
      </c>
      <c r="H92" s="6">
        <v>109543</v>
      </c>
      <c r="I92" s="6">
        <v>91364</v>
      </c>
      <c r="J92" s="6">
        <v>84317</v>
      </c>
      <c r="K92" s="6">
        <v>18025</v>
      </c>
      <c r="L92" s="6">
        <v>154</v>
      </c>
    </row>
    <row r="93" spans="1:12">
      <c r="A93" s="9" t="s">
        <v>27</v>
      </c>
      <c r="B93" s="9" t="s">
        <v>28</v>
      </c>
      <c r="C93" s="9" t="s">
        <v>29</v>
      </c>
      <c r="D93" s="9" t="s">
        <v>6</v>
      </c>
      <c r="E93" s="9" t="s">
        <v>226</v>
      </c>
      <c r="F93" s="9" t="s">
        <v>283</v>
      </c>
      <c r="G93" s="9" t="s">
        <v>279</v>
      </c>
      <c r="H93" s="6">
        <v>47294</v>
      </c>
      <c r="I93" s="6">
        <v>38298</v>
      </c>
      <c r="J93" s="6">
        <v>35095</v>
      </c>
      <c r="K93" s="6">
        <v>8927</v>
      </c>
      <c r="L93" s="6">
        <v>69</v>
      </c>
    </row>
    <row r="94" spans="1:12">
      <c r="A94" s="9" t="s">
        <v>27</v>
      </c>
      <c r="B94" s="9" t="s">
        <v>28</v>
      </c>
      <c r="C94" s="9" t="s">
        <v>29</v>
      </c>
      <c r="D94" s="9" t="s">
        <v>6</v>
      </c>
      <c r="E94" s="9" t="s">
        <v>226</v>
      </c>
      <c r="F94" s="9" t="s">
        <v>283</v>
      </c>
      <c r="G94" s="9" t="s">
        <v>280</v>
      </c>
      <c r="H94" s="6">
        <v>95398</v>
      </c>
      <c r="I94" s="6">
        <v>67914</v>
      </c>
      <c r="J94" s="6">
        <v>57094</v>
      </c>
      <c r="K94" s="6">
        <v>27236</v>
      </c>
      <c r="L94" s="6">
        <v>248</v>
      </c>
    </row>
    <row r="95" spans="1:12">
      <c r="A95" s="9" t="s">
        <v>27</v>
      </c>
      <c r="B95" s="9" t="s">
        <v>28</v>
      </c>
      <c r="C95" s="9" t="s">
        <v>29</v>
      </c>
      <c r="D95" s="9" t="s">
        <v>6</v>
      </c>
      <c r="E95" s="9" t="s">
        <v>227</v>
      </c>
      <c r="F95" s="9" t="s">
        <v>6</v>
      </c>
      <c r="G95" s="9" t="s">
        <v>6</v>
      </c>
      <c r="H95" s="6">
        <v>16179587</v>
      </c>
      <c r="I95" s="6">
        <v>11072971</v>
      </c>
      <c r="J95" s="6">
        <v>10581781</v>
      </c>
      <c r="K95" s="6">
        <v>5076822</v>
      </c>
      <c r="L95" s="6">
        <v>29794</v>
      </c>
    </row>
    <row r="96" spans="1:12">
      <c r="A96" s="9" t="s">
        <v>27</v>
      </c>
      <c r="B96" s="9" t="s">
        <v>28</v>
      </c>
      <c r="C96" s="9" t="s">
        <v>29</v>
      </c>
      <c r="D96" s="9" t="s">
        <v>6</v>
      </c>
      <c r="E96" s="9" t="s">
        <v>227</v>
      </c>
      <c r="F96" s="9" t="s">
        <v>234</v>
      </c>
      <c r="G96" s="9" t="s">
        <v>6</v>
      </c>
      <c r="H96" s="6">
        <v>5388168</v>
      </c>
      <c r="I96" s="6">
        <v>3488283</v>
      </c>
      <c r="J96" s="6">
        <v>3307297</v>
      </c>
      <c r="K96" s="6">
        <v>1880447</v>
      </c>
      <c r="L96" s="6">
        <v>19438</v>
      </c>
    </row>
    <row r="97" spans="1:12">
      <c r="A97" s="9" t="s">
        <v>27</v>
      </c>
      <c r="B97" s="9" t="s">
        <v>28</v>
      </c>
      <c r="C97" s="9" t="s">
        <v>29</v>
      </c>
      <c r="D97" s="9" t="s">
        <v>6</v>
      </c>
      <c r="E97" s="9" t="s">
        <v>227</v>
      </c>
      <c r="F97" s="9" t="s">
        <v>235</v>
      </c>
      <c r="G97" s="9" t="s">
        <v>6</v>
      </c>
      <c r="H97" s="6">
        <v>10791419</v>
      </c>
      <c r="I97" s="6">
        <v>7584688</v>
      </c>
      <c r="J97" s="6">
        <v>7274484</v>
      </c>
      <c r="K97" s="6">
        <v>3196375</v>
      </c>
      <c r="L97" s="6">
        <v>10356</v>
      </c>
    </row>
    <row r="98" spans="1:12">
      <c r="A98" s="9" t="s">
        <v>27</v>
      </c>
      <c r="B98" s="9" t="s">
        <v>28</v>
      </c>
      <c r="C98" s="9" t="s">
        <v>29</v>
      </c>
      <c r="D98" s="9" t="s">
        <v>6</v>
      </c>
      <c r="E98" s="9" t="s">
        <v>227</v>
      </c>
      <c r="F98" s="9" t="s">
        <v>235</v>
      </c>
      <c r="G98" s="9" t="s">
        <v>272</v>
      </c>
      <c r="H98" s="6">
        <v>626889</v>
      </c>
      <c r="I98" s="6">
        <v>296674</v>
      </c>
      <c r="J98" s="6">
        <v>284432</v>
      </c>
      <c r="K98" s="6">
        <v>329734</v>
      </c>
      <c r="L98" s="6">
        <v>481</v>
      </c>
    </row>
    <row r="99" spans="1:12">
      <c r="A99" s="9" t="s">
        <v>27</v>
      </c>
      <c r="B99" s="9" t="s">
        <v>28</v>
      </c>
      <c r="C99" s="9" t="s">
        <v>29</v>
      </c>
      <c r="D99" s="9" t="s">
        <v>6</v>
      </c>
      <c r="E99" s="9" t="s">
        <v>227</v>
      </c>
      <c r="F99" s="9" t="s">
        <v>235</v>
      </c>
      <c r="G99" s="9" t="s">
        <v>273</v>
      </c>
      <c r="H99" s="6">
        <v>1151895</v>
      </c>
      <c r="I99" s="6">
        <v>705856</v>
      </c>
      <c r="J99" s="6">
        <v>676378</v>
      </c>
      <c r="K99" s="6">
        <v>445314</v>
      </c>
      <c r="L99" s="6">
        <v>725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227</v>
      </c>
      <c r="F100" s="9" t="s">
        <v>235</v>
      </c>
      <c r="G100" s="9" t="s">
        <v>274</v>
      </c>
      <c r="H100" s="6">
        <v>1286484</v>
      </c>
      <c r="I100" s="6">
        <v>897276</v>
      </c>
      <c r="J100" s="6">
        <v>857005</v>
      </c>
      <c r="K100" s="6">
        <v>388432</v>
      </c>
      <c r="L100" s="6">
        <v>776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6</v>
      </c>
      <c r="E101" s="9" t="s">
        <v>227</v>
      </c>
      <c r="F101" s="9" t="s">
        <v>235</v>
      </c>
      <c r="G101" s="9" t="s">
        <v>275</v>
      </c>
      <c r="H101" s="6">
        <v>1109919</v>
      </c>
      <c r="I101" s="6">
        <v>832210</v>
      </c>
      <c r="J101" s="6">
        <v>798250</v>
      </c>
      <c r="K101" s="6">
        <v>277075</v>
      </c>
      <c r="L101" s="6">
        <v>634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6</v>
      </c>
      <c r="E102" s="9" t="s">
        <v>227</v>
      </c>
      <c r="F102" s="9" t="s">
        <v>235</v>
      </c>
      <c r="G102" s="9" t="s">
        <v>276</v>
      </c>
      <c r="H102" s="6">
        <v>1057254</v>
      </c>
      <c r="I102" s="6">
        <v>834237</v>
      </c>
      <c r="J102" s="6">
        <v>804569</v>
      </c>
      <c r="K102" s="6">
        <v>222465</v>
      </c>
      <c r="L102" s="6">
        <v>552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6</v>
      </c>
      <c r="E103" s="9" t="s">
        <v>227</v>
      </c>
      <c r="F103" s="9" t="s">
        <v>235</v>
      </c>
      <c r="G103" s="9" t="s">
        <v>277</v>
      </c>
      <c r="H103" s="6">
        <v>1013407</v>
      </c>
      <c r="I103" s="6">
        <v>815808</v>
      </c>
      <c r="J103" s="6">
        <v>789046</v>
      </c>
      <c r="K103" s="6">
        <v>197024</v>
      </c>
      <c r="L103" s="6">
        <v>575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6</v>
      </c>
      <c r="E104" s="9" t="s">
        <v>227</v>
      </c>
      <c r="F104" s="9" t="s">
        <v>235</v>
      </c>
      <c r="G104" s="9" t="s">
        <v>278</v>
      </c>
      <c r="H104" s="6">
        <v>970744</v>
      </c>
      <c r="I104" s="6">
        <v>782604</v>
      </c>
      <c r="J104" s="6">
        <v>757793</v>
      </c>
      <c r="K104" s="6">
        <v>187625</v>
      </c>
      <c r="L104" s="6">
        <v>515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6</v>
      </c>
      <c r="E105" s="9" t="s">
        <v>227</v>
      </c>
      <c r="F105" s="9" t="s">
        <v>235</v>
      </c>
      <c r="G105" s="9" t="s">
        <v>279</v>
      </c>
      <c r="H105" s="6">
        <v>559406</v>
      </c>
      <c r="I105" s="6">
        <v>440887</v>
      </c>
      <c r="J105" s="6">
        <v>426629</v>
      </c>
      <c r="K105" s="6">
        <v>118142</v>
      </c>
      <c r="L105" s="6">
        <v>377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6</v>
      </c>
      <c r="E106" s="9" t="s">
        <v>227</v>
      </c>
      <c r="F106" s="9" t="s">
        <v>235</v>
      </c>
      <c r="G106" s="9" t="s">
        <v>280</v>
      </c>
      <c r="H106" s="6">
        <v>3015421</v>
      </c>
      <c r="I106" s="6">
        <v>1979136</v>
      </c>
      <c r="J106" s="6">
        <v>1880382</v>
      </c>
      <c r="K106" s="6">
        <v>1030564</v>
      </c>
      <c r="L106" s="6">
        <v>5721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6</v>
      </c>
      <c r="E107" s="9" t="s">
        <v>227</v>
      </c>
      <c r="F107" s="9" t="s">
        <v>281</v>
      </c>
      <c r="G107" s="9" t="s">
        <v>6</v>
      </c>
      <c r="H107" s="6">
        <v>4830078</v>
      </c>
      <c r="I107" s="6">
        <v>3190809</v>
      </c>
      <c r="J107" s="6">
        <v>3045026</v>
      </c>
      <c r="K107" s="6">
        <v>1633084</v>
      </c>
      <c r="L107" s="6">
        <v>6185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6</v>
      </c>
      <c r="E108" s="9" t="s">
        <v>227</v>
      </c>
      <c r="F108" s="9" t="s">
        <v>281</v>
      </c>
      <c r="G108" s="9" t="s">
        <v>272</v>
      </c>
      <c r="H108" s="6">
        <v>293655</v>
      </c>
      <c r="I108" s="6">
        <v>144652</v>
      </c>
      <c r="J108" s="6">
        <v>139900</v>
      </c>
      <c r="K108" s="6">
        <v>148764</v>
      </c>
      <c r="L108" s="6">
        <v>239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6</v>
      </c>
      <c r="E109" s="9" t="s">
        <v>227</v>
      </c>
      <c r="F109" s="9" t="s">
        <v>281</v>
      </c>
      <c r="G109" s="9" t="s">
        <v>273</v>
      </c>
      <c r="H109" s="6">
        <v>497620</v>
      </c>
      <c r="I109" s="6">
        <v>304870</v>
      </c>
      <c r="J109" s="6">
        <v>293660</v>
      </c>
      <c r="K109" s="6">
        <v>192424</v>
      </c>
      <c r="L109" s="6">
        <v>326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6</v>
      </c>
      <c r="E110" s="9" t="s">
        <v>227</v>
      </c>
      <c r="F110" s="9" t="s">
        <v>281</v>
      </c>
      <c r="G110" s="9" t="s">
        <v>274</v>
      </c>
      <c r="H110" s="6">
        <v>404916</v>
      </c>
      <c r="I110" s="6">
        <v>272682</v>
      </c>
      <c r="J110" s="6">
        <v>260214</v>
      </c>
      <c r="K110" s="6">
        <v>131983</v>
      </c>
      <c r="L110" s="6">
        <v>251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6</v>
      </c>
      <c r="E111" s="9" t="s">
        <v>227</v>
      </c>
      <c r="F111" s="9" t="s">
        <v>281</v>
      </c>
      <c r="G111" s="9" t="s">
        <v>275</v>
      </c>
      <c r="H111" s="6">
        <v>287504</v>
      </c>
      <c r="I111" s="6">
        <v>195827</v>
      </c>
      <c r="J111" s="6">
        <v>186141</v>
      </c>
      <c r="K111" s="6">
        <v>91511</v>
      </c>
      <c r="L111" s="6">
        <v>166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6</v>
      </c>
      <c r="E112" s="9" t="s">
        <v>227</v>
      </c>
      <c r="F112" s="9" t="s">
        <v>281</v>
      </c>
      <c r="G112" s="9" t="s">
        <v>276</v>
      </c>
      <c r="H112" s="6">
        <v>271898</v>
      </c>
      <c r="I112" s="6">
        <v>192905</v>
      </c>
      <c r="J112" s="6">
        <v>184247</v>
      </c>
      <c r="K112" s="6">
        <v>78840</v>
      </c>
      <c r="L112" s="6">
        <v>153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6</v>
      </c>
      <c r="E113" s="9" t="s">
        <v>227</v>
      </c>
      <c r="F113" s="9" t="s">
        <v>281</v>
      </c>
      <c r="G113" s="9" t="s">
        <v>277</v>
      </c>
      <c r="H113" s="6">
        <v>284433</v>
      </c>
      <c r="I113" s="6">
        <v>209920</v>
      </c>
      <c r="J113" s="6">
        <v>201303</v>
      </c>
      <c r="K113" s="6">
        <v>74322</v>
      </c>
      <c r="L113" s="6">
        <v>191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6</v>
      </c>
      <c r="E114" s="9" t="s">
        <v>227</v>
      </c>
      <c r="F114" s="9" t="s">
        <v>281</v>
      </c>
      <c r="G114" s="9" t="s">
        <v>278</v>
      </c>
      <c r="H114" s="6">
        <v>371881</v>
      </c>
      <c r="I114" s="6">
        <v>287338</v>
      </c>
      <c r="J114" s="6">
        <v>276945</v>
      </c>
      <c r="K114" s="6">
        <v>84356</v>
      </c>
      <c r="L114" s="6">
        <v>187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6</v>
      </c>
      <c r="E115" s="9" t="s">
        <v>227</v>
      </c>
      <c r="F115" s="9" t="s">
        <v>281</v>
      </c>
      <c r="G115" s="9" t="s">
        <v>279</v>
      </c>
      <c r="H115" s="6">
        <v>250465</v>
      </c>
      <c r="I115" s="6">
        <v>191714</v>
      </c>
      <c r="J115" s="6">
        <v>184934</v>
      </c>
      <c r="K115" s="6">
        <v>58556</v>
      </c>
      <c r="L115" s="6">
        <v>195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6</v>
      </c>
      <c r="E116" s="9" t="s">
        <v>227</v>
      </c>
      <c r="F116" s="9" t="s">
        <v>281</v>
      </c>
      <c r="G116" s="9" t="s">
        <v>280</v>
      </c>
      <c r="H116" s="6">
        <v>2167706</v>
      </c>
      <c r="I116" s="6">
        <v>1390901</v>
      </c>
      <c r="J116" s="6">
        <v>1317682</v>
      </c>
      <c r="K116" s="6">
        <v>772328</v>
      </c>
      <c r="L116" s="6">
        <v>4477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6</v>
      </c>
      <c r="E117" s="9" t="s">
        <v>227</v>
      </c>
      <c r="F117" s="9" t="s">
        <v>282</v>
      </c>
      <c r="G117" s="9" t="s">
        <v>6</v>
      </c>
      <c r="H117" s="6">
        <v>4566808</v>
      </c>
      <c r="I117" s="6">
        <v>3349112</v>
      </c>
      <c r="J117" s="6">
        <v>3224931</v>
      </c>
      <c r="K117" s="6">
        <v>1214845</v>
      </c>
      <c r="L117" s="6">
        <v>2851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6</v>
      </c>
      <c r="E118" s="9" t="s">
        <v>227</v>
      </c>
      <c r="F118" s="9" t="s">
        <v>282</v>
      </c>
      <c r="G118" s="9" t="s">
        <v>272</v>
      </c>
      <c r="H118" s="6">
        <v>235307</v>
      </c>
      <c r="I118" s="6">
        <v>108046</v>
      </c>
      <c r="J118" s="6">
        <v>103140</v>
      </c>
      <c r="K118" s="6">
        <v>127098</v>
      </c>
      <c r="L118" s="6">
        <v>163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6</v>
      </c>
      <c r="E119" s="9" t="s">
        <v>227</v>
      </c>
      <c r="F119" s="9" t="s">
        <v>282</v>
      </c>
      <c r="G119" s="9" t="s">
        <v>273</v>
      </c>
      <c r="H119" s="6">
        <v>461504</v>
      </c>
      <c r="I119" s="6">
        <v>280297</v>
      </c>
      <c r="J119" s="6">
        <v>267931</v>
      </c>
      <c r="K119" s="6">
        <v>180960</v>
      </c>
      <c r="L119" s="6">
        <v>247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6</v>
      </c>
      <c r="E120" s="9" t="s">
        <v>227</v>
      </c>
      <c r="F120" s="9" t="s">
        <v>282</v>
      </c>
      <c r="G120" s="9" t="s">
        <v>274</v>
      </c>
      <c r="H120" s="6">
        <v>613145</v>
      </c>
      <c r="I120" s="6">
        <v>426026</v>
      </c>
      <c r="J120" s="6">
        <v>407056</v>
      </c>
      <c r="K120" s="6">
        <v>186801</v>
      </c>
      <c r="L120" s="6">
        <v>318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6</v>
      </c>
      <c r="E121" s="9" t="s">
        <v>227</v>
      </c>
      <c r="F121" s="9" t="s">
        <v>282</v>
      </c>
      <c r="G121" s="9" t="s">
        <v>275</v>
      </c>
      <c r="H121" s="6">
        <v>574830</v>
      </c>
      <c r="I121" s="6">
        <v>436769</v>
      </c>
      <c r="J121" s="6">
        <v>419824</v>
      </c>
      <c r="K121" s="6">
        <v>137818</v>
      </c>
      <c r="L121" s="6">
        <v>243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6</v>
      </c>
      <c r="E122" s="9" t="s">
        <v>227</v>
      </c>
      <c r="F122" s="9" t="s">
        <v>282</v>
      </c>
      <c r="G122" s="9" t="s">
        <v>276</v>
      </c>
      <c r="H122" s="6">
        <v>568968</v>
      </c>
      <c r="I122" s="6">
        <v>459359</v>
      </c>
      <c r="J122" s="6">
        <v>444138</v>
      </c>
      <c r="K122" s="6">
        <v>109391</v>
      </c>
      <c r="L122" s="6">
        <v>218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6</v>
      </c>
      <c r="E123" s="9" t="s">
        <v>227</v>
      </c>
      <c r="F123" s="9" t="s">
        <v>282</v>
      </c>
      <c r="G123" s="9" t="s">
        <v>277</v>
      </c>
      <c r="H123" s="6">
        <v>570794</v>
      </c>
      <c r="I123" s="6">
        <v>472211</v>
      </c>
      <c r="J123" s="6">
        <v>457999</v>
      </c>
      <c r="K123" s="6">
        <v>98360</v>
      </c>
      <c r="L123" s="6">
        <v>223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6</v>
      </c>
      <c r="E124" s="9" t="s">
        <v>227</v>
      </c>
      <c r="F124" s="9" t="s">
        <v>282</v>
      </c>
      <c r="G124" s="9" t="s">
        <v>278</v>
      </c>
      <c r="H124" s="6">
        <v>502604</v>
      </c>
      <c r="I124" s="6">
        <v>415234</v>
      </c>
      <c r="J124" s="6">
        <v>403267</v>
      </c>
      <c r="K124" s="6">
        <v>87152</v>
      </c>
      <c r="L124" s="6">
        <v>218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6</v>
      </c>
      <c r="E125" s="9" t="s">
        <v>227</v>
      </c>
      <c r="F125" s="9" t="s">
        <v>282</v>
      </c>
      <c r="G125" s="9" t="s">
        <v>279</v>
      </c>
      <c r="H125" s="6">
        <v>267698</v>
      </c>
      <c r="I125" s="6">
        <v>215986</v>
      </c>
      <c r="J125" s="6">
        <v>209566</v>
      </c>
      <c r="K125" s="6">
        <v>51575</v>
      </c>
      <c r="L125" s="6">
        <v>137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6</v>
      </c>
      <c r="E126" s="9" t="s">
        <v>227</v>
      </c>
      <c r="F126" s="9" t="s">
        <v>282</v>
      </c>
      <c r="G126" s="9" t="s">
        <v>280</v>
      </c>
      <c r="H126" s="6">
        <v>771958</v>
      </c>
      <c r="I126" s="6">
        <v>535184</v>
      </c>
      <c r="J126" s="6">
        <v>512010</v>
      </c>
      <c r="K126" s="6">
        <v>235690</v>
      </c>
      <c r="L126" s="6">
        <v>108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6</v>
      </c>
      <c r="E127" s="9" t="s">
        <v>227</v>
      </c>
      <c r="F127" s="9" t="s">
        <v>283</v>
      </c>
      <c r="G127" s="9" t="s">
        <v>6</v>
      </c>
      <c r="H127" s="6">
        <v>1394533</v>
      </c>
      <c r="I127" s="6">
        <v>1044767</v>
      </c>
      <c r="J127" s="6">
        <v>1004527</v>
      </c>
      <c r="K127" s="6">
        <v>348446</v>
      </c>
      <c r="L127" s="6">
        <v>1320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6</v>
      </c>
      <c r="E128" s="9" t="s">
        <v>227</v>
      </c>
      <c r="F128" s="9" t="s">
        <v>283</v>
      </c>
      <c r="G128" s="9" t="s">
        <v>272</v>
      </c>
      <c r="H128" s="6">
        <v>97927</v>
      </c>
      <c r="I128" s="6">
        <v>43976</v>
      </c>
      <c r="J128" s="6">
        <v>41392</v>
      </c>
      <c r="K128" s="6">
        <v>53872</v>
      </c>
      <c r="L128" s="6">
        <v>79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6</v>
      </c>
      <c r="E129" s="9" t="s">
        <v>227</v>
      </c>
      <c r="F129" s="9" t="s">
        <v>283</v>
      </c>
      <c r="G129" s="9" t="s">
        <v>273</v>
      </c>
      <c r="H129" s="6">
        <v>192771</v>
      </c>
      <c r="I129" s="6">
        <v>120689</v>
      </c>
      <c r="J129" s="6">
        <v>114787</v>
      </c>
      <c r="K129" s="6">
        <v>71930</v>
      </c>
      <c r="L129" s="6">
        <v>152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6</v>
      </c>
      <c r="E130" s="9" t="s">
        <v>227</v>
      </c>
      <c r="F130" s="9" t="s">
        <v>283</v>
      </c>
      <c r="G130" s="9" t="s">
        <v>274</v>
      </c>
      <c r="H130" s="6">
        <v>268423</v>
      </c>
      <c r="I130" s="6">
        <v>198568</v>
      </c>
      <c r="J130" s="6">
        <v>189735</v>
      </c>
      <c r="K130" s="6">
        <v>69648</v>
      </c>
      <c r="L130" s="6">
        <v>207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6</v>
      </c>
      <c r="E131" s="9" t="s">
        <v>227</v>
      </c>
      <c r="F131" s="9" t="s">
        <v>283</v>
      </c>
      <c r="G131" s="9" t="s">
        <v>275</v>
      </c>
      <c r="H131" s="6">
        <v>247585</v>
      </c>
      <c r="I131" s="6">
        <v>199614</v>
      </c>
      <c r="J131" s="6">
        <v>192285</v>
      </c>
      <c r="K131" s="6">
        <v>47746</v>
      </c>
      <c r="L131" s="6">
        <v>225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6</v>
      </c>
      <c r="E132" s="9" t="s">
        <v>227</v>
      </c>
      <c r="F132" s="9" t="s">
        <v>283</v>
      </c>
      <c r="G132" s="9" t="s">
        <v>276</v>
      </c>
      <c r="H132" s="6">
        <v>216388</v>
      </c>
      <c r="I132" s="6">
        <v>181973</v>
      </c>
      <c r="J132" s="6">
        <v>176184</v>
      </c>
      <c r="K132" s="6">
        <v>34234</v>
      </c>
      <c r="L132" s="6">
        <v>181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6</v>
      </c>
      <c r="E133" s="9" t="s">
        <v>227</v>
      </c>
      <c r="F133" s="9" t="s">
        <v>283</v>
      </c>
      <c r="G133" s="9" t="s">
        <v>277</v>
      </c>
      <c r="H133" s="6">
        <v>158180</v>
      </c>
      <c r="I133" s="6">
        <v>133677</v>
      </c>
      <c r="J133" s="6">
        <v>129744</v>
      </c>
      <c r="K133" s="6">
        <v>24342</v>
      </c>
      <c r="L133" s="6">
        <v>161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6</v>
      </c>
      <c r="E134" s="9" t="s">
        <v>227</v>
      </c>
      <c r="F134" s="9" t="s">
        <v>283</v>
      </c>
      <c r="G134" s="9" t="s">
        <v>278</v>
      </c>
      <c r="H134" s="6">
        <v>96259</v>
      </c>
      <c r="I134" s="6">
        <v>80032</v>
      </c>
      <c r="J134" s="6">
        <v>77581</v>
      </c>
      <c r="K134" s="6">
        <v>16117</v>
      </c>
      <c r="L134" s="6">
        <v>110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6</v>
      </c>
      <c r="E135" s="9" t="s">
        <v>227</v>
      </c>
      <c r="F135" s="9" t="s">
        <v>283</v>
      </c>
      <c r="G135" s="9" t="s">
        <v>279</v>
      </c>
      <c r="H135" s="6">
        <v>41243</v>
      </c>
      <c r="I135" s="6">
        <v>33187</v>
      </c>
      <c r="J135" s="6">
        <v>32129</v>
      </c>
      <c r="K135" s="6">
        <v>8011</v>
      </c>
      <c r="L135" s="6">
        <v>45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6</v>
      </c>
      <c r="E136" s="9" t="s">
        <v>227</v>
      </c>
      <c r="F136" s="9" t="s">
        <v>283</v>
      </c>
      <c r="G136" s="9" t="s">
        <v>280</v>
      </c>
      <c r="H136" s="6">
        <v>75757</v>
      </c>
      <c r="I136" s="6">
        <v>53051</v>
      </c>
      <c r="J136" s="6">
        <v>50690</v>
      </c>
      <c r="K136" s="6">
        <v>22546</v>
      </c>
      <c r="L136" s="6">
        <v>160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6</v>
      </c>
      <c r="E137" s="9" t="s">
        <v>228</v>
      </c>
      <c r="F137" s="9" t="s">
        <v>6</v>
      </c>
      <c r="G137" s="9" t="s">
        <v>6</v>
      </c>
      <c r="H137" s="6">
        <v>6579361</v>
      </c>
      <c r="I137" s="6">
        <v>1127770</v>
      </c>
      <c r="J137" s="6">
        <v>1008878</v>
      </c>
      <c r="K137" s="6">
        <v>5433690</v>
      </c>
      <c r="L137" s="6">
        <v>17901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6</v>
      </c>
      <c r="E138" s="9" t="s">
        <v>228</v>
      </c>
      <c r="F138" s="9" t="s">
        <v>234</v>
      </c>
      <c r="G138" s="9" t="s">
        <v>6</v>
      </c>
      <c r="H138" s="6">
        <v>4442785</v>
      </c>
      <c r="I138" s="6">
        <v>659125</v>
      </c>
      <c r="J138" s="6">
        <v>586816</v>
      </c>
      <c r="K138" s="6">
        <v>3768992</v>
      </c>
      <c r="L138" s="6">
        <v>14668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6</v>
      </c>
      <c r="E139" s="9" t="s">
        <v>228</v>
      </c>
      <c r="F139" s="9" t="s">
        <v>235</v>
      </c>
      <c r="G139" s="9" t="s">
        <v>6</v>
      </c>
      <c r="H139" s="6">
        <v>2136576</v>
      </c>
      <c r="I139" s="6">
        <v>468645</v>
      </c>
      <c r="J139" s="6">
        <v>422062</v>
      </c>
      <c r="K139" s="6">
        <v>1664698</v>
      </c>
      <c r="L139" s="6">
        <v>3233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6</v>
      </c>
      <c r="E140" s="9" t="s">
        <v>228</v>
      </c>
      <c r="F140" s="9" t="s">
        <v>235</v>
      </c>
      <c r="G140" s="9" t="s">
        <v>272</v>
      </c>
      <c r="H140" s="6">
        <v>9461</v>
      </c>
      <c r="I140" s="6">
        <v>3291</v>
      </c>
      <c r="J140" s="6">
        <v>3042</v>
      </c>
      <c r="K140" s="6">
        <v>6116</v>
      </c>
      <c r="L140" s="6">
        <v>54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6</v>
      </c>
      <c r="E141" s="9" t="s">
        <v>228</v>
      </c>
      <c r="F141" s="9" t="s">
        <v>235</v>
      </c>
      <c r="G141" s="9" t="s">
        <v>273</v>
      </c>
      <c r="H141" s="6">
        <v>14176</v>
      </c>
      <c r="I141" s="6">
        <v>6984</v>
      </c>
      <c r="J141" s="6">
        <v>6499</v>
      </c>
      <c r="K141" s="6">
        <v>7146</v>
      </c>
      <c r="L141" s="6">
        <v>46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6</v>
      </c>
      <c r="E142" s="9" t="s">
        <v>228</v>
      </c>
      <c r="F142" s="9" t="s">
        <v>235</v>
      </c>
      <c r="G142" s="9" t="s">
        <v>274</v>
      </c>
      <c r="H142" s="6">
        <v>15505</v>
      </c>
      <c r="I142" s="6">
        <v>9198</v>
      </c>
      <c r="J142" s="6">
        <v>8562</v>
      </c>
      <c r="K142" s="6">
        <v>6244</v>
      </c>
      <c r="L142" s="6">
        <v>63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6</v>
      </c>
      <c r="E143" s="9" t="s">
        <v>228</v>
      </c>
      <c r="F143" s="9" t="s">
        <v>235</v>
      </c>
      <c r="G143" s="9" t="s">
        <v>275</v>
      </c>
      <c r="H143" s="6">
        <v>15254</v>
      </c>
      <c r="I143" s="6">
        <v>9860</v>
      </c>
      <c r="J143" s="6">
        <v>9242</v>
      </c>
      <c r="K143" s="6">
        <v>5342</v>
      </c>
      <c r="L143" s="6">
        <v>52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6</v>
      </c>
      <c r="E144" s="9" t="s">
        <v>228</v>
      </c>
      <c r="F144" s="9" t="s">
        <v>235</v>
      </c>
      <c r="G144" s="9" t="s">
        <v>276</v>
      </c>
      <c r="H144" s="6">
        <v>16234</v>
      </c>
      <c r="I144" s="6">
        <v>11130</v>
      </c>
      <c r="J144" s="6">
        <v>10508</v>
      </c>
      <c r="K144" s="6">
        <v>5040</v>
      </c>
      <c r="L144" s="6">
        <v>64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6</v>
      </c>
      <c r="E145" s="9" t="s">
        <v>228</v>
      </c>
      <c r="F145" s="9" t="s">
        <v>235</v>
      </c>
      <c r="G145" s="9" t="s">
        <v>277</v>
      </c>
      <c r="H145" s="6">
        <v>18383</v>
      </c>
      <c r="I145" s="6">
        <v>12882</v>
      </c>
      <c r="J145" s="6">
        <v>12190</v>
      </c>
      <c r="K145" s="6">
        <v>5439</v>
      </c>
      <c r="L145" s="6">
        <v>62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6</v>
      </c>
      <c r="E146" s="9" t="s">
        <v>228</v>
      </c>
      <c r="F146" s="9" t="s">
        <v>235</v>
      </c>
      <c r="G146" s="9" t="s">
        <v>278</v>
      </c>
      <c r="H146" s="6">
        <v>22438</v>
      </c>
      <c r="I146" s="6">
        <v>15642</v>
      </c>
      <c r="J146" s="6">
        <v>14783</v>
      </c>
      <c r="K146" s="6">
        <v>6729</v>
      </c>
      <c r="L146" s="6">
        <v>67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6</v>
      </c>
      <c r="E147" s="9" t="s">
        <v>228</v>
      </c>
      <c r="F147" s="9" t="s">
        <v>235</v>
      </c>
      <c r="G147" s="9" t="s">
        <v>279</v>
      </c>
      <c r="H147" s="6">
        <v>17889</v>
      </c>
      <c r="I147" s="6">
        <v>12252</v>
      </c>
      <c r="J147" s="6">
        <v>11652</v>
      </c>
      <c r="K147" s="6">
        <v>5594</v>
      </c>
      <c r="L147" s="6">
        <v>43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6</v>
      </c>
      <c r="E148" s="9" t="s">
        <v>228</v>
      </c>
      <c r="F148" s="9" t="s">
        <v>235</v>
      </c>
      <c r="G148" s="9" t="s">
        <v>280</v>
      </c>
      <c r="H148" s="6">
        <v>2007236</v>
      </c>
      <c r="I148" s="6">
        <v>387406</v>
      </c>
      <c r="J148" s="6">
        <v>345584</v>
      </c>
      <c r="K148" s="6">
        <v>1617048</v>
      </c>
      <c r="L148" s="6">
        <v>2782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6</v>
      </c>
      <c r="E149" s="9" t="s">
        <v>228</v>
      </c>
      <c r="F149" s="9" t="s">
        <v>281</v>
      </c>
      <c r="G149" s="9" t="s">
        <v>6</v>
      </c>
      <c r="H149" s="6">
        <v>1728470</v>
      </c>
      <c r="I149" s="6">
        <v>338772</v>
      </c>
      <c r="J149" s="6">
        <v>302380</v>
      </c>
      <c r="K149" s="6">
        <v>1387204</v>
      </c>
      <c r="L149" s="6">
        <v>2494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6</v>
      </c>
      <c r="E150" s="9" t="s">
        <v>228</v>
      </c>
      <c r="F150" s="9" t="s">
        <v>281</v>
      </c>
      <c r="G150" s="9" t="s">
        <v>272</v>
      </c>
      <c r="H150" s="6">
        <v>4999</v>
      </c>
      <c r="I150" s="6">
        <v>1882</v>
      </c>
      <c r="J150" s="6">
        <v>1761</v>
      </c>
      <c r="K150" s="6">
        <v>3093</v>
      </c>
      <c r="L150" s="6">
        <v>24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6</v>
      </c>
      <c r="E151" s="9" t="s">
        <v>228</v>
      </c>
      <c r="F151" s="9" t="s">
        <v>281</v>
      </c>
      <c r="G151" s="9" t="s">
        <v>273</v>
      </c>
      <c r="H151" s="6">
        <v>6843</v>
      </c>
      <c r="I151" s="6">
        <v>3447</v>
      </c>
      <c r="J151" s="6">
        <v>3232</v>
      </c>
      <c r="K151" s="6">
        <v>3378</v>
      </c>
      <c r="L151" s="6">
        <v>18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6</v>
      </c>
      <c r="E152" s="9" t="s">
        <v>228</v>
      </c>
      <c r="F152" s="9" t="s">
        <v>281</v>
      </c>
      <c r="G152" s="9" t="s">
        <v>274</v>
      </c>
      <c r="H152" s="6">
        <v>6213</v>
      </c>
      <c r="I152" s="6">
        <v>3765</v>
      </c>
      <c r="J152" s="6">
        <v>3491</v>
      </c>
      <c r="K152" s="6">
        <v>2434</v>
      </c>
      <c r="L152" s="6">
        <v>14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6</v>
      </c>
      <c r="E153" s="9" t="s">
        <v>228</v>
      </c>
      <c r="F153" s="9" t="s">
        <v>281</v>
      </c>
      <c r="G153" s="9" t="s">
        <v>275</v>
      </c>
      <c r="H153" s="6">
        <v>5677</v>
      </c>
      <c r="I153" s="6">
        <v>3644</v>
      </c>
      <c r="J153" s="6">
        <v>3395</v>
      </c>
      <c r="K153" s="6">
        <v>2015</v>
      </c>
      <c r="L153" s="6">
        <v>18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6</v>
      </c>
      <c r="E154" s="9" t="s">
        <v>228</v>
      </c>
      <c r="F154" s="9" t="s">
        <v>281</v>
      </c>
      <c r="G154" s="9" t="s">
        <v>276</v>
      </c>
      <c r="H154" s="6">
        <v>6181</v>
      </c>
      <c r="I154" s="6">
        <v>4171</v>
      </c>
      <c r="J154" s="6">
        <v>3927</v>
      </c>
      <c r="K154" s="6">
        <v>1990</v>
      </c>
      <c r="L154" s="6">
        <v>20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6</v>
      </c>
      <c r="E155" s="9" t="s">
        <v>228</v>
      </c>
      <c r="F155" s="9" t="s">
        <v>281</v>
      </c>
      <c r="G155" s="9" t="s">
        <v>277</v>
      </c>
      <c r="H155" s="6">
        <v>7620</v>
      </c>
      <c r="I155" s="6">
        <v>5109</v>
      </c>
      <c r="J155" s="6">
        <v>4801</v>
      </c>
      <c r="K155" s="6">
        <v>2488</v>
      </c>
      <c r="L155" s="6">
        <v>23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6</v>
      </c>
      <c r="E156" s="9" t="s">
        <v>228</v>
      </c>
      <c r="F156" s="9" t="s">
        <v>281</v>
      </c>
      <c r="G156" s="9" t="s">
        <v>278</v>
      </c>
      <c r="H156" s="6">
        <v>11116</v>
      </c>
      <c r="I156" s="6">
        <v>7492</v>
      </c>
      <c r="J156" s="6">
        <v>7033</v>
      </c>
      <c r="K156" s="6">
        <v>3590</v>
      </c>
      <c r="L156" s="6">
        <v>34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6</v>
      </c>
      <c r="E157" s="9" t="s">
        <v>228</v>
      </c>
      <c r="F157" s="9" t="s">
        <v>281</v>
      </c>
      <c r="G157" s="9" t="s">
        <v>279</v>
      </c>
      <c r="H157" s="6">
        <v>9524</v>
      </c>
      <c r="I157" s="6">
        <v>6329</v>
      </c>
      <c r="J157" s="6">
        <v>6019</v>
      </c>
      <c r="K157" s="6">
        <v>3171</v>
      </c>
      <c r="L157" s="6">
        <v>24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6</v>
      </c>
      <c r="E158" s="9" t="s">
        <v>228</v>
      </c>
      <c r="F158" s="9" t="s">
        <v>281</v>
      </c>
      <c r="G158" s="9" t="s">
        <v>280</v>
      </c>
      <c r="H158" s="6">
        <v>1670297</v>
      </c>
      <c r="I158" s="6">
        <v>302933</v>
      </c>
      <c r="J158" s="6">
        <v>268721</v>
      </c>
      <c r="K158" s="6">
        <v>1365045</v>
      </c>
      <c r="L158" s="6">
        <v>2319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6</v>
      </c>
      <c r="E159" s="9" t="s">
        <v>228</v>
      </c>
      <c r="F159" s="9" t="s">
        <v>282</v>
      </c>
      <c r="G159" s="9" t="s">
        <v>6</v>
      </c>
      <c r="H159" s="6">
        <v>364042</v>
      </c>
      <c r="I159" s="6">
        <v>110174</v>
      </c>
      <c r="J159" s="6">
        <v>101356</v>
      </c>
      <c r="K159" s="6">
        <v>253324</v>
      </c>
      <c r="L159" s="6">
        <v>544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6</v>
      </c>
      <c r="E160" s="9" t="s">
        <v>228</v>
      </c>
      <c r="F160" s="9" t="s">
        <v>282</v>
      </c>
      <c r="G160" s="9" t="s">
        <v>272</v>
      </c>
      <c r="H160" s="6">
        <v>2901</v>
      </c>
      <c r="I160" s="6">
        <v>951</v>
      </c>
      <c r="J160" s="6">
        <v>873</v>
      </c>
      <c r="K160" s="6">
        <v>1934</v>
      </c>
      <c r="L160" s="6">
        <v>16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6</v>
      </c>
      <c r="E161" s="9" t="s">
        <v>228</v>
      </c>
      <c r="F161" s="9" t="s">
        <v>282</v>
      </c>
      <c r="G161" s="9" t="s">
        <v>273</v>
      </c>
      <c r="H161" s="6">
        <v>4741</v>
      </c>
      <c r="I161" s="6">
        <v>2319</v>
      </c>
      <c r="J161" s="6">
        <v>2149</v>
      </c>
      <c r="K161" s="6">
        <v>2404</v>
      </c>
      <c r="L161" s="6">
        <v>18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6</v>
      </c>
      <c r="E162" s="9" t="s">
        <v>228</v>
      </c>
      <c r="F162" s="9" t="s">
        <v>282</v>
      </c>
      <c r="G162" s="9" t="s">
        <v>274</v>
      </c>
      <c r="H162" s="6">
        <v>5975</v>
      </c>
      <c r="I162" s="6">
        <v>3519</v>
      </c>
      <c r="J162" s="6">
        <v>3304</v>
      </c>
      <c r="K162" s="6">
        <v>2431</v>
      </c>
      <c r="L162" s="6">
        <v>25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6</v>
      </c>
      <c r="E163" s="9" t="s">
        <v>228</v>
      </c>
      <c r="F163" s="9" t="s">
        <v>282</v>
      </c>
      <c r="G163" s="9" t="s">
        <v>275</v>
      </c>
      <c r="H163" s="6">
        <v>6259</v>
      </c>
      <c r="I163" s="6">
        <v>4169</v>
      </c>
      <c r="J163" s="6">
        <v>3918</v>
      </c>
      <c r="K163" s="6">
        <v>2070</v>
      </c>
      <c r="L163" s="6">
        <v>20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6</v>
      </c>
      <c r="E164" s="9" t="s">
        <v>228</v>
      </c>
      <c r="F164" s="9" t="s">
        <v>282</v>
      </c>
      <c r="G164" s="9" t="s">
        <v>276</v>
      </c>
      <c r="H164" s="6">
        <v>6930</v>
      </c>
      <c r="I164" s="6">
        <v>4852</v>
      </c>
      <c r="J164" s="6">
        <v>4593</v>
      </c>
      <c r="K164" s="6">
        <v>2057</v>
      </c>
      <c r="L164" s="6">
        <v>21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6</v>
      </c>
      <c r="E165" s="9" t="s">
        <v>228</v>
      </c>
      <c r="F165" s="9" t="s">
        <v>282</v>
      </c>
      <c r="G165" s="9" t="s">
        <v>277</v>
      </c>
      <c r="H165" s="6">
        <v>8156</v>
      </c>
      <c r="I165" s="6">
        <v>5948</v>
      </c>
      <c r="J165" s="6">
        <v>5658</v>
      </c>
      <c r="K165" s="6">
        <v>2189</v>
      </c>
      <c r="L165" s="6">
        <v>19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6</v>
      </c>
      <c r="E166" s="9" t="s">
        <v>228</v>
      </c>
      <c r="F166" s="9" t="s">
        <v>282</v>
      </c>
      <c r="G166" s="9" t="s">
        <v>278</v>
      </c>
      <c r="H166" s="6">
        <v>9081</v>
      </c>
      <c r="I166" s="6">
        <v>6569</v>
      </c>
      <c r="J166" s="6">
        <v>6241</v>
      </c>
      <c r="K166" s="6">
        <v>2492</v>
      </c>
      <c r="L166" s="6">
        <v>20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6</v>
      </c>
      <c r="E167" s="9" t="s">
        <v>228</v>
      </c>
      <c r="F167" s="9" t="s">
        <v>282</v>
      </c>
      <c r="G167" s="9" t="s">
        <v>279</v>
      </c>
      <c r="H167" s="6">
        <v>6863</v>
      </c>
      <c r="I167" s="6">
        <v>4902</v>
      </c>
      <c r="J167" s="6">
        <v>4667</v>
      </c>
      <c r="K167" s="6">
        <v>1951</v>
      </c>
      <c r="L167" s="6">
        <v>10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6</v>
      </c>
      <c r="E168" s="9" t="s">
        <v>228</v>
      </c>
      <c r="F168" s="9" t="s">
        <v>282</v>
      </c>
      <c r="G168" s="9" t="s">
        <v>280</v>
      </c>
      <c r="H168" s="6">
        <v>313136</v>
      </c>
      <c r="I168" s="6">
        <v>76945</v>
      </c>
      <c r="J168" s="6">
        <v>69953</v>
      </c>
      <c r="K168" s="6">
        <v>235796</v>
      </c>
      <c r="L168" s="6">
        <v>395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6</v>
      </c>
      <c r="E169" s="9" t="s">
        <v>228</v>
      </c>
      <c r="F169" s="9" t="s">
        <v>283</v>
      </c>
      <c r="G169" s="9" t="s">
        <v>6</v>
      </c>
      <c r="H169" s="6">
        <v>44064</v>
      </c>
      <c r="I169" s="6">
        <v>19699</v>
      </c>
      <c r="J169" s="6">
        <v>18326</v>
      </c>
      <c r="K169" s="6">
        <v>24170</v>
      </c>
      <c r="L169" s="6">
        <v>195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6</v>
      </c>
      <c r="E170" s="9" t="s">
        <v>228</v>
      </c>
      <c r="F170" s="9" t="s">
        <v>283</v>
      </c>
      <c r="G170" s="9" t="s">
        <v>272</v>
      </c>
      <c r="H170" s="6">
        <v>1561</v>
      </c>
      <c r="I170" s="6">
        <v>458</v>
      </c>
      <c r="J170" s="6">
        <v>408</v>
      </c>
      <c r="K170" s="6">
        <v>1089</v>
      </c>
      <c r="L170" s="6">
        <v>14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6</v>
      </c>
      <c r="E171" s="9" t="s">
        <v>228</v>
      </c>
      <c r="F171" s="9" t="s">
        <v>283</v>
      </c>
      <c r="G171" s="9" t="s">
        <v>273</v>
      </c>
      <c r="H171" s="6">
        <v>2592</v>
      </c>
      <c r="I171" s="6">
        <v>1218</v>
      </c>
      <c r="J171" s="6">
        <v>1118</v>
      </c>
      <c r="K171" s="6">
        <v>1364</v>
      </c>
      <c r="L171" s="6">
        <v>10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6</v>
      </c>
      <c r="E172" s="9" t="s">
        <v>228</v>
      </c>
      <c r="F172" s="9" t="s">
        <v>283</v>
      </c>
      <c r="G172" s="9" t="s">
        <v>274</v>
      </c>
      <c r="H172" s="6">
        <v>3317</v>
      </c>
      <c r="I172" s="6">
        <v>1914</v>
      </c>
      <c r="J172" s="6">
        <v>1767</v>
      </c>
      <c r="K172" s="6">
        <v>1379</v>
      </c>
      <c r="L172" s="6">
        <v>24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6</v>
      </c>
      <c r="E173" s="9" t="s">
        <v>228</v>
      </c>
      <c r="F173" s="9" t="s">
        <v>283</v>
      </c>
      <c r="G173" s="9" t="s">
        <v>275</v>
      </c>
      <c r="H173" s="6">
        <v>3318</v>
      </c>
      <c r="I173" s="6">
        <v>2047</v>
      </c>
      <c r="J173" s="6">
        <v>1929</v>
      </c>
      <c r="K173" s="6">
        <v>1257</v>
      </c>
      <c r="L173" s="6">
        <v>14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6</v>
      </c>
      <c r="E174" s="9" t="s">
        <v>228</v>
      </c>
      <c r="F174" s="9" t="s">
        <v>283</v>
      </c>
      <c r="G174" s="9" t="s">
        <v>276</v>
      </c>
      <c r="H174" s="6">
        <v>3123</v>
      </c>
      <c r="I174" s="6">
        <v>2107</v>
      </c>
      <c r="J174" s="6">
        <v>1988</v>
      </c>
      <c r="K174" s="6">
        <v>993</v>
      </c>
      <c r="L174" s="6">
        <v>23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6</v>
      </c>
      <c r="E175" s="9" t="s">
        <v>228</v>
      </c>
      <c r="F175" s="9" t="s">
        <v>283</v>
      </c>
      <c r="G175" s="9" t="s">
        <v>277</v>
      </c>
      <c r="H175" s="6">
        <v>2607</v>
      </c>
      <c r="I175" s="6">
        <v>1825</v>
      </c>
      <c r="J175" s="6">
        <v>1731</v>
      </c>
      <c r="K175" s="6">
        <v>762</v>
      </c>
      <c r="L175" s="6">
        <v>20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6</v>
      </c>
      <c r="E176" s="9" t="s">
        <v>228</v>
      </c>
      <c r="F176" s="9" t="s">
        <v>283</v>
      </c>
      <c r="G176" s="9" t="s">
        <v>278</v>
      </c>
      <c r="H176" s="6">
        <v>2241</v>
      </c>
      <c r="I176" s="6">
        <v>1581</v>
      </c>
      <c r="J176" s="6">
        <v>1509</v>
      </c>
      <c r="K176" s="6">
        <v>647</v>
      </c>
      <c r="L176" s="6">
        <v>13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6</v>
      </c>
      <c r="E177" s="9" t="s">
        <v>228</v>
      </c>
      <c r="F177" s="9" t="s">
        <v>283</v>
      </c>
      <c r="G177" s="9" t="s">
        <v>279</v>
      </c>
      <c r="H177" s="6">
        <v>1502</v>
      </c>
      <c r="I177" s="6">
        <v>1021</v>
      </c>
      <c r="J177" s="6">
        <v>966</v>
      </c>
      <c r="K177" s="6">
        <v>472</v>
      </c>
      <c r="L177" s="6">
        <v>9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6</v>
      </c>
      <c r="E178" s="9" t="s">
        <v>228</v>
      </c>
      <c r="F178" s="9" t="s">
        <v>283</v>
      </c>
      <c r="G178" s="9" t="s">
        <v>280</v>
      </c>
      <c r="H178" s="6">
        <v>23803</v>
      </c>
      <c r="I178" s="6">
        <v>7528</v>
      </c>
      <c r="J178" s="6">
        <v>6910</v>
      </c>
      <c r="K178" s="6">
        <v>16207</v>
      </c>
      <c r="L178" s="6">
        <v>68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6</v>
      </c>
      <c r="E179" s="9" t="s">
        <v>18</v>
      </c>
      <c r="F179" s="9" t="s">
        <v>6</v>
      </c>
      <c r="G179" s="9" t="s">
        <v>6</v>
      </c>
      <c r="H179" s="6">
        <v>2405073</v>
      </c>
      <c r="I179" s="6">
        <v>28272</v>
      </c>
      <c r="J179" s="6">
        <v>21064</v>
      </c>
      <c r="K179" s="6">
        <v>23266</v>
      </c>
      <c r="L179" s="6">
        <v>2353535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6</v>
      </c>
      <c r="E180" s="9" t="s">
        <v>18</v>
      </c>
      <c r="F180" s="9" t="s">
        <v>234</v>
      </c>
      <c r="G180" s="9" t="s">
        <v>6</v>
      </c>
      <c r="H180" s="6">
        <v>954933</v>
      </c>
      <c r="I180" s="6">
        <v>16978</v>
      </c>
      <c r="J180" s="6">
        <v>12470</v>
      </c>
      <c r="K180" s="6">
        <v>14253</v>
      </c>
      <c r="L180" s="6">
        <v>923702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6</v>
      </c>
      <c r="E181" s="9" t="s">
        <v>18</v>
      </c>
      <c r="F181" s="9" t="s">
        <v>235</v>
      </c>
      <c r="G181" s="9" t="s">
        <v>6</v>
      </c>
      <c r="H181" s="6">
        <v>1450140</v>
      </c>
      <c r="I181" s="6">
        <v>11294</v>
      </c>
      <c r="J181" s="6">
        <v>8594</v>
      </c>
      <c r="K181" s="6">
        <v>9013</v>
      </c>
      <c r="L181" s="6">
        <v>1429833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6</v>
      </c>
      <c r="E182" s="9" t="s">
        <v>18</v>
      </c>
      <c r="F182" s="9" t="s">
        <v>235</v>
      </c>
      <c r="G182" s="9" t="s">
        <v>272</v>
      </c>
      <c r="H182" s="6">
        <v>97049</v>
      </c>
      <c r="I182" s="6">
        <v>116</v>
      </c>
      <c r="J182" s="6">
        <v>80</v>
      </c>
      <c r="K182" s="6">
        <v>168</v>
      </c>
      <c r="L182" s="6">
        <v>96765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6</v>
      </c>
      <c r="E183" s="9" t="s">
        <v>18</v>
      </c>
      <c r="F183" s="9" t="s">
        <v>235</v>
      </c>
      <c r="G183" s="9" t="s">
        <v>273</v>
      </c>
      <c r="H183" s="6">
        <v>199803</v>
      </c>
      <c r="I183" s="6">
        <v>296</v>
      </c>
      <c r="J183" s="6">
        <v>228</v>
      </c>
      <c r="K183" s="6">
        <v>262</v>
      </c>
      <c r="L183" s="6">
        <v>199245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6</v>
      </c>
      <c r="E184" s="9" t="s">
        <v>18</v>
      </c>
      <c r="F184" s="9" t="s">
        <v>235</v>
      </c>
      <c r="G184" s="9" t="s">
        <v>274</v>
      </c>
      <c r="H184" s="6">
        <v>210082</v>
      </c>
      <c r="I184" s="6">
        <v>447</v>
      </c>
      <c r="J184" s="6">
        <v>363</v>
      </c>
      <c r="K184" s="6">
        <v>261</v>
      </c>
      <c r="L184" s="6">
        <v>209374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6</v>
      </c>
      <c r="E185" s="9" t="s">
        <v>18</v>
      </c>
      <c r="F185" s="9" t="s">
        <v>235</v>
      </c>
      <c r="G185" s="9" t="s">
        <v>275</v>
      </c>
      <c r="H185" s="6">
        <v>160728</v>
      </c>
      <c r="I185" s="6">
        <v>455</v>
      </c>
      <c r="J185" s="6">
        <v>399</v>
      </c>
      <c r="K185" s="6">
        <v>225</v>
      </c>
      <c r="L185" s="6">
        <v>160048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6</v>
      </c>
      <c r="E186" s="9" t="s">
        <v>18</v>
      </c>
      <c r="F186" s="9" t="s">
        <v>235</v>
      </c>
      <c r="G186" s="9" t="s">
        <v>276</v>
      </c>
      <c r="H186" s="6">
        <v>143434</v>
      </c>
      <c r="I186" s="6">
        <v>593</v>
      </c>
      <c r="J186" s="6">
        <v>518</v>
      </c>
      <c r="K186" s="6">
        <v>191</v>
      </c>
      <c r="L186" s="6">
        <v>142650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6</v>
      </c>
      <c r="E187" s="9" t="s">
        <v>18</v>
      </c>
      <c r="F187" s="9" t="s">
        <v>235</v>
      </c>
      <c r="G187" s="9" t="s">
        <v>277</v>
      </c>
      <c r="H187" s="6">
        <v>125124</v>
      </c>
      <c r="I187" s="6">
        <v>574</v>
      </c>
      <c r="J187" s="6">
        <v>490</v>
      </c>
      <c r="K187" s="6">
        <v>217</v>
      </c>
      <c r="L187" s="6">
        <v>124333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6</v>
      </c>
      <c r="E188" s="9" t="s">
        <v>18</v>
      </c>
      <c r="F188" s="9" t="s">
        <v>235</v>
      </c>
      <c r="G188" s="9" t="s">
        <v>278</v>
      </c>
      <c r="H188" s="6">
        <v>108195</v>
      </c>
      <c r="I188" s="6">
        <v>620</v>
      </c>
      <c r="J188" s="6">
        <v>538</v>
      </c>
      <c r="K188" s="6">
        <v>170</v>
      </c>
      <c r="L188" s="6">
        <v>107405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6</v>
      </c>
      <c r="E189" s="9" t="s">
        <v>18</v>
      </c>
      <c r="F189" s="9" t="s">
        <v>235</v>
      </c>
      <c r="G189" s="9" t="s">
        <v>279</v>
      </c>
      <c r="H189" s="6">
        <v>64868</v>
      </c>
      <c r="I189" s="6">
        <v>384</v>
      </c>
      <c r="J189" s="6">
        <v>345</v>
      </c>
      <c r="K189" s="6">
        <v>115</v>
      </c>
      <c r="L189" s="6">
        <v>64369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6</v>
      </c>
      <c r="E190" s="9" t="s">
        <v>18</v>
      </c>
      <c r="F190" s="9" t="s">
        <v>235</v>
      </c>
      <c r="G190" s="9" t="s">
        <v>280</v>
      </c>
      <c r="H190" s="6">
        <v>340857</v>
      </c>
      <c r="I190" s="6">
        <v>7809</v>
      </c>
      <c r="J190" s="6">
        <v>5633</v>
      </c>
      <c r="K190" s="6">
        <v>7404</v>
      </c>
      <c r="L190" s="6">
        <v>325644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6</v>
      </c>
      <c r="E191" s="9" t="s">
        <v>18</v>
      </c>
      <c r="F191" s="9" t="s">
        <v>281</v>
      </c>
      <c r="G191" s="9" t="s">
        <v>6</v>
      </c>
      <c r="H191" s="6">
        <v>631180</v>
      </c>
      <c r="I191" s="6">
        <v>6602</v>
      </c>
      <c r="J191" s="6">
        <v>4763</v>
      </c>
      <c r="K191" s="6">
        <v>6398</v>
      </c>
      <c r="L191" s="6">
        <v>618180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6</v>
      </c>
      <c r="E192" s="9" t="s">
        <v>18</v>
      </c>
      <c r="F192" s="9" t="s">
        <v>281</v>
      </c>
      <c r="G192" s="9" t="s">
        <v>272</v>
      </c>
      <c r="H192" s="6">
        <v>45033</v>
      </c>
      <c r="I192" s="6">
        <v>32</v>
      </c>
      <c r="J192" s="6">
        <v>22</v>
      </c>
      <c r="K192" s="6">
        <v>48</v>
      </c>
      <c r="L192" s="6">
        <v>44953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6</v>
      </c>
      <c r="E193" s="9" t="s">
        <v>18</v>
      </c>
      <c r="F193" s="9" t="s">
        <v>281</v>
      </c>
      <c r="G193" s="9" t="s">
        <v>273</v>
      </c>
      <c r="H193" s="6">
        <v>87142</v>
      </c>
      <c r="I193" s="6">
        <v>56</v>
      </c>
      <c r="J193" s="6">
        <v>37</v>
      </c>
      <c r="K193" s="6">
        <v>68</v>
      </c>
      <c r="L193" s="6">
        <v>87018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6</v>
      </c>
      <c r="E194" s="9" t="s">
        <v>18</v>
      </c>
      <c r="F194" s="9" t="s">
        <v>281</v>
      </c>
      <c r="G194" s="9" t="s">
        <v>274</v>
      </c>
      <c r="H194" s="6">
        <v>72529</v>
      </c>
      <c r="I194" s="6">
        <v>73</v>
      </c>
      <c r="J194" s="6">
        <v>53</v>
      </c>
      <c r="K194" s="6">
        <v>48</v>
      </c>
      <c r="L194" s="6">
        <v>72408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6</v>
      </c>
      <c r="E195" s="9" t="s">
        <v>18</v>
      </c>
      <c r="F195" s="9" t="s">
        <v>281</v>
      </c>
      <c r="G195" s="9" t="s">
        <v>275</v>
      </c>
      <c r="H195" s="6">
        <v>44966</v>
      </c>
      <c r="I195" s="6">
        <v>48</v>
      </c>
      <c r="J195" s="6">
        <v>31</v>
      </c>
      <c r="K195" s="6">
        <v>32</v>
      </c>
      <c r="L195" s="6">
        <v>44886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6</v>
      </c>
      <c r="E196" s="9" t="s">
        <v>18</v>
      </c>
      <c r="F196" s="9" t="s">
        <v>281</v>
      </c>
      <c r="G196" s="9" t="s">
        <v>276</v>
      </c>
      <c r="H196" s="6">
        <v>38687</v>
      </c>
      <c r="I196" s="6">
        <v>69</v>
      </c>
      <c r="J196" s="6">
        <v>56</v>
      </c>
      <c r="K196" s="6">
        <v>35</v>
      </c>
      <c r="L196" s="6">
        <v>38583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6</v>
      </c>
      <c r="E197" s="9" t="s">
        <v>18</v>
      </c>
      <c r="F197" s="9" t="s">
        <v>281</v>
      </c>
      <c r="G197" s="9" t="s">
        <v>277</v>
      </c>
      <c r="H197" s="6">
        <v>35832</v>
      </c>
      <c r="I197" s="6">
        <v>85</v>
      </c>
      <c r="J197" s="6">
        <v>68</v>
      </c>
      <c r="K197" s="6">
        <v>43</v>
      </c>
      <c r="L197" s="6">
        <v>35704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6</v>
      </c>
      <c r="E198" s="9" t="s">
        <v>18</v>
      </c>
      <c r="F198" s="9" t="s">
        <v>281</v>
      </c>
      <c r="G198" s="9" t="s">
        <v>278</v>
      </c>
      <c r="H198" s="6">
        <v>36516</v>
      </c>
      <c r="I198" s="6">
        <v>150</v>
      </c>
      <c r="J198" s="6">
        <v>129</v>
      </c>
      <c r="K198" s="6">
        <v>55</v>
      </c>
      <c r="L198" s="6">
        <v>36311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6</v>
      </c>
      <c r="E199" s="9" t="s">
        <v>18</v>
      </c>
      <c r="F199" s="9" t="s">
        <v>281</v>
      </c>
      <c r="G199" s="9" t="s">
        <v>279</v>
      </c>
      <c r="H199" s="6">
        <v>26594</v>
      </c>
      <c r="I199" s="6">
        <v>111</v>
      </c>
      <c r="J199" s="6">
        <v>97</v>
      </c>
      <c r="K199" s="6">
        <v>38</v>
      </c>
      <c r="L199" s="6">
        <v>26445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6</v>
      </c>
      <c r="E200" s="9" t="s">
        <v>18</v>
      </c>
      <c r="F200" s="9" t="s">
        <v>281</v>
      </c>
      <c r="G200" s="9" t="s">
        <v>280</v>
      </c>
      <c r="H200" s="6">
        <v>243881</v>
      </c>
      <c r="I200" s="6">
        <v>5978</v>
      </c>
      <c r="J200" s="6">
        <v>4270</v>
      </c>
      <c r="K200" s="6">
        <v>6031</v>
      </c>
      <c r="L200" s="6">
        <v>231872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6</v>
      </c>
      <c r="E201" s="9" t="s">
        <v>18</v>
      </c>
      <c r="F201" s="9" t="s">
        <v>282</v>
      </c>
      <c r="G201" s="9" t="s">
        <v>6</v>
      </c>
      <c r="H201" s="6">
        <v>584831</v>
      </c>
      <c r="I201" s="6">
        <v>2443</v>
      </c>
      <c r="J201" s="6">
        <v>1926</v>
      </c>
      <c r="K201" s="6">
        <v>1652</v>
      </c>
      <c r="L201" s="6">
        <v>580736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6</v>
      </c>
      <c r="E202" s="9" t="s">
        <v>18</v>
      </c>
      <c r="F202" s="9" t="s">
        <v>282</v>
      </c>
      <c r="G202" s="9" t="s">
        <v>272</v>
      </c>
      <c r="H202" s="6">
        <v>34641</v>
      </c>
      <c r="I202" s="6">
        <v>28</v>
      </c>
      <c r="J202" s="6">
        <v>17</v>
      </c>
      <c r="K202" s="6">
        <v>51</v>
      </c>
      <c r="L202" s="6">
        <v>34562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6</v>
      </c>
      <c r="E203" s="9" t="s">
        <v>18</v>
      </c>
      <c r="F203" s="9" t="s">
        <v>282</v>
      </c>
      <c r="G203" s="9" t="s">
        <v>273</v>
      </c>
      <c r="H203" s="6">
        <v>75938</v>
      </c>
      <c r="I203" s="6">
        <v>67</v>
      </c>
      <c r="J203" s="6">
        <v>54</v>
      </c>
      <c r="K203" s="6">
        <v>66</v>
      </c>
      <c r="L203" s="6">
        <v>75805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6</v>
      </c>
      <c r="E204" s="9" t="s">
        <v>18</v>
      </c>
      <c r="F204" s="9" t="s">
        <v>282</v>
      </c>
      <c r="G204" s="9" t="s">
        <v>274</v>
      </c>
      <c r="H204" s="6">
        <v>90794</v>
      </c>
      <c r="I204" s="6">
        <v>83</v>
      </c>
      <c r="J204" s="6">
        <v>64</v>
      </c>
      <c r="K204" s="6">
        <v>64</v>
      </c>
      <c r="L204" s="6">
        <v>90647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6</v>
      </c>
      <c r="E205" s="9" t="s">
        <v>18</v>
      </c>
      <c r="F205" s="9" t="s">
        <v>282</v>
      </c>
      <c r="G205" s="9" t="s">
        <v>275</v>
      </c>
      <c r="H205" s="6">
        <v>75435</v>
      </c>
      <c r="I205" s="6">
        <v>86</v>
      </c>
      <c r="J205" s="6">
        <v>75</v>
      </c>
      <c r="K205" s="6">
        <v>54</v>
      </c>
      <c r="L205" s="6">
        <v>75295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6</v>
      </c>
      <c r="E206" s="9" t="s">
        <v>18</v>
      </c>
      <c r="F206" s="9" t="s">
        <v>282</v>
      </c>
      <c r="G206" s="9" t="s">
        <v>276</v>
      </c>
      <c r="H206" s="6">
        <v>70480</v>
      </c>
      <c r="I206" s="6">
        <v>142</v>
      </c>
      <c r="J206" s="6">
        <v>126</v>
      </c>
      <c r="K206" s="6">
        <v>53</v>
      </c>
      <c r="L206" s="6">
        <v>70285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6</v>
      </c>
      <c r="E207" s="9" t="s">
        <v>18</v>
      </c>
      <c r="F207" s="9" t="s">
        <v>282</v>
      </c>
      <c r="G207" s="9" t="s">
        <v>277</v>
      </c>
      <c r="H207" s="6">
        <v>64436</v>
      </c>
      <c r="I207" s="6">
        <v>157</v>
      </c>
      <c r="J207" s="6">
        <v>138</v>
      </c>
      <c r="K207" s="6">
        <v>82</v>
      </c>
      <c r="L207" s="6">
        <v>64197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6</v>
      </c>
      <c r="E208" s="9" t="s">
        <v>18</v>
      </c>
      <c r="F208" s="9" t="s">
        <v>282</v>
      </c>
      <c r="G208" s="9" t="s">
        <v>278</v>
      </c>
      <c r="H208" s="6">
        <v>56035</v>
      </c>
      <c r="I208" s="6">
        <v>212</v>
      </c>
      <c r="J208" s="6">
        <v>183</v>
      </c>
      <c r="K208" s="6">
        <v>65</v>
      </c>
      <c r="L208" s="6">
        <v>55758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6</v>
      </c>
      <c r="E209" s="9" t="s">
        <v>18</v>
      </c>
      <c r="F209" s="9" t="s">
        <v>282</v>
      </c>
      <c r="G209" s="9" t="s">
        <v>279</v>
      </c>
      <c r="H209" s="6">
        <v>31611</v>
      </c>
      <c r="I209" s="6">
        <v>154</v>
      </c>
      <c r="J209" s="6">
        <v>143</v>
      </c>
      <c r="K209" s="6">
        <v>43</v>
      </c>
      <c r="L209" s="6">
        <v>31414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6</v>
      </c>
      <c r="E210" s="9" t="s">
        <v>18</v>
      </c>
      <c r="F210" s="9" t="s">
        <v>282</v>
      </c>
      <c r="G210" s="9" t="s">
        <v>280</v>
      </c>
      <c r="H210" s="6">
        <v>85461</v>
      </c>
      <c r="I210" s="6">
        <v>1514</v>
      </c>
      <c r="J210" s="6">
        <v>1126</v>
      </c>
      <c r="K210" s="6">
        <v>1174</v>
      </c>
      <c r="L210" s="6">
        <v>82773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6</v>
      </c>
      <c r="E211" s="9" t="s">
        <v>18</v>
      </c>
      <c r="F211" s="9" t="s">
        <v>283</v>
      </c>
      <c r="G211" s="9" t="s">
        <v>6</v>
      </c>
      <c r="H211" s="6">
        <v>234129</v>
      </c>
      <c r="I211" s="6">
        <v>2249</v>
      </c>
      <c r="J211" s="6">
        <v>1905</v>
      </c>
      <c r="K211" s="6">
        <v>963</v>
      </c>
      <c r="L211" s="6">
        <v>230917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6</v>
      </c>
      <c r="E212" s="9" t="s">
        <v>18</v>
      </c>
      <c r="F212" s="9" t="s">
        <v>283</v>
      </c>
      <c r="G212" s="9" t="s">
        <v>272</v>
      </c>
      <c r="H212" s="6">
        <v>17375</v>
      </c>
      <c r="I212" s="6">
        <v>56</v>
      </c>
      <c r="J212" s="6">
        <v>41</v>
      </c>
      <c r="K212" s="6">
        <v>69</v>
      </c>
      <c r="L212" s="6">
        <v>17250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6</v>
      </c>
      <c r="E213" s="9" t="s">
        <v>18</v>
      </c>
      <c r="F213" s="9" t="s">
        <v>283</v>
      </c>
      <c r="G213" s="9" t="s">
        <v>273</v>
      </c>
      <c r="H213" s="6">
        <v>36723</v>
      </c>
      <c r="I213" s="6">
        <v>173</v>
      </c>
      <c r="J213" s="6">
        <v>137</v>
      </c>
      <c r="K213" s="6">
        <v>128</v>
      </c>
      <c r="L213" s="6">
        <v>36422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6</v>
      </c>
      <c r="E214" s="9" t="s">
        <v>18</v>
      </c>
      <c r="F214" s="9" t="s">
        <v>283</v>
      </c>
      <c r="G214" s="9" t="s">
        <v>274</v>
      </c>
      <c r="H214" s="6">
        <v>46759</v>
      </c>
      <c r="I214" s="6">
        <v>291</v>
      </c>
      <c r="J214" s="6">
        <v>246</v>
      </c>
      <c r="K214" s="6">
        <v>149</v>
      </c>
      <c r="L214" s="6">
        <v>46319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6</v>
      </c>
      <c r="E215" s="9" t="s">
        <v>18</v>
      </c>
      <c r="F215" s="9" t="s">
        <v>283</v>
      </c>
      <c r="G215" s="9" t="s">
        <v>275</v>
      </c>
      <c r="H215" s="6">
        <v>40327</v>
      </c>
      <c r="I215" s="6">
        <v>321</v>
      </c>
      <c r="J215" s="6">
        <v>293</v>
      </c>
      <c r="K215" s="6">
        <v>139</v>
      </c>
      <c r="L215" s="6">
        <v>39867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6</v>
      </c>
      <c r="E216" s="9" t="s">
        <v>18</v>
      </c>
      <c r="F216" s="9" t="s">
        <v>283</v>
      </c>
      <c r="G216" s="9" t="s">
        <v>276</v>
      </c>
      <c r="H216" s="6">
        <v>34267</v>
      </c>
      <c r="I216" s="6">
        <v>382</v>
      </c>
      <c r="J216" s="6">
        <v>336</v>
      </c>
      <c r="K216" s="6">
        <v>103</v>
      </c>
      <c r="L216" s="6">
        <v>33782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6</v>
      </c>
      <c r="E217" s="9" t="s">
        <v>18</v>
      </c>
      <c r="F217" s="9" t="s">
        <v>283</v>
      </c>
      <c r="G217" s="9" t="s">
        <v>277</v>
      </c>
      <c r="H217" s="6">
        <v>24856</v>
      </c>
      <c r="I217" s="6">
        <v>332</v>
      </c>
      <c r="J217" s="6">
        <v>284</v>
      </c>
      <c r="K217" s="6">
        <v>92</v>
      </c>
      <c r="L217" s="6">
        <v>24432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6</v>
      </c>
      <c r="E218" s="9" t="s">
        <v>18</v>
      </c>
      <c r="F218" s="9" t="s">
        <v>283</v>
      </c>
      <c r="G218" s="9" t="s">
        <v>278</v>
      </c>
      <c r="H218" s="6">
        <v>15644</v>
      </c>
      <c r="I218" s="6">
        <v>258</v>
      </c>
      <c r="J218" s="6">
        <v>226</v>
      </c>
      <c r="K218" s="6">
        <v>50</v>
      </c>
      <c r="L218" s="6">
        <v>15336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6</v>
      </c>
      <c r="E219" s="9" t="s">
        <v>18</v>
      </c>
      <c r="F219" s="9" t="s">
        <v>283</v>
      </c>
      <c r="G219" s="9" t="s">
        <v>279</v>
      </c>
      <c r="H219" s="6">
        <v>6663</v>
      </c>
      <c r="I219" s="6">
        <v>119</v>
      </c>
      <c r="J219" s="6">
        <v>105</v>
      </c>
      <c r="K219" s="6">
        <v>34</v>
      </c>
      <c r="L219" s="6">
        <v>6510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6</v>
      </c>
      <c r="E220" s="9" t="s">
        <v>18</v>
      </c>
      <c r="F220" s="9" t="s">
        <v>283</v>
      </c>
      <c r="G220" s="9" t="s">
        <v>280</v>
      </c>
      <c r="H220" s="6">
        <v>11515</v>
      </c>
      <c r="I220" s="6">
        <v>317</v>
      </c>
      <c r="J220" s="6">
        <v>237</v>
      </c>
      <c r="K220" s="6">
        <v>199</v>
      </c>
      <c r="L220" s="6">
        <v>10999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6</v>
      </c>
      <c r="E221" s="9" t="s">
        <v>6</v>
      </c>
      <c r="F221" s="9" t="s">
        <v>6</v>
      </c>
      <c r="G221" s="9" t="s">
        <v>6</v>
      </c>
      <c r="H221" s="6">
        <v>380888</v>
      </c>
      <c r="I221" s="6">
        <v>215431</v>
      </c>
      <c r="J221" s="6">
        <v>179398</v>
      </c>
      <c r="K221" s="6">
        <v>147263</v>
      </c>
      <c r="L221" s="6">
        <v>18194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6</v>
      </c>
      <c r="E222" s="9" t="s">
        <v>6</v>
      </c>
      <c r="F222" s="9" t="s">
        <v>234</v>
      </c>
      <c r="G222" s="9" t="s">
        <v>6</v>
      </c>
      <c r="H222" s="6">
        <v>168788</v>
      </c>
      <c r="I222" s="6">
        <v>76638</v>
      </c>
      <c r="J222" s="6">
        <v>59701</v>
      </c>
      <c r="K222" s="6">
        <v>84678</v>
      </c>
      <c r="L222" s="6">
        <v>7472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6</v>
      </c>
      <c r="E223" s="9" t="s">
        <v>6</v>
      </c>
      <c r="F223" s="9" t="s">
        <v>235</v>
      </c>
      <c r="G223" s="9" t="s">
        <v>6</v>
      </c>
      <c r="H223" s="6">
        <v>212100</v>
      </c>
      <c r="I223" s="6">
        <v>138793</v>
      </c>
      <c r="J223" s="6">
        <v>119697</v>
      </c>
      <c r="K223" s="6">
        <v>62585</v>
      </c>
      <c r="L223" s="6">
        <v>10722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6</v>
      </c>
      <c r="E224" s="9" t="s">
        <v>6</v>
      </c>
      <c r="F224" s="9" t="s">
        <v>235</v>
      </c>
      <c r="G224" s="9" t="s">
        <v>272</v>
      </c>
      <c r="H224" s="6">
        <v>11519</v>
      </c>
      <c r="I224" s="6">
        <v>5670</v>
      </c>
      <c r="J224" s="6">
        <v>5283</v>
      </c>
      <c r="K224" s="6">
        <v>4954</v>
      </c>
      <c r="L224" s="6">
        <v>89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6</v>
      </c>
      <c r="E225" s="9" t="s">
        <v>6</v>
      </c>
      <c r="F225" s="9" t="s">
        <v>235</v>
      </c>
      <c r="G225" s="9" t="s">
        <v>273</v>
      </c>
      <c r="H225" s="6">
        <v>21201</v>
      </c>
      <c r="I225" s="6">
        <v>14612</v>
      </c>
      <c r="J225" s="6">
        <v>13474</v>
      </c>
      <c r="K225" s="6">
        <v>4876</v>
      </c>
      <c r="L225" s="6">
        <v>1713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6</v>
      </c>
      <c r="E226" s="9" t="s">
        <v>6</v>
      </c>
      <c r="F226" s="9" t="s">
        <v>235</v>
      </c>
      <c r="G226" s="9" t="s">
        <v>274</v>
      </c>
      <c r="H226" s="6">
        <v>22014</v>
      </c>
      <c r="I226" s="6">
        <v>16728</v>
      </c>
      <c r="J226" s="6">
        <v>15288</v>
      </c>
      <c r="K226" s="6">
        <v>3780</v>
      </c>
      <c r="L226" s="6">
        <v>1506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6</v>
      </c>
      <c r="E227" s="9" t="s">
        <v>6</v>
      </c>
      <c r="F227" s="9" t="s">
        <v>235</v>
      </c>
      <c r="G227" s="9" t="s">
        <v>275</v>
      </c>
      <c r="H227" s="6">
        <v>18444</v>
      </c>
      <c r="I227" s="6">
        <v>14339</v>
      </c>
      <c r="J227" s="6">
        <v>13058</v>
      </c>
      <c r="K227" s="6">
        <v>2939</v>
      </c>
      <c r="L227" s="6">
        <v>1166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6</v>
      </c>
      <c r="E228" s="9" t="s">
        <v>6</v>
      </c>
      <c r="F228" s="9" t="s">
        <v>235</v>
      </c>
      <c r="G228" s="9" t="s">
        <v>276</v>
      </c>
      <c r="H228" s="6">
        <v>16965</v>
      </c>
      <c r="I228" s="6">
        <v>13622</v>
      </c>
      <c r="J228" s="6">
        <v>12379</v>
      </c>
      <c r="K228" s="6">
        <v>2352</v>
      </c>
      <c r="L228" s="6">
        <v>991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6</v>
      </c>
      <c r="E229" s="9" t="s">
        <v>6</v>
      </c>
      <c r="F229" s="9" t="s">
        <v>235</v>
      </c>
      <c r="G229" s="9" t="s">
        <v>277</v>
      </c>
      <c r="H229" s="6">
        <v>15848</v>
      </c>
      <c r="I229" s="6">
        <v>12847</v>
      </c>
      <c r="J229" s="6">
        <v>11683</v>
      </c>
      <c r="K229" s="6">
        <v>2128</v>
      </c>
      <c r="L229" s="6">
        <v>873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6</v>
      </c>
      <c r="E230" s="9" t="s">
        <v>6</v>
      </c>
      <c r="F230" s="9" t="s">
        <v>235</v>
      </c>
      <c r="G230" s="9" t="s">
        <v>278</v>
      </c>
      <c r="H230" s="6">
        <v>14780</v>
      </c>
      <c r="I230" s="6">
        <v>11844</v>
      </c>
      <c r="J230" s="6">
        <v>10737</v>
      </c>
      <c r="K230" s="6">
        <v>2225</v>
      </c>
      <c r="L230" s="6">
        <v>711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6</v>
      </c>
      <c r="E231" s="9" t="s">
        <v>6</v>
      </c>
      <c r="F231" s="9" t="s">
        <v>235</v>
      </c>
      <c r="G231" s="9" t="s">
        <v>279</v>
      </c>
      <c r="H231" s="6">
        <v>7652</v>
      </c>
      <c r="I231" s="6">
        <v>6021</v>
      </c>
      <c r="J231" s="6">
        <v>5376</v>
      </c>
      <c r="K231" s="6">
        <v>1266</v>
      </c>
      <c r="L231" s="6">
        <v>36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6</v>
      </c>
      <c r="E232" s="9" t="s">
        <v>6</v>
      </c>
      <c r="F232" s="9" t="s">
        <v>235</v>
      </c>
      <c r="G232" s="9" t="s">
        <v>280</v>
      </c>
      <c r="H232" s="6">
        <v>83677</v>
      </c>
      <c r="I232" s="6">
        <v>43110</v>
      </c>
      <c r="J232" s="6">
        <v>32419</v>
      </c>
      <c r="K232" s="6">
        <v>38065</v>
      </c>
      <c r="L232" s="6">
        <v>250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6</v>
      </c>
      <c r="E233" s="9" t="s">
        <v>6</v>
      </c>
      <c r="F233" s="9" t="s">
        <v>281</v>
      </c>
      <c r="G233" s="9" t="s">
        <v>6</v>
      </c>
      <c r="H233" s="6">
        <v>104610</v>
      </c>
      <c r="I233" s="6">
        <v>59842</v>
      </c>
      <c r="J233" s="6">
        <v>49085</v>
      </c>
      <c r="K233" s="6">
        <v>40418</v>
      </c>
      <c r="L233" s="6">
        <v>4350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6</v>
      </c>
      <c r="E234" s="9" t="s">
        <v>6</v>
      </c>
      <c r="F234" s="9" t="s">
        <v>281</v>
      </c>
      <c r="G234" s="9" t="s">
        <v>272</v>
      </c>
      <c r="H234" s="6">
        <v>4610</v>
      </c>
      <c r="I234" s="6">
        <v>2220</v>
      </c>
      <c r="J234" s="6">
        <v>2125</v>
      </c>
      <c r="K234" s="6">
        <v>2019</v>
      </c>
      <c r="L234" s="6">
        <v>371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6</v>
      </c>
      <c r="E235" s="9" t="s">
        <v>6</v>
      </c>
      <c r="F235" s="9" t="s">
        <v>281</v>
      </c>
      <c r="G235" s="9" t="s">
        <v>273</v>
      </c>
      <c r="H235" s="6">
        <v>7492</v>
      </c>
      <c r="I235" s="6">
        <v>4916</v>
      </c>
      <c r="J235" s="6">
        <v>4624</v>
      </c>
      <c r="K235" s="6">
        <v>1949</v>
      </c>
      <c r="L235" s="6">
        <v>627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6</v>
      </c>
      <c r="E236" s="9" t="s">
        <v>6</v>
      </c>
      <c r="F236" s="9" t="s">
        <v>281</v>
      </c>
      <c r="G236" s="9" t="s">
        <v>274</v>
      </c>
      <c r="H236" s="6">
        <v>5311</v>
      </c>
      <c r="I236" s="6">
        <v>3829</v>
      </c>
      <c r="J236" s="6">
        <v>3518</v>
      </c>
      <c r="K236" s="6">
        <v>1064</v>
      </c>
      <c r="L236" s="6">
        <v>418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6</v>
      </c>
      <c r="E237" s="9" t="s">
        <v>6</v>
      </c>
      <c r="F237" s="9" t="s">
        <v>281</v>
      </c>
      <c r="G237" s="9" t="s">
        <v>275</v>
      </c>
      <c r="H237" s="6">
        <v>3631</v>
      </c>
      <c r="I237" s="6">
        <v>2596</v>
      </c>
      <c r="J237" s="6">
        <v>2348</v>
      </c>
      <c r="K237" s="6">
        <v>780</v>
      </c>
      <c r="L237" s="6">
        <v>255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6</v>
      </c>
      <c r="E238" s="9" t="s">
        <v>6</v>
      </c>
      <c r="F238" s="9" t="s">
        <v>281</v>
      </c>
      <c r="G238" s="9" t="s">
        <v>276</v>
      </c>
      <c r="H238" s="6">
        <v>3430</v>
      </c>
      <c r="I238" s="6">
        <v>2531</v>
      </c>
      <c r="J238" s="6">
        <v>2316</v>
      </c>
      <c r="K238" s="6">
        <v>709</v>
      </c>
      <c r="L238" s="6">
        <v>190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6</v>
      </c>
      <c r="E239" s="9" t="s">
        <v>6</v>
      </c>
      <c r="F239" s="9" t="s">
        <v>281</v>
      </c>
      <c r="G239" s="9" t="s">
        <v>277</v>
      </c>
      <c r="H239" s="6">
        <v>4083</v>
      </c>
      <c r="I239" s="6">
        <v>3152</v>
      </c>
      <c r="J239" s="6">
        <v>2811</v>
      </c>
      <c r="K239" s="6">
        <v>732</v>
      </c>
      <c r="L239" s="6">
        <v>199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6</v>
      </c>
      <c r="E240" s="9" t="s">
        <v>6</v>
      </c>
      <c r="F240" s="9" t="s">
        <v>281</v>
      </c>
      <c r="G240" s="9" t="s">
        <v>278</v>
      </c>
      <c r="H240" s="6">
        <v>6050</v>
      </c>
      <c r="I240" s="6">
        <v>4777</v>
      </c>
      <c r="J240" s="6">
        <v>4336</v>
      </c>
      <c r="K240" s="6">
        <v>1028</v>
      </c>
      <c r="L240" s="6">
        <v>24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6</v>
      </c>
      <c r="E241" s="9" t="s">
        <v>6</v>
      </c>
      <c r="F241" s="9" t="s">
        <v>281</v>
      </c>
      <c r="G241" s="9" t="s">
        <v>279</v>
      </c>
      <c r="H241" s="6">
        <v>3773</v>
      </c>
      <c r="I241" s="6">
        <v>2922</v>
      </c>
      <c r="J241" s="6">
        <v>2618</v>
      </c>
      <c r="K241" s="6">
        <v>685</v>
      </c>
      <c r="L241" s="6">
        <v>166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6</v>
      </c>
      <c r="E242" s="9" t="s">
        <v>6</v>
      </c>
      <c r="F242" s="9" t="s">
        <v>281</v>
      </c>
      <c r="G242" s="9" t="s">
        <v>280</v>
      </c>
      <c r="H242" s="6">
        <v>66230</v>
      </c>
      <c r="I242" s="6">
        <v>32899</v>
      </c>
      <c r="J242" s="6">
        <v>24389</v>
      </c>
      <c r="K242" s="6">
        <v>31452</v>
      </c>
      <c r="L242" s="6">
        <v>1879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6</v>
      </c>
      <c r="E243" s="9" t="s">
        <v>6</v>
      </c>
      <c r="F243" s="9" t="s">
        <v>282</v>
      </c>
      <c r="G243" s="9" t="s">
        <v>6</v>
      </c>
      <c r="H243" s="6">
        <v>73836</v>
      </c>
      <c r="I243" s="6">
        <v>53335</v>
      </c>
      <c r="J243" s="6">
        <v>47759</v>
      </c>
      <c r="K243" s="6">
        <v>16516</v>
      </c>
      <c r="L243" s="6">
        <v>3985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6</v>
      </c>
      <c r="E244" s="9" t="s">
        <v>6</v>
      </c>
      <c r="F244" s="9" t="s">
        <v>282</v>
      </c>
      <c r="G244" s="9" t="s">
        <v>272</v>
      </c>
      <c r="H244" s="6">
        <v>4172</v>
      </c>
      <c r="I244" s="6">
        <v>2060</v>
      </c>
      <c r="J244" s="6">
        <v>1912</v>
      </c>
      <c r="K244" s="6">
        <v>1815</v>
      </c>
      <c r="L244" s="6">
        <v>297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6</v>
      </c>
      <c r="E245" s="9" t="s">
        <v>6</v>
      </c>
      <c r="F245" s="9" t="s">
        <v>282</v>
      </c>
      <c r="G245" s="9" t="s">
        <v>273</v>
      </c>
      <c r="H245" s="6">
        <v>8200</v>
      </c>
      <c r="I245" s="6">
        <v>5717</v>
      </c>
      <c r="J245" s="6">
        <v>5281</v>
      </c>
      <c r="K245" s="6">
        <v>1850</v>
      </c>
      <c r="L245" s="6">
        <v>633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6</v>
      </c>
      <c r="E246" s="9" t="s">
        <v>6</v>
      </c>
      <c r="F246" s="9" t="s">
        <v>282</v>
      </c>
      <c r="G246" s="9" t="s">
        <v>274</v>
      </c>
      <c r="H246" s="6">
        <v>9493</v>
      </c>
      <c r="I246" s="6">
        <v>7197</v>
      </c>
      <c r="J246" s="6">
        <v>6632</v>
      </c>
      <c r="K246" s="6">
        <v>1727</v>
      </c>
      <c r="L246" s="6">
        <v>569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6</v>
      </c>
      <c r="E247" s="9" t="s">
        <v>6</v>
      </c>
      <c r="F247" s="9" t="s">
        <v>282</v>
      </c>
      <c r="G247" s="9" t="s">
        <v>275</v>
      </c>
      <c r="H247" s="6">
        <v>8589</v>
      </c>
      <c r="I247" s="6">
        <v>6714</v>
      </c>
      <c r="J247" s="6">
        <v>6192</v>
      </c>
      <c r="K247" s="6">
        <v>1376</v>
      </c>
      <c r="L247" s="6">
        <v>499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6</v>
      </c>
      <c r="E248" s="9" t="s">
        <v>6</v>
      </c>
      <c r="F248" s="9" t="s">
        <v>282</v>
      </c>
      <c r="G248" s="9" t="s">
        <v>276</v>
      </c>
      <c r="H248" s="6">
        <v>8589</v>
      </c>
      <c r="I248" s="6">
        <v>6988</v>
      </c>
      <c r="J248" s="6">
        <v>6401</v>
      </c>
      <c r="K248" s="6">
        <v>1115</v>
      </c>
      <c r="L248" s="6">
        <v>486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6</v>
      </c>
      <c r="E249" s="9" t="s">
        <v>6</v>
      </c>
      <c r="F249" s="9" t="s">
        <v>282</v>
      </c>
      <c r="G249" s="9" t="s">
        <v>277</v>
      </c>
      <c r="H249" s="6">
        <v>8491</v>
      </c>
      <c r="I249" s="6">
        <v>7015</v>
      </c>
      <c r="J249" s="6">
        <v>6433</v>
      </c>
      <c r="K249" s="6">
        <v>1050</v>
      </c>
      <c r="L249" s="6">
        <v>426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6</v>
      </c>
      <c r="E250" s="9" t="s">
        <v>6</v>
      </c>
      <c r="F250" s="9" t="s">
        <v>282</v>
      </c>
      <c r="G250" s="9" t="s">
        <v>278</v>
      </c>
      <c r="H250" s="6">
        <v>7136</v>
      </c>
      <c r="I250" s="6">
        <v>5767</v>
      </c>
      <c r="J250" s="6">
        <v>5239</v>
      </c>
      <c r="K250" s="6">
        <v>992</v>
      </c>
      <c r="L250" s="6">
        <v>377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6</v>
      </c>
      <c r="E251" s="9" t="s">
        <v>6</v>
      </c>
      <c r="F251" s="9" t="s">
        <v>282</v>
      </c>
      <c r="G251" s="9" t="s">
        <v>279</v>
      </c>
      <c r="H251" s="6">
        <v>3306</v>
      </c>
      <c r="I251" s="6">
        <v>2652</v>
      </c>
      <c r="J251" s="6">
        <v>2388</v>
      </c>
      <c r="K251" s="6">
        <v>495</v>
      </c>
      <c r="L251" s="6">
        <v>159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6</v>
      </c>
      <c r="E252" s="9" t="s">
        <v>6</v>
      </c>
      <c r="F252" s="9" t="s">
        <v>282</v>
      </c>
      <c r="G252" s="9" t="s">
        <v>280</v>
      </c>
      <c r="H252" s="6">
        <v>15860</v>
      </c>
      <c r="I252" s="6">
        <v>9225</v>
      </c>
      <c r="J252" s="6">
        <v>7281</v>
      </c>
      <c r="K252" s="6">
        <v>6096</v>
      </c>
      <c r="L252" s="6">
        <v>539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6</v>
      </c>
      <c r="E253" s="9" t="s">
        <v>6</v>
      </c>
      <c r="F253" s="9" t="s">
        <v>283</v>
      </c>
      <c r="G253" s="9" t="s">
        <v>6</v>
      </c>
      <c r="H253" s="6">
        <v>33654</v>
      </c>
      <c r="I253" s="6">
        <v>25616</v>
      </c>
      <c r="J253" s="6">
        <v>22853</v>
      </c>
      <c r="K253" s="6">
        <v>5651</v>
      </c>
      <c r="L253" s="6">
        <v>2387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6</v>
      </c>
      <c r="E254" s="9" t="s">
        <v>6</v>
      </c>
      <c r="F254" s="9" t="s">
        <v>283</v>
      </c>
      <c r="G254" s="9" t="s">
        <v>272</v>
      </c>
      <c r="H254" s="6">
        <v>2737</v>
      </c>
      <c r="I254" s="6">
        <v>1390</v>
      </c>
      <c r="J254" s="6">
        <v>1246</v>
      </c>
      <c r="K254" s="6">
        <v>1120</v>
      </c>
      <c r="L254" s="6">
        <v>227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6</v>
      </c>
      <c r="E255" s="9" t="s">
        <v>6</v>
      </c>
      <c r="F255" s="9" t="s">
        <v>283</v>
      </c>
      <c r="G255" s="9" t="s">
        <v>273</v>
      </c>
      <c r="H255" s="6">
        <v>5509</v>
      </c>
      <c r="I255" s="6">
        <v>3979</v>
      </c>
      <c r="J255" s="6">
        <v>3569</v>
      </c>
      <c r="K255" s="6">
        <v>1077</v>
      </c>
      <c r="L255" s="6">
        <v>453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6</v>
      </c>
      <c r="E256" s="9" t="s">
        <v>6</v>
      </c>
      <c r="F256" s="9" t="s">
        <v>283</v>
      </c>
      <c r="G256" s="9" t="s">
        <v>274</v>
      </c>
      <c r="H256" s="6">
        <v>7210</v>
      </c>
      <c r="I256" s="6">
        <v>5702</v>
      </c>
      <c r="J256" s="6">
        <v>5138</v>
      </c>
      <c r="K256" s="6">
        <v>989</v>
      </c>
      <c r="L256" s="6">
        <v>519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6</v>
      </c>
      <c r="E257" s="9" t="s">
        <v>6</v>
      </c>
      <c r="F257" s="9" t="s">
        <v>283</v>
      </c>
      <c r="G257" s="9" t="s">
        <v>275</v>
      </c>
      <c r="H257" s="6">
        <v>6224</v>
      </c>
      <c r="I257" s="6">
        <v>5029</v>
      </c>
      <c r="J257" s="6">
        <v>4518</v>
      </c>
      <c r="K257" s="6">
        <v>783</v>
      </c>
      <c r="L257" s="6">
        <v>412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6</v>
      </c>
      <c r="E258" s="9" t="s">
        <v>6</v>
      </c>
      <c r="F258" s="9" t="s">
        <v>283</v>
      </c>
      <c r="G258" s="9" t="s">
        <v>276</v>
      </c>
      <c r="H258" s="6">
        <v>4946</v>
      </c>
      <c r="I258" s="6">
        <v>4103</v>
      </c>
      <c r="J258" s="6">
        <v>3662</v>
      </c>
      <c r="K258" s="6">
        <v>528</v>
      </c>
      <c r="L258" s="6">
        <v>315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6</v>
      </c>
      <c r="E259" s="9" t="s">
        <v>6</v>
      </c>
      <c r="F259" s="9" t="s">
        <v>283</v>
      </c>
      <c r="G259" s="9" t="s">
        <v>277</v>
      </c>
      <c r="H259" s="6">
        <v>3274</v>
      </c>
      <c r="I259" s="6">
        <v>2680</v>
      </c>
      <c r="J259" s="6">
        <v>2439</v>
      </c>
      <c r="K259" s="6">
        <v>346</v>
      </c>
      <c r="L259" s="6">
        <v>248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6</v>
      </c>
      <c r="E260" s="9" t="s">
        <v>6</v>
      </c>
      <c r="F260" s="9" t="s">
        <v>283</v>
      </c>
      <c r="G260" s="9" t="s">
        <v>278</v>
      </c>
      <c r="H260" s="6">
        <v>1594</v>
      </c>
      <c r="I260" s="6">
        <v>1300</v>
      </c>
      <c r="J260" s="6">
        <v>1162</v>
      </c>
      <c r="K260" s="6">
        <v>205</v>
      </c>
      <c r="L260" s="6">
        <v>89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6</v>
      </c>
      <c r="E261" s="9" t="s">
        <v>6</v>
      </c>
      <c r="F261" s="9" t="s">
        <v>283</v>
      </c>
      <c r="G261" s="9" t="s">
        <v>279</v>
      </c>
      <c r="H261" s="6">
        <v>573</v>
      </c>
      <c r="I261" s="6">
        <v>447</v>
      </c>
      <c r="J261" s="6">
        <v>370</v>
      </c>
      <c r="K261" s="6">
        <v>86</v>
      </c>
      <c r="L261" s="6">
        <v>40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6</v>
      </c>
      <c r="E262" s="9" t="s">
        <v>6</v>
      </c>
      <c r="F262" s="9" t="s">
        <v>283</v>
      </c>
      <c r="G262" s="9" t="s">
        <v>280</v>
      </c>
      <c r="H262" s="6">
        <v>1587</v>
      </c>
      <c r="I262" s="6">
        <v>986</v>
      </c>
      <c r="J262" s="6">
        <v>749</v>
      </c>
      <c r="K262" s="6">
        <v>517</v>
      </c>
      <c r="L262" s="6">
        <v>84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6</v>
      </c>
      <c r="E263" s="9" t="s">
        <v>226</v>
      </c>
      <c r="F263" s="9" t="s">
        <v>6</v>
      </c>
      <c r="G263" s="9" t="s">
        <v>6</v>
      </c>
      <c r="H263" s="6">
        <v>265776</v>
      </c>
      <c r="I263" s="6">
        <v>197459</v>
      </c>
      <c r="J263" s="6">
        <v>163410</v>
      </c>
      <c r="K263" s="6">
        <v>67792</v>
      </c>
      <c r="L263" s="6">
        <v>525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6</v>
      </c>
      <c r="E264" s="9" t="s">
        <v>226</v>
      </c>
      <c r="F264" s="9" t="s">
        <v>234</v>
      </c>
      <c r="G264" s="9" t="s">
        <v>6</v>
      </c>
      <c r="H264" s="6">
        <v>94900</v>
      </c>
      <c r="I264" s="6">
        <v>65790</v>
      </c>
      <c r="J264" s="6">
        <v>50035</v>
      </c>
      <c r="K264" s="6">
        <v>28760</v>
      </c>
      <c r="L264" s="6">
        <v>350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6</v>
      </c>
      <c r="E265" s="9" t="s">
        <v>226</v>
      </c>
      <c r="F265" s="9" t="s">
        <v>235</v>
      </c>
      <c r="G265" s="9" t="s">
        <v>6</v>
      </c>
      <c r="H265" s="6">
        <v>170876</v>
      </c>
      <c r="I265" s="6">
        <v>131669</v>
      </c>
      <c r="J265" s="6">
        <v>113375</v>
      </c>
      <c r="K265" s="6">
        <v>39032</v>
      </c>
      <c r="L265" s="6">
        <v>175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6</v>
      </c>
      <c r="E266" s="9" t="s">
        <v>226</v>
      </c>
      <c r="F266" s="9" t="s">
        <v>235</v>
      </c>
      <c r="G266" s="9" t="s">
        <v>272</v>
      </c>
      <c r="H266" s="6">
        <v>10482</v>
      </c>
      <c r="I266" s="6">
        <v>5618</v>
      </c>
      <c r="J266" s="6">
        <v>5231</v>
      </c>
      <c r="K266" s="6">
        <v>4860</v>
      </c>
      <c r="L266" s="6">
        <v>4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6</v>
      </c>
      <c r="E267" s="9" t="s">
        <v>226</v>
      </c>
      <c r="F267" s="9" t="s">
        <v>235</v>
      </c>
      <c r="G267" s="9" t="s">
        <v>273</v>
      </c>
      <c r="H267" s="6">
        <v>19258</v>
      </c>
      <c r="I267" s="6">
        <v>14474</v>
      </c>
      <c r="J267" s="6">
        <v>13342</v>
      </c>
      <c r="K267" s="6">
        <v>4773</v>
      </c>
      <c r="L267" s="6">
        <v>11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6</v>
      </c>
      <c r="E268" s="9" t="s">
        <v>226</v>
      </c>
      <c r="F268" s="9" t="s">
        <v>235</v>
      </c>
      <c r="G268" s="9" t="s">
        <v>274</v>
      </c>
      <c r="H268" s="6">
        <v>20258</v>
      </c>
      <c r="I268" s="6">
        <v>16549</v>
      </c>
      <c r="J268" s="6">
        <v>15124</v>
      </c>
      <c r="K268" s="6">
        <v>3699</v>
      </c>
      <c r="L268" s="6">
        <v>10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6</v>
      </c>
      <c r="E269" s="9" t="s">
        <v>226</v>
      </c>
      <c r="F269" s="9" t="s">
        <v>235</v>
      </c>
      <c r="G269" s="9" t="s">
        <v>275</v>
      </c>
      <c r="H269" s="6">
        <v>17045</v>
      </c>
      <c r="I269" s="6">
        <v>14164</v>
      </c>
      <c r="J269" s="6">
        <v>12899</v>
      </c>
      <c r="K269" s="6">
        <v>2866</v>
      </c>
      <c r="L269" s="6">
        <v>15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6</v>
      </c>
      <c r="E270" s="9" t="s">
        <v>226</v>
      </c>
      <c r="F270" s="9" t="s">
        <v>235</v>
      </c>
      <c r="G270" s="9" t="s">
        <v>276</v>
      </c>
      <c r="H270" s="6">
        <v>15730</v>
      </c>
      <c r="I270" s="6">
        <v>13435</v>
      </c>
      <c r="J270" s="6">
        <v>12206</v>
      </c>
      <c r="K270" s="6">
        <v>2284</v>
      </c>
      <c r="L270" s="6">
        <v>11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6</v>
      </c>
      <c r="E271" s="9" t="s">
        <v>226</v>
      </c>
      <c r="F271" s="9" t="s">
        <v>235</v>
      </c>
      <c r="G271" s="9" t="s">
        <v>277</v>
      </c>
      <c r="H271" s="6">
        <v>14694</v>
      </c>
      <c r="I271" s="6">
        <v>12617</v>
      </c>
      <c r="J271" s="6">
        <v>11464</v>
      </c>
      <c r="K271" s="6">
        <v>2068</v>
      </c>
      <c r="L271" s="6">
        <v>9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6</v>
      </c>
      <c r="E272" s="9" t="s">
        <v>226</v>
      </c>
      <c r="F272" s="9" t="s">
        <v>235</v>
      </c>
      <c r="G272" s="9" t="s">
        <v>278</v>
      </c>
      <c r="H272" s="6">
        <v>13725</v>
      </c>
      <c r="I272" s="6">
        <v>11580</v>
      </c>
      <c r="J272" s="6">
        <v>10485</v>
      </c>
      <c r="K272" s="6">
        <v>2139</v>
      </c>
      <c r="L272" s="6">
        <v>6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6</v>
      </c>
      <c r="E273" s="9" t="s">
        <v>226</v>
      </c>
      <c r="F273" s="9" t="s">
        <v>235</v>
      </c>
      <c r="G273" s="9" t="s">
        <v>279</v>
      </c>
      <c r="H273" s="6">
        <v>7025</v>
      </c>
      <c r="I273" s="6">
        <v>5830</v>
      </c>
      <c r="J273" s="6">
        <v>5190</v>
      </c>
      <c r="K273" s="6">
        <v>1189</v>
      </c>
      <c r="L273" s="6">
        <v>6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6</v>
      </c>
      <c r="E274" s="9" t="s">
        <v>226</v>
      </c>
      <c r="F274" s="9" t="s">
        <v>235</v>
      </c>
      <c r="G274" s="9" t="s">
        <v>280</v>
      </c>
      <c r="H274" s="6">
        <v>52659</v>
      </c>
      <c r="I274" s="6">
        <v>37402</v>
      </c>
      <c r="J274" s="6">
        <v>27434</v>
      </c>
      <c r="K274" s="6">
        <v>15154</v>
      </c>
      <c r="L274" s="6">
        <v>103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6</v>
      </c>
      <c r="E275" s="9" t="s">
        <v>226</v>
      </c>
      <c r="F275" s="9" t="s">
        <v>281</v>
      </c>
      <c r="G275" s="9" t="s">
        <v>6</v>
      </c>
      <c r="H275" s="6">
        <v>75421</v>
      </c>
      <c r="I275" s="6">
        <v>54718</v>
      </c>
      <c r="J275" s="6">
        <v>44586</v>
      </c>
      <c r="K275" s="6">
        <v>20597</v>
      </c>
      <c r="L275" s="6">
        <v>106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6</v>
      </c>
      <c r="E276" s="9" t="s">
        <v>226</v>
      </c>
      <c r="F276" s="9" t="s">
        <v>281</v>
      </c>
      <c r="G276" s="9" t="s">
        <v>272</v>
      </c>
      <c r="H276" s="6">
        <v>4177</v>
      </c>
      <c r="I276" s="6">
        <v>2196</v>
      </c>
      <c r="J276" s="6">
        <v>2101</v>
      </c>
      <c r="K276" s="6">
        <v>1980</v>
      </c>
      <c r="L276" s="6">
        <v>1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6</v>
      </c>
      <c r="E277" s="9" t="s">
        <v>226</v>
      </c>
      <c r="F277" s="9" t="s">
        <v>281</v>
      </c>
      <c r="G277" s="9" t="s">
        <v>273</v>
      </c>
      <c r="H277" s="6">
        <v>6777</v>
      </c>
      <c r="I277" s="6">
        <v>4861</v>
      </c>
      <c r="J277" s="6">
        <v>4574</v>
      </c>
      <c r="K277" s="6">
        <v>1913</v>
      </c>
      <c r="L277" s="6">
        <v>3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6</v>
      </c>
      <c r="E278" s="9" t="s">
        <v>226</v>
      </c>
      <c r="F278" s="9" t="s">
        <v>281</v>
      </c>
      <c r="G278" s="9" t="s">
        <v>274</v>
      </c>
      <c r="H278" s="6">
        <v>4809</v>
      </c>
      <c r="I278" s="6">
        <v>3764</v>
      </c>
      <c r="J278" s="6">
        <v>3457</v>
      </c>
      <c r="K278" s="6">
        <v>1042</v>
      </c>
      <c r="L278" s="6">
        <v>3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6</v>
      </c>
      <c r="E279" s="9" t="s">
        <v>226</v>
      </c>
      <c r="F279" s="9" t="s">
        <v>281</v>
      </c>
      <c r="G279" s="9" t="s">
        <v>275</v>
      </c>
      <c r="H279" s="6">
        <v>3314</v>
      </c>
      <c r="I279" s="6">
        <v>2549</v>
      </c>
      <c r="J279" s="6">
        <v>2305</v>
      </c>
      <c r="K279" s="6">
        <v>763</v>
      </c>
      <c r="L279" s="6">
        <v>2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6</v>
      </c>
      <c r="E280" s="9" t="s">
        <v>226</v>
      </c>
      <c r="F280" s="9" t="s">
        <v>281</v>
      </c>
      <c r="G280" s="9" t="s">
        <v>276</v>
      </c>
      <c r="H280" s="6">
        <v>3161</v>
      </c>
      <c r="I280" s="6">
        <v>2474</v>
      </c>
      <c r="J280" s="6">
        <v>2262</v>
      </c>
      <c r="K280" s="6">
        <v>684</v>
      </c>
      <c r="L280" s="6">
        <v>3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6</v>
      </c>
      <c r="E281" s="9" t="s">
        <v>226</v>
      </c>
      <c r="F281" s="9" t="s">
        <v>281</v>
      </c>
      <c r="G281" s="9" t="s">
        <v>277</v>
      </c>
      <c r="H281" s="6">
        <v>3789</v>
      </c>
      <c r="I281" s="6">
        <v>3078</v>
      </c>
      <c r="J281" s="6">
        <v>2741</v>
      </c>
      <c r="K281" s="6">
        <v>708</v>
      </c>
      <c r="L281" s="6">
        <v>3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6</v>
      </c>
      <c r="E282" s="9" t="s">
        <v>226</v>
      </c>
      <c r="F282" s="9" t="s">
        <v>281</v>
      </c>
      <c r="G282" s="9" t="s">
        <v>278</v>
      </c>
      <c r="H282" s="6">
        <v>5640</v>
      </c>
      <c r="I282" s="6">
        <v>4655</v>
      </c>
      <c r="J282" s="6">
        <v>4220</v>
      </c>
      <c r="K282" s="6">
        <v>984</v>
      </c>
      <c r="L282" s="6">
        <v>1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6</v>
      </c>
      <c r="E283" s="9" t="s">
        <v>226</v>
      </c>
      <c r="F283" s="9" t="s">
        <v>281</v>
      </c>
      <c r="G283" s="9" t="s">
        <v>279</v>
      </c>
      <c r="H283" s="6">
        <v>3473</v>
      </c>
      <c r="I283" s="6">
        <v>2825</v>
      </c>
      <c r="J283" s="6">
        <v>2522</v>
      </c>
      <c r="K283" s="6">
        <v>643</v>
      </c>
      <c r="L283" s="6">
        <v>5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6</v>
      </c>
      <c r="E284" s="9" t="s">
        <v>226</v>
      </c>
      <c r="F284" s="9" t="s">
        <v>281</v>
      </c>
      <c r="G284" s="9" t="s">
        <v>280</v>
      </c>
      <c r="H284" s="6">
        <v>40281</v>
      </c>
      <c r="I284" s="6">
        <v>28316</v>
      </c>
      <c r="J284" s="6">
        <v>20404</v>
      </c>
      <c r="K284" s="6">
        <v>11880</v>
      </c>
      <c r="L284" s="6">
        <v>85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6</v>
      </c>
      <c r="E285" s="9" t="s">
        <v>226</v>
      </c>
      <c r="F285" s="9" t="s">
        <v>282</v>
      </c>
      <c r="G285" s="9" t="s">
        <v>6</v>
      </c>
      <c r="H285" s="6">
        <v>64879</v>
      </c>
      <c r="I285" s="6">
        <v>51723</v>
      </c>
      <c r="J285" s="6">
        <v>46293</v>
      </c>
      <c r="K285" s="6">
        <v>13108</v>
      </c>
      <c r="L285" s="6">
        <v>48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6</v>
      </c>
      <c r="E286" s="9" t="s">
        <v>226</v>
      </c>
      <c r="F286" s="9" t="s">
        <v>282</v>
      </c>
      <c r="G286" s="9" t="s">
        <v>272</v>
      </c>
      <c r="H286" s="6">
        <v>3831</v>
      </c>
      <c r="I286" s="6">
        <v>2047</v>
      </c>
      <c r="J286" s="6">
        <v>1899</v>
      </c>
      <c r="K286" s="6">
        <v>1781</v>
      </c>
      <c r="L286" s="6">
        <v>3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6</v>
      </c>
      <c r="E287" s="9" t="s">
        <v>226</v>
      </c>
      <c r="F287" s="9" t="s">
        <v>282</v>
      </c>
      <c r="G287" s="9" t="s">
        <v>273</v>
      </c>
      <c r="H287" s="6">
        <v>7482</v>
      </c>
      <c r="I287" s="6">
        <v>5671</v>
      </c>
      <c r="J287" s="6">
        <v>5235</v>
      </c>
      <c r="K287" s="6">
        <v>1804</v>
      </c>
      <c r="L287" s="6">
        <v>7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6</v>
      </c>
      <c r="E288" s="9" t="s">
        <v>226</v>
      </c>
      <c r="F288" s="9" t="s">
        <v>282</v>
      </c>
      <c r="G288" s="9" t="s">
        <v>274</v>
      </c>
      <c r="H288" s="6">
        <v>8835</v>
      </c>
      <c r="I288" s="6">
        <v>7142</v>
      </c>
      <c r="J288" s="6">
        <v>6579</v>
      </c>
      <c r="K288" s="6">
        <v>1692</v>
      </c>
      <c r="L288" s="6">
        <v>1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6</v>
      </c>
      <c r="E289" s="9" t="s">
        <v>226</v>
      </c>
      <c r="F289" s="9" t="s">
        <v>282</v>
      </c>
      <c r="G289" s="9" t="s">
        <v>275</v>
      </c>
      <c r="H289" s="6">
        <v>7991</v>
      </c>
      <c r="I289" s="6">
        <v>6640</v>
      </c>
      <c r="J289" s="6">
        <v>6124</v>
      </c>
      <c r="K289" s="6">
        <v>1343</v>
      </c>
      <c r="L289" s="6">
        <v>8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6</v>
      </c>
      <c r="E290" s="9" t="s">
        <v>226</v>
      </c>
      <c r="F290" s="9" t="s">
        <v>282</v>
      </c>
      <c r="G290" s="9" t="s">
        <v>276</v>
      </c>
      <c r="H290" s="6">
        <v>7992</v>
      </c>
      <c r="I290" s="6">
        <v>6899</v>
      </c>
      <c r="J290" s="6">
        <v>6319</v>
      </c>
      <c r="K290" s="6">
        <v>1087</v>
      </c>
      <c r="L290" s="6">
        <v>6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6</v>
      </c>
      <c r="E291" s="9" t="s">
        <v>226</v>
      </c>
      <c r="F291" s="9" t="s">
        <v>282</v>
      </c>
      <c r="G291" s="9" t="s">
        <v>277</v>
      </c>
      <c r="H291" s="6">
        <v>7920</v>
      </c>
      <c r="I291" s="6">
        <v>6900</v>
      </c>
      <c r="J291" s="6">
        <v>6323</v>
      </c>
      <c r="K291" s="6">
        <v>1018</v>
      </c>
      <c r="L291" s="6">
        <v>2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6</v>
      </c>
      <c r="E292" s="9" t="s">
        <v>226</v>
      </c>
      <c r="F292" s="9" t="s">
        <v>282</v>
      </c>
      <c r="G292" s="9" t="s">
        <v>278</v>
      </c>
      <c r="H292" s="6">
        <v>6614</v>
      </c>
      <c r="I292" s="6">
        <v>5652</v>
      </c>
      <c r="J292" s="6">
        <v>5130</v>
      </c>
      <c r="K292" s="6">
        <v>958</v>
      </c>
      <c r="L292" s="6">
        <v>4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6</v>
      </c>
      <c r="E293" s="9" t="s">
        <v>226</v>
      </c>
      <c r="F293" s="9" t="s">
        <v>282</v>
      </c>
      <c r="G293" s="9" t="s">
        <v>279</v>
      </c>
      <c r="H293" s="6">
        <v>3041</v>
      </c>
      <c r="I293" s="6">
        <v>2574</v>
      </c>
      <c r="J293" s="6">
        <v>2314</v>
      </c>
      <c r="K293" s="6">
        <v>466</v>
      </c>
      <c r="L293" s="6">
        <v>1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6</v>
      </c>
      <c r="E294" s="9" t="s">
        <v>226</v>
      </c>
      <c r="F294" s="9" t="s">
        <v>282</v>
      </c>
      <c r="G294" s="9" t="s">
        <v>280</v>
      </c>
      <c r="H294" s="6">
        <v>11173</v>
      </c>
      <c r="I294" s="6">
        <v>8198</v>
      </c>
      <c r="J294" s="6">
        <v>6370</v>
      </c>
      <c r="K294" s="6">
        <v>2959</v>
      </c>
      <c r="L294" s="6">
        <v>16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6</v>
      </c>
      <c r="E295" s="9" t="s">
        <v>226</v>
      </c>
      <c r="F295" s="9" t="s">
        <v>283</v>
      </c>
      <c r="G295" s="9" t="s">
        <v>6</v>
      </c>
      <c r="H295" s="6">
        <v>30576</v>
      </c>
      <c r="I295" s="6">
        <v>25228</v>
      </c>
      <c r="J295" s="6">
        <v>22496</v>
      </c>
      <c r="K295" s="6">
        <v>5327</v>
      </c>
      <c r="L295" s="6">
        <v>21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6</v>
      </c>
      <c r="E296" s="9" t="s">
        <v>226</v>
      </c>
      <c r="F296" s="9" t="s">
        <v>283</v>
      </c>
      <c r="G296" s="9" t="s">
        <v>272</v>
      </c>
      <c r="H296" s="6">
        <v>2474</v>
      </c>
      <c r="I296" s="6">
        <v>1375</v>
      </c>
      <c r="J296" s="6">
        <v>1231</v>
      </c>
      <c r="K296" s="6">
        <v>1099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6</v>
      </c>
      <c r="E297" s="9" t="s">
        <v>226</v>
      </c>
      <c r="F297" s="9" t="s">
        <v>283</v>
      </c>
      <c r="G297" s="9" t="s">
        <v>273</v>
      </c>
      <c r="H297" s="6">
        <v>4999</v>
      </c>
      <c r="I297" s="6">
        <v>3942</v>
      </c>
      <c r="J297" s="6">
        <v>3533</v>
      </c>
      <c r="K297" s="6">
        <v>1056</v>
      </c>
      <c r="L297" s="6">
        <v>1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6</v>
      </c>
      <c r="E298" s="9" t="s">
        <v>226</v>
      </c>
      <c r="F298" s="9" t="s">
        <v>283</v>
      </c>
      <c r="G298" s="9" t="s">
        <v>274</v>
      </c>
      <c r="H298" s="6">
        <v>6614</v>
      </c>
      <c r="I298" s="6">
        <v>5643</v>
      </c>
      <c r="J298" s="6">
        <v>5088</v>
      </c>
      <c r="K298" s="6">
        <v>965</v>
      </c>
      <c r="L298" s="6">
        <v>6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6</v>
      </c>
      <c r="E299" s="9" t="s">
        <v>226</v>
      </c>
      <c r="F299" s="9" t="s">
        <v>283</v>
      </c>
      <c r="G299" s="9" t="s">
        <v>275</v>
      </c>
      <c r="H299" s="6">
        <v>5740</v>
      </c>
      <c r="I299" s="6">
        <v>4975</v>
      </c>
      <c r="J299" s="6">
        <v>4470</v>
      </c>
      <c r="K299" s="6">
        <v>760</v>
      </c>
      <c r="L299" s="6">
        <v>5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6</v>
      </c>
      <c r="E300" s="9" t="s">
        <v>226</v>
      </c>
      <c r="F300" s="9" t="s">
        <v>283</v>
      </c>
      <c r="G300" s="9" t="s">
        <v>276</v>
      </c>
      <c r="H300" s="6">
        <v>4577</v>
      </c>
      <c r="I300" s="6">
        <v>4062</v>
      </c>
      <c r="J300" s="6">
        <v>3625</v>
      </c>
      <c r="K300" s="6">
        <v>513</v>
      </c>
      <c r="L300" s="6">
        <v>2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6</v>
      </c>
      <c r="E301" s="9" t="s">
        <v>226</v>
      </c>
      <c r="F301" s="9" t="s">
        <v>283</v>
      </c>
      <c r="G301" s="9" t="s">
        <v>277</v>
      </c>
      <c r="H301" s="6">
        <v>2985</v>
      </c>
      <c r="I301" s="6">
        <v>2639</v>
      </c>
      <c r="J301" s="6">
        <v>2400</v>
      </c>
      <c r="K301" s="6">
        <v>342</v>
      </c>
      <c r="L301" s="6">
        <v>4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6</v>
      </c>
      <c r="E302" s="9" t="s">
        <v>226</v>
      </c>
      <c r="F302" s="9" t="s">
        <v>283</v>
      </c>
      <c r="G302" s="9" t="s">
        <v>278</v>
      </c>
      <c r="H302" s="6">
        <v>1471</v>
      </c>
      <c r="I302" s="6">
        <v>1273</v>
      </c>
      <c r="J302" s="6">
        <v>1135</v>
      </c>
      <c r="K302" s="6">
        <v>197</v>
      </c>
      <c r="L302" s="6">
        <v>1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6</v>
      </c>
      <c r="E303" s="9" t="s">
        <v>226</v>
      </c>
      <c r="F303" s="9" t="s">
        <v>283</v>
      </c>
      <c r="G303" s="9" t="s">
        <v>279</v>
      </c>
      <c r="H303" s="6">
        <v>511</v>
      </c>
      <c r="I303" s="6">
        <v>431</v>
      </c>
      <c r="J303" s="6">
        <v>354</v>
      </c>
      <c r="K303" s="6">
        <v>80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6</v>
      </c>
      <c r="E304" s="9" t="s">
        <v>226</v>
      </c>
      <c r="F304" s="9" t="s">
        <v>283</v>
      </c>
      <c r="G304" s="9" t="s">
        <v>280</v>
      </c>
      <c r="H304" s="6">
        <v>1205</v>
      </c>
      <c r="I304" s="6">
        <v>888</v>
      </c>
      <c r="J304" s="6">
        <v>660</v>
      </c>
      <c r="K304" s="6">
        <v>315</v>
      </c>
      <c r="L304" s="6">
        <v>2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6</v>
      </c>
      <c r="E305" s="9" t="s">
        <v>227</v>
      </c>
      <c r="F305" s="9" t="s">
        <v>6</v>
      </c>
      <c r="G305" s="9" t="s">
        <v>6</v>
      </c>
      <c r="H305" s="6">
        <v>210052</v>
      </c>
      <c r="I305" s="6">
        <v>153530</v>
      </c>
      <c r="J305" s="6">
        <v>147322</v>
      </c>
      <c r="K305" s="6">
        <v>56243</v>
      </c>
      <c r="L305" s="6">
        <v>279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6</v>
      </c>
      <c r="E306" s="9" t="s">
        <v>227</v>
      </c>
      <c r="F306" s="9" t="s">
        <v>234</v>
      </c>
      <c r="G306" s="9" t="s">
        <v>6</v>
      </c>
      <c r="H306" s="6">
        <v>68810</v>
      </c>
      <c r="I306" s="6">
        <v>46083</v>
      </c>
      <c r="J306" s="6">
        <v>43839</v>
      </c>
      <c r="K306" s="6">
        <v>22547</v>
      </c>
      <c r="L306" s="6">
        <v>180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6</v>
      </c>
      <c r="E307" s="9" t="s">
        <v>227</v>
      </c>
      <c r="F307" s="9" t="s">
        <v>235</v>
      </c>
      <c r="G307" s="9" t="s">
        <v>6</v>
      </c>
      <c r="H307" s="6">
        <v>141242</v>
      </c>
      <c r="I307" s="6">
        <v>107447</v>
      </c>
      <c r="J307" s="6">
        <v>103483</v>
      </c>
      <c r="K307" s="6">
        <v>33696</v>
      </c>
      <c r="L307" s="6">
        <v>99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6</v>
      </c>
      <c r="E308" s="9" t="s">
        <v>227</v>
      </c>
      <c r="F308" s="9" t="s">
        <v>235</v>
      </c>
      <c r="G308" s="9" t="s">
        <v>272</v>
      </c>
      <c r="H308" s="6">
        <v>9484</v>
      </c>
      <c r="I308" s="6">
        <v>5041</v>
      </c>
      <c r="J308" s="6">
        <v>4904</v>
      </c>
      <c r="K308" s="6">
        <v>4439</v>
      </c>
      <c r="L308" s="6">
        <v>4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6</v>
      </c>
      <c r="E309" s="9" t="s">
        <v>227</v>
      </c>
      <c r="F309" s="9" t="s">
        <v>235</v>
      </c>
      <c r="G309" s="9" t="s">
        <v>273</v>
      </c>
      <c r="H309" s="6">
        <v>17237</v>
      </c>
      <c r="I309" s="6">
        <v>12795</v>
      </c>
      <c r="J309" s="6">
        <v>12414</v>
      </c>
      <c r="K309" s="6">
        <v>4435</v>
      </c>
      <c r="L309" s="6">
        <v>7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6</v>
      </c>
      <c r="E310" s="9" t="s">
        <v>227</v>
      </c>
      <c r="F310" s="9" t="s">
        <v>235</v>
      </c>
      <c r="G310" s="9" t="s">
        <v>274</v>
      </c>
      <c r="H310" s="6">
        <v>18027</v>
      </c>
      <c r="I310" s="6">
        <v>14570</v>
      </c>
      <c r="J310" s="6">
        <v>14064</v>
      </c>
      <c r="K310" s="6">
        <v>3451</v>
      </c>
      <c r="L310" s="6">
        <v>6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6</v>
      </c>
      <c r="E311" s="9" t="s">
        <v>227</v>
      </c>
      <c r="F311" s="9" t="s">
        <v>235</v>
      </c>
      <c r="G311" s="9" t="s">
        <v>275</v>
      </c>
      <c r="H311" s="6">
        <v>15050</v>
      </c>
      <c r="I311" s="6">
        <v>12375</v>
      </c>
      <c r="J311" s="6">
        <v>11953</v>
      </c>
      <c r="K311" s="6">
        <v>2667</v>
      </c>
      <c r="L311" s="6">
        <v>8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6</v>
      </c>
      <c r="E312" s="9" t="s">
        <v>227</v>
      </c>
      <c r="F312" s="9" t="s">
        <v>235</v>
      </c>
      <c r="G312" s="9" t="s">
        <v>276</v>
      </c>
      <c r="H312" s="6">
        <v>13836</v>
      </c>
      <c r="I312" s="6">
        <v>11733</v>
      </c>
      <c r="J312" s="6">
        <v>11338</v>
      </c>
      <c r="K312" s="6">
        <v>2097</v>
      </c>
      <c r="L312" s="6">
        <v>6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6</v>
      </c>
      <c r="E313" s="9" t="s">
        <v>227</v>
      </c>
      <c r="F313" s="9" t="s">
        <v>235</v>
      </c>
      <c r="G313" s="9" t="s">
        <v>277</v>
      </c>
      <c r="H313" s="6">
        <v>12884</v>
      </c>
      <c r="I313" s="6">
        <v>10976</v>
      </c>
      <c r="J313" s="6">
        <v>10591</v>
      </c>
      <c r="K313" s="6">
        <v>1903</v>
      </c>
      <c r="L313" s="6">
        <v>5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6</v>
      </c>
      <c r="E314" s="9" t="s">
        <v>227</v>
      </c>
      <c r="F314" s="9" t="s">
        <v>235</v>
      </c>
      <c r="G314" s="9" t="s">
        <v>278</v>
      </c>
      <c r="H314" s="6">
        <v>11959</v>
      </c>
      <c r="I314" s="6">
        <v>9983</v>
      </c>
      <c r="J314" s="6">
        <v>9646</v>
      </c>
      <c r="K314" s="6">
        <v>1974</v>
      </c>
      <c r="L314" s="6">
        <v>2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6</v>
      </c>
      <c r="E315" s="9" t="s">
        <v>227</v>
      </c>
      <c r="F315" s="9" t="s">
        <v>235</v>
      </c>
      <c r="G315" s="9" t="s">
        <v>279</v>
      </c>
      <c r="H315" s="6">
        <v>5959</v>
      </c>
      <c r="I315" s="6">
        <v>4891</v>
      </c>
      <c r="J315" s="6">
        <v>4723</v>
      </c>
      <c r="K315" s="6">
        <v>1063</v>
      </c>
      <c r="L315" s="6">
        <v>5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6</v>
      </c>
      <c r="E316" s="9" t="s">
        <v>227</v>
      </c>
      <c r="F316" s="9" t="s">
        <v>235</v>
      </c>
      <c r="G316" s="9" t="s">
        <v>280</v>
      </c>
      <c r="H316" s="6">
        <v>36806</v>
      </c>
      <c r="I316" s="6">
        <v>25083</v>
      </c>
      <c r="J316" s="6">
        <v>23850</v>
      </c>
      <c r="K316" s="6">
        <v>11667</v>
      </c>
      <c r="L316" s="6">
        <v>56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6</v>
      </c>
      <c r="E317" s="9" t="s">
        <v>227</v>
      </c>
      <c r="F317" s="9" t="s">
        <v>281</v>
      </c>
      <c r="G317" s="9" t="s">
        <v>6</v>
      </c>
      <c r="H317" s="6">
        <v>58997</v>
      </c>
      <c r="I317" s="6">
        <v>41800</v>
      </c>
      <c r="J317" s="6">
        <v>40023</v>
      </c>
      <c r="K317" s="6">
        <v>17136</v>
      </c>
      <c r="L317" s="6">
        <v>61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6</v>
      </c>
      <c r="E318" s="9" t="s">
        <v>227</v>
      </c>
      <c r="F318" s="9" t="s">
        <v>281</v>
      </c>
      <c r="G318" s="9" t="s">
        <v>272</v>
      </c>
      <c r="H318" s="6">
        <v>3856</v>
      </c>
      <c r="I318" s="6">
        <v>2029</v>
      </c>
      <c r="J318" s="6">
        <v>1979</v>
      </c>
      <c r="K318" s="6">
        <v>1826</v>
      </c>
      <c r="L318" s="6">
        <v>1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6</v>
      </c>
      <c r="E319" s="9" t="s">
        <v>227</v>
      </c>
      <c r="F319" s="9" t="s">
        <v>281</v>
      </c>
      <c r="G319" s="9" t="s">
        <v>273</v>
      </c>
      <c r="H319" s="6">
        <v>6158</v>
      </c>
      <c r="I319" s="6">
        <v>4378</v>
      </c>
      <c r="J319" s="6">
        <v>4265</v>
      </c>
      <c r="K319" s="6">
        <v>1777</v>
      </c>
      <c r="L319" s="6">
        <v>3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6</v>
      </c>
      <c r="E320" s="9" t="s">
        <v>227</v>
      </c>
      <c r="F320" s="9" t="s">
        <v>281</v>
      </c>
      <c r="G320" s="9" t="s">
        <v>274</v>
      </c>
      <c r="H320" s="6">
        <v>4327</v>
      </c>
      <c r="I320" s="6">
        <v>3351</v>
      </c>
      <c r="J320" s="6">
        <v>3219</v>
      </c>
      <c r="K320" s="6">
        <v>974</v>
      </c>
      <c r="L320" s="6">
        <v>2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6</v>
      </c>
      <c r="E321" s="9" t="s">
        <v>227</v>
      </c>
      <c r="F321" s="9" t="s">
        <v>281</v>
      </c>
      <c r="G321" s="9" t="s">
        <v>275</v>
      </c>
      <c r="H321" s="6">
        <v>2936</v>
      </c>
      <c r="I321" s="6">
        <v>2221</v>
      </c>
      <c r="J321" s="6">
        <v>2133</v>
      </c>
      <c r="K321" s="6">
        <v>714</v>
      </c>
      <c r="L321" s="6">
        <v>1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6</v>
      </c>
      <c r="E322" s="9" t="s">
        <v>227</v>
      </c>
      <c r="F322" s="9" t="s">
        <v>281</v>
      </c>
      <c r="G322" s="9" t="s">
        <v>276</v>
      </c>
      <c r="H322" s="6">
        <v>2813</v>
      </c>
      <c r="I322" s="6">
        <v>2178</v>
      </c>
      <c r="J322" s="6">
        <v>2090</v>
      </c>
      <c r="K322" s="6">
        <v>633</v>
      </c>
      <c r="L322" s="6">
        <v>2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6</v>
      </c>
      <c r="E323" s="9" t="s">
        <v>227</v>
      </c>
      <c r="F323" s="9" t="s">
        <v>281</v>
      </c>
      <c r="G323" s="9" t="s">
        <v>277</v>
      </c>
      <c r="H323" s="6">
        <v>3266</v>
      </c>
      <c r="I323" s="6">
        <v>2615</v>
      </c>
      <c r="J323" s="6">
        <v>2489</v>
      </c>
      <c r="K323" s="6">
        <v>649</v>
      </c>
      <c r="L323" s="6">
        <v>2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6</v>
      </c>
      <c r="E324" s="9" t="s">
        <v>227</v>
      </c>
      <c r="F324" s="9" t="s">
        <v>281</v>
      </c>
      <c r="G324" s="9" t="s">
        <v>278</v>
      </c>
      <c r="H324" s="6">
        <v>4917</v>
      </c>
      <c r="I324" s="6">
        <v>4007</v>
      </c>
      <c r="J324" s="6">
        <v>3877</v>
      </c>
      <c r="K324" s="6">
        <v>910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6</v>
      </c>
      <c r="E325" s="9" t="s">
        <v>227</v>
      </c>
      <c r="F325" s="9" t="s">
        <v>281</v>
      </c>
      <c r="G325" s="9" t="s">
        <v>279</v>
      </c>
      <c r="H325" s="6">
        <v>2978</v>
      </c>
      <c r="I325" s="6">
        <v>2394</v>
      </c>
      <c r="J325" s="6">
        <v>2310</v>
      </c>
      <c r="K325" s="6">
        <v>580</v>
      </c>
      <c r="L325" s="6">
        <v>4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6</v>
      </c>
      <c r="E326" s="9" t="s">
        <v>227</v>
      </c>
      <c r="F326" s="9" t="s">
        <v>281</v>
      </c>
      <c r="G326" s="9" t="s">
        <v>280</v>
      </c>
      <c r="H326" s="6">
        <v>27746</v>
      </c>
      <c r="I326" s="6">
        <v>18627</v>
      </c>
      <c r="J326" s="6">
        <v>17661</v>
      </c>
      <c r="K326" s="6">
        <v>9073</v>
      </c>
      <c r="L326" s="6">
        <v>46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6</v>
      </c>
      <c r="E327" s="9" t="s">
        <v>227</v>
      </c>
      <c r="F327" s="9" t="s">
        <v>282</v>
      </c>
      <c r="G327" s="9" t="s">
        <v>6</v>
      </c>
      <c r="H327" s="6">
        <v>56073</v>
      </c>
      <c r="I327" s="6">
        <v>44261</v>
      </c>
      <c r="J327" s="6">
        <v>42771</v>
      </c>
      <c r="K327" s="6">
        <v>11785</v>
      </c>
      <c r="L327" s="6">
        <v>27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6</v>
      </c>
      <c r="E328" s="9" t="s">
        <v>227</v>
      </c>
      <c r="F328" s="9" t="s">
        <v>282</v>
      </c>
      <c r="G328" s="9" t="s">
        <v>272</v>
      </c>
      <c r="H328" s="6">
        <v>3483</v>
      </c>
      <c r="I328" s="6">
        <v>1837</v>
      </c>
      <c r="J328" s="6">
        <v>1786</v>
      </c>
      <c r="K328" s="6">
        <v>1643</v>
      </c>
      <c r="L328" s="6">
        <v>3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6</v>
      </c>
      <c r="E329" s="9" t="s">
        <v>227</v>
      </c>
      <c r="F329" s="9" t="s">
        <v>282</v>
      </c>
      <c r="G329" s="9" t="s">
        <v>273</v>
      </c>
      <c r="H329" s="6">
        <v>6745</v>
      </c>
      <c r="I329" s="6">
        <v>5052</v>
      </c>
      <c r="J329" s="6">
        <v>4894</v>
      </c>
      <c r="K329" s="6">
        <v>1689</v>
      </c>
      <c r="L329" s="6">
        <v>4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6</v>
      </c>
      <c r="E330" s="9" t="s">
        <v>227</v>
      </c>
      <c r="F330" s="9" t="s">
        <v>282</v>
      </c>
      <c r="G330" s="9" t="s">
        <v>274</v>
      </c>
      <c r="H330" s="6">
        <v>7950</v>
      </c>
      <c r="I330" s="6">
        <v>6359</v>
      </c>
      <c r="J330" s="6">
        <v>6147</v>
      </c>
      <c r="K330" s="6">
        <v>1590</v>
      </c>
      <c r="L330" s="6">
        <v>1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6</v>
      </c>
      <c r="E331" s="9" t="s">
        <v>227</v>
      </c>
      <c r="F331" s="9" t="s">
        <v>282</v>
      </c>
      <c r="G331" s="9" t="s">
        <v>275</v>
      </c>
      <c r="H331" s="6">
        <v>7184</v>
      </c>
      <c r="I331" s="6">
        <v>5919</v>
      </c>
      <c r="J331" s="6">
        <v>5716</v>
      </c>
      <c r="K331" s="6">
        <v>1262</v>
      </c>
      <c r="L331" s="6">
        <v>3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6</v>
      </c>
      <c r="E332" s="9" t="s">
        <v>227</v>
      </c>
      <c r="F332" s="9" t="s">
        <v>282</v>
      </c>
      <c r="G332" s="9" t="s">
        <v>276</v>
      </c>
      <c r="H332" s="6">
        <v>7114</v>
      </c>
      <c r="I332" s="6">
        <v>6103</v>
      </c>
      <c r="J332" s="6">
        <v>5903</v>
      </c>
      <c r="K332" s="6">
        <v>1008</v>
      </c>
      <c r="L332" s="6">
        <v>3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6</v>
      </c>
      <c r="E333" s="9" t="s">
        <v>227</v>
      </c>
      <c r="F333" s="9" t="s">
        <v>282</v>
      </c>
      <c r="G333" s="9" t="s">
        <v>277</v>
      </c>
      <c r="H333" s="6">
        <v>7012</v>
      </c>
      <c r="I333" s="6">
        <v>6070</v>
      </c>
      <c r="J333" s="6">
        <v>5886</v>
      </c>
      <c r="K333" s="6">
        <v>941</v>
      </c>
      <c r="L333" s="6">
        <v>1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6</v>
      </c>
      <c r="E334" s="9" t="s">
        <v>227</v>
      </c>
      <c r="F334" s="9" t="s">
        <v>282</v>
      </c>
      <c r="G334" s="9" t="s">
        <v>278</v>
      </c>
      <c r="H334" s="6">
        <v>5786</v>
      </c>
      <c r="I334" s="6">
        <v>4900</v>
      </c>
      <c r="J334" s="6">
        <v>4731</v>
      </c>
      <c r="K334" s="6">
        <v>884</v>
      </c>
      <c r="L334" s="6">
        <v>2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6</v>
      </c>
      <c r="E335" s="9" t="s">
        <v>227</v>
      </c>
      <c r="F335" s="9" t="s">
        <v>282</v>
      </c>
      <c r="G335" s="9" t="s">
        <v>279</v>
      </c>
      <c r="H335" s="6">
        <v>2580</v>
      </c>
      <c r="I335" s="6">
        <v>2162</v>
      </c>
      <c r="J335" s="6">
        <v>2092</v>
      </c>
      <c r="K335" s="6">
        <v>417</v>
      </c>
      <c r="L335" s="6">
        <v>1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6</v>
      </c>
      <c r="E336" s="9" t="s">
        <v>227</v>
      </c>
      <c r="F336" s="9" t="s">
        <v>282</v>
      </c>
      <c r="G336" s="9" t="s">
        <v>280</v>
      </c>
      <c r="H336" s="6">
        <v>8219</v>
      </c>
      <c r="I336" s="6">
        <v>5859</v>
      </c>
      <c r="J336" s="6">
        <v>5616</v>
      </c>
      <c r="K336" s="6">
        <v>2351</v>
      </c>
      <c r="L336" s="6">
        <v>9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6</v>
      </c>
      <c r="E337" s="9" t="s">
        <v>227</v>
      </c>
      <c r="F337" s="9" t="s">
        <v>283</v>
      </c>
      <c r="G337" s="9" t="s">
        <v>6</v>
      </c>
      <c r="H337" s="6">
        <v>26172</v>
      </c>
      <c r="I337" s="6">
        <v>21386</v>
      </c>
      <c r="J337" s="6">
        <v>20689</v>
      </c>
      <c r="K337" s="6">
        <v>4775</v>
      </c>
      <c r="L337" s="6">
        <v>11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6</v>
      </c>
      <c r="E338" s="9" t="s">
        <v>227</v>
      </c>
      <c r="F338" s="9" t="s">
        <v>283</v>
      </c>
      <c r="G338" s="9" t="s">
        <v>272</v>
      </c>
      <c r="H338" s="6">
        <v>2145</v>
      </c>
      <c r="I338" s="6">
        <v>1175</v>
      </c>
      <c r="J338" s="6">
        <v>1139</v>
      </c>
      <c r="K338" s="6">
        <v>970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6</v>
      </c>
      <c r="E339" s="9" t="s">
        <v>227</v>
      </c>
      <c r="F339" s="9" t="s">
        <v>283</v>
      </c>
      <c r="G339" s="9" t="s">
        <v>273</v>
      </c>
      <c r="H339" s="6">
        <v>4334</v>
      </c>
      <c r="I339" s="6">
        <v>3365</v>
      </c>
      <c r="J339" s="6">
        <v>3255</v>
      </c>
      <c r="K339" s="6">
        <v>969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6</v>
      </c>
      <c r="E340" s="9" t="s">
        <v>227</v>
      </c>
      <c r="F340" s="9" t="s">
        <v>283</v>
      </c>
      <c r="G340" s="9" t="s">
        <v>274</v>
      </c>
      <c r="H340" s="6">
        <v>5750</v>
      </c>
      <c r="I340" s="6">
        <v>4860</v>
      </c>
      <c r="J340" s="6">
        <v>4698</v>
      </c>
      <c r="K340" s="6">
        <v>887</v>
      </c>
      <c r="L340" s="6">
        <v>3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6</v>
      </c>
      <c r="E341" s="9" t="s">
        <v>227</v>
      </c>
      <c r="F341" s="9" t="s">
        <v>283</v>
      </c>
      <c r="G341" s="9" t="s">
        <v>275</v>
      </c>
      <c r="H341" s="6">
        <v>4930</v>
      </c>
      <c r="I341" s="6">
        <v>4235</v>
      </c>
      <c r="J341" s="6">
        <v>4104</v>
      </c>
      <c r="K341" s="6">
        <v>691</v>
      </c>
      <c r="L341" s="6">
        <v>4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6</v>
      </c>
      <c r="E342" s="9" t="s">
        <v>227</v>
      </c>
      <c r="F342" s="9" t="s">
        <v>283</v>
      </c>
      <c r="G342" s="9" t="s">
        <v>276</v>
      </c>
      <c r="H342" s="6">
        <v>3909</v>
      </c>
      <c r="I342" s="6">
        <v>3452</v>
      </c>
      <c r="J342" s="6">
        <v>3345</v>
      </c>
      <c r="K342" s="6">
        <v>456</v>
      </c>
      <c r="L342" s="6">
        <v>1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6</v>
      </c>
      <c r="E343" s="9" t="s">
        <v>227</v>
      </c>
      <c r="F343" s="9" t="s">
        <v>283</v>
      </c>
      <c r="G343" s="9" t="s">
        <v>277</v>
      </c>
      <c r="H343" s="6">
        <v>2606</v>
      </c>
      <c r="I343" s="6">
        <v>2291</v>
      </c>
      <c r="J343" s="6">
        <v>2216</v>
      </c>
      <c r="K343" s="6">
        <v>313</v>
      </c>
      <c r="L343" s="6">
        <v>2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6</v>
      </c>
      <c r="E344" s="9" t="s">
        <v>227</v>
      </c>
      <c r="F344" s="9" t="s">
        <v>283</v>
      </c>
      <c r="G344" s="9" t="s">
        <v>278</v>
      </c>
      <c r="H344" s="6">
        <v>1256</v>
      </c>
      <c r="I344" s="6">
        <v>1076</v>
      </c>
      <c r="J344" s="6">
        <v>1038</v>
      </c>
      <c r="K344" s="6">
        <v>180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6</v>
      </c>
      <c r="E345" s="9" t="s">
        <v>227</v>
      </c>
      <c r="F345" s="9" t="s">
        <v>283</v>
      </c>
      <c r="G345" s="9" t="s">
        <v>279</v>
      </c>
      <c r="H345" s="6">
        <v>401</v>
      </c>
      <c r="I345" s="6">
        <v>335</v>
      </c>
      <c r="J345" s="6">
        <v>321</v>
      </c>
      <c r="K345" s="6">
        <v>66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6</v>
      </c>
      <c r="E346" s="9" t="s">
        <v>227</v>
      </c>
      <c r="F346" s="9" t="s">
        <v>283</v>
      </c>
      <c r="G346" s="9" t="s">
        <v>280</v>
      </c>
      <c r="H346" s="6">
        <v>841</v>
      </c>
      <c r="I346" s="6">
        <v>597</v>
      </c>
      <c r="J346" s="6">
        <v>573</v>
      </c>
      <c r="K346" s="6">
        <v>243</v>
      </c>
      <c r="L346" s="6">
        <v>1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6</v>
      </c>
      <c r="E347" s="9" t="s">
        <v>228</v>
      </c>
      <c r="F347" s="9" t="s">
        <v>6</v>
      </c>
      <c r="G347" s="9" t="s">
        <v>6</v>
      </c>
      <c r="H347" s="6">
        <v>97045</v>
      </c>
      <c r="I347" s="6">
        <v>17633</v>
      </c>
      <c r="J347" s="6">
        <v>15736</v>
      </c>
      <c r="K347" s="6">
        <v>79214</v>
      </c>
      <c r="L347" s="6">
        <v>198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6</v>
      </c>
      <c r="E348" s="9" t="s">
        <v>228</v>
      </c>
      <c r="F348" s="9" t="s">
        <v>234</v>
      </c>
      <c r="G348" s="9" t="s">
        <v>6</v>
      </c>
      <c r="H348" s="6">
        <v>66540</v>
      </c>
      <c r="I348" s="6">
        <v>10633</v>
      </c>
      <c r="J348" s="6">
        <v>9503</v>
      </c>
      <c r="K348" s="6">
        <v>55748</v>
      </c>
      <c r="L348" s="6">
        <v>159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6</v>
      </c>
      <c r="E349" s="9" t="s">
        <v>228</v>
      </c>
      <c r="F349" s="9" t="s">
        <v>235</v>
      </c>
      <c r="G349" s="9" t="s">
        <v>6</v>
      </c>
      <c r="H349" s="6">
        <v>30505</v>
      </c>
      <c r="I349" s="6">
        <v>7000</v>
      </c>
      <c r="J349" s="6">
        <v>6233</v>
      </c>
      <c r="K349" s="6">
        <v>23466</v>
      </c>
      <c r="L349" s="6">
        <v>39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6</v>
      </c>
      <c r="E350" s="9" t="s">
        <v>228</v>
      </c>
      <c r="F350" s="9" t="s">
        <v>235</v>
      </c>
      <c r="G350" s="9" t="s">
        <v>272</v>
      </c>
      <c r="H350" s="6">
        <v>147</v>
      </c>
      <c r="I350" s="6">
        <v>52</v>
      </c>
      <c r="J350" s="6">
        <v>52</v>
      </c>
      <c r="K350" s="6">
        <v>93</v>
      </c>
      <c r="L350" s="6">
        <v>2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6</v>
      </c>
      <c r="E351" s="9" t="s">
        <v>228</v>
      </c>
      <c r="F351" s="9" t="s">
        <v>235</v>
      </c>
      <c r="G351" s="9" t="s">
        <v>273</v>
      </c>
      <c r="H351" s="6">
        <v>231</v>
      </c>
      <c r="I351" s="6">
        <v>130</v>
      </c>
      <c r="J351" s="6">
        <v>125</v>
      </c>
      <c r="K351" s="6">
        <v>100</v>
      </c>
      <c r="L351" s="6">
        <v>1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6</v>
      </c>
      <c r="E352" s="9" t="s">
        <v>228</v>
      </c>
      <c r="F352" s="9" t="s">
        <v>235</v>
      </c>
      <c r="G352" s="9" t="s">
        <v>274</v>
      </c>
      <c r="H352" s="6">
        <v>256</v>
      </c>
      <c r="I352" s="6">
        <v>175</v>
      </c>
      <c r="J352" s="6">
        <v>163</v>
      </c>
      <c r="K352" s="6">
        <v>81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6</v>
      </c>
      <c r="E353" s="9" t="s">
        <v>228</v>
      </c>
      <c r="F353" s="9" t="s">
        <v>235</v>
      </c>
      <c r="G353" s="9" t="s">
        <v>275</v>
      </c>
      <c r="H353" s="6">
        <v>244</v>
      </c>
      <c r="I353" s="6">
        <v>169</v>
      </c>
      <c r="J353" s="6">
        <v>153</v>
      </c>
      <c r="K353" s="6">
        <v>73</v>
      </c>
      <c r="L353" s="6">
        <v>2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6</v>
      </c>
      <c r="E354" s="9" t="s">
        <v>228</v>
      </c>
      <c r="F354" s="9" t="s">
        <v>235</v>
      </c>
      <c r="G354" s="9" t="s">
        <v>276</v>
      </c>
      <c r="H354" s="6">
        <v>246</v>
      </c>
      <c r="I354" s="6">
        <v>179</v>
      </c>
      <c r="J354" s="6">
        <v>166</v>
      </c>
      <c r="K354" s="6">
        <v>66</v>
      </c>
      <c r="L354" s="6">
        <v>1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6</v>
      </c>
      <c r="E355" s="9" t="s">
        <v>228</v>
      </c>
      <c r="F355" s="9" t="s">
        <v>235</v>
      </c>
      <c r="G355" s="9" t="s">
        <v>277</v>
      </c>
      <c r="H355" s="6">
        <v>281</v>
      </c>
      <c r="I355" s="6">
        <v>223</v>
      </c>
      <c r="J355" s="6">
        <v>213</v>
      </c>
      <c r="K355" s="6">
        <v>57</v>
      </c>
      <c r="L355" s="6">
        <v>1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6</v>
      </c>
      <c r="E356" s="9" t="s">
        <v>228</v>
      </c>
      <c r="F356" s="9" t="s">
        <v>235</v>
      </c>
      <c r="G356" s="9" t="s">
        <v>278</v>
      </c>
      <c r="H356" s="6">
        <v>343</v>
      </c>
      <c r="I356" s="6">
        <v>260</v>
      </c>
      <c r="J356" s="6">
        <v>248</v>
      </c>
      <c r="K356" s="6">
        <v>83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6</v>
      </c>
      <c r="E357" s="9" t="s">
        <v>228</v>
      </c>
      <c r="F357" s="9" t="s">
        <v>235</v>
      </c>
      <c r="G357" s="9" t="s">
        <v>279</v>
      </c>
      <c r="H357" s="6">
        <v>265</v>
      </c>
      <c r="I357" s="6">
        <v>188</v>
      </c>
      <c r="J357" s="6">
        <v>183</v>
      </c>
      <c r="K357" s="6">
        <v>77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6</v>
      </c>
      <c r="E358" s="9" t="s">
        <v>228</v>
      </c>
      <c r="F358" s="9" t="s">
        <v>235</v>
      </c>
      <c r="G358" s="9" t="s">
        <v>280</v>
      </c>
      <c r="H358" s="6">
        <v>28492</v>
      </c>
      <c r="I358" s="6">
        <v>5624</v>
      </c>
      <c r="J358" s="6">
        <v>4930</v>
      </c>
      <c r="K358" s="6">
        <v>22836</v>
      </c>
      <c r="L358" s="6">
        <v>32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6</v>
      </c>
      <c r="E359" s="9" t="s">
        <v>228</v>
      </c>
      <c r="F359" s="9" t="s">
        <v>281</v>
      </c>
      <c r="G359" s="9" t="s">
        <v>6</v>
      </c>
      <c r="H359" s="6">
        <v>24839</v>
      </c>
      <c r="I359" s="6">
        <v>5051</v>
      </c>
      <c r="J359" s="6">
        <v>4446</v>
      </c>
      <c r="K359" s="6">
        <v>19760</v>
      </c>
      <c r="L359" s="6">
        <v>28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6</v>
      </c>
      <c r="E360" s="9" t="s">
        <v>228</v>
      </c>
      <c r="F360" s="9" t="s">
        <v>281</v>
      </c>
      <c r="G360" s="9" t="s">
        <v>272</v>
      </c>
      <c r="H360" s="6">
        <v>64</v>
      </c>
      <c r="I360" s="6">
        <v>24</v>
      </c>
      <c r="J360" s="6">
        <v>24</v>
      </c>
      <c r="K360" s="6">
        <v>39</v>
      </c>
      <c r="L360" s="6">
        <v>1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6</v>
      </c>
      <c r="E361" s="9" t="s">
        <v>228</v>
      </c>
      <c r="F361" s="9" t="s">
        <v>281</v>
      </c>
      <c r="G361" s="9" t="s">
        <v>273</v>
      </c>
      <c r="H361" s="6">
        <v>87</v>
      </c>
      <c r="I361" s="6">
        <v>52</v>
      </c>
      <c r="J361" s="6">
        <v>48</v>
      </c>
      <c r="K361" s="6">
        <v>35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6</v>
      </c>
      <c r="E362" s="9" t="s">
        <v>228</v>
      </c>
      <c r="F362" s="9" t="s">
        <v>281</v>
      </c>
      <c r="G362" s="9" t="s">
        <v>274</v>
      </c>
      <c r="H362" s="6">
        <v>86</v>
      </c>
      <c r="I362" s="6">
        <v>64</v>
      </c>
      <c r="J362" s="6">
        <v>61</v>
      </c>
      <c r="K362" s="6">
        <v>22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6</v>
      </c>
      <c r="E363" s="9" t="s">
        <v>228</v>
      </c>
      <c r="F363" s="9" t="s">
        <v>281</v>
      </c>
      <c r="G363" s="9" t="s">
        <v>275</v>
      </c>
      <c r="H363" s="6">
        <v>64</v>
      </c>
      <c r="I363" s="6">
        <v>47</v>
      </c>
      <c r="J363" s="6">
        <v>43</v>
      </c>
      <c r="K363" s="6">
        <v>17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6</v>
      </c>
      <c r="E364" s="9" t="s">
        <v>228</v>
      </c>
      <c r="F364" s="9" t="s">
        <v>281</v>
      </c>
      <c r="G364" s="9" t="s">
        <v>276</v>
      </c>
      <c r="H364" s="6">
        <v>82</v>
      </c>
      <c r="I364" s="6">
        <v>57</v>
      </c>
      <c r="J364" s="6">
        <v>54</v>
      </c>
      <c r="K364" s="6">
        <v>25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6</v>
      </c>
      <c r="E365" s="9" t="s">
        <v>228</v>
      </c>
      <c r="F365" s="9" t="s">
        <v>281</v>
      </c>
      <c r="G365" s="9" t="s">
        <v>277</v>
      </c>
      <c r="H365" s="6">
        <v>98</v>
      </c>
      <c r="I365" s="6">
        <v>73</v>
      </c>
      <c r="J365" s="6">
        <v>69</v>
      </c>
      <c r="K365" s="6">
        <v>24</v>
      </c>
      <c r="L365" s="6">
        <v>1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6</v>
      </c>
      <c r="E366" s="9" t="s">
        <v>228</v>
      </c>
      <c r="F366" s="9" t="s">
        <v>281</v>
      </c>
      <c r="G366" s="9" t="s">
        <v>278</v>
      </c>
      <c r="H366" s="6">
        <v>162</v>
      </c>
      <c r="I366" s="6">
        <v>121</v>
      </c>
      <c r="J366" s="6">
        <v>115</v>
      </c>
      <c r="K366" s="6">
        <v>41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6</v>
      </c>
      <c r="E367" s="9" t="s">
        <v>228</v>
      </c>
      <c r="F367" s="9" t="s">
        <v>281</v>
      </c>
      <c r="G367" s="9" t="s">
        <v>279</v>
      </c>
      <c r="H367" s="6">
        <v>137</v>
      </c>
      <c r="I367" s="6">
        <v>95</v>
      </c>
      <c r="J367" s="6">
        <v>94</v>
      </c>
      <c r="K367" s="6">
        <v>4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6</v>
      </c>
      <c r="E368" s="9" t="s">
        <v>228</v>
      </c>
      <c r="F368" s="9" t="s">
        <v>281</v>
      </c>
      <c r="G368" s="9" t="s">
        <v>280</v>
      </c>
      <c r="H368" s="6">
        <v>24059</v>
      </c>
      <c r="I368" s="6">
        <v>4518</v>
      </c>
      <c r="J368" s="6">
        <v>3938</v>
      </c>
      <c r="K368" s="6">
        <v>19515</v>
      </c>
      <c r="L368" s="6">
        <v>26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6</v>
      </c>
      <c r="E369" s="9" t="s">
        <v>228</v>
      </c>
      <c r="F369" s="9" t="s">
        <v>282</v>
      </c>
      <c r="G369" s="9" t="s">
        <v>6</v>
      </c>
      <c r="H369" s="6">
        <v>4979</v>
      </c>
      <c r="I369" s="6">
        <v>1582</v>
      </c>
      <c r="J369" s="6">
        <v>1448</v>
      </c>
      <c r="K369" s="6">
        <v>3389</v>
      </c>
      <c r="L369" s="6">
        <v>8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6</v>
      </c>
      <c r="E370" s="9" t="s">
        <v>228</v>
      </c>
      <c r="F370" s="9" t="s">
        <v>282</v>
      </c>
      <c r="G370" s="9" t="s">
        <v>272</v>
      </c>
      <c r="H370" s="6">
        <v>48</v>
      </c>
      <c r="I370" s="6">
        <v>13</v>
      </c>
      <c r="J370" s="6">
        <v>13</v>
      </c>
      <c r="K370" s="6">
        <v>34</v>
      </c>
      <c r="L370" s="6">
        <v>1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6</v>
      </c>
      <c r="E371" s="9" t="s">
        <v>228</v>
      </c>
      <c r="F371" s="9" t="s">
        <v>282</v>
      </c>
      <c r="G371" s="9" t="s">
        <v>273</v>
      </c>
      <c r="H371" s="6">
        <v>89</v>
      </c>
      <c r="I371" s="6">
        <v>43</v>
      </c>
      <c r="J371" s="6">
        <v>43</v>
      </c>
      <c r="K371" s="6">
        <v>46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6</v>
      </c>
      <c r="E372" s="9" t="s">
        <v>228</v>
      </c>
      <c r="F372" s="9" t="s">
        <v>282</v>
      </c>
      <c r="G372" s="9" t="s">
        <v>274</v>
      </c>
      <c r="H372" s="6">
        <v>90</v>
      </c>
      <c r="I372" s="6">
        <v>55</v>
      </c>
      <c r="J372" s="6">
        <v>53</v>
      </c>
      <c r="K372" s="6">
        <v>35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6</v>
      </c>
      <c r="E373" s="9" t="s">
        <v>228</v>
      </c>
      <c r="F373" s="9" t="s">
        <v>282</v>
      </c>
      <c r="G373" s="9" t="s">
        <v>275</v>
      </c>
      <c r="H373" s="6">
        <v>107</v>
      </c>
      <c r="I373" s="6">
        <v>73</v>
      </c>
      <c r="J373" s="6">
        <v>67</v>
      </c>
      <c r="K373" s="6">
        <v>33</v>
      </c>
      <c r="L373" s="6">
        <v>1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6</v>
      </c>
      <c r="E374" s="9" t="s">
        <v>228</v>
      </c>
      <c r="F374" s="9" t="s">
        <v>282</v>
      </c>
      <c r="G374" s="9" t="s">
        <v>276</v>
      </c>
      <c r="H374" s="6">
        <v>114</v>
      </c>
      <c r="I374" s="6">
        <v>86</v>
      </c>
      <c r="J374" s="6">
        <v>79</v>
      </c>
      <c r="K374" s="6">
        <v>28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6</v>
      </c>
      <c r="E375" s="9" t="s">
        <v>228</v>
      </c>
      <c r="F375" s="9" t="s">
        <v>282</v>
      </c>
      <c r="G375" s="9" t="s">
        <v>277</v>
      </c>
      <c r="H375" s="6">
        <v>142</v>
      </c>
      <c r="I375" s="6">
        <v>112</v>
      </c>
      <c r="J375" s="6">
        <v>108</v>
      </c>
      <c r="K375" s="6">
        <v>30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6</v>
      </c>
      <c r="E376" s="9" t="s">
        <v>228</v>
      </c>
      <c r="F376" s="9" t="s">
        <v>282</v>
      </c>
      <c r="G376" s="9" t="s">
        <v>278</v>
      </c>
      <c r="H376" s="6">
        <v>148</v>
      </c>
      <c r="I376" s="6">
        <v>114</v>
      </c>
      <c r="J376" s="6">
        <v>108</v>
      </c>
      <c r="K376" s="6">
        <v>34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6</v>
      </c>
      <c r="E377" s="9" t="s">
        <v>228</v>
      </c>
      <c r="F377" s="9" t="s">
        <v>282</v>
      </c>
      <c r="G377" s="9" t="s">
        <v>279</v>
      </c>
      <c r="H377" s="6">
        <v>106</v>
      </c>
      <c r="I377" s="6">
        <v>77</v>
      </c>
      <c r="J377" s="6">
        <v>73</v>
      </c>
      <c r="K377" s="6">
        <v>29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6</v>
      </c>
      <c r="E378" s="9" t="s">
        <v>228</v>
      </c>
      <c r="F378" s="9" t="s">
        <v>282</v>
      </c>
      <c r="G378" s="9" t="s">
        <v>280</v>
      </c>
      <c r="H378" s="6">
        <v>4135</v>
      </c>
      <c r="I378" s="6">
        <v>1009</v>
      </c>
      <c r="J378" s="6">
        <v>904</v>
      </c>
      <c r="K378" s="6">
        <v>3120</v>
      </c>
      <c r="L378" s="6">
        <v>6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6</v>
      </c>
      <c r="E379" s="9" t="s">
        <v>228</v>
      </c>
      <c r="F379" s="9" t="s">
        <v>283</v>
      </c>
      <c r="G379" s="9" t="s">
        <v>6</v>
      </c>
      <c r="H379" s="6">
        <v>687</v>
      </c>
      <c r="I379" s="6">
        <v>367</v>
      </c>
      <c r="J379" s="6">
        <v>339</v>
      </c>
      <c r="K379" s="6">
        <v>317</v>
      </c>
      <c r="L379" s="6">
        <v>3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6</v>
      </c>
      <c r="E380" s="9" t="s">
        <v>228</v>
      </c>
      <c r="F380" s="9" t="s">
        <v>283</v>
      </c>
      <c r="G380" s="9" t="s">
        <v>272</v>
      </c>
      <c r="H380" s="6">
        <v>35</v>
      </c>
      <c r="I380" s="6">
        <v>15</v>
      </c>
      <c r="J380" s="6">
        <v>15</v>
      </c>
      <c r="K380" s="6">
        <v>20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6</v>
      </c>
      <c r="E381" s="9" t="s">
        <v>228</v>
      </c>
      <c r="F381" s="9" t="s">
        <v>283</v>
      </c>
      <c r="G381" s="9" t="s">
        <v>273</v>
      </c>
      <c r="H381" s="6">
        <v>55</v>
      </c>
      <c r="I381" s="6">
        <v>35</v>
      </c>
      <c r="J381" s="6">
        <v>34</v>
      </c>
      <c r="K381" s="6">
        <v>19</v>
      </c>
      <c r="L381" s="6">
        <v>1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6</v>
      </c>
      <c r="E382" s="9" t="s">
        <v>228</v>
      </c>
      <c r="F382" s="9" t="s">
        <v>283</v>
      </c>
      <c r="G382" s="9" t="s">
        <v>274</v>
      </c>
      <c r="H382" s="6">
        <v>80</v>
      </c>
      <c r="I382" s="6">
        <v>56</v>
      </c>
      <c r="J382" s="6">
        <v>49</v>
      </c>
      <c r="K382" s="6">
        <v>24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6</v>
      </c>
      <c r="E383" s="9" t="s">
        <v>228</v>
      </c>
      <c r="F383" s="9" t="s">
        <v>283</v>
      </c>
      <c r="G383" s="9" t="s">
        <v>275</v>
      </c>
      <c r="H383" s="6">
        <v>73</v>
      </c>
      <c r="I383" s="6">
        <v>49</v>
      </c>
      <c r="J383" s="6">
        <v>43</v>
      </c>
      <c r="K383" s="6">
        <v>23</v>
      </c>
      <c r="L383" s="6">
        <v>1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6</v>
      </c>
      <c r="E384" s="9" t="s">
        <v>228</v>
      </c>
      <c r="F384" s="9" t="s">
        <v>283</v>
      </c>
      <c r="G384" s="9" t="s">
        <v>276</v>
      </c>
      <c r="H384" s="6">
        <v>50</v>
      </c>
      <c r="I384" s="6">
        <v>36</v>
      </c>
      <c r="J384" s="6">
        <v>33</v>
      </c>
      <c r="K384" s="6">
        <v>13</v>
      </c>
      <c r="L384" s="6">
        <v>1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6</v>
      </c>
      <c r="E385" s="9" t="s">
        <v>228</v>
      </c>
      <c r="F385" s="9" t="s">
        <v>283</v>
      </c>
      <c r="G385" s="9" t="s">
        <v>277</v>
      </c>
      <c r="H385" s="6">
        <v>41</v>
      </c>
      <c r="I385" s="6">
        <v>38</v>
      </c>
      <c r="J385" s="6">
        <v>36</v>
      </c>
      <c r="K385" s="6">
        <v>3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6</v>
      </c>
      <c r="E386" s="9" t="s">
        <v>228</v>
      </c>
      <c r="F386" s="9" t="s">
        <v>283</v>
      </c>
      <c r="G386" s="9" t="s">
        <v>278</v>
      </c>
      <c r="H386" s="6">
        <v>33</v>
      </c>
      <c r="I386" s="6">
        <v>25</v>
      </c>
      <c r="J386" s="6">
        <v>25</v>
      </c>
      <c r="K386" s="6">
        <v>8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6</v>
      </c>
      <c r="E387" s="9" t="s">
        <v>228</v>
      </c>
      <c r="F387" s="9" t="s">
        <v>283</v>
      </c>
      <c r="G387" s="9" t="s">
        <v>279</v>
      </c>
      <c r="H387" s="6">
        <v>22</v>
      </c>
      <c r="I387" s="6">
        <v>16</v>
      </c>
      <c r="J387" s="6">
        <v>16</v>
      </c>
      <c r="K387" s="6">
        <v>6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6</v>
      </c>
      <c r="E388" s="9" t="s">
        <v>228</v>
      </c>
      <c r="F388" s="9" t="s">
        <v>283</v>
      </c>
      <c r="G388" s="9" t="s">
        <v>280</v>
      </c>
      <c r="H388" s="6">
        <v>298</v>
      </c>
      <c r="I388" s="6">
        <v>97</v>
      </c>
      <c r="J388" s="6">
        <v>88</v>
      </c>
      <c r="K388" s="6">
        <v>201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6</v>
      </c>
      <c r="E389" s="9" t="s">
        <v>18</v>
      </c>
      <c r="F389" s="9" t="s">
        <v>6</v>
      </c>
      <c r="G389" s="9" t="s">
        <v>6</v>
      </c>
      <c r="H389" s="6">
        <v>18067</v>
      </c>
      <c r="I389" s="6">
        <v>339</v>
      </c>
      <c r="J389" s="6">
        <v>252</v>
      </c>
      <c r="K389" s="6">
        <v>257</v>
      </c>
      <c r="L389" s="6">
        <v>17471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6</v>
      </c>
      <c r="E390" s="9" t="s">
        <v>18</v>
      </c>
      <c r="F390" s="9" t="s">
        <v>234</v>
      </c>
      <c r="G390" s="9" t="s">
        <v>6</v>
      </c>
      <c r="H390" s="6">
        <v>7348</v>
      </c>
      <c r="I390" s="6">
        <v>215</v>
      </c>
      <c r="J390" s="6">
        <v>163</v>
      </c>
      <c r="K390" s="6">
        <v>170</v>
      </c>
      <c r="L390" s="6">
        <v>6963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6</v>
      </c>
      <c r="E391" s="9" t="s">
        <v>18</v>
      </c>
      <c r="F391" s="9" t="s">
        <v>235</v>
      </c>
      <c r="G391" s="9" t="s">
        <v>6</v>
      </c>
      <c r="H391" s="6">
        <v>10719</v>
      </c>
      <c r="I391" s="6">
        <v>124</v>
      </c>
      <c r="J391" s="6">
        <v>89</v>
      </c>
      <c r="K391" s="6">
        <v>87</v>
      </c>
      <c r="L391" s="6">
        <v>10508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6</v>
      </c>
      <c r="E392" s="9" t="s">
        <v>18</v>
      </c>
      <c r="F392" s="9" t="s">
        <v>235</v>
      </c>
      <c r="G392" s="9" t="s">
        <v>272</v>
      </c>
      <c r="H392" s="6">
        <v>890</v>
      </c>
      <c r="I392" s="10" t="s">
        <v>55</v>
      </c>
      <c r="J392" s="10" t="s">
        <v>55</v>
      </c>
      <c r="K392" s="6">
        <v>1</v>
      </c>
      <c r="L392" s="6">
        <v>889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6</v>
      </c>
      <c r="E393" s="9" t="s">
        <v>18</v>
      </c>
      <c r="F393" s="9" t="s">
        <v>235</v>
      </c>
      <c r="G393" s="9" t="s">
        <v>273</v>
      </c>
      <c r="H393" s="6">
        <v>1712</v>
      </c>
      <c r="I393" s="6">
        <v>8</v>
      </c>
      <c r="J393" s="6">
        <v>7</v>
      </c>
      <c r="K393" s="6">
        <v>3</v>
      </c>
      <c r="L393" s="6">
        <v>1701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6</v>
      </c>
      <c r="E394" s="9" t="s">
        <v>18</v>
      </c>
      <c r="F394" s="9" t="s">
        <v>235</v>
      </c>
      <c r="G394" s="9" t="s">
        <v>274</v>
      </c>
      <c r="H394" s="6">
        <v>1500</v>
      </c>
      <c r="I394" s="6">
        <v>4</v>
      </c>
      <c r="J394" s="6">
        <v>1</v>
      </c>
      <c r="K394" s="10" t="s">
        <v>55</v>
      </c>
      <c r="L394" s="6">
        <v>1496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6</v>
      </c>
      <c r="E395" s="9" t="s">
        <v>18</v>
      </c>
      <c r="F395" s="9" t="s">
        <v>235</v>
      </c>
      <c r="G395" s="9" t="s">
        <v>275</v>
      </c>
      <c r="H395" s="6">
        <v>1155</v>
      </c>
      <c r="I395" s="6">
        <v>6</v>
      </c>
      <c r="J395" s="6">
        <v>6</v>
      </c>
      <c r="K395" s="10" t="s">
        <v>55</v>
      </c>
      <c r="L395" s="6">
        <v>1149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6</v>
      </c>
      <c r="E396" s="9" t="s">
        <v>18</v>
      </c>
      <c r="F396" s="9" t="s">
        <v>235</v>
      </c>
      <c r="G396" s="9" t="s">
        <v>276</v>
      </c>
      <c r="H396" s="6">
        <v>989</v>
      </c>
      <c r="I396" s="6">
        <v>8</v>
      </c>
      <c r="J396" s="6">
        <v>7</v>
      </c>
      <c r="K396" s="6">
        <v>2</v>
      </c>
      <c r="L396" s="6">
        <v>979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6</v>
      </c>
      <c r="E397" s="9" t="s">
        <v>18</v>
      </c>
      <c r="F397" s="9" t="s">
        <v>235</v>
      </c>
      <c r="G397" s="9" t="s">
        <v>277</v>
      </c>
      <c r="H397" s="6">
        <v>873</v>
      </c>
      <c r="I397" s="6">
        <v>7</v>
      </c>
      <c r="J397" s="6">
        <v>6</v>
      </c>
      <c r="K397" s="6">
        <v>3</v>
      </c>
      <c r="L397" s="6">
        <v>863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6</v>
      </c>
      <c r="E398" s="9" t="s">
        <v>18</v>
      </c>
      <c r="F398" s="9" t="s">
        <v>235</v>
      </c>
      <c r="G398" s="9" t="s">
        <v>278</v>
      </c>
      <c r="H398" s="6">
        <v>712</v>
      </c>
      <c r="I398" s="6">
        <v>4</v>
      </c>
      <c r="J398" s="6">
        <v>4</v>
      </c>
      <c r="K398" s="6">
        <v>3</v>
      </c>
      <c r="L398" s="6">
        <v>705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6</v>
      </c>
      <c r="E399" s="9" t="s">
        <v>18</v>
      </c>
      <c r="F399" s="9" t="s">
        <v>235</v>
      </c>
      <c r="G399" s="9" t="s">
        <v>279</v>
      </c>
      <c r="H399" s="6">
        <v>362</v>
      </c>
      <c r="I399" s="6">
        <v>3</v>
      </c>
      <c r="J399" s="6">
        <v>3</v>
      </c>
      <c r="K399" s="10" t="s">
        <v>55</v>
      </c>
      <c r="L399" s="6">
        <v>359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6</v>
      </c>
      <c r="E400" s="9" t="s">
        <v>18</v>
      </c>
      <c r="F400" s="9" t="s">
        <v>235</v>
      </c>
      <c r="G400" s="9" t="s">
        <v>280</v>
      </c>
      <c r="H400" s="6">
        <v>2526</v>
      </c>
      <c r="I400" s="6">
        <v>84</v>
      </c>
      <c r="J400" s="6">
        <v>55</v>
      </c>
      <c r="K400" s="6">
        <v>75</v>
      </c>
      <c r="L400" s="6">
        <v>2367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6</v>
      </c>
      <c r="E401" s="9" t="s">
        <v>18</v>
      </c>
      <c r="F401" s="9" t="s">
        <v>281</v>
      </c>
      <c r="G401" s="9" t="s">
        <v>6</v>
      </c>
      <c r="H401" s="6">
        <v>4350</v>
      </c>
      <c r="I401" s="6">
        <v>73</v>
      </c>
      <c r="J401" s="6">
        <v>53</v>
      </c>
      <c r="K401" s="6">
        <v>61</v>
      </c>
      <c r="L401" s="6">
        <v>4216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6</v>
      </c>
      <c r="E402" s="9" t="s">
        <v>18</v>
      </c>
      <c r="F402" s="9" t="s">
        <v>281</v>
      </c>
      <c r="G402" s="9" t="s">
        <v>272</v>
      </c>
      <c r="H402" s="6">
        <v>369</v>
      </c>
      <c r="I402" s="10" t="s">
        <v>55</v>
      </c>
      <c r="J402" s="10" t="s">
        <v>55</v>
      </c>
      <c r="K402" s="10" t="s">
        <v>55</v>
      </c>
      <c r="L402" s="6">
        <v>369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6</v>
      </c>
      <c r="E403" s="9" t="s">
        <v>18</v>
      </c>
      <c r="F403" s="9" t="s">
        <v>281</v>
      </c>
      <c r="G403" s="9" t="s">
        <v>273</v>
      </c>
      <c r="H403" s="6">
        <v>628</v>
      </c>
      <c r="I403" s="6">
        <v>3</v>
      </c>
      <c r="J403" s="6">
        <v>2</v>
      </c>
      <c r="K403" s="6">
        <v>1</v>
      </c>
      <c r="L403" s="6">
        <v>624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6</v>
      </c>
      <c r="E404" s="9" t="s">
        <v>18</v>
      </c>
      <c r="F404" s="9" t="s">
        <v>281</v>
      </c>
      <c r="G404" s="9" t="s">
        <v>274</v>
      </c>
      <c r="H404" s="6">
        <v>416</v>
      </c>
      <c r="I404" s="6">
        <v>1</v>
      </c>
      <c r="J404" s="10" t="s">
        <v>55</v>
      </c>
      <c r="K404" s="10" t="s">
        <v>55</v>
      </c>
      <c r="L404" s="6">
        <v>415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6</v>
      </c>
      <c r="E405" s="9" t="s">
        <v>18</v>
      </c>
      <c r="F405" s="9" t="s">
        <v>281</v>
      </c>
      <c r="G405" s="9" t="s">
        <v>275</v>
      </c>
      <c r="H405" s="6">
        <v>253</v>
      </c>
      <c r="I405" s="10" t="s">
        <v>55</v>
      </c>
      <c r="J405" s="10" t="s">
        <v>55</v>
      </c>
      <c r="K405" s="10" t="s">
        <v>55</v>
      </c>
      <c r="L405" s="6">
        <v>253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6</v>
      </c>
      <c r="E406" s="9" t="s">
        <v>18</v>
      </c>
      <c r="F406" s="9" t="s">
        <v>281</v>
      </c>
      <c r="G406" s="9" t="s">
        <v>276</v>
      </c>
      <c r="H406" s="6">
        <v>187</v>
      </c>
      <c r="I406" s="10" t="s">
        <v>55</v>
      </c>
      <c r="J406" s="10" t="s">
        <v>55</v>
      </c>
      <c r="K406" s="10" t="s">
        <v>55</v>
      </c>
      <c r="L406" s="6">
        <v>187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6</v>
      </c>
      <c r="E407" s="9" t="s">
        <v>18</v>
      </c>
      <c r="F407" s="9" t="s">
        <v>281</v>
      </c>
      <c r="G407" s="9" t="s">
        <v>277</v>
      </c>
      <c r="H407" s="6">
        <v>196</v>
      </c>
      <c r="I407" s="6">
        <v>1</v>
      </c>
      <c r="J407" s="6">
        <v>1</v>
      </c>
      <c r="K407" s="10" t="s">
        <v>55</v>
      </c>
      <c r="L407" s="6">
        <v>195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6</v>
      </c>
      <c r="E408" s="9" t="s">
        <v>18</v>
      </c>
      <c r="F408" s="9" t="s">
        <v>281</v>
      </c>
      <c r="G408" s="9" t="s">
        <v>278</v>
      </c>
      <c r="H408" s="6">
        <v>248</v>
      </c>
      <c r="I408" s="6">
        <v>1</v>
      </c>
      <c r="J408" s="6">
        <v>1</v>
      </c>
      <c r="K408" s="6">
        <v>3</v>
      </c>
      <c r="L408" s="6">
        <v>244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6</v>
      </c>
      <c r="E409" s="9" t="s">
        <v>18</v>
      </c>
      <c r="F409" s="9" t="s">
        <v>281</v>
      </c>
      <c r="G409" s="9" t="s">
        <v>279</v>
      </c>
      <c r="H409" s="6">
        <v>163</v>
      </c>
      <c r="I409" s="6">
        <v>2</v>
      </c>
      <c r="J409" s="6">
        <v>2</v>
      </c>
      <c r="K409" s="10" t="s">
        <v>55</v>
      </c>
      <c r="L409" s="6">
        <v>161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6</v>
      </c>
      <c r="E410" s="9" t="s">
        <v>18</v>
      </c>
      <c r="F410" s="9" t="s">
        <v>281</v>
      </c>
      <c r="G410" s="9" t="s">
        <v>280</v>
      </c>
      <c r="H410" s="6">
        <v>1890</v>
      </c>
      <c r="I410" s="6">
        <v>65</v>
      </c>
      <c r="J410" s="6">
        <v>47</v>
      </c>
      <c r="K410" s="6">
        <v>57</v>
      </c>
      <c r="L410" s="6">
        <v>1768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6</v>
      </c>
      <c r="E411" s="9" t="s">
        <v>18</v>
      </c>
      <c r="F411" s="9" t="s">
        <v>282</v>
      </c>
      <c r="G411" s="9" t="s">
        <v>6</v>
      </c>
      <c r="H411" s="6">
        <v>3978</v>
      </c>
      <c r="I411" s="6">
        <v>30</v>
      </c>
      <c r="J411" s="6">
        <v>18</v>
      </c>
      <c r="K411" s="6">
        <v>19</v>
      </c>
      <c r="L411" s="6">
        <v>3929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6</v>
      </c>
      <c r="E412" s="9" t="s">
        <v>18</v>
      </c>
      <c r="F412" s="9" t="s">
        <v>282</v>
      </c>
      <c r="G412" s="9" t="s">
        <v>272</v>
      </c>
      <c r="H412" s="6">
        <v>293</v>
      </c>
      <c r="I412" s="10" t="s">
        <v>55</v>
      </c>
      <c r="J412" s="10" t="s">
        <v>55</v>
      </c>
      <c r="K412" s="10" t="s">
        <v>55</v>
      </c>
      <c r="L412" s="6">
        <v>293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6</v>
      </c>
      <c r="E413" s="9" t="s">
        <v>18</v>
      </c>
      <c r="F413" s="9" t="s">
        <v>282</v>
      </c>
      <c r="G413" s="9" t="s">
        <v>273</v>
      </c>
      <c r="H413" s="6">
        <v>629</v>
      </c>
      <c r="I413" s="6">
        <v>3</v>
      </c>
      <c r="J413" s="6">
        <v>3</v>
      </c>
      <c r="K413" s="10" t="s">
        <v>55</v>
      </c>
      <c r="L413" s="6">
        <v>626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6</v>
      </c>
      <c r="E414" s="9" t="s">
        <v>18</v>
      </c>
      <c r="F414" s="9" t="s">
        <v>282</v>
      </c>
      <c r="G414" s="9" t="s">
        <v>274</v>
      </c>
      <c r="H414" s="6">
        <v>568</v>
      </c>
      <c r="I414" s="10" t="s">
        <v>55</v>
      </c>
      <c r="J414" s="10" t="s">
        <v>55</v>
      </c>
      <c r="K414" s="10" t="s">
        <v>55</v>
      </c>
      <c r="L414" s="6">
        <v>568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6</v>
      </c>
      <c r="E415" s="9" t="s">
        <v>18</v>
      </c>
      <c r="F415" s="9" t="s">
        <v>282</v>
      </c>
      <c r="G415" s="9" t="s">
        <v>275</v>
      </c>
      <c r="H415" s="6">
        <v>491</v>
      </c>
      <c r="I415" s="6">
        <v>1</v>
      </c>
      <c r="J415" s="6">
        <v>1</v>
      </c>
      <c r="K415" s="10" t="s">
        <v>55</v>
      </c>
      <c r="L415" s="6">
        <v>490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6</v>
      </c>
      <c r="E416" s="9" t="s">
        <v>18</v>
      </c>
      <c r="F416" s="9" t="s">
        <v>282</v>
      </c>
      <c r="G416" s="9" t="s">
        <v>276</v>
      </c>
      <c r="H416" s="6">
        <v>483</v>
      </c>
      <c r="I416" s="6">
        <v>3</v>
      </c>
      <c r="J416" s="6">
        <v>3</v>
      </c>
      <c r="K416" s="10" t="s">
        <v>55</v>
      </c>
      <c r="L416" s="6">
        <v>480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6</v>
      </c>
      <c r="E417" s="9" t="s">
        <v>18</v>
      </c>
      <c r="F417" s="9" t="s">
        <v>282</v>
      </c>
      <c r="G417" s="9" t="s">
        <v>277</v>
      </c>
      <c r="H417" s="6">
        <v>429</v>
      </c>
      <c r="I417" s="6">
        <v>3</v>
      </c>
      <c r="J417" s="6">
        <v>2</v>
      </c>
      <c r="K417" s="6">
        <v>2</v>
      </c>
      <c r="L417" s="6">
        <v>424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6</v>
      </c>
      <c r="E418" s="9" t="s">
        <v>18</v>
      </c>
      <c r="F418" s="9" t="s">
        <v>282</v>
      </c>
      <c r="G418" s="9" t="s">
        <v>278</v>
      </c>
      <c r="H418" s="6">
        <v>374</v>
      </c>
      <c r="I418" s="6">
        <v>1</v>
      </c>
      <c r="J418" s="6">
        <v>1</v>
      </c>
      <c r="K418" s="10" t="s">
        <v>55</v>
      </c>
      <c r="L418" s="6">
        <v>373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6</v>
      </c>
      <c r="E419" s="9" t="s">
        <v>18</v>
      </c>
      <c r="F419" s="9" t="s">
        <v>282</v>
      </c>
      <c r="G419" s="9" t="s">
        <v>279</v>
      </c>
      <c r="H419" s="6">
        <v>159</v>
      </c>
      <c r="I419" s="6">
        <v>1</v>
      </c>
      <c r="J419" s="6">
        <v>1</v>
      </c>
      <c r="K419" s="10" t="s">
        <v>55</v>
      </c>
      <c r="L419" s="6">
        <v>158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6</v>
      </c>
      <c r="E420" s="9" t="s">
        <v>18</v>
      </c>
      <c r="F420" s="9" t="s">
        <v>282</v>
      </c>
      <c r="G420" s="9" t="s">
        <v>280</v>
      </c>
      <c r="H420" s="6">
        <v>552</v>
      </c>
      <c r="I420" s="6">
        <v>18</v>
      </c>
      <c r="J420" s="6">
        <v>7</v>
      </c>
      <c r="K420" s="6">
        <v>17</v>
      </c>
      <c r="L420" s="6">
        <v>517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6</v>
      </c>
      <c r="E421" s="9" t="s">
        <v>18</v>
      </c>
      <c r="F421" s="9" t="s">
        <v>283</v>
      </c>
      <c r="G421" s="9" t="s">
        <v>6</v>
      </c>
      <c r="H421" s="6">
        <v>2391</v>
      </c>
      <c r="I421" s="6">
        <v>21</v>
      </c>
      <c r="J421" s="6">
        <v>18</v>
      </c>
      <c r="K421" s="6">
        <v>7</v>
      </c>
      <c r="L421" s="6">
        <v>2363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6</v>
      </c>
      <c r="E422" s="9" t="s">
        <v>18</v>
      </c>
      <c r="F422" s="9" t="s">
        <v>283</v>
      </c>
      <c r="G422" s="9" t="s">
        <v>272</v>
      </c>
      <c r="H422" s="6">
        <v>228</v>
      </c>
      <c r="I422" s="10" t="s">
        <v>55</v>
      </c>
      <c r="J422" s="10" t="s">
        <v>55</v>
      </c>
      <c r="K422" s="6">
        <v>1</v>
      </c>
      <c r="L422" s="6">
        <v>227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6</v>
      </c>
      <c r="E423" s="9" t="s">
        <v>18</v>
      </c>
      <c r="F423" s="9" t="s">
        <v>283</v>
      </c>
      <c r="G423" s="9" t="s">
        <v>273</v>
      </c>
      <c r="H423" s="6">
        <v>455</v>
      </c>
      <c r="I423" s="6">
        <v>2</v>
      </c>
      <c r="J423" s="6">
        <v>2</v>
      </c>
      <c r="K423" s="6">
        <v>2</v>
      </c>
      <c r="L423" s="6">
        <v>451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6</v>
      </c>
      <c r="E424" s="9" t="s">
        <v>18</v>
      </c>
      <c r="F424" s="9" t="s">
        <v>283</v>
      </c>
      <c r="G424" s="9" t="s">
        <v>274</v>
      </c>
      <c r="H424" s="6">
        <v>516</v>
      </c>
      <c r="I424" s="6">
        <v>3</v>
      </c>
      <c r="J424" s="6">
        <v>1</v>
      </c>
      <c r="K424" s="10" t="s">
        <v>55</v>
      </c>
      <c r="L424" s="6">
        <v>513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6</v>
      </c>
      <c r="E425" s="9" t="s">
        <v>18</v>
      </c>
      <c r="F425" s="9" t="s">
        <v>283</v>
      </c>
      <c r="G425" s="9" t="s">
        <v>275</v>
      </c>
      <c r="H425" s="6">
        <v>411</v>
      </c>
      <c r="I425" s="6">
        <v>5</v>
      </c>
      <c r="J425" s="6">
        <v>5</v>
      </c>
      <c r="K425" s="10" t="s">
        <v>55</v>
      </c>
      <c r="L425" s="6">
        <v>406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6</v>
      </c>
      <c r="E426" s="9" t="s">
        <v>18</v>
      </c>
      <c r="F426" s="9" t="s">
        <v>283</v>
      </c>
      <c r="G426" s="9" t="s">
        <v>276</v>
      </c>
      <c r="H426" s="6">
        <v>319</v>
      </c>
      <c r="I426" s="6">
        <v>5</v>
      </c>
      <c r="J426" s="6">
        <v>4</v>
      </c>
      <c r="K426" s="6">
        <v>2</v>
      </c>
      <c r="L426" s="6">
        <v>312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6</v>
      </c>
      <c r="E427" s="9" t="s">
        <v>18</v>
      </c>
      <c r="F427" s="9" t="s">
        <v>283</v>
      </c>
      <c r="G427" s="9" t="s">
        <v>277</v>
      </c>
      <c r="H427" s="6">
        <v>248</v>
      </c>
      <c r="I427" s="6">
        <v>3</v>
      </c>
      <c r="J427" s="6">
        <v>3</v>
      </c>
      <c r="K427" s="6">
        <v>1</v>
      </c>
      <c r="L427" s="6">
        <v>244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6</v>
      </c>
      <c r="E428" s="9" t="s">
        <v>18</v>
      </c>
      <c r="F428" s="9" t="s">
        <v>283</v>
      </c>
      <c r="G428" s="9" t="s">
        <v>278</v>
      </c>
      <c r="H428" s="6">
        <v>90</v>
      </c>
      <c r="I428" s="6">
        <v>2</v>
      </c>
      <c r="J428" s="6">
        <v>2</v>
      </c>
      <c r="K428" s="10" t="s">
        <v>55</v>
      </c>
      <c r="L428" s="6">
        <v>88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6</v>
      </c>
      <c r="E429" s="9" t="s">
        <v>18</v>
      </c>
      <c r="F429" s="9" t="s">
        <v>283</v>
      </c>
      <c r="G429" s="9" t="s">
        <v>279</v>
      </c>
      <c r="H429" s="6">
        <v>40</v>
      </c>
      <c r="I429" s="10" t="s">
        <v>55</v>
      </c>
      <c r="J429" s="10" t="s">
        <v>55</v>
      </c>
      <c r="K429" s="10" t="s">
        <v>55</v>
      </c>
      <c r="L429" s="6">
        <v>40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6</v>
      </c>
      <c r="E430" s="9" t="s">
        <v>18</v>
      </c>
      <c r="F430" s="9" t="s">
        <v>283</v>
      </c>
      <c r="G430" s="9" t="s">
        <v>280</v>
      </c>
      <c r="H430" s="6">
        <v>84</v>
      </c>
      <c r="I430" s="6">
        <v>1</v>
      </c>
      <c r="J430" s="6">
        <v>1</v>
      </c>
      <c r="K430" s="6">
        <v>1</v>
      </c>
      <c r="L430" s="6">
        <v>82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6</v>
      </c>
      <c r="E431" s="9" t="s">
        <v>6</v>
      </c>
      <c r="F431" s="9" t="s">
        <v>6</v>
      </c>
      <c r="G431" s="9" t="s">
        <v>6</v>
      </c>
      <c r="H431" s="6">
        <v>26327</v>
      </c>
      <c r="I431" s="6">
        <v>14705</v>
      </c>
      <c r="J431" s="6">
        <v>11863</v>
      </c>
      <c r="K431" s="6">
        <v>10604</v>
      </c>
      <c r="L431" s="6">
        <v>1018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6</v>
      </c>
      <c r="E432" s="9" t="s">
        <v>6</v>
      </c>
      <c r="F432" s="9" t="s">
        <v>234</v>
      </c>
      <c r="G432" s="9" t="s">
        <v>6</v>
      </c>
      <c r="H432" s="6">
        <v>12098</v>
      </c>
      <c r="I432" s="6">
        <v>5399</v>
      </c>
      <c r="J432" s="6">
        <v>4102</v>
      </c>
      <c r="K432" s="6">
        <v>6414</v>
      </c>
      <c r="L432" s="6">
        <v>285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6</v>
      </c>
      <c r="E433" s="9" t="s">
        <v>6</v>
      </c>
      <c r="F433" s="9" t="s">
        <v>235</v>
      </c>
      <c r="G433" s="9" t="s">
        <v>6</v>
      </c>
      <c r="H433" s="6">
        <v>14229</v>
      </c>
      <c r="I433" s="6">
        <v>9306</v>
      </c>
      <c r="J433" s="6">
        <v>7761</v>
      </c>
      <c r="K433" s="6">
        <v>4190</v>
      </c>
      <c r="L433" s="6">
        <v>733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6</v>
      </c>
      <c r="E434" s="9" t="s">
        <v>6</v>
      </c>
      <c r="F434" s="9" t="s">
        <v>235</v>
      </c>
      <c r="G434" s="9" t="s">
        <v>272</v>
      </c>
      <c r="H434" s="6">
        <v>667</v>
      </c>
      <c r="I434" s="6">
        <v>315</v>
      </c>
      <c r="J434" s="6">
        <v>295</v>
      </c>
      <c r="K434" s="6">
        <v>291</v>
      </c>
      <c r="L434" s="6">
        <v>61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6</v>
      </c>
      <c r="E435" s="9" t="s">
        <v>6</v>
      </c>
      <c r="F435" s="9" t="s">
        <v>235</v>
      </c>
      <c r="G435" s="9" t="s">
        <v>273</v>
      </c>
      <c r="H435" s="6">
        <v>1225</v>
      </c>
      <c r="I435" s="6">
        <v>881</v>
      </c>
      <c r="J435" s="6">
        <v>805</v>
      </c>
      <c r="K435" s="6">
        <v>228</v>
      </c>
      <c r="L435" s="6">
        <v>116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6</v>
      </c>
      <c r="E436" s="9" t="s">
        <v>6</v>
      </c>
      <c r="F436" s="9" t="s">
        <v>235</v>
      </c>
      <c r="G436" s="9" t="s">
        <v>274</v>
      </c>
      <c r="H436" s="6">
        <v>1382</v>
      </c>
      <c r="I436" s="6">
        <v>1112</v>
      </c>
      <c r="J436" s="6">
        <v>1004</v>
      </c>
      <c r="K436" s="6">
        <v>158</v>
      </c>
      <c r="L436" s="6">
        <v>112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6</v>
      </c>
      <c r="E437" s="9" t="s">
        <v>6</v>
      </c>
      <c r="F437" s="9" t="s">
        <v>235</v>
      </c>
      <c r="G437" s="9" t="s">
        <v>275</v>
      </c>
      <c r="H437" s="6">
        <v>1179</v>
      </c>
      <c r="I437" s="6">
        <v>948</v>
      </c>
      <c r="J437" s="6">
        <v>867</v>
      </c>
      <c r="K437" s="6">
        <v>150</v>
      </c>
      <c r="L437" s="6">
        <v>81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6</v>
      </c>
      <c r="E438" s="9" t="s">
        <v>6</v>
      </c>
      <c r="F438" s="9" t="s">
        <v>235</v>
      </c>
      <c r="G438" s="9" t="s">
        <v>276</v>
      </c>
      <c r="H438" s="6">
        <v>1021</v>
      </c>
      <c r="I438" s="6">
        <v>839</v>
      </c>
      <c r="J438" s="6">
        <v>751</v>
      </c>
      <c r="K438" s="6">
        <v>117</v>
      </c>
      <c r="L438" s="6">
        <v>65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6</v>
      </c>
      <c r="E439" s="9" t="s">
        <v>6</v>
      </c>
      <c r="F439" s="9" t="s">
        <v>235</v>
      </c>
      <c r="G439" s="9" t="s">
        <v>277</v>
      </c>
      <c r="H439" s="6">
        <v>1032</v>
      </c>
      <c r="I439" s="6">
        <v>837</v>
      </c>
      <c r="J439" s="6">
        <v>759</v>
      </c>
      <c r="K439" s="6">
        <v>130</v>
      </c>
      <c r="L439" s="6">
        <v>65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6</v>
      </c>
      <c r="E440" s="9" t="s">
        <v>6</v>
      </c>
      <c r="F440" s="9" t="s">
        <v>235</v>
      </c>
      <c r="G440" s="9" t="s">
        <v>278</v>
      </c>
      <c r="H440" s="6">
        <v>923</v>
      </c>
      <c r="I440" s="6">
        <v>753</v>
      </c>
      <c r="J440" s="6">
        <v>674</v>
      </c>
      <c r="K440" s="6">
        <v>120</v>
      </c>
      <c r="L440" s="6">
        <v>50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6</v>
      </c>
      <c r="E441" s="9" t="s">
        <v>6</v>
      </c>
      <c r="F441" s="9" t="s">
        <v>235</v>
      </c>
      <c r="G441" s="9" t="s">
        <v>279</v>
      </c>
      <c r="H441" s="6">
        <v>526</v>
      </c>
      <c r="I441" s="6">
        <v>429</v>
      </c>
      <c r="J441" s="6">
        <v>365</v>
      </c>
      <c r="K441" s="6">
        <v>67</v>
      </c>
      <c r="L441" s="6">
        <v>30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6</v>
      </c>
      <c r="E442" s="9" t="s">
        <v>6</v>
      </c>
      <c r="F442" s="9" t="s">
        <v>235</v>
      </c>
      <c r="G442" s="9" t="s">
        <v>280</v>
      </c>
      <c r="H442" s="6">
        <v>6274</v>
      </c>
      <c r="I442" s="6">
        <v>3192</v>
      </c>
      <c r="J442" s="6">
        <v>2241</v>
      </c>
      <c r="K442" s="6">
        <v>2929</v>
      </c>
      <c r="L442" s="6">
        <v>153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6</v>
      </c>
      <c r="E443" s="9" t="s">
        <v>6</v>
      </c>
      <c r="F443" s="9" t="s">
        <v>281</v>
      </c>
      <c r="G443" s="9" t="s">
        <v>6</v>
      </c>
      <c r="H443" s="6">
        <v>7263</v>
      </c>
      <c r="I443" s="6">
        <v>4093</v>
      </c>
      <c r="J443" s="6">
        <v>3213</v>
      </c>
      <c r="K443" s="6">
        <v>2880</v>
      </c>
      <c r="L443" s="6">
        <v>290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6</v>
      </c>
      <c r="E444" s="9" t="s">
        <v>6</v>
      </c>
      <c r="F444" s="9" t="s">
        <v>281</v>
      </c>
      <c r="G444" s="9" t="s">
        <v>272</v>
      </c>
      <c r="H444" s="6">
        <v>223</v>
      </c>
      <c r="I444" s="6">
        <v>101</v>
      </c>
      <c r="J444" s="6">
        <v>97</v>
      </c>
      <c r="K444" s="6">
        <v>100</v>
      </c>
      <c r="L444" s="6">
        <v>22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6</v>
      </c>
      <c r="E445" s="9" t="s">
        <v>6</v>
      </c>
      <c r="F445" s="9" t="s">
        <v>281</v>
      </c>
      <c r="G445" s="9" t="s">
        <v>273</v>
      </c>
      <c r="H445" s="6">
        <v>390</v>
      </c>
      <c r="I445" s="6">
        <v>246</v>
      </c>
      <c r="J445" s="6">
        <v>229</v>
      </c>
      <c r="K445" s="6">
        <v>105</v>
      </c>
      <c r="L445" s="6">
        <v>39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6</v>
      </c>
      <c r="E446" s="9" t="s">
        <v>6</v>
      </c>
      <c r="F446" s="9" t="s">
        <v>281</v>
      </c>
      <c r="G446" s="9" t="s">
        <v>274</v>
      </c>
      <c r="H446" s="6">
        <v>336</v>
      </c>
      <c r="I446" s="6">
        <v>258</v>
      </c>
      <c r="J446" s="6">
        <v>229</v>
      </c>
      <c r="K446" s="6">
        <v>46</v>
      </c>
      <c r="L446" s="6">
        <v>32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6</v>
      </c>
      <c r="E447" s="9" t="s">
        <v>6</v>
      </c>
      <c r="F447" s="9" t="s">
        <v>281</v>
      </c>
      <c r="G447" s="9" t="s">
        <v>275</v>
      </c>
      <c r="H447" s="6">
        <v>223</v>
      </c>
      <c r="I447" s="6">
        <v>167</v>
      </c>
      <c r="J447" s="6">
        <v>155</v>
      </c>
      <c r="K447" s="6">
        <v>37</v>
      </c>
      <c r="L447" s="6">
        <v>19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6</v>
      </c>
      <c r="E448" s="9" t="s">
        <v>6</v>
      </c>
      <c r="F448" s="9" t="s">
        <v>281</v>
      </c>
      <c r="G448" s="9" t="s">
        <v>276</v>
      </c>
      <c r="H448" s="6">
        <v>197</v>
      </c>
      <c r="I448" s="6">
        <v>145</v>
      </c>
      <c r="J448" s="6">
        <v>139</v>
      </c>
      <c r="K448" s="6">
        <v>37</v>
      </c>
      <c r="L448" s="6">
        <v>15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6</v>
      </c>
      <c r="E449" s="9" t="s">
        <v>6</v>
      </c>
      <c r="F449" s="9" t="s">
        <v>281</v>
      </c>
      <c r="G449" s="9" t="s">
        <v>277</v>
      </c>
      <c r="H449" s="6">
        <v>249</v>
      </c>
      <c r="I449" s="6">
        <v>198</v>
      </c>
      <c r="J449" s="6">
        <v>179</v>
      </c>
      <c r="K449" s="6">
        <v>32</v>
      </c>
      <c r="L449" s="6">
        <v>19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6</v>
      </c>
      <c r="E450" s="9" t="s">
        <v>6</v>
      </c>
      <c r="F450" s="9" t="s">
        <v>281</v>
      </c>
      <c r="G450" s="9" t="s">
        <v>278</v>
      </c>
      <c r="H450" s="6">
        <v>379</v>
      </c>
      <c r="I450" s="6">
        <v>310</v>
      </c>
      <c r="J450" s="6">
        <v>283</v>
      </c>
      <c r="K450" s="6">
        <v>53</v>
      </c>
      <c r="L450" s="6">
        <v>16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6</v>
      </c>
      <c r="E451" s="9" t="s">
        <v>6</v>
      </c>
      <c r="F451" s="9" t="s">
        <v>281</v>
      </c>
      <c r="G451" s="9" t="s">
        <v>279</v>
      </c>
      <c r="H451" s="6">
        <v>285</v>
      </c>
      <c r="I451" s="6">
        <v>228</v>
      </c>
      <c r="J451" s="6">
        <v>195</v>
      </c>
      <c r="K451" s="6">
        <v>42</v>
      </c>
      <c r="L451" s="6">
        <v>15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6</v>
      </c>
      <c r="E452" s="9" t="s">
        <v>6</v>
      </c>
      <c r="F452" s="9" t="s">
        <v>281</v>
      </c>
      <c r="G452" s="9" t="s">
        <v>280</v>
      </c>
      <c r="H452" s="6">
        <v>4981</v>
      </c>
      <c r="I452" s="6">
        <v>2440</v>
      </c>
      <c r="J452" s="6">
        <v>1707</v>
      </c>
      <c r="K452" s="6">
        <v>2428</v>
      </c>
      <c r="L452" s="6">
        <v>113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6</v>
      </c>
      <c r="E453" s="9" t="s">
        <v>6</v>
      </c>
      <c r="F453" s="9" t="s">
        <v>282</v>
      </c>
      <c r="G453" s="9" t="s">
        <v>6</v>
      </c>
      <c r="H453" s="6">
        <v>4796</v>
      </c>
      <c r="I453" s="6">
        <v>3537</v>
      </c>
      <c r="J453" s="6">
        <v>3084</v>
      </c>
      <c r="K453" s="6">
        <v>993</v>
      </c>
      <c r="L453" s="6">
        <v>266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6</v>
      </c>
      <c r="E454" s="9" t="s">
        <v>6</v>
      </c>
      <c r="F454" s="9" t="s">
        <v>282</v>
      </c>
      <c r="G454" s="9" t="s">
        <v>272</v>
      </c>
      <c r="H454" s="6">
        <v>253</v>
      </c>
      <c r="I454" s="6">
        <v>121</v>
      </c>
      <c r="J454" s="6">
        <v>110</v>
      </c>
      <c r="K454" s="6">
        <v>114</v>
      </c>
      <c r="L454" s="6">
        <v>18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6</v>
      </c>
      <c r="E455" s="9" t="s">
        <v>6</v>
      </c>
      <c r="F455" s="9" t="s">
        <v>282</v>
      </c>
      <c r="G455" s="9" t="s">
        <v>273</v>
      </c>
      <c r="H455" s="6">
        <v>501</v>
      </c>
      <c r="I455" s="6">
        <v>377</v>
      </c>
      <c r="J455" s="6">
        <v>342</v>
      </c>
      <c r="K455" s="6">
        <v>83</v>
      </c>
      <c r="L455" s="6">
        <v>41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6</v>
      </c>
      <c r="E456" s="9" t="s">
        <v>6</v>
      </c>
      <c r="F456" s="9" t="s">
        <v>282</v>
      </c>
      <c r="G456" s="9" t="s">
        <v>274</v>
      </c>
      <c r="H456" s="6">
        <v>597</v>
      </c>
      <c r="I456" s="6">
        <v>487</v>
      </c>
      <c r="J456" s="6">
        <v>449</v>
      </c>
      <c r="K456" s="6">
        <v>69</v>
      </c>
      <c r="L456" s="6">
        <v>41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6</v>
      </c>
      <c r="E457" s="9" t="s">
        <v>6</v>
      </c>
      <c r="F457" s="9" t="s">
        <v>282</v>
      </c>
      <c r="G457" s="9" t="s">
        <v>275</v>
      </c>
      <c r="H457" s="6">
        <v>556</v>
      </c>
      <c r="I457" s="6">
        <v>454</v>
      </c>
      <c r="J457" s="6">
        <v>416</v>
      </c>
      <c r="K457" s="6">
        <v>65</v>
      </c>
      <c r="L457" s="6">
        <v>37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6</v>
      </c>
      <c r="E458" s="9" t="s">
        <v>6</v>
      </c>
      <c r="F458" s="9" t="s">
        <v>282</v>
      </c>
      <c r="G458" s="9" t="s">
        <v>276</v>
      </c>
      <c r="H458" s="6">
        <v>518</v>
      </c>
      <c r="I458" s="6">
        <v>434</v>
      </c>
      <c r="J458" s="6">
        <v>389</v>
      </c>
      <c r="K458" s="6">
        <v>54</v>
      </c>
      <c r="L458" s="6">
        <v>30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6</v>
      </c>
      <c r="E459" s="9" t="s">
        <v>6</v>
      </c>
      <c r="F459" s="9" t="s">
        <v>282</v>
      </c>
      <c r="G459" s="9" t="s">
        <v>277</v>
      </c>
      <c r="H459" s="6">
        <v>574</v>
      </c>
      <c r="I459" s="6">
        <v>474</v>
      </c>
      <c r="J459" s="6">
        <v>432</v>
      </c>
      <c r="K459" s="6">
        <v>79</v>
      </c>
      <c r="L459" s="6">
        <v>21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6</v>
      </c>
      <c r="E460" s="9" t="s">
        <v>6</v>
      </c>
      <c r="F460" s="9" t="s">
        <v>282</v>
      </c>
      <c r="G460" s="9" t="s">
        <v>278</v>
      </c>
      <c r="H460" s="6">
        <v>431</v>
      </c>
      <c r="I460" s="6">
        <v>353</v>
      </c>
      <c r="J460" s="6">
        <v>313</v>
      </c>
      <c r="K460" s="6">
        <v>50</v>
      </c>
      <c r="L460" s="6">
        <v>28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6</v>
      </c>
      <c r="E461" s="9" t="s">
        <v>6</v>
      </c>
      <c r="F461" s="9" t="s">
        <v>282</v>
      </c>
      <c r="G461" s="9" t="s">
        <v>279</v>
      </c>
      <c r="H461" s="6">
        <v>208</v>
      </c>
      <c r="I461" s="6">
        <v>174</v>
      </c>
      <c r="J461" s="6">
        <v>149</v>
      </c>
      <c r="K461" s="6">
        <v>21</v>
      </c>
      <c r="L461" s="6">
        <v>13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6</v>
      </c>
      <c r="E462" s="9" t="s">
        <v>6</v>
      </c>
      <c r="F462" s="9" t="s">
        <v>282</v>
      </c>
      <c r="G462" s="9" t="s">
        <v>280</v>
      </c>
      <c r="H462" s="6">
        <v>1158</v>
      </c>
      <c r="I462" s="6">
        <v>663</v>
      </c>
      <c r="J462" s="6">
        <v>484</v>
      </c>
      <c r="K462" s="6">
        <v>458</v>
      </c>
      <c r="L462" s="6">
        <v>37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6</v>
      </c>
      <c r="E463" s="9" t="s">
        <v>6</v>
      </c>
      <c r="F463" s="9" t="s">
        <v>283</v>
      </c>
      <c r="G463" s="9" t="s">
        <v>6</v>
      </c>
      <c r="H463" s="6">
        <v>2170</v>
      </c>
      <c r="I463" s="6">
        <v>1676</v>
      </c>
      <c r="J463" s="6">
        <v>1464</v>
      </c>
      <c r="K463" s="6">
        <v>317</v>
      </c>
      <c r="L463" s="6">
        <v>177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6</v>
      </c>
      <c r="E464" s="9" t="s">
        <v>6</v>
      </c>
      <c r="F464" s="9" t="s">
        <v>283</v>
      </c>
      <c r="G464" s="9" t="s">
        <v>272</v>
      </c>
      <c r="H464" s="6">
        <v>191</v>
      </c>
      <c r="I464" s="6">
        <v>93</v>
      </c>
      <c r="J464" s="6">
        <v>88</v>
      </c>
      <c r="K464" s="6">
        <v>77</v>
      </c>
      <c r="L464" s="6">
        <v>21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6</v>
      </c>
      <c r="E465" s="9" t="s">
        <v>6</v>
      </c>
      <c r="F465" s="9" t="s">
        <v>283</v>
      </c>
      <c r="G465" s="9" t="s">
        <v>273</v>
      </c>
      <c r="H465" s="6">
        <v>334</v>
      </c>
      <c r="I465" s="6">
        <v>258</v>
      </c>
      <c r="J465" s="6">
        <v>234</v>
      </c>
      <c r="K465" s="6">
        <v>40</v>
      </c>
      <c r="L465" s="6">
        <v>36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6</v>
      </c>
      <c r="E466" s="9" t="s">
        <v>6</v>
      </c>
      <c r="F466" s="9" t="s">
        <v>283</v>
      </c>
      <c r="G466" s="9" t="s">
        <v>274</v>
      </c>
      <c r="H466" s="6">
        <v>449</v>
      </c>
      <c r="I466" s="6">
        <v>367</v>
      </c>
      <c r="J466" s="6">
        <v>326</v>
      </c>
      <c r="K466" s="6">
        <v>43</v>
      </c>
      <c r="L466" s="6">
        <v>39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6</v>
      </c>
      <c r="E467" s="9" t="s">
        <v>6</v>
      </c>
      <c r="F467" s="9" t="s">
        <v>283</v>
      </c>
      <c r="G467" s="9" t="s">
        <v>275</v>
      </c>
      <c r="H467" s="6">
        <v>400</v>
      </c>
      <c r="I467" s="6">
        <v>327</v>
      </c>
      <c r="J467" s="6">
        <v>296</v>
      </c>
      <c r="K467" s="6">
        <v>48</v>
      </c>
      <c r="L467" s="6">
        <v>25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6</v>
      </c>
      <c r="E468" s="9" t="s">
        <v>6</v>
      </c>
      <c r="F468" s="9" t="s">
        <v>283</v>
      </c>
      <c r="G468" s="9" t="s">
        <v>276</v>
      </c>
      <c r="H468" s="6">
        <v>306</v>
      </c>
      <c r="I468" s="6">
        <v>260</v>
      </c>
      <c r="J468" s="6">
        <v>223</v>
      </c>
      <c r="K468" s="6">
        <v>26</v>
      </c>
      <c r="L468" s="6">
        <v>20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6</v>
      </c>
      <c r="E469" s="9" t="s">
        <v>6</v>
      </c>
      <c r="F469" s="9" t="s">
        <v>283</v>
      </c>
      <c r="G469" s="9" t="s">
        <v>277</v>
      </c>
      <c r="H469" s="6">
        <v>209</v>
      </c>
      <c r="I469" s="6">
        <v>165</v>
      </c>
      <c r="J469" s="6">
        <v>148</v>
      </c>
      <c r="K469" s="6">
        <v>19</v>
      </c>
      <c r="L469" s="6">
        <v>25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6</v>
      </c>
      <c r="E470" s="9" t="s">
        <v>6</v>
      </c>
      <c r="F470" s="9" t="s">
        <v>283</v>
      </c>
      <c r="G470" s="9" t="s">
        <v>278</v>
      </c>
      <c r="H470" s="6">
        <v>113</v>
      </c>
      <c r="I470" s="6">
        <v>90</v>
      </c>
      <c r="J470" s="6">
        <v>78</v>
      </c>
      <c r="K470" s="6">
        <v>17</v>
      </c>
      <c r="L470" s="6">
        <v>6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6</v>
      </c>
      <c r="E471" s="9" t="s">
        <v>6</v>
      </c>
      <c r="F471" s="9" t="s">
        <v>283</v>
      </c>
      <c r="G471" s="9" t="s">
        <v>279</v>
      </c>
      <c r="H471" s="6">
        <v>33</v>
      </c>
      <c r="I471" s="6">
        <v>27</v>
      </c>
      <c r="J471" s="6">
        <v>21</v>
      </c>
      <c r="K471" s="6">
        <v>4</v>
      </c>
      <c r="L471" s="6">
        <v>2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6</v>
      </c>
      <c r="E472" s="9" t="s">
        <v>6</v>
      </c>
      <c r="F472" s="9" t="s">
        <v>283</v>
      </c>
      <c r="G472" s="9" t="s">
        <v>280</v>
      </c>
      <c r="H472" s="6">
        <v>135</v>
      </c>
      <c r="I472" s="6">
        <v>89</v>
      </c>
      <c r="J472" s="6">
        <v>50</v>
      </c>
      <c r="K472" s="6">
        <v>43</v>
      </c>
      <c r="L472" s="6">
        <v>3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6</v>
      </c>
      <c r="E473" s="9" t="s">
        <v>226</v>
      </c>
      <c r="F473" s="9" t="s">
        <v>6</v>
      </c>
      <c r="G473" s="9" t="s">
        <v>6</v>
      </c>
      <c r="H473" s="6">
        <v>17434</v>
      </c>
      <c r="I473" s="6">
        <v>13306</v>
      </c>
      <c r="J473" s="6">
        <v>10607</v>
      </c>
      <c r="K473" s="6">
        <v>4120</v>
      </c>
      <c r="L473" s="6">
        <v>8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6</v>
      </c>
      <c r="E474" s="9" t="s">
        <v>226</v>
      </c>
      <c r="F474" s="9" t="s">
        <v>234</v>
      </c>
      <c r="G474" s="9" t="s">
        <v>6</v>
      </c>
      <c r="H474" s="6">
        <v>6476</v>
      </c>
      <c r="I474" s="6">
        <v>4575</v>
      </c>
      <c r="J474" s="6">
        <v>3348</v>
      </c>
      <c r="K474" s="6">
        <v>1896</v>
      </c>
      <c r="L474" s="6">
        <v>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6</v>
      </c>
      <c r="E475" s="9" t="s">
        <v>226</v>
      </c>
      <c r="F475" s="9" t="s">
        <v>235</v>
      </c>
      <c r="G475" s="9" t="s">
        <v>6</v>
      </c>
      <c r="H475" s="6">
        <v>10958</v>
      </c>
      <c r="I475" s="6">
        <v>8731</v>
      </c>
      <c r="J475" s="6">
        <v>7259</v>
      </c>
      <c r="K475" s="6">
        <v>2224</v>
      </c>
      <c r="L475" s="6">
        <v>3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6</v>
      </c>
      <c r="E476" s="9" t="s">
        <v>226</v>
      </c>
      <c r="F476" s="9" t="s">
        <v>235</v>
      </c>
      <c r="G476" s="9" t="s">
        <v>272</v>
      </c>
      <c r="H476" s="6">
        <v>597</v>
      </c>
      <c r="I476" s="6">
        <v>314</v>
      </c>
      <c r="J476" s="6">
        <v>294</v>
      </c>
      <c r="K476" s="6">
        <v>283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6</v>
      </c>
      <c r="E477" s="9" t="s">
        <v>226</v>
      </c>
      <c r="F477" s="9" t="s">
        <v>235</v>
      </c>
      <c r="G477" s="9" t="s">
        <v>273</v>
      </c>
      <c r="H477" s="6">
        <v>1093</v>
      </c>
      <c r="I477" s="6">
        <v>872</v>
      </c>
      <c r="J477" s="6">
        <v>796</v>
      </c>
      <c r="K477" s="6">
        <v>221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6</v>
      </c>
      <c r="E478" s="9" t="s">
        <v>226</v>
      </c>
      <c r="F478" s="9" t="s">
        <v>235</v>
      </c>
      <c r="G478" s="9" t="s">
        <v>274</v>
      </c>
      <c r="H478" s="6">
        <v>1250</v>
      </c>
      <c r="I478" s="6">
        <v>1094</v>
      </c>
      <c r="J478" s="6">
        <v>989</v>
      </c>
      <c r="K478" s="6">
        <v>156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6</v>
      </c>
      <c r="E479" s="9" t="s">
        <v>226</v>
      </c>
      <c r="F479" s="9" t="s">
        <v>235</v>
      </c>
      <c r="G479" s="9" t="s">
        <v>275</v>
      </c>
      <c r="H479" s="6">
        <v>1072</v>
      </c>
      <c r="I479" s="6">
        <v>929</v>
      </c>
      <c r="J479" s="6">
        <v>850</v>
      </c>
      <c r="K479" s="6">
        <v>143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6</v>
      </c>
      <c r="E480" s="9" t="s">
        <v>226</v>
      </c>
      <c r="F480" s="9" t="s">
        <v>235</v>
      </c>
      <c r="G480" s="9" t="s">
        <v>276</v>
      </c>
      <c r="H480" s="6">
        <v>946</v>
      </c>
      <c r="I480" s="6">
        <v>829</v>
      </c>
      <c r="J480" s="6">
        <v>742</v>
      </c>
      <c r="K480" s="6">
        <v>116</v>
      </c>
      <c r="L480" s="6">
        <v>1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6</v>
      </c>
      <c r="E481" s="9" t="s">
        <v>226</v>
      </c>
      <c r="F481" s="9" t="s">
        <v>235</v>
      </c>
      <c r="G481" s="9" t="s">
        <v>277</v>
      </c>
      <c r="H481" s="6">
        <v>947</v>
      </c>
      <c r="I481" s="6">
        <v>821</v>
      </c>
      <c r="J481" s="6">
        <v>743</v>
      </c>
      <c r="K481" s="6">
        <v>125</v>
      </c>
      <c r="L481" s="6">
        <v>1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6</v>
      </c>
      <c r="E482" s="9" t="s">
        <v>226</v>
      </c>
      <c r="F482" s="9" t="s">
        <v>235</v>
      </c>
      <c r="G482" s="9" t="s">
        <v>278</v>
      </c>
      <c r="H482" s="6">
        <v>849</v>
      </c>
      <c r="I482" s="6">
        <v>733</v>
      </c>
      <c r="J482" s="6">
        <v>654</v>
      </c>
      <c r="K482" s="6">
        <v>116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6</v>
      </c>
      <c r="E483" s="9" t="s">
        <v>226</v>
      </c>
      <c r="F483" s="9" t="s">
        <v>235</v>
      </c>
      <c r="G483" s="9" t="s">
        <v>279</v>
      </c>
      <c r="H483" s="6">
        <v>475</v>
      </c>
      <c r="I483" s="6">
        <v>412</v>
      </c>
      <c r="J483" s="6">
        <v>348</v>
      </c>
      <c r="K483" s="6">
        <v>63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6</v>
      </c>
      <c r="E484" s="9" t="s">
        <v>226</v>
      </c>
      <c r="F484" s="9" t="s">
        <v>235</v>
      </c>
      <c r="G484" s="9" t="s">
        <v>280</v>
      </c>
      <c r="H484" s="6">
        <v>3729</v>
      </c>
      <c r="I484" s="6">
        <v>2727</v>
      </c>
      <c r="J484" s="6">
        <v>1843</v>
      </c>
      <c r="K484" s="6">
        <v>1001</v>
      </c>
      <c r="L484" s="6">
        <v>1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6</v>
      </c>
      <c r="E485" s="9" t="s">
        <v>226</v>
      </c>
      <c r="F485" s="9" t="s">
        <v>281</v>
      </c>
      <c r="G485" s="9" t="s">
        <v>6</v>
      </c>
      <c r="H485" s="6">
        <v>4902</v>
      </c>
      <c r="I485" s="6">
        <v>3679</v>
      </c>
      <c r="J485" s="6">
        <v>2856</v>
      </c>
      <c r="K485" s="6">
        <v>1220</v>
      </c>
      <c r="L485" s="6">
        <v>3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6</v>
      </c>
      <c r="E486" s="9" t="s">
        <v>226</v>
      </c>
      <c r="F486" s="9" t="s">
        <v>281</v>
      </c>
      <c r="G486" s="9" t="s">
        <v>272</v>
      </c>
      <c r="H486" s="6">
        <v>200</v>
      </c>
      <c r="I486" s="6">
        <v>101</v>
      </c>
      <c r="J486" s="6">
        <v>97</v>
      </c>
      <c r="K486" s="6">
        <v>99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6</v>
      </c>
      <c r="E487" s="9" t="s">
        <v>226</v>
      </c>
      <c r="F487" s="9" t="s">
        <v>281</v>
      </c>
      <c r="G487" s="9" t="s">
        <v>273</v>
      </c>
      <c r="H487" s="6">
        <v>343</v>
      </c>
      <c r="I487" s="6">
        <v>242</v>
      </c>
      <c r="J487" s="6">
        <v>225</v>
      </c>
      <c r="K487" s="6">
        <v>101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6</v>
      </c>
      <c r="E488" s="9" t="s">
        <v>226</v>
      </c>
      <c r="F488" s="9" t="s">
        <v>281</v>
      </c>
      <c r="G488" s="9" t="s">
        <v>274</v>
      </c>
      <c r="H488" s="6">
        <v>299</v>
      </c>
      <c r="I488" s="6">
        <v>253</v>
      </c>
      <c r="J488" s="6">
        <v>226</v>
      </c>
      <c r="K488" s="6">
        <v>46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6</v>
      </c>
      <c r="E489" s="9" t="s">
        <v>226</v>
      </c>
      <c r="F489" s="9" t="s">
        <v>281</v>
      </c>
      <c r="G489" s="9" t="s">
        <v>275</v>
      </c>
      <c r="H489" s="6">
        <v>197</v>
      </c>
      <c r="I489" s="6">
        <v>160</v>
      </c>
      <c r="J489" s="6">
        <v>148</v>
      </c>
      <c r="K489" s="6">
        <v>37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6</v>
      </c>
      <c r="E490" s="9" t="s">
        <v>226</v>
      </c>
      <c r="F490" s="9" t="s">
        <v>281</v>
      </c>
      <c r="G490" s="9" t="s">
        <v>276</v>
      </c>
      <c r="H490" s="6">
        <v>180</v>
      </c>
      <c r="I490" s="6">
        <v>142</v>
      </c>
      <c r="J490" s="6">
        <v>136</v>
      </c>
      <c r="K490" s="6">
        <v>37</v>
      </c>
      <c r="L490" s="6">
        <v>1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6</v>
      </c>
      <c r="E491" s="9" t="s">
        <v>226</v>
      </c>
      <c r="F491" s="9" t="s">
        <v>281</v>
      </c>
      <c r="G491" s="9" t="s">
        <v>277</v>
      </c>
      <c r="H491" s="6">
        <v>225</v>
      </c>
      <c r="I491" s="6">
        <v>195</v>
      </c>
      <c r="J491" s="6">
        <v>176</v>
      </c>
      <c r="K491" s="6">
        <v>29</v>
      </c>
      <c r="L491" s="6">
        <v>1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6</v>
      </c>
      <c r="E492" s="9" t="s">
        <v>226</v>
      </c>
      <c r="F492" s="9" t="s">
        <v>281</v>
      </c>
      <c r="G492" s="9" t="s">
        <v>278</v>
      </c>
      <c r="H492" s="6">
        <v>352</v>
      </c>
      <c r="I492" s="6">
        <v>300</v>
      </c>
      <c r="J492" s="6">
        <v>273</v>
      </c>
      <c r="K492" s="6">
        <v>52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6</v>
      </c>
      <c r="E493" s="9" t="s">
        <v>226</v>
      </c>
      <c r="F493" s="9" t="s">
        <v>281</v>
      </c>
      <c r="G493" s="9" t="s">
        <v>279</v>
      </c>
      <c r="H493" s="6">
        <v>258</v>
      </c>
      <c r="I493" s="6">
        <v>218</v>
      </c>
      <c r="J493" s="6">
        <v>185</v>
      </c>
      <c r="K493" s="6">
        <v>40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6</v>
      </c>
      <c r="E494" s="9" t="s">
        <v>226</v>
      </c>
      <c r="F494" s="9" t="s">
        <v>281</v>
      </c>
      <c r="G494" s="9" t="s">
        <v>280</v>
      </c>
      <c r="H494" s="6">
        <v>2848</v>
      </c>
      <c r="I494" s="6">
        <v>2068</v>
      </c>
      <c r="J494" s="6">
        <v>1390</v>
      </c>
      <c r="K494" s="6">
        <v>779</v>
      </c>
      <c r="L494" s="6">
        <v>1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6</v>
      </c>
      <c r="E495" s="9" t="s">
        <v>226</v>
      </c>
      <c r="F495" s="9" t="s">
        <v>282</v>
      </c>
      <c r="G495" s="9" t="s">
        <v>6</v>
      </c>
      <c r="H495" s="6">
        <v>4124</v>
      </c>
      <c r="I495" s="6">
        <v>3405</v>
      </c>
      <c r="J495" s="6">
        <v>2965</v>
      </c>
      <c r="K495" s="6">
        <v>719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6</v>
      </c>
      <c r="E496" s="9" t="s">
        <v>226</v>
      </c>
      <c r="F496" s="9" t="s">
        <v>282</v>
      </c>
      <c r="G496" s="9" t="s">
        <v>272</v>
      </c>
      <c r="H496" s="6">
        <v>230</v>
      </c>
      <c r="I496" s="6">
        <v>120</v>
      </c>
      <c r="J496" s="6">
        <v>109</v>
      </c>
      <c r="K496" s="6">
        <v>110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6</v>
      </c>
      <c r="E497" s="9" t="s">
        <v>226</v>
      </c>
      <c r="F497" s="9" t="s">
        <v>282</v>
      </c>
      <c r="G497" s="9" t="s">
        <v>273</v>
      </c>
      <c r="H497" s="6">
        <v>454</v>
      </c>
      <c r="I497" s="6">
        <v>374</v>
      </c>
      <c r="J497" s="6">
        <v>339</v>
      </c>
      <c r="K497" s="6">
        <v>80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6</v>
      </c>
      <c r="E498" s="9" t="s">
        <v>226</v>
      </c>
      <c r="F498" s="9" t="s">
        <v>282</v>
      </c>
      <c r="G498" s="9" t="s">
        <v>274</v>
      </c>
      <c r="H498" s="6">
        <v>551</v>
      </c>
      <c r="I498" s="6">
        <v>483</v>
      </c>
      <c r="J498" s="6">
        <v>445</v>
      </c>
      <c r="K498" s="6">
        <v>68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6</v>
      </c>
      <c r="E499" s="9" t="s">
        <v>226</v>
      </c>
      <c r="F499" s="9" t="s">
        <v>282</v>
      </c>
      <c r="G499" s="9" t="s">
        <v>275</v>
      </c>
      <c r="H499" s="6">
        <v>511</v>
      </c>
      <c r="I499" s="6">
        <v>449</v>
      </c>
      <c r="J499" s="6">
        <v>412</v>
      </c>
      <c r="K499" s="6">
        <v>62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6</v>
      </c>
      <c r="E500" s="9" t="s">
        <v>226</v>
      </c>
      <c r="F500" s="9" t="s">
        <v>282</v>
      </c>
      <c r="G500" s="9" t="s">
        <v>276</v>
      </c>
      <c r="H500" s="6">
        <v>482</v>
      </c>
      <c r="I500" s="6">
        <v>429</v>
      </c>
      <c r="J500" s="6">
        <v>385</v>
      </c>
      <c r="K500" s="6">
        <v>53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6</v>
      </c>
      <c r="E501" s="9" t="s">
        <v>226</v>
      </c>
      <c r="F501" s="9" t="s">
        <v>282</v>
      </c>
      <c r="G501" s="9" t="s">
        <v>277</v>
      </c>
      <c r="H501" s="6">
        <v>539</v>
      </c>
      <c r="I501" s="6">
        <v>462</v>
      </c>
      <c r="J501" s="6">
        <v>420</v>
      </c>
      <c r="K501" s="6">
        <v>77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6</v>
      </c>
      <c r="E502" s="9" t="s">
        <v>226</v>
      </c>
      <c r="F502" s="9" t="s">
        <v>282</v>
      </c>
      <c r="G502" s="9" t="s">
        <v>278</v>
      </c>
      <c r="H502" s="6">
        <v>393</v>
      </c>
      <c r="I502" s="6">
        <v>345</v>
      </c>
      <c r="J502" s="6">
        <v>305</v>
      </c>
      <c r="K502" s="6">
        <v>48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6</v>
      </c>
      <c r="E503" s="9" t="s">
        <v>226</v>
      </c>
      <c r="F503" s="9" t="s">
        <v>282</v>
      </c>
      <c r="G503" s="9" t="s">
        <v>279</v>
      </c>
      <c r="H503" s="6">
        <v>188</v>
      </c>
      <c r="I503" s="6">
        <v>169</v>
      </c>
      <c r="J503" s="6">
        <v>144</v>
      </c>
      <c r="K503" s="6">
        <v>19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6</v>
      </c>
      <c r="E504" s="9" t="s">
        <v>226</v>
      </c>
      <c r="F504" s="9" t="s">
        <v>282</v>
      </c>
      <c r="G504" s="9" t="s">
        <v>280</v>
      </c>
      <c r="H504" s="6">
        <v>776</v>
      </c>
      <c r="I504" s="6">
        <v>574</v>
      </c>
      <c r="J504" s="6">
        <v>406</v>
      </c>
      <c r="K504" s="6">
        <v>202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6</v>
      </c>
      <c r="E505" s="9" t="s">
        <v>226</v>
      </c>
      <c r="F505" s="9" t="s">
        <v>283</v>
      </c>
      <c r="G505" s="9" t="s">
        <v>6</v>
      </c>
      <c r="H505" s="6">
        <v>1932</v>
      </c>
      <c r="I505" s="6">
        <v>1647</v>
      </c>
      <c r="J505" s="6">
        <v>1438</v>
      </c>
      <c r="K505" s="6">
        <v>285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6</v>
      </c>
      <c r="E506" s="9" t="s">
        <v>226</v>
      </c>
      <c r="F506" s="9" t="s">
        <v>283</v>
      </c>
      <c r="G506" s="9" t="s">
        <v>272</v>
      </c>
      <c r="H506" s="6">
        <v>167</v>
      </c>
      <c r="I506" s="6">
        <v>93</v>
      </c>
      <c r="J506" s="6">
        <v>88</v>
      </c>
      <c r="K506" s="6">
        <v>74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6</v>
      </c>
      <c r="E507" s="9" t="s">
        <v>226</v>
      </c>
      <c r="F507" s="9" t="s">
        <v>283</v>
      </c>
      <c r="G507" s="9" t="s">
        <v>273</v>
      </c>
      <c r="H507" s="6">
        <v>296</v>
      </c>
      <c r="I507" s="6">
        <v>256</v>
      </c>
      <c r="J507" s="6">
        <v>232</v>
      </c>
      <c r="K507" s="6">
        <v>40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6</v>
      </c>
      <c r="E508" s="9" t="s">
        <v>226</v>
      </c>
      <c r="F508" s="9" t="s">
        <v>283</v>
      </c>
      <c r="G508" s="9" t="s">
        <v>274</v>
      </c>
      <c r="H508" s="6">
        <v>400</v>
      </c>
      <c r="I508" s="6">
        <v>358</v>
      </c>
      <c r="J508" s="6">
        <v>318</v>
      </c>
      <c r="K508" s="6">
        <v>42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6</v>
      </c>
      <c r="E509" s="9" t="s">
        <v>226</v>
      </c>
      <c r="F509" s="9" t="s">
        <v>283</v>
      </c>
      <c r="G509" s="9" t="s">
        <v>275</v>
      </c>
      <c r="H509" s="6">
        <v>364</v>
      </c>
      <c r="I509" s="6">
        <v>320</v>
      </c>
      <c r="J509" s="6">
        <v>290</v>
      </c>
      <c r="K509" s="6">
        <v>44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6</v>
      </c>
      <c r="E510" s="9" t="s">
        <v>226</v>
      </c>
      <c r="F510" s="9" t="s">
        <v>283</v>
      </c>
      <c r="G510" s="9" t="s">
        <v>276</v>
      </c>
      <c r="H510" s="6">
        <v>284</v>
      </c>
      <c r="I510" s="6">
        <v>258</v>
      </c>
      <c r="J510" s="6">
        <v>221</v>
      </c>
      <c r="K510" s="6">
        <v>26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6</v>
      </c>
      <c r="E511" s="9" t="s">
        <v>226</v>
      </c>
      <c r="F511" s="9" t="s">
        <v>283</v>
      </c>
      <c r="G511" s="9" t="s">
        <v>277</v>
      </c>
      <c r="H511" s="6">
        <v>183</v>
      </c>
      <c r="I511" s="6">
        <v>164</v>
      </c>
      <c r="J511" s="6">
        <v>147</v>
      </c>
      <c r="K511" s="6">
        <v>19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6</v>
      </c>
      <c r="E512" s="9" t="s">
        <v>226</v>
      </c>
      <c r="F512" s="9" t="s">
        <v>283</v>
      </c>
      <c r="G512" s="9" t="s">
        <v>278</v>
      </c>
      <c r="H512" s="6">
        <v>104</v>
      </c>
      <c r="I512" s="6">
        <v>88</v>
      </c>
      <c r="J512" s="6">
        <v>76</v>
      </c>
      <c r="K512" s="6">
        <v>16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6</v>
      </c>
      <c r="E513" s="9" t="s">
        <v>226</v>
      </c>
      <c r="F513" s="9" t="s">
        <v>283</v>
      </c>
      <c r="G513" s="9" t="s">
        <v>279</v>
      </c>
      <c r="H513" s="6">
        <v>29</v>
      </c>
      <c r="I513" s="6">
        <v>25</v>
      </c>
      <c r="J513" s="6">
        <v>19</v>
      </c>
      <c r="K513" s="6">
        <v>4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6</v>
      </c>
      <c r="E514" s="9" t="s">
        <v>226</v>
      </c>
      <c r="F514" s="9" t="s">
        <v>283</v>
      </c>
      <c r="G514" s="9" t="s">
        <v>280</v>
      </c>
      <c r="H514" s="6">
        <v>105</v>
      </c>
      <c r="I514" s="6">
        <v>85</v>
      </c>
      <c r="J514" s="6">
        <v>47</v>
      </c>
      <c r="K514" s="6">
        <v>20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6</v>
      </c>
      <c r="E515" s="9" t="s">
        <v>227</v>
      </c>
      <c r="F515" s="9" t="s">
        <v>6</v>
      </c>
      <c r="G515" s="9" t="s">
        <v>6</v>
      </c>
      <c r="H515" s="6">
        <v>13366</v>
      </c>
      <c r="I515" s="6">
        <v>9985</v>
      </c>
      <c r="J515" s="6">
        <v>9648</v>
      </c>
      <c r="K515" s="6">
        <v>3379</v>
      </c>
      <c r="L515" s="6">
        <v>2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6</v>
      </c>
      <c r="E516" s="9" t="s">
        <v>227</v>
      </c>
      <c r="F516" s="9" t="s">
        <v>234</v>
      </c>
      <c r="G516" s="9" t="s">
        <v>6</v>
      </c>
      <c r="H516" s="6">
        <v>4607</v>
      </c>
      <c r="I516" s="6">
        <v>3120</v>
      </c>
      <c r="J516" s="6">
        <v>2981</v>
      </c>
      <c r="K516" s="6">
        <v>1485</v>
      </c>
      <c r="L516" s="6">
        <v>2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6</v>
      </c>
      <c r="E517" s="9" t="s">
        <v>227</v>
      </c>
      <c r="F517" s="9" t="s">
        <v>235</v>
      </c>
      <c r="G517" s="9" t="s">
        <v>6</v>
      </c>
      <c r="H517" s="6">
        <v>8759</v>
      </c>
      <c r="I517" s="6">
        <v>6865</v>
      </c>
      <c r="J517" s="6">
        <v>6667</v>
      </c>
      <c r="K517" s="6">
        <v>1894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6</v>
      </c>
      <c r="E518" s="9" t="s">
        <v>227</v>
      </c>
      <c r="F518" s="9" t="s">
        <v>235</v>
      </c>
      <c r="G518" s="9" t="s">
        <v>272</v>
      </c>
      <c r="H518" s="6">
        <v>544</v>
      </c>
      <c r="I518" s="6">
        <v>286</v>
      </c>
      <c r="J518" s="6">
        <v>280</v>
      </c>
      <c r="K518" s="6">
        <v>258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6</v>
      </c>
      <c r="E519" s="9" t="s">
        <v>227</v>
      </c>
      <c r="F519" s="9" t="s">
        <v>235</v>
      </c>
      <c r="G519" s="9" t="s">
        <v>273</v>
      </c>
      <c r="H519" s="6">
        <v>951</v>
      </c>
      <c r="I519" s="6">
        <v>747</v>
      </c>
      <c r="J519" s="6">
        <v>728</v>
      </c>
      <c r="K519" s="6">
        <v>204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6</v>
      </c>
      <c r="E520" s="9" t="s">
        <v>227</v>
      </c>
      <c r="F520" s="9" t="s">
        <v>235</v>
      </c>
      <c r="G520" s="9" t="s">
        <v>274</v>
      </c>
      <c r="H520" s="6">
        <v>1096</v>
      </c>
      <c r="I520" s="6">
        <v>954</v>
      </c>
      <c r="J520" s="6">
        <v>922</v>
      </c>
      <c r="K520" s="6">
        <v>142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6</v>
      </c>
      <c r="E521" s="9" t="s">
        <v>227</v>
      </c>
      <c r="F521" s="9" t="s">
        <v>235</v>
      </c>
      <c r="G521" s="9" t="s">
        <v>275</v>
      </c>
      <c r="H521" s="6">
        <v>931</v>
      </c>
      <c r="I521" s="6">
        <v>803</v>
      </c>
      <c r="J521" s="6">
        <v>789</v>
      </c>
      <c r="K521" s="6">
        <v>128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6</v>
      </c>
      <c r="E522" s="9" t="s">
        <v>227</v>
      </c>
      <c r="F522" s="9" t="s">
        <v>235</v>
      </c>
      <c r="G522" s="9" t="s">
        <v>276</v>
      </c>
      <c r="H522" s="6">
        <v>822</v>
      </c>
      <c r="I522" s="6">
        <v>721</v>
      </c>
      <c r="J522" s="6">
        <v>700</v>
      </c>
      <c r="K522" s="6">
        <v>101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6</v>
      </c>
      <c r="E523" s="9" t="s">
        <v>227</v>
      </c>
      <c r="F523" s="9" t="s">
        <v>235</v>
      </c>
      <c r="G523" s="9" t="s">
        <v>277</v>
      </c>
      <c r="H523" s="6">
        <v>817</v>
      </c>
      <c r="I523" s="6">
        <v>700</v>
      </c>
      <c r="J523" s="6">
        <v>689</v>
      </c>
      <c r="K523" s="6">
        <v>117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6</v>
      </c>
      <c r="E524" s="9" t="s">
        <v>227</v>
      </c>
      <c r="F524" s="9" t="s">
        <v>235</v>
      </c>
      <c r="G524" s="9" t="s">
        <v>278</v>
      </c>
      <c r="H524" s="6">
        <v>736</v>
      </c>
      <c r="I524" s="6">
        <v>625</v>
      </c>
      <c r="J524" s="6">
        <v>611</v>
      </c>
      <c r="K524" s="6">
        <v>111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6</v>
      </c>
      <c r="E525" s="9" t="s">
        <v>227</v>
      </c>
      <c r="F525" s="9" t="s">
        <v>235</v>
      </c>
      <c r="G525" s="9" t="s">
        <v>279</v>
      </c>
      <c r="H525" s="6">
        <v>391</v>
      </c>
      <c r="I525" s="6">
        <v>336</v>
      </c>
      <c r="J525" s="6">
        <v>322</v>
      </c>
      <c r="K525" s="6">
        <v>55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6</v>
      </c>
      <c r="E526" s="9" t="s">
        <v>227</v>
      </c>
      <c r="F526" s="9" t="s">
        <v>235</v>
      </c>
      <c r="G526" s="9" t="s">
        <v>280</v>
      </c>
      <c r="H526" s="6">
        <v>2471</v>
      </c>
      <c r="I526" s="6">
        <v>1693</v>
      </c>
      <c r="J526" s="6">
        <v>1626</v>
      </c>
      <c r="K526" s="6">
        <v>778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6</v>
      </c>
      <c r="E527" s="9" t="s">
        <v>227</v>
      </c>
      <c r="F527" s="9" t="s">
        <v>281</v>
      </c>
      <c r="G527" s="9" t="s">
        <v>6</v>
      </c>
      <c r="H527" s="6">
        <v>3682</v>
      </c>
      <c r="I527" s="6">
        <v>2679</v>
      </c>
      <c r="J527" s="6">
        <v>2591</v>
      </c>
      <c r="K527" s="6">
        <v>1003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6</v>
      </c>
      <c r="E528" s="9" t="s">
        <v>227</v>
      </c>
      <c r="F528" s="9" t="s">
        <v>281</v>
      </c>
      <c r="G528" s="9" t="s">
        <v>272</v>
      </c>
      <c r="H528" s="6">
        <v>180</v>
      </c>
      <c r="I528" s="6">
        <v>93</v>
      </c>
      <c r="J528" s="6">
        <v>91</v>
      </c>
      <c r="K528" s="6">
        <v>87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6</v>
      </c>
      <c r="E529" s="9" t="s">
        <v>227</v>
      </c>
      <c r="F529" s="9" t="s">
        <v>281</v>
      </c>
      <c r="G529" s="9" t="s">
        <v>273</v>
      </c>
      <c r="H529" s="6">
        <v>304</v>
      </c>
      <c r="I529" s="6">
        <v>210</v>
      </c>
      <c r="J529" s="6">
        <v>206</v>
      </c>
      <c r="K529" s="6">
        <v>94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6</v>
      </c>
      <c r="E530" s="9" t="s">
        <v>227</v>
      </c>
      <c r="F530" s="9" t="s">
        <v>281</v>
      </c>
      <c r="G530" s="9" t="s">
        <v>274</v>
      </c>
      <c r="H530" s="6">
        <v>257</v>
      </c>
      <c r="I530" s="6">
        <v>216</v>
      </c>
      <c r="J530" s="6">
        <v>206</v>
      </c>
      <c r="K530" s="6">
        <v>41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6</v>
      </c>
      <c r="E531" s="9" t="s">
        <v>227</v>
      </c>
      <c r="F531" s="9" t="s">
        <v>281</v>
      </c>
      <c r="G531" s="9" t="s">
        <v>275</v>
      </c>
      <c r="H531" s="6">
        <v>176</v>
      </c>
      <c r="I531" s="6">
        <v>140</v>
      </c>
      <c r="J531" s="6">
        <v>137</v>
      </c>
      <c r="K531" s="6">
        <v>36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6</v>
      </c>
      <c r="E532" s="9" t="s">
        <v>227</v>
      </c>
      <c r="F532" s="9" t="s">
        <v>281</v>
      </c>
      <c r="G532" s="9" t="s">
        <v>276</v>
      </c>
      <c r="H532" s="6">
        <v>163</v>
      </c>
      <c r="I532" s="6">
        <v>129</v>
      </c>
      <c r="J532" s="6">
        <v>128</v>
      </c>
      <c r="K532" s="6">
        <v>34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6</v>
      </c>
      <c r="E533" s="9" t="s">
        <v>227</v>
      </c>
      <c r="F533" s="9" t="s">
        <v>281</v>
      </c>
      <c r="G533" s="9" t="s">
        <v>277</v>
      </c>
      <c r="H533" s="6">
        <v>195</v>
      </c>
      <c r="I533" s="6">
        <v>168</v>
      </c>
      <c r="J533" s="6">
        <v>164</v>
      </c>
      <c r="K533" s="6">
        <v>27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6</v>
      </c>
      <c r="E534" s="9" t="s">
        <v>227</v>
      </c>
      <c r="F534" s="9" t="s">
        <v>281</v>
      </c>
      <c r="G534" s="9" t="s">
        <v>278</v>
      </c>
      <c r="H534" s="6">
        <v>315</v>
      </c>
      <c r="I534" s="6">
        <v>264</v>
      </c>
      <c r="J534" s="6">
        <v>257</v>
      </c>
      <c r="K534" s="6">
        <v>51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6</v>
      </c>
      <c r="E535" s="9" t="s">
        <v>227</v>
      </c>
      <c r="F535" s="9" t="s">
        <v>281</v>
      </c>
      <c r="G535" s="9" t="s">
        <v>279</v>
      </c>
      <c r="H535" s="6">
        <v>217</v>
      </c>
      <c r="I535" s="6">
        <v>181</v>
      </c>
      <c r="J535" s="6">
        <v>176</v>
      </c>
      <c r="K535" s="6">
        <v>36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6</v>
      </c>
      <c r="E536" s="9" t="s">
        <v>227</v>
      </c>
      <c r="F536" s="9" t="s">
        <v>281</v>
      </c>
      <c r="G536" s="9" t="s">
        <v>280</v>
      </c>
      <c r="H536" s="6">
        <v>1875</v>
      </c>
      <c r="I536" s="6">
        <v>1278</v>
      </c>
      <c r="J536" s="6">
        <v>1226</v>
      </c>
      <c r="K536" s="6">
        <v>597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6</v>
      </c>
      <c r="E537" s="9" t="s">
        <v>227</v>
      </c>
      <c r="F537" s="9" t="s">
        <v>282</v>
      </c>
      <c r="G537" s="9" t="s">
        <v>6</v>
      </c>
      <c r="H537" s="6">
        <v>3463</v>
      </c>
      <c r="I537" s="6">
        <v>2825</v>
      </c>
      <c r="J537" s="6">
        <v>2742</v>
      </c>
      <c r="K537" s="6">
        <v>638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6</v>
      </c>
      <c r="E538" s="9" t="s">
        <v>227</v>
      </c>
      <c r="F538" s="9" t="s">
        <v>282</v>
      </c>
      <c r="G538" s="9" t="s">
        <v>272</v>
      </c>
      <c r="H538" s="6">
        <v>213</v>
      </c>
      <c r="I538" s="6">
        <v>109</v>
      </c>
      <c r="J538" s="6">
        <v>105</v>
      </c>
      <c r="K538" s="6">
        <v>104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6</v>
      </c>
      <c r="E539" s="9" t="s">
        <v>227</v>
      </c>
      <c r="F539" s="9" t="s">
        <v>282</v>
      </c>
      <c r="G539" s="9" t="s">
        <v>273</v>
      </c>
      <c r="H539" s="6">
        <v>396</v>
      </c>
      <c r="I539" s="6">
        <v>322</v>
      </c>
      <c r="J539" s="6">
        <v>310</v>
      </c>
      <c r="K539" s="6">
        <v>74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6</v>
      </c>
      <c r="E540" s="9" t="s">
        <v>227</v>
      </c>
      <c r="F540" s="9" t="s">
        <v>282</v>
      </c>
      <c r="G540" s="9" t="s">
        <v>274</v>
      </c>
      <c r="H540" s="6">
        <v>495</v>
      </c>
      <c r="I540" s="6">
        <v>432</v>
      </c>
      <c r="J540" s="6">
        <v>418</v>
      </c>
      <c r="K540" s="6">
        <v>63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6</v>
      </c>
      <c r="E541" s="9" t="s">
        <v>227</v>
      </c>
      <c r="F541" s="9" t="s">
        <v>282</v>
      </c>
      <c r="G541" s="9" t="s">
        <v>275</v>
      </c>
      <c r="H541" s="6">
        <v>443</v>
      </c>
      <c r="I541" s="6">
        <v>388</v>
      </c>
      <c r="J541" s="6">
        <v>382</v>
      </c>
      <c r="K541" s="6">
        <v>55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6</v>
      </c>
      <c r="E542" s="9" t="s">
        <v>227</v>
      </c>
      <c r="F542" s="9" t="s">
        <v>282</v>
      </c>
      <c r="G542" s="9" t="s">
        <v>276</v>
      </c>
      <c r="H542" s="6">
        <v>425</v>
      </c>
      <c r="I542" s="6">
        <v>378</v>
      </c>
      <c r="J542" s="6">
        <v>366</v>
      </c>
      <c r="K542" s="6">
        <v>47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6</v>
      </c>
      <c r="E543" s="9" t="s">
        <v>227</v>
      </c>
      <c r="F543" s="9" t="s">
        <v>282</v>
      </c>
      <c r="G543" s="9" t="s">
        <v>277</v>
      </c>
      <c r="H543" s="6">
        <v>470</v>
      </c>
      <c r="I543" s="6">
        <v>398</v>
      </c>
      <c r="J543" s="6">
        <v>391</v>
      </c>
      <c r="K543" s="6">
        <v>72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6</v>
      </c>
      <c r="E544" s="9" t="s">
        <v>227</v>
      </c>
      <c r="F544" s="9" t="s">
        <v>282</v>
      </c>
      <c r="G544" s="9" t="s">
        <v>278</v>
      </c>
      <c r="H544" s="6">
        <v>337</v>
      </c>
      <c r="I544" s="6">
        <v>292</v>
      </c>
      <c r="J544" s="6">
        <v>285</v>
      </c>
      <c r="K544" s="6">
        <v>45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6</v>
      </c>
      <c r="E545" s="9" t="s">
        <v>227</v>
      </c>
      <c r="F545" s="9" t="s">
        <v>282</v>
      </c>
      <c r="G545" s="9" t="s">
        <v>279</v>
      </c>
      <c r="H545" s="6">
        <v>151</v>
      </c>
      <c r="I545" s="6">
        <v>136</v>
      </c>
      <c r="J545" s="6">
        <v>128</v>
      </c>
      <c r="K545" s="6">
        <v>15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6</v>
      </c>
      <c r="E546" s="9" t="s">
        <v>227</v>
      </c>
      <c r="F546" s="9" t="s">
        <v>282</v>
      </c>
      <c r="G546" s="9" t="s">
        <v>280</v>
      </c>
      <c r="H546" s="6">
        <v>533</v>
      </c>
      <c r="I546" s="6">
        <v>370</v>
      </c>
      <c r="J546" s="6">
        <v>357</v>
      </c>
      <c r="K546" s="6">
        <v>163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6</v>
      </c>
      <c r="E547" s="9" t="s">
        <v>227</v>
      </c>
      <c r="F547" s="9" t="s">
        <v>283</v>
      </c>
      <c r="G547" s="9" t="s">
        <v>6</v>
      </c>
      <c r="H547" s="6">
        <v>1614</v>
      </c>
      <c r="I547" s="6">
        <v>1361</v>
      </c>
      <c r="J547" s="6">
        <v>1334</v>
      </c>
      <c r="K547" s="6">
        <v>253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6</v>
      </c>
      <c r="E548" s="9" t="s">
        <v>227</v>
      </c>
      <c r="F548" s="9" t="s">
        <v>283</v>
      </c>
      <c r="G548" s="9" t="s">
        <v>272</v>
      </c>
      <c r="H548" s="6">
        <v>151</v>
      </c>
      <c r="I548" s="6">
        <v>84</v>
      </c>
      <c r="J548" s="6">
        <v>84</v>
      </c>
      <c r="K548" s="6">
        <v>67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6</v>
      </c>
      <c r="E549" s="9" t="s">
        <v>227</v>
      </c>
      <c r="F549" s="9" t="s">
        <v>283</v>
      </c>
      <c r="G549" s="9" t="s">
        <v>273</v>
      </c>
      <c r="H549" s="6">
        <v>251</v>
      </c>
      <c r="I549" s="6">
        <v>215</v>
      </c>
      <c r="J549" s="6">
        <v>212</v>
      </c>
      <c r="K549" s="6">
        <v>36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6</v>
      </c>
      <c r="E550" s="9" t="s">
        <v>227</v>
      </c>
      <c r="F550" s="9" t="s">
        <v>283</v>
      </c>
      <c r="G550" s="9" t="s">
        <v>274</v>
      </c>
      <c r="H550" s="6">
        <v>344</v>
      </c>
      <c r="I550" s="6">
        <v>306</v>
      </c>
      <c r="J550" s="6">
        <v>298</v>
      </c>
      <c r="K550" s="6">
        <v>38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6</v>
      </c>
      <c r="E551" s="9" t="s">
        <v>227</v>
      </c>
      <c r="F551" s="9" t="s">
        <v>283</v>
      </c>
      <c r="G551" s="9" t="s">
        <v>275</v>
      </c>
      <c r="H551" s="6">
        <v>312</v>
      </c>
      <c r="I551" s="6">
        <v>275</v>
      </c>
      <c r="J551" s="6">
        <v>270</v>
      </c>
      <c r="K551" s="6">
        <v>37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6</v>
      </c>
      <c r="E552" s="9" t="s">
        <v>227</v>
      </c>
      <c r="F552" s="9" t="s">
        <v>283</v>
      </c>
      <c r="G552" s="9" t="s">
        <v>276</v>
      </c>
      <c r="H552" s="6">
        <v>234</v>
      </c>
      <c r="I552" s="6">
        <v>214</v>
      </c>
      <c r="J552" s="6">
        <v>206</v>
      </c>
      <c r="K552" s="6">
        <v>20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6</v>
      </c>
      <c r="E553" s="9" t="s">
        <v>227</v>
      </c>
      <c r="F553" s="9" t="s">
        <v>283</v>
      </c>
      <c r="G553" s="9" t="s">
        <v>277</v>
      </c>
      <c r="H553" s="6">
        <v>152</v>
      </c>
      <c r="I553" s="6">
        <v>134</v>
      </c>
      <c r="J553" s="6">
        <v>134</v>
      </c>
      <c r="K553" s="6">
        <v>18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6</v>
      </c>
      <c r="E554" s="9" t="s">
        <v>227</v>
      </c>
      <c r="F554" s="9" t="s">
        <v>283</v>
      </c>
      <c r="G554" s="9" t="s">
        <v>278</v>
      </c>
      <c r="H554" s="6">
        <v>84</v>
      </c>
      <c r="I554" s="6">
        <v>69</v>
      </c>
      <c r="J554" s="6">
        <v>69</v>
      </c>
      <c r="K554" s="6">
        <v>15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6</v>
      </c>
      <c r="E555" s="9" t="s">
        <v>227</v>
      </c>
      <c r="F555" s="9" t="s">
        <v>283</v>
      </c>
      <c r="G555" s="9" t="s">
        <v>279</v>
      </c>
      <c r="H555" s="6">
        <v>23</v>
      </c>
      <c r="I555" s="6">
        <v>19</v>
      </c>
      <c r="J555" s="6">
        <v>18</v>
      </c>
      <c r="K555" s="6">
        <v>4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6</v>
      </c>
      <c r="E556" s="9" t="s">
        <v>227</v>
      </c>
      <c r="F556" s="9" t="s">
        <v>283</v>
      </c>
      <c r="G556" s="9" t="s">
        <v>280</v>
      </c>
      <c r="H556" s="6">
        <v>63</v>
      </c>
      <c r="I556" s="6">
        <v>45</v>
      </c>
      <c r="J556" s="6">
        <v>43</v>
      </c>
      <c r="K556" s="6">
        <v>18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6</v>
      </c>
      <c r="E557" s="9" t="s">
        <v>228</v>
      </c>
      <c r="F557" s="9" t="s">
        <v>6</v>
      </c>
      <c r="G557" s="9" t="s">
        <v>6</v>
      </c>
      <c r="H557" s="6">
        <v>7879</v>
      </c>
      <c r="I557" s="6">
        <v>1394</v>
      </c>
      <c r="J557" s="6">
        <v>1251</v>
      </c>
      <c r="K557" s="6">
        <v>6483</v>
      </c>
      <c r="L557" s="6">
        <v>2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6</v>
      </c>
      <c r="E558" s="9" t="s">
        <v>228</v>
      </c>
      <c r="F558" s="9" t="s">
        <v>234</v>
      </c>
      <c r="G558" s="9" t="s">
        <v>6</v>
      </c>
      <c r="H558" s="6">
        <v>5342</v>
      </c>
      <c r="I558" s="6">
        <v>823</v>
      </c>
      <c r="J558" s="6">
        <v>753</v>
      </c>
      <c r="K558" s="6">
        <v>4518</v>
      </c>
      <c r="L558" s="6">
        <v>1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6</v>
      </c>
      <c r="E559" s="9" t="s">
        <v>228</v>
      </c>
      <c r="F559" s="9" t="s">
        <v>235</v>
      </c>
      <c r="G559" s="9" t="s">
        <v>6</v>
      </c>
      <c r="H559" s="6">
        <v>2537</v>
      </c>
      <c r="I559" s="6">
        <v>571</v>
      </c>
      <c r="J559" s="6">
        <v>498</v>
      </c>
      <c r="K559" s="6">
        <v>1965</v>
      </c>
      <c r="L559" s="6">
        <v>1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6</v>
      </c>
      <c r="E560" s="9" t="s">
        <v>228</v>
      </c>
      <c r="F560" s="9" t="s">
        <v>235</v>
      </c>
      <c r="G560" s="9" t="s">
        <v>272</v>
      </c>
      <c r="H560" s="6">
        <v>9</v>
      </c>
      <c r="I560" s="6">
        <v>1</v>
      </c>
      <c r="J560" s="6">
        <v>1</v>
      </c>
      <c r="K560" s="6">
        <v>8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6</v>
      </c>
      <c r="E561" s="9" t="s">
        <v>228</v>
      </c>
      <c r="F561" s="9" t="s">
        <v>235</v>
      </c>
      <c r="G561" s="9" t="s">
        <v>273</v>
      </c>
      <c r="H561" s="6">
        <v>16</v>
      </c>
      <c r="I561" s="6">
        <v>9</v>
      </c>
      <c r="J561" s="6">
        <v>9</v>
      </c>
      <c r="K561" s="6">
        <v>7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6</v>
      </c>
      <c r="E562" s="9" t="s">
        <v>228</v>
      </c>
      <c r="F562" s="9" t="s">
        <v>235</v>
      </c>
      <c r="G562" s="9" t="s">
        <v>274</v>
      </c>
      <c r="H562" s="6">
        <v>20</v>
      </c>
      <c r="I562" s="6">
        <v>18</v>
      </c>
      <c r="J562" s="6">
        <v>15</v>
      </c>
      <c r="K562" s="6">
        <v>2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6</v>
      </c>
      <c r="E563" s="9" t="s">
        <v>228</v>
      </c>
      <c r="F563" s="9" t="s">
        <v>235</v>
      </c>
      <c r="G563" s="9" t="s">
        <v>275</v>
      </c>
      <c r="H563" s="6">
        <v>24</v>
      </c>
      <c r="I563" s="6">
        <v>17</v>
      </c>
      <c r="J563" s="6">
        <v>15</v>
      </c>
      <c r="K563" s="6">
        <v>7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6</v>
      </c>
      <c r="E564" s="9" t="s">
        <v>228</v>
      </c>
      <c r="F564" s="9" t="s">
        <v>235</v>
      </c>
      <c r="G564" s="9" t="s">
        <v>276</v>
      </c>
      <c r="H564" s="6">
        <v>11</v>
      </c>
      <c r="I564" s="6">
        <v>10</v>
      </c>
      <c r="J564" s="6">
        <v>9</v>
      </c>
      <c r="K564" s="6">
        <v>1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6</v>
      </c>
      <c r="E565" s="9" t="s">
        <v>228</v>
      </c>
      <c r="F565" s="9" t="s">
        <v>235</v>
      </c>
      <c r="G565" s="9" t="s">
        <v>277</v>
      </c>
      <c r="H565" s="6">
        <v>21</v>
      </c>
      <c r="I565" s="6">
        <v>16</v>
      </c>
      <c r="J565" s="6">
        <v>16</v>
      </c>
      <c r="K565" s="6">
        <v>5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6</v>
      </c>
      <c r="E566" s="9" t="s">
        <v>228</v>
      </c>
      <c r="F566" s="9" t="s">
        <v>235</v>
      </c>
      <c r="G566" s="9" t="s">
        <v>278</v>
      </c>
      <c r="H566" s="6">
        <v>24</v>
      </c>
      <c r="I566" s="6">
        <v>20</v>
      </c>
      <c r="J566" s="6">
        <v>20</v>
      </c>
      <c r="K566" s="6">
        <v>4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6</v>
      </c>
      <c r="E567" s="9" t="s">
        <v>228</v>
      </c>
      <c r="F567" s="9" t="s">
        <v>235</v>
      </c>
      <c r="G567" s="9" t="s">
        <v>279</v>
      </c>
      <c r="H567" s="6">
        <v>20</v>
      </c>
      <c r="I567" s="6">
        <v>16</v>
      </c>
      <c r="J567" s="6">
        <v>16</v>
      </c>
      <c r="K567" s="6">
        <v>4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6</v>
      </c>
      <c r="E568" s="9" t="s">
        <v>228</v>
      </c>
      <c r="F568" s="9" t="s">
        <v>235</v>
      </c>
      <c r="G568" s="9" t="s">
        <v>280</v>
      </c>
      <c r="H568" s="6">
        <v>2392</v>
      </c>
      <c r="I568" s="6">
        <v>464</v>
      </c>
      <c r="J568" s="6">
        <v>397</v>
      </c>
      <c r="K568" s="6">
        <v>1927</v>
      </c>
      <c r="L568" s="6">
        <v>1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6</v>
      </c>
      <c r="E569" s="9" t="s">
        <v>228</v>
      </c>
      <c r="F569" s="9" t="s">
        <v>281</v>
      </c>
      <c r="G569" s="9" t="s">
        <v>6</v>
      </c>
      <c r="H569" s="6">
        <v>2073</v>
      </c>
      <c r="I569" s="6">
        <v>412</v>
      </c>
      <c r="J569" s="6">
        <v>355</v>
      </c>
      <c r="K569" s="6">
        <v>1660</v>
      </c>
      <c r="L569" s="6">
        <v>1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6</v>
      </c>
      <c r="E570" s="9" t="s">
        <v>228</v>
      </c>
      <c r="F570" s="9" t="s">
        <v>281</v>
      </c>
      <c r="G570" s="9" t="s">
        <v>272</v>
      </c>
      <c r="H570" s="6">
        <v>1</v>
      </c>
      <c r="I570" s="10" t="s">
        <v>55</v>
      </c>
      <c r="J570" s="10" t="s">
        <v>55</v>
      </c>
      <c r="K570" s="6">
        <v>1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6</v>
      </c>
      <c r="E571" s="9" t="s">
        <v>228</v>
      </c>
      <c r="F571" s="9" t="s">
        <v>281</v>
      </c>
      <c r="G571" s="9" t="s">
        <v>273</v>
      </c>
      <c r="H571" s="6">
        <v>8</v>
      </c>
      <c r="I571" s="6">
        <v>4</v>
      </c>
      <c r="J571" s="6">
        <v>4</v>
      </c>
      <c r="K571" s="6">
        <v>4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6</v>
      </c>
      <c r="E572" s="9" t="s">
        <v>228</v>
      </c>
      <c r="F572" s="9" t="s">
        <v>281</v>
      </c>
      <c r="G572" s="9" t="s">
        <v>274</v>
      </c>
      <c r="H572" s="6">
        <v>5</v>
      </c>
      <c r="I572" s="6">
        <v>5</v>
      </c>
      <c r="J572" s="6">
        <v>3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6</v>
      </c>
      <c r="E573" s="9" t="s">
        <v>228</v>
      </c>
      <c r="F573" s="9" t="s">
        <v>281</v>
      </c>
      <c r="G573" s="9" t="s">
        <v>275</v>
      </c>
      <c r="H573" s="6">
        <v>7</v>
      </c>
      <c r="I573" s="6">
        <v>7</v>
      </c>
      <c r="J573" s="6">
        <v>7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6</v>
      </c>
      <c r="E574" s="9" t="s">
        <v>228</v>
      </c>
      <c r="F574" s="9" t="s">
        <v>281</v>
      </c>
      <c r="G574" s="9" t="s">
        <v>276</v>
      </c>
      <c r="H574" s="6">
        <v>3</v>
      </c>
      <c r="I574" s="6">
        <v>3</v>
      </c>
      <c r="J574" s="6">
        <v>3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6</v>
      </c>
      <c r="E575" s="9" t="s">
        <v>228</v>
      </c>
      <c r="F575" s="9" t="s">
        <v>281</v>
      </c>
      <c r="G575" s="9" t="s">
        <v>277</v>
      </c>
      <c r="H575" s="6">
        <v>6</v>
      </c>
      <c r="I575" s="6">
        <v>3</v>
      </c>
      <c r="J575" s="6">
        <v>3</v>
      </c>
      <c r="K575" s="6">
        <v>3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6</v>
      </c>
      <c r="E576" s="9" t="s">
        <v>228</v>
      </c>
      <c r="F576" s="9" t="s">
        <v>281</v>
      </c>
      <c r="G576" s="9" t="s">
        <v>278</v>
      </c>
      <c r="H576" s="6">
        <v>11</v>
      </c>
      <c r="I576" s="6">
        <v>10</v>
      </c>
      <c r="J576" s="6">
        <v>10</v>
      </c>
      <c r="K576" s="6">
        <v>1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6</v>
      </c>
      <c r="E577" s="9" t="s">
        <v>228</v>
      </c>
      <c r="F577" s="9" t="s">
        <v>281</v>
      </c>
      <c r="G577" s="9" t="s">
        <v>279</v>
      </c>
      <c r="H577" s="6">
        <v>11</v>
      </c>
      <c r="I577" s="6">
        <v>9</v>
      </c>
      <c r="J577" s="6">
        <v>9</v>
      </c>
      <c r="K577" s="6">
        <v>2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6</v>
      </c>
      <c r="E578" s="9" t="s">
        <v>228</v>
      </c>
      <c r="F578" s="9" t="s">
        <v>281</v>
      </c>
      <c r="G578" s="9" t="s">
        <v>280</v>
      </c>
      <c r="H578" s="6">
        <v>2021</v>
      </c>
      <c r="I578" s="6">
        <v>371</v>
      </c>
      <c r="J578" s="6">
        <v>316</v>
      </c>
      <c r="K578" s="6">
        <v>1649</v>
      </c>
      <c r="L578" s="6">
        <v>1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6</v>
      </c>
      <c r="E579" s="9" t="s">
        <v>228</v>
      </c>
      <c r="F579" s="9" t="s">
        <v>282</v>
      </c>
      <c r="G579" s="9" t="s">
        <v>6</v>
      </c>
      <c r="H579" s="6">
        <v>404</v>
      </c>
      <c r="I579" s="6">
        <v>131</v>
      </c>
      <c r="J579" s="6">
        <v>118</v>
      </c>
      <c r="K579" s="6">
        <v>273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6</v>
      </c>
      <c r="E580" s="9" t="s">
        <v>228</v>
      </c>
      <c r="F580" s="9" t="s">
        <v>282</v>
      </c>
      <c r="G580" s="9" t="s">
        <v>272</v>
      </c>
      <c r="H580" s="6">
        <v>5</v>
      </c>
      <c r="I580" s="6">
        <v>1</v>
      </c>
      <c r="J580" s="6">
        <v>1</v>
      </c>
      <c r="K580" s="6">
        <v>4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6</v>
      </c>
      <c r="E581" s="9" t="s">
        <v>228</v>
      </c>
      <c r="F581" s="9" t="s">
        <v>282</v>
      </c>
      <c r="G581" s="9" t="s">
        <v>273</v>
      </c>
      <c r="H581" s="6">
        <v>6</v>
      </c>
      <c r="I581" s="6">
        <v>3</v>
      </c>
      <c r="J581" s="6">
        <v>3</v>
      </c>
      <c r="K581" s="6">
        <v>3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6</v>
      </c>
      <c r="E582" s="9" t="s">
        <v>228</v>
      </c>
      <c r="F582" s="9" t="s">
        <v>282</v>
      </c>
      <c r="G582" s="9" t="s">
        <v>274</v>
      </c>
      <c r="H582" s="6">
        <v>5</v>
      </c>
      <c r="I582" s="6">
        <v>4</v>
      </c>
      <c r="J582" s="6">
        <v>4</v>
      </c>
      <c r="K582" s="6">
        <v>1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6</v>
      </c>
      <c r="E583" s="9" t="s">
        <v>228</v>
      </c>
      <c r="F583" s="9" t="s">
        <v>282</v>
      </c>
      <c r="G583" s="9" t="s">
        <v>275</v>
      </c>
      <c r="H583" s="6">
        <v>7</v>
      </c>
      <c r="I583" s="6">
        <v>4</v>
      </c>
      <c r="J583" s="6">
        <v>3</v>
      </c>
      <c r="K583" s="6">
        <v>3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6</v>
      </c>
      <c r="E584" s="9" t="s">
        <v>228</v>
      </c>
      <c r="F584" s="9" t="s">
        <v>282</v>
      </c>
      <c r="G584" s="9" t="s">
        <v>276</v>
      </c>
      <c r="H584" s="6">
        <v>6</v>
      </c>
      <c r="I584" s="6">
        <v>5</v>
      </c>
      <c r="J584" s="6">
        <v>4</v>
      </c>
      <c r="K584" s="6">
        <v>1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6</v>
      </c>
      <c r="E585" s="9" t="s">
        <v>228</v>
      </c>
      <c r="F585" s="9" t="s">
        <v>282</v>
      </c>
      <c r="G585" s="9" t="s">
        <v>277</v>
      </c>
      <c r="H585" s="6">
        <v>14</v>
      </c>
      <c r="I585" s="6">
        <v>12</v>
      </c>
      <c r="J585" s="6">
        <v>12</v>
      </c>
      <c r="K585" s="6">
        <v>2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6</v>
      </c>
      <c r="E586" s="9" t="s">
        <v>228</v>
      </c>
      <c r="F586" s="9" t="s">
        <v>282</v>
      </c>
      <c r="G586" s="9" t="s">
        <v>278</v>
      </c>
      <c r="H586" s="6">
        <v>10</v>
      </c>
      <c r="I586" s="6">
        <v>8</v>
      </c>
      <c r="J586" s="6">
        <v>8</v>
      </c>
      <c r="K586" s="6">
        <v>2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6</v>
      </c>
      <c r="E587" s="9" t="s">
        <v>228</v>
      </c>
      <c r="F587" s="9" t="s">
        <v>282</v>
      </c>
      <c r="G587" s="9" t="s">
        <v>279</v>
      </c>
      <c r="H587" s="6">
        <v>7</v>
      </c>
      <c r="I587" s="6">
        <v>5</v>
      </c>
      <c r="J587" s="6">
        <v>5</v>
      </c>
      <c r="K587" s="6">
        <v>2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6</v>
      </c>
      <c r="E588" s="9" t="s">
        <v>228</v>
      </c>
      <c r="F588" s="9" t="s">
        <v>282</v>
      </c>
      <c r="G588" s="9" t="s">
        <v>280</v>
      </c>
      <c r="H588" s="6">
        <v>344</v>
      </c>
      <c r="I588" s="6">
        <v>89</v>
      </c>
      <c r="J588" s="6">
        <v>78</v>
      </c>
      <c r="K588" s="6">
        <v>255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6</v>
      </c>
      <c r="E589" s="9" t="s">
        <v>228</v>
      </c>
      <c r="F589" s="9" t="s">
        <v>283</v>
      </c>
      <c r="G589" s="9" t="s">
        <v>6</v>
      </c>
      <c r="H589" s="6">
        <v>60</v>
      </c>
      <c r="I589" s="6">
        <v>28</v>
      </c>
      <c r="J589" s="6">
        <v>25</v>
      </c>
      <c r="K589" s="6">
        <v>32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6</v>
      </c>
      <c r="E590" s="9" t="s">
        <v>228</v>
      </c>
      <c r="F590" s="9" t="s">
        <v>283</v>
      </c>
      <c r="G590" s="9" t="s">
        <v>272</v>
      </c>
      <c r="H590" s="6">
        <v>3</v>
      </c>
      <c r="I590" s="10" t="s">
        <v>55</v>
      </c>
      <c r="J590" s="10" t="s">
        <v>55</v>
      </c>
      <c r="K590" s="6">
        <v>3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6</v>
      </c>
      <c r="E591" s="9" t="s">
        <v>228</v>
      </c>
      <c r="F591" s="9" t="s">
        <v>283</v>
      </c>
      <c r="G591" s="9" t="s">
        <v>273</v>
      </c>
      <c r="H591" s="6">
        <v>2</v>
      </c>
      <c r="I591" s="6">
        <v>2</v>
      </c>
      <c r="J591" s="6">
        <v>2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6</v>
      </c>
      <c r="E592" s="9" t="s">
        <v>228</v>
      </c>
      <c r="F592" s="9" t="s">
        <v>283</v>
      </c>
      <c r="G592" s="9" t="s">
        <v>274</v>
      </c>
      <c r="H592" s="6">
        <v>10</v>
      </c>
      <c r="I592" s="6">
        <v>9</v>
      </c>
      <c r="J592" s="6">
        <v>8</v>
      </c>
      <c r="K592" s="6">
        <v>1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6</v>
      </c>
      <c r="E593" s="9" t="s">
        <v>228</v>
      </c>
      <c r="F593" s="9" t="s">
        <v>283</v>
      </c>
      <c r="G593" s="9" t="s">
        <v>275</v>
      </c>
      <c r="H593" s="6">
        <v>10</v>
      </c>
      <c r="I593" s="6">
        <v>6</v>
      </c>
      <c r="J593" s="6">
        <v>5</v>
      </c>
      <c r="K593" s="6">
        <v>4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6</v>
      </c>
      <c r="E594" s="9" t="s">
        <v>228</v>
      </c>
      <c r="F594" s="9" t="s">
        <v>283</v>
      </c>
      <c r="G594" s="9" t="s">
        <v>276</v>
      </c>
      <c r="H594" s="6">
        <v>2</v>
      </c>
      <c r="I594" s="6">
        <v>2</v>
      </c>
      <c r="J594" s="6">
        <v>2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6</v>
      </c>
      <c r="E595" s="9" t="s">
        <v>228</v>
      </c>
      <c r="F595" s="9" t="s">
        <v>283</v>
      </c>
      <c r="G595" s="9" t="s">
        <v>277</v>
      </c>
      <c r="H595" s="6">
        <v>1</v>
      </c>
      <c r="I595" s="6">
        <v>1</v>
      </c>
      <c r="J595" s="6">
        <v>1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6</v>
      </c>
      <c r="E596" s="9" t="s">
        <v>228</v>
      </c>
      <c r="F596" s="9" t="s">
        <v>283</v>
      </c>
      <c r="G596" s="9" t="s">
        <v>278</v>
      </c>
      <c r="H596" s="6">
        <v>3</v>
      </c>
      <c r="I596" s="6">
        <v>2</v>
      </c>
      <c r="J596" s="6">
        <v>2</v>
      </c>
      <c r="K596" s="6">
        <v>1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6</v>
      </c>
      <c r="E597" s="9" t="s">
        <v>228</v>
      </c>
      <c r="F597" s="9" t="s">
        <v>283</v>
      </c>
      <c r="G597" s="9" t="s">
        <v>279</v>
      </c>
      <c r="H597" s="6">
        <v>2</v>
      </c>
      <c r="I597" s="6">
        <v>2</v>
      </c>
      <c r="J597" s="6">
        <v>2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6</v>
      </c>
      <c r="E598" s="9" t="s">
        <v>228</v>
      </c>
      <c r="F598" s="9" t="s">
        <v>283</v>
      </c>
      <c r="G598" s="9" t="s">
        <v>280</v>
      </c>
      <c r="H598" s="6">
        <v>27</v>
      </c>
      <c r="I598" s="6">
        <v>4</v>
      </c>
      <c r="J598" s="6">
        <v>3</v>
      </c>
      <c r="K598" s="6">
        <v>23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6</v>
      </c>
      <c r="E599" s="9" t="s">
        <v>18</v>
      </c>
      <c r="F599" s="9" t="s">
        <v>6</v>
      </c>
      <c r="G599" s="9" t="s">
        <v>6</v>
      </c>
      <c r="H599" s="6">
        <v>1014</v>
      </c>
      <c r="I599" s="6">
        <v>5</v>
      </c>
      <c r="J599" s="6">
        <v>5</v>
      </c>
      <c r="K599" s="6">
        <v>1</v>
      </c>
      <c r="L599" s="6">
        <v>1008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6</v>
      </c>
      <c r="E600" s="9" t="s">
        <v>18</v>
      </c>
      <c r="F600" s="9" t="s">
        <v>234</v>
      </c>
      <c r="G600" s="9" t="s">
        <v>6</v>
      </c>
      <c r="H600" s="6">
        <v>280</v>
      </c>
      <c r="I600" s="6">
        <v>1</v>
      </c>
      <c r="J600" s="6">
        <v>1</v>
      </c>
      <c r="K600" s="10" t="s">
        <v>55</v>
      </c>
      <c r="L600" s="6">
        <v>279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6</v>
      </c>
      <c r="E601" s="9" t="s">
        <v>18</v>
      </c>
      <c r="F601" s="9" t="s">
        <v>235</v>
      </c>
      <c r="G601" s="9" t="s">
        <v>6</v>
      </c>
      <c r="H601" s="6">
        <v>734</v>
      </c>
      <c r="I601" s="6">
        <v>4</v>
      </c>
      <c r="J601" s="6">
        <v>4</v>
      </c>
      <c r="K601" s="6">
        <v>1</v>
      </c>
      <c r="L601" s="6">
        <v>729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6</v>
      </c>
      <c r="E602" s="9" t="s">
        <v>18</v>
      </c>
      <c r="F602" s="9" t="s">
        <v>235</v>
      </c>
      <c r="G602" s="9" t="s">
        <v>272</v>
      </c>
      <c r="H602" s="6">
        <v>61</v>
      </c>
      <c r="I602" s="10" t="s">
        <v>55</v>
      </c>
      <c r="J602" s="10" t="s">
        <v>55</v>
      </c>
      <c r="K602" s="10" t="s">
        <v>55</v>
      </c>
      <c r="L602" s="6">
        <v>61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6</v>
      </c>
      <c r="E603" s="9" t="s">
        <v>18</v>
      </c>
      <c r="F603" s="9" t="s">
        <v>235</v>
      </c>
      <c r="G603" s="9" t="s">
        <v>273</v>
      </c>
      <c r="H603" s="6">
        <v>116</v>
      </c>
      <c r="I603" s="10" t="s">
        <v>55</v>
      </c>
      <c r="J603" s="10" t="s">
        <v>55</v>
      </c>
      <c r="K603" s="10" t="s">
        <v>55</v>
      </c>
      <c r="L603" s="6">
        <v>116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6</v>
      </c>
      <c r="E604" s="9" t="s">
        <v>18</v>
      </c>
      <c r="F604" s="9" t="s">
        <v>235</v>
      </c>
      <c r="G604" s="9" t="s">
        <v>274</v>
      </c>
      <c r="H604" s="6">
        <v>112</v>
      </c>
      <c r="I604" s="10" t="s">
        <v>55</v>
      </c>
      <c r="J604" s="10" t="s">
        <v>55</v>
      </c>
      <c r="K604" s="10" t="s">
        <v>55</v>
      </c>
      <c r="L604" s="6">
        <v>112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6</v>
      </c>
      <c r="E605" s="9" t="s">
        <v>18</v>
      </c>
      <c r="F605" s="9" t="s">
        <v>235</v>
      </c>
      <c r="G605" s="9" t="s">
        <v>275</v>
      </c>
      <c r="H605" s="6">
        <v>83</v>
      </c>
      <c r="I605" s="6">
        <v>2</v>
      </c>
      <c r="J605" s="6">
        <v>2</v>
      </c>
      <c r="K605" s="10" t="s">
        <v>55</v>
      </c>
      <c r="L605" s="6">
        <v>81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6</v>
      </c>
      <c r="E606" s="9" t="s">
        <v>18</v>
      </c>
      <c r="F606" s="9" t="s">
        <v>235</v>
      </c>
      <c r="G606" s="9" t="s">
        <v>276</v>
      </c>
      <c r="H606" s="6">
        <v>64</v>
      </c>
      <c r="I606" s="10" t="s">
        <v>55</v>
      </c>
      <c r="J606" s="10" t="s">
        <v>55</v>
      </c>
      <c r="K606" s="10" t="s">
        <v>55</v>
      </c>
      <c r="L606" s="6">
        <v>64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6</v>
      </c>
      <c r="E607" s="9" t="s">
        <v>18</v>
      </c>
      <c r="F607" s="9" t="s">
        <v>235</v>
      </c>
      <c r="G607" s="9" t="s">
        <v>277</v>
      </c>
      <c r="H607" s="6">
        <v>64</v>
      </c>
      <c r="I607" s="10" t="s">
        <v>55</v>
      </c>
      <c r="J607" s="10" t="s">
        <v>55</v>
      </c>
      <c r="K607" s="10" t="s">
        <v>55</v>
      </c>
      <c r="L607" s="6">
        <v>64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6</v>
      </c>
      <c r="E608" s="9" t="s">
        <v>18</v>
      </c>
      <c r="F608" s="9" t="s">
        <v>235</v>
      </c>
      <c r="G608" s="9" t="s">
        <v>278</v>
      </c>
      <c r="H608" s="6">
        <v>50</v>
      </c>
      <c r="I608" s="10" t="s">
        <v>55</v>
      </c>
      <c r="J608" s="10" t="s">
        <v>55</v>
      </c>
      <c r="K608" s="10" t="s">
        <v>55</v>
      </c>
      <c r="L608" s="6">
        <v>50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6</v>
      </c>
      <c r="E609" s="9" t="s">
        <v>18</v>
      </c>
      <c r="F609" s="9" t="s">
        <v>235</v>
      </c>
      <c r="G609" s="9" t="s">
        <v>279</v>
      </c>
      <c r="H609" s="6">
        <v>31</v>
      </c>
      <c r="I609" s="6">
        <v>1</v>
      </c>
      <c r="J609" s="6">
        <v>1</v>
      </c>
      <c r="K609" s="10" t="s">
        <v>55</v>
      </c>
      <c r="L609" s="6">
        <v>30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6</v>
      </c>
      <c r="E610" s="9" t="s">
        <v>18</v>
      </c>
      <c r="F610" s="9" t="s">
        <v>235</v>
      </c>
      <c r="G610" s="9" t="s">
        <v>280</v>
      </c>
      <c r="H610" s="6">
        <v>153</v>
      </c>
      <c r="I610" s="6">
        <v>1</v>
      </c>
      <c r="J610" s="6">
        <v>1</v>
      </c>
      <c r="K610" s="6">
        <v>1</v>
      </c>
      <c r="L610" s="6">
        <v>151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6</v>
      </c>
      <c r="E611" s="9" t="s">
        <v>18</v>
      </c>
      <c r="F611" s="9" t="s">
        <v>281</v>
      </c>
      <c r="G611" s="9" t="s">
        <v>6</v>
      </c>
      <c r="H611" s="6">
        <v>288</v>
      </c>
      <c r="I611" s="6">
        <v>2</v>
      </c>
      <c r="J611" s="6">
        <v>2</v>
      </c>
      <c r="K611" s="10" t="s">
        <v>55</v>
      </c>
      <c r="L611" s="6">
        <v>286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6</v>
      </c>
      <c r="E612" s="9" t="s">
        <v>18</v>
      </c>
      <c r="F612" s="9" t="s">
        <v>281</v>
      </c>
      <c r="G612" s="9" t="s">
        <v>272</v>
      </c>
      <c r="H612" s="6">
        <v>22</v>
      </c>
      <c r="I612" s="10" t="s">
        <v>55</v>
      </c>
      <c r="J612" s="10" t="s">
        <v>55</v>
      </c>
      <c r="K612" s="10" t="s">
        <v>55</v>
      </c>
      <c r="L612" s="6">
        <v>22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6</v>
      </c>
      <c r="E613" s="9" t="s">
        <v>18</v>
      </c>
      <c r="F613" s="9" t="s">
        <v>281</v>
      </c>
      <c r="G613" s="9" t="s">
        <v>273</v>
      </c>
      <c r="H613" s="6">
        <v>39</v>
      </c>
      <c r="I613" s="10" t="s">
        <v>55</v>
      </c>
      <c r="J613" s="10" t="s">
        <v>55</v>
      </c>
      <c r="K613" s="10" t="s">
        <v>55</v>
      </c>
      <c r="L613" s="6">
        <v>39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6</v>
      </c>
      <c r="E614" s="9" t="s">
        <v>18</v>
      </c>
      <c r="F614" s="9" t="s">
        <v>281</v>
      </c>
      <c r="G614" s="9" t="s">
        <v>274</v>
      </c>
      <c r="H614" s="6">
        <v>32</v>
      </c>
      <c r="I614" s="10" t="s">
        <v>55</v>
      </c>
      <c r="J614" s="10" t="s">
        <v>55</v>
      </c>
      <c r="K614" s="10" t="s">
        <v>55</v>
      </c>
      <c r="L614" s="6">
        <v>32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6</v>
      </c>
      <c r="E615" s="9" t="s">
        <v>18</v>
      </c>
      <c r="F615" s="9" t="s">
        <v>281</v>
      </c>
      <c r="G615" s="9" t="s">
        <v>275</v>
      </c>
      <c r="H615" s="6">
        <v>19</v>
      </c>
      <c r="I615" s="10" t="s">
        <v>55</v>
      </c>
      <c r="J615" s="10" t="s">
        <v>55</v>
      </c>
      <c r="K615" s="10" t="s">
        <v>55</v>
      </c>
      <c r="L615" s="6">
        <v>19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6</v>
      </c>
      <c r="E616" s="9" t="s">
        <v>18</v>
      </c>
      <c r="F616" s="9" t="s">
        <v>281</v>
      </c>
      <c r="G616" s="9" t="s">
        <v>276</v>
      </c>
      <c r="H616" s="6">
        <v>14</v>
      </c>
      <c r="I616" s="10" t="s">
        <v>55</v>
      </c>
      <c r="J616" s="10" t="s">
        <v>55</v>
      </c>
      <c r="K616" s="10" t="s">
        <v>55</v>
      </c>
      <c r="L616" s="6">
        <v>14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6</v>
      </c>
      <c r="E617" s="9" t="s">
        <v>18</v>
      </c>
      <c r="F617" s="9" t="s">
        <v>281</v>
      </c>
      <c r="G617" s="9" t="s">
        <v>277</v>
      </c>
      <c r="H617" s="6">
        <v>18</v>
      </c>
      <c r="I617" s="10" t="s">
        <v>55</v>
      </c>
      <c r="J617" s="10" t="s">
        <v>55</v>
      </c>
      <c r="K617" s="10" t="s">
        <v>55</v>
      </c>
      <c r="L617" s="6">
        <v>18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6</v>
      </c>
      <c r="E618" s="9" t="s">
        <v>18</v>
      </c>
      <c r="F618" s="9" t="s">
        <v>281</v>
      </c>
      <c r="G618" s="9" t="s">
        <v>278</v>
      </c>
      <c r="H618" s="6">
        <v>16</v>
      </c>
      <c r="I618" s="10" t="s">
        <v>55</v>
      </c>
      <c r="J618" s="10" t="s">
        <v>55</v>
      </c>
      <c r="K618" s="10" t="s">
        <v>55</v>
      </c>
      <c r="L618" s="6">
        <v>16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6</v>
      </c>
      <c r="E619" s="9" t="s">
        <v>18</v>
      </c>
      <c r="F619" s="9" t="s">
        <v>281</v>
      </c>
      <c r="G619" s="9" t="s">
        <v>279</v>
      </c>
      <c r="H619" s="6">
        <v>16</v>
      </c>
      <c r="I619" s="6">
        <v>1</v>
      </c>
      <c r="J619" s="6">
        <v>1</v>
      </c>
      <c r="K619" s="10" t="s">
        <v>55</v>
      </c>
      <c r="L619" s="6">
        <v>15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6</v>
      </c>
      <c r="E620" s="9" t="s">
        <v>18</v>
      </c>
      <c r="F620" s="9" t="s">
        <v>281</v>
      </c>
      <c r="G620" s="9" t="s">
        <v>280</v>
      </c>
      <c r="H620" s="6">
        <v>112</v>
      </c>
      <c r="I620" s="6">
        <v>1</v>
      </c>
      <c r="J620" s="6">
        <v>1</v>
      </c>
      <c r="K620" s="10" t="s">
        <v>55</v>
      </c>
      <c r="L620" s="6">
        <v>111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6</v>
      </c>
      <c r="E621" s="9" t="s">
        <v>18</v>
      </c>
      <c r="F621" s="9" t="s">
        <v>282</v>
      </c>
      <c r="G621" s="9" t="s">
        <v>6</v>
      </c>
      <c r="H621" s="6">
        <v>268</v>
      </c>
      <c r="I621" s="6">
        <v>1</v>
      </c>
      <c r="J621" s="6">
        <v>1</v>
      </c>
      <c r="K621" s="6">
        <v>1</v>
      </c>
      <c r="L621" s="6">
        <v>266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6</v>
      </c>
      <c r="E622" s="9" t="s">
        <v>18</v>
      </c>
      <c r="F622" s="9" t="s">
        <v>282</v>
      </c>
      <c r="G622" s="9" t="s">
        <v>272</v>
      </c>
      <c r="H622" s="6">
        <v>18</v>
      </c>
      <c r="I622" s="10" t="s">
        <v>55</v>
      </c>
      <c r="J622" s="10" t="s">
        <v>55</v>
      </c>
      <c r="K622" s="10" t="s">
        <v>55</v>
      </c>
      <c r="L622" s="6">
        <v>18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6</v>
      </c>
      <c r="E623" s="9" t="s">
        <v>18</v>
      </c>
      <c r="F623" s="9" t="s">
        <v>282</v>
      </c>
      <c r="G623" s="9" t="s">
        <v>273</v>
      </c>
      <c r="H623" s="6">
        <v>41</v>
      </c>
      <c r="I623" s="10" t="s">
        <v>55</v>
      </c>
      <c r="J623" s="10" t="s">
        <v>55</v>
      </c>
      <c r="K623" s="10" t="s">
        <v>55</v>
      </c>
      <c r="L623" s="6">
        <v>41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6</v>
      </c>
      <c r="E624" s="9" t="s">
        <v>18</v>
      </c>
      <c r="F624" s="9" t="s">
        <v>282</v>
      </c>
      <c r="G624" s="9" t="s">
        <v>274</v>
      </c>
      <c r="H624" s="6">
        <v>41</v>
      </c>
      <c r="I624" s="10" t="s">
        <v>55</v>
      </c>
      <c r="J624" s="10" t="s">
        <v>55</v>
      </c>
      <c r="K624" s="10" t="s">
        <v>55</v>
      </c>
      <c r="L624" s="6">
        <v>41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6</v>
      </c>
      <c r="E625" s="9" t="s">
        <v>18</v>
      </c>
      <c r="F625" s="9" t="s">
        <v>282</v>
      </c>
      <c r="G625" s="9" t="s">
        <v>275</v>
      </c>
      <c r="H625" s="6">
        <v>38</v>
      </c>
      <c r="I625" s="6">
        <v>1</v>
      </c>
      <c r="J625" s="6">
        <v>1</v>
      </c>
      <c r="K625" s="10" t="s">
        <v>55</v>
      </c>
      <c r="L625" s="6">
        <v>37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6</v>
      </c>
      <c r="E626" s="9" t="s">
        <v>18</v>
      </c>
      <c r="F626" s="9" t="s">
        <v>282</v>
      </c>
      <c r="G626" s="9" t="s">
        <v>276</v>
      </c>
      <c r="H626" s="6">
        <v>30</v>
      </c>
      <c r="I626" s="10" t="s">
        <v>55</v>
      </c>
      <c r="J626" s="10" t="s">
        <v>55</v>
      </c>
      <c r="K626" s="10" t="s">
        <v>55</v>
      </c>
      <c r="L626" s="6">
        <v>30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6</v>
      </c>
      <c r="E627" s="9" t="s">
        <v>18</v>
      </c>
      <c r="F627" s="9" t="s">
        <v>282</v>
      </c>
      <c r="G627" s="9" t="s">
        <v>277</v>
      </c>
      <c r="H627" s="6">
        <v>21</v>
      </c>
      <c r="I627" s="10" t="s">
        <v>55</v>
      </c>
      <c r="J627" s="10" t="s">
        <v>55</v>
      </c>
      <c r="K627" s="10" t="s">
        <v>55</v>
      </c>
      <c r="L627" s="6">
        <v>21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6</v>
      </c>
      <c r="E628" s="9" t="s">
        <v>18</v>
      </c>
      <c r="F628" s="9" t="s">
        <v>282</v>
      </c>
      <c r="G628" s="9" t="s">
        <v>278</v>
      </c>
      <c r="H628" s="6">
        <v>28</v>
      </c>
      <c r="I628" s="10" t="s">
        <v>55</v>
      </c>
      <c r="J628" s="10" t="s">
        <v>55</v>
      </c>
      <c r="K628" s="10" t="s">
        <v>55</v>
      </c>
      <c r="L628" s="6">
        <v>28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6</v>
      </c>
      <c r="E629" s="9" t="s">
        <v>18</v>
      </c>
      <c r="F629" s="9" t="s">
        <v>282</v>
      </c>
      <c r="G629" s="9" t="s">
        <v>279</v>
      </c>
      <c r="H629" s="6">
        <v>13</v>
      </c>
      <c r="I629" s="10" t="s">
        <v>55</v>
      </c>
      <c r="J629" s="10" t="s">
        <v>55</v>
      </c>
      <c r="K629" s="10" t="s">
        <v>55</v>
      </c>
      <c r="L629" s="6">
        <v>13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6</v>
      </c>
      <c r="E630" s="9" t="s">
        <v>18</v>
      </c>
      <c r="F630" s="9" t="s">
        <v>282</v>
      </c>
      <c r="G630" s="9" t="s">
        <v>280</v>
      </c>
      <c r="H630" s="6">
        <v>38</v>
      </c>
      <c r="I630" s="10" t="s">
        <v>55</v>
      </c>
      <c r="J630" s="10" t="s">
        <v>55</v>
      </c>
      <c r="K630" s="6">
        <v>1</v>
      </c>
      <c r="L630" s="6">
        <v>37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6</v>
      </c>
      <c r="E631" s="9" t="s">
        <v>18</v>
      </c>
      <c r="F631" s="9" t="s">
        <v>283</v>
      </c>
      <c r="G631" s="9" t="s">
        <v>6</v>
      </c>
      <c r="H631" s="6">
        <v>178</v>
      </c>
      <c r="I631" s="6">
        <v>1</v>
      </c>
      <c r="J631" s="6">
        <v>1</v>
      </c>
      <c r="K631" s="10" t="s">
        <v>55</v>
      </c>
      <c r="L631" s="6">
        <v>177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6</v>
      </c>
      <c r="E632" s="9" t="s">
        <v>18</v>
      </c>
      <c r="F632" s="9" t="s">
        <v>283</v>
      </c>
      <c r="G632" s="9" t="s">
        <v>272</v>
      </c>
      <c r="H632" s="6">
        <v>21</v>
      </c>
      <c r="I632" s="10" t="s">
        <v>55</v>
      </c>
      <c r="J632" s="10" t="s">
        <v>55</v>
      </c>
      <c r="K632" s="10" t="s">
        <v>55</v>
      </c>
      <c r="L632" s="6">
        <v>21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6</v>
      </c>
      <c r="E633" s="9" t="s">
        <v>18</v>
      </c>
      <c r="F633" s="9" t="s">
        <v>283</v>
      </c>
      <c r="G633" s="9" t="s">
        <v>273</v>
      </c>
      <c r="H633" s="6">
        <v>36</v>
      </c>
      <c r="I633" s="10" t="s">
        <v>55</v>
      </c>
      <c r="J633" s="10" t="s">
        <v>55</v>
      </c>
      <c r="K633" s="10" t="s">
        <v>55</v>
      </c>
      <c r="L633" s="6">
        <v>36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6</v>
      </c>
      <c r="E634" s="9" t="s">
        <v>18</v>
      </c>
      <c r="F634" s="9" t="s">
        <v>283</v>
      </c>
      <c r="G634" s="9" t="s">
        <v>274</v>
      </c>
      <c r="H634" s="6">
        <v>39</v>
      </c>
      <c r="I634" s="10" t="s">
        <v>55</v>
      </c>
      <c r="J634" s="10" t="s">
        <v>55</v>
      </c>
      <c r="K634" s="10" t="s">
        <v>55</v>
      </c>
      <c r="L634" s="6">
        <v>39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6</v>
      </c>
      <c r="E635" s="9" t="s">
        <v>18</v>
      </c>
      <c r="F635" s="9" t="s">
        <v>283</v>
      </c>
      <c r="G635" s="9" t="s">
        <v>275</v>
      </c>
      <c r="H635" s="6">
        <v>26</v>
      </c>
      <c r="I635" s="6">
        <v>1</v>
      </c>
      <c r="J635" s="6">
        <v>1</v>
      </c>
      <c r="K635" s="10" t="s">
        <v>55</v>
      </c>
      <c r="L635" s="6">
        <v>25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6</v>
      </c>
      <c r="E636" s="9" t="s">
        <v>18</v>
      </c>
      <c r="F636" s="9" t="s">
        <v>283</v>
      </c>
      <c r="G636" s="9" t="s">
        <v>276</v>
      </c>
      <c r="H636" s="6">
        <v>20</v>
      </c>
      <c r="I636" s="10" t="s">
        <v>55</v>
      </c>
      <c r="J636" s="10" t="s">
        <v>55</v>
      </c>
      <c r="K636" s="10" t="s">
        <v>55</v>
      </c>
      <c r="L636" s="6">
        <v>20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6</v>
      </c>
      <c r="E637" s="9" t="s">
        <v>18</v>
      </c>
      <c r="F637" s="9" t="s">
        <v>283</v>
      </c>
      <c r="G637" s="9" t="s">
        <v>277</v>
      </c>
      <c r="H637" s="6">
        <v>25</v>
      </c>
      <c r="I637" s="10" t="s">
        <v>55</v>
      </c>
      <c r="J637" s="10" t="s">
        <v>55</v>
      </c>
      <c r="K637" s="10" t="s">
        <v>55</v>
      </c>
      <c r="L637" s="6">
        <v>25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6</v>
      </c>
      <c r="E638" s="9" t="s">
        <v>18</v>
      </c>
      <c r="F638" s="9" t="s">
        <v>283</v>
      </c>
      <c r="G638" s="9" t="s">
        <v>278</v>
      </c>
      <c r="H638" s="6">
        <v>6</v>
      </c>
      <c r="I638" s="10" t="s">
        <v>55</v>
      </c>
      <c r="J638" s="10" t="s">
        <v>55</v>
      </c>
      <c r="K638" s="10" t="s">
        <v>55</v>
      </c>
      <c r="L638" s="6">
        <v>6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6</v>
      </c>
      <c r="E639" s="9" t="s">
        <v>18</v>
      </c>
      <c r="F639" s="9" t="s">
        <v>283</v>
      </c>
      <c r="G639" s="9" t="s">
        <v>279</v>
      </c>
      <c r="H639" s="6">
        <v>2</v>
      </c>
      <c r="I639" s="10" t="s">
        <v>55</v>
      </c>
      <c r="J639" s="10" t="s">
        <v>55</v>
      </c>
      <c r="K639" s="10" t="s">
        <v>55</v>
      </c>
      <c r="L639" s="6">
        <v>2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6</v>
      </c>
      <c r="E640" s="9" t="s">
        <v>18</v>
      </c>
      <c r="F640" s="9" t="s">
        <v>283</v>
      </c>
      <c r="G640" s="9" t="s">
        <v>280</v>
      </c>
      <c r="H640" s="6">
        <v>3</v>
      </c>
      <c r="I640" s="10" t="s">
        <v>55</v>
      </c>
      <c r="J640" s="10" t="s">
        <v>55</v>
      </c>
      <c r="K640" s="10" t="s">
        <v>55</v>
      </c>
      <c r="L640" s="6">
        <v>3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3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2D0252D-0175-43B9-8690-37D78CA95182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4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58</v>
      </c>
      <c r="E11" s="5" t="s">
        <v>6</v>
      </c>
      <c r="F11" s="5" t="s">
        <v>6</v>
      </c>
      <c r="G11" s="5" t="s">
        <v>6</v>
      </c>
      <c r="H11" s="6">
        <v>25108030</v>
      </c>
      <c r="I11" s="6">
        <v>12417933</v>
      </c>
      <c r="J11" s="6">
        <v>10868633</v>
      </c>
      <c r="K11" s="6">
        <v>10399432</v>
      </c>
      <c r="L11" s="6">
        <v>2290665</v>
      </c>
    </row>
    <row r="12" spans="1:12">
      <c r="A12" s="9" t="s">
        <v>27</v>
      </c>
      <c r="B12" s="9" t="s">
        <v>28</v>
      </c>
      <c r="C12" s="9" t="s">
        <v>29</v>
      </c>
      <c r="D12" s="9" t="s">
        <v>258</v>
      </c>
      <c r="E12" s="9" t="s">
        <v>6</v>
      </c>
      <c r="F12" s="9" t="s">
        <v>234</v>
      </c>
      <c r="G12" s="9" t="s">
        <v>6</v>
      </c>
      <c r="H12" s="6">
        <v>11158840</v>
      </c>
      <c r="I12" s="6">
        <v>4512635</v>
      </c>
      <c r="J12" s="6">
        <v>3752558</v>
      </c>
      <c r="K12" s="6">
        <v>5714737</v>
      </c>
      <c r="L12" s="6">
        <v>931468</v>
      </c>
    </row>
    <row r="13" spans="1:12">
      <c r="A13" s="9" t="s">
        <v>27</v>
      </c>
      <c r="B13" s="9" t="s">
        <v>28</v>
      </c>
      <c r="C13" s="9" t="s">
        <v>29</v>
      </c>
      <c r="D13" s="9" t="s">
        <v>258</v>
      </c>
      <c r="E13" s="9" t="s">
        <v>6</v>
      </c>
      <c r="F13" s="9" t="s">
        <v>235</v>
      </c>
      <c r="G13" s="9" t="s">
        <v>6</v>
      </c>
      <c r="H13" s="6">
        <v>13949190</v>
      </c>
      <c r="I13" s="6">
        <v>7905298</v>
      </c>
      <c r="J13" s="6">
        <v>7116075</v>
      </c>
      <c r="K13" s="6">
        <v>4684695</v>
      </c>
      <c r="L13" s="6">
        <v>1359197</v>
      </c>
    </row>
    <row r="14" spans="1:12">
      <c r="A14" s="9" t="s">
        <v>27</v>
      </c>
      <c r="B14" s="9" t="s">
        <v>28</v>
      </c>
      <c r="C14" s="9" t="s">
        <v>29</v>
      </c>
      <c r="D14" s="9" t="s">
        <v>258</v>
      </c>
      <c r="E14" s="9" t="s">
        <v>6</v>
      </c>
      <c r="F14" s="9" t="s">
        <v>235</v>
      </c>
      <c r="G14" s="9" t="s">
        <v>272</v>
      </c>
      <c r="H14" s="6">
        <v>721974</v>
      </c>
      <c r="I14" s="6">
        <v>296375</v>
      </c>
      <c r="J14" s="6">
        <v>277080</v>
      </c>
      <c r="K14" s="6">
        <v>332476</v>
      </c>
      <c r="L14" s="6">
        <v>93123</v>
      </c>
    </row>
    <row r="15" spans="1:12">
      <c r="A15" s="9" t="s">
        <v>27</v>
      </c>
      <c r="B15" s="9" t="s">
        <v>28</v>
      </c>
      <c r="C15" s="9" t="s">
        <v>29</v>
      </c>
      <c r="D15" s="9" t="s">
        <v>258</v>
      </c>
      <c r="E15" s="9" t="s">
        <v>6</v>
      </c>
      <c r="F15" s="9" t="s">
        <v>235</v>
      </c>
      <c r="G15" s="9" t="s">
        <v>273</v>
      </c>
      <c r="H15" s="6">
        <v>1344066</v>
      </c>
      <c r="I15" s="6">
        <v>705064</v>
      </c>
      <c r="J15" s="6">
        <v>655842</v>
      </c>
      <c r="K15" s="6">
        <v>446760</v>
      </c>
      <c r="L15" s="6">
        <v>192242</v>
      </c>
    </row>
    <row r="16" spans="1:12">
      <c r="A16" s="9" t="s">
        <v>27</v>
      </c>
      <c r="B16" s="9" t="s">
        <v>28</v>
      </c>
      <c r="C16" s="9" t="s">
        <v>29</v>
      </c>
      <c r="D16" s="9" t="s">
        <v>258</v>
      </c>
      <c r="E16" s="9" t="s">
        <v>6</v>
      </c>
      <c r="F16" s="9" t="s">
        <v>235</v>
      </c>
      <c r="G16" s="9" t="s">
        <v>274</v>
      </c>
      <c r="H16" s="6">
        <v>1484605</v>
      </c>
      <c r="I16" s="6">
        <v>892997</v>
      </c>
      <c r="J16" s="6">
        <v>823860</v>
      </c>
      <c r="K16" s="6">
        <v>389819</v>
      </c>
      <c r="L16" s="6">
        <v>201789</v>
      </c>
    </row>
    <row r="17" spans="1:12">
      <c r="A17" s="9" t="s">
        <v>27</v>
      </c>
      <c r="B17" s="9" t="s">
        <v>28</v>
      </c>
      <c r="C17" s="9" t="s">
        <v>29</v>
      </c>
      <c r="D17" s="9" t="s">
        <v>258</v>
      </c>
      <c r="E17" s="9" t="s">
        <v>6</v>
      </c>
      <c r="F17" s="9" t="s">
        <v>235</v>
      </c>
      <c r="G17" s="9" t="s">
        <v>275</v>
      </c>
      <c r="H17" s="6">
        <v>1251727</v>
      </c>
      <c r="I17" s="6">
        <v>819006</v>
      </c>
      <c r="J17" s="6">
        <v>759187</v>
      </c>
      <c r="K17" s="6">
        <v>279168</v>
      </c>
      <c r="L17" s="6">
        <v>153553</v>
      </c>
    </row>
    <row r="18" spans="1:12">
      <c r="A18" s="9" t="s">
        <v>27</v>
      </c>
      <c r="B18" s="9" t="s">
        <v>28</v>
      </c>
      <c r="C18" s="9" t="s">
        <v>29</v>
      </c>
      <c r="D18" s="9" t="s">
        <v>258</v>
      </c>
      <c r="E18" s="9" t="s">
        <v>6</v>
      </c>
      <c r="F18" s="9" t="s">
        <v>235</v>
      </c>
      <c r="G18" s="9" t="s">
        <v>276</v>
      </c>
      <c r="H18" s="6">
        <v>1174445</v>
      </c>
      <c r="I18" s="6">
        <v>814945</v>
      </c>
      <c r="J18" s="6">
        <v>760449</v>
      </c>
      <c r="K18" s="6">
        <v>223523</v>
      </c>
      <c r="L18" s="6">
        <v>135977</v>
      </c>
    </row>
    <row r="19" spans="1:12">
      <c r="A19" s="9" t="s">
        <v>27</v>
      </c>
      <c r="B19" s="9" t="s">
        <v>28</v>
      </c>
      <c r="C19" s="9" t="s">
        <v>29</v>
      </c>
      <c r="D19" s="9" t="s">
        <v>258</v>
      </c>
      <c r="E19" s="9" t="s">
        <v>6</v>
      </c>
      <c r="F19" s="9" t="s">
        <v>235</v>
      </c>
      <c r="G19" s="9" t="s">
        <v>277</v>
      </c>
      <c r="H19" s="6">
        <v>1104710</v>
      </c>
      <c r="I19" s="6">
        <v>789704</v>
      </c>
      <c r="J19" s="6">
        <v>739089</v>
      </c>
      <c r="K19" s="6">
        <v>197120</v>
      </c>
      <c r="L19" s="6">
        <v>117886</v>
      </c>
    </row>
    <row r="20" spans="1:12">
      <c r="A20" s="9" t="s">
        <v>27</v>
      </c>
      <c r="B20" s="9" t="s">
        <v>28</v>
      </c>
      <c r="C20" s="9" t="s">
        <v>29</v>
      </c>
      <c r="D20" s="9" t="s">
        <v>258</v>
      </c>
      <c r="E20" s="9" t="s">
        <v>6</v>
      </c>
      <c r="F20" s="9" t="s">
        <v>235</v>
      </c>
      <c r="G20" s="9" t="s">
        <v>278</v>
      </c>
      <c r="H20" s="6">
        <v>1040117</v>
      </c>
      <c r="I20" s="6">
        <v>752172</v>
      </c>
      <c r="J20" s="6">
        <v>704217</v>
      </c>
      <c r="K20" s="6">
        <v>186970</v>
      </c>
      <c r="L20" s="6">
        <v>100975</v>
      </c>
    </row>
    <row r="21" spans="1:12">
      <c r="A21" s="9" t="s">
        <v>27</v>
      </c>
      <c r="B21" s="9" t="s">
        <v>28</v>
      </c>
      <c r="C21" s="9" t="s">
        <v>29</v>
      </c>
      <c r="D21" s="9" t="s">
        <v>258</v>
      </c>
      <c r="E21" s="9" t="s">
        <v>6</v>
      </c>
      <c r="F21" s="9" t="s">
        <v>235</v>
      </c>
      <c r="G21" s="9" t="s">
        <v>279</v>
      </c>
      <c r="H21" s="6">
        <v>606345</v>
      </c>
      <c r="I21" s="6">
        <v>427696</v>
      </c>
      <c r="J21" s="6">
        <v>399191</v>
      </c>
      <c r="K21" s="6">
        <v>118617</v>
      </c>
      <c r="L21" s="6">
        <v>60032</v>
      </c>
    </row>
    <row r="22" spans="1:12">
      <c r="A22" s="9" t="s">
        <v>27</v>
      </c>
      <c r="B22" s="9" t="s">
        <v>28</v>
      </c>
      <c r="C22" s="9" t="s">
        <v>29</v>
      </c>
      <c r="D22" s="9" t="s">
        <v>258</v>
      </c>
      <c r="E22" s="9" t="s">
        <v>6</v>
      </c>
      <c r="F22" s="9" t="s">
        <v>235</v>
      </c>
      <c r="G22" s="9" t="s">
        <v>280</v>
      </c>
      <c r="H22" s="6">
        <v>5221201</v>
      </c>
      <c r="I22" s="6">
        <v>2407339</v>
      </c>
      <c r="J22" s="6">
        <v>1997160</v>
      </c>
      <c r="K22" s="6">
        <v>2510242</v>
      </c>
      <c r="L22" s="6">
        <v>303620</v>
      </c>
    </row>
    <row r="23" spans="1:12">
      <c r="A23" s="9" t="s">
        <v>27</v>
      </c>
      <c r="B23" s="9" t="s">
        <v>28</v>
      </c>
      <c r="C23" s="9" t="s">
        <v>29</v>
      </c>
      <c r="D23" s="9" t="s">
        <v>258</v>
      </c>
      <c r="E23" s="9" t="s">
        <v>6</v>
      </c>
      <c r="F23" s="9" t="s">
        <v>281</v>
      </c>
      <c r="G23" s="9" t="s">
        <v>6</v>
      </c>
      <c r="H23" s="6">
        <v>7023501</v>
      </c>
      <c r="I23" s="6">
        <v>3540456</v>
      </c>
      <c r="J23" s="6">
        <v>3095807</v>
      </c>
      <c r="K23" s="6">
        <v>2894736</v>
      </c>
      <c r="L23" s="6">
        <v>588309</v>
      </c>
    </row>
    <row r="24" spans="1:12">
      <c r="A24" s="9" t="s">
        <v>27</v>
      </c>
      <c r="B24" s="9" t="s">
        <v>28</v>
      </c>
      <c r="C24" s="9" t="s">
        <v>29</v>
      </c>
      <c r="D24" s="9" t="s">
        <v>258</v>
      </c>
      <c r="E24" s="9" t="s">
        <v>6</v>
      </c>
      <c r="F24" s="9" t="s">
        <v>281</v>
      </c>
      <c r="G24" s="9" t="s">
        <v>272</v>
      </c>
      <c r="H24" s="6">
        <v>338426</v>
      </c>
      <c r="I24" s="6">
        <v>144895</v>
      </c>
      <c r="J24" s="6">
        <v>138126</v>
      </c>
      <c r="K24" s="6">
        <v>150265</v>
      </c>
      <c r="L24" s="6">
        <v>43266</v>
      </c>
    </row>
    <row r="25" spans="1:12">
      <c r="A25" s="9" t="s">
        <v>27</v>
      </c>
      <c r="B25" s="9" t="s">
        <v>28</v>
      </c>
      <c r="C25" s="9" t="s">
        <v>29</v>
      </c>
      <c r="D25" s="9" t="s">
        <v>258</v>
      </c>
      <c r="E25" s="9" t="s">
        <v>6</v>
      </c>
      <c r="F25" s="9" t="s">
        <v>281</v>
      </c>
      <c r="G25" s="9" t="s">
        <v>273</v>
      </c>
      <c r="H25" s="6">
        <v>583794</v>
      </c>
      <c r="I25" s="6">
        <v>306037</v>
      </c>
      <c r="J25" s="6">
        <v>288697</v>
      </c>
      <c r="K25" s="6">
        <v>193624</v>
      </c>
      <c r="L25" s="6">
        <v>84133</v>
      </c>
    </row>
    <row r="26" spans="1:12">
      <c r="A26" s="9" t="s">
        <v>27</v>
      </c>
      <c r="B26" s="9" t="s">
        <v>28</v>
      </c>
      <c r="C26" s="9" t="s">
        <v>29</v>
      </c>
      <c r="D26" s="9" t="s">
        <v>258</v>
      </c>
      <c r="E26" s="9" t="s">
        <v>6</v>
      </c>
      <c r="F26" s="9" t="s">
        <v>281</v>
      </c>
      <c r="G26" s="9" t="s">
        <v>274</v>
      </c>
      <c r="H26" s="6">
        <v>478361</v>
      </c>
      <c r="I26" s="6">
        <v>275799</v>
      </c>
      <c r="J26" s="6">
        <v>255195</v>
      </c>
      <c r="K26" s="6">
        <v>132718</v>
      </c>
      <c r="L26" s="6">
        <v>69844</v>
      </c>
    </row>
    <row r="27" spans="1:12">
      <c r="A27" s="9" t="s">
        <v>27</v>
      </c>
      <c r="B27" s="9" t="s">
        <v>28</v>
      </c>
      <c r="C27" s="9" t="s">
        <v>29</v>
      </c>
      <c r="D27" s="9" t="s">
        <v>258</v>
      </c>
      <c r="E27" s="9" t="s">
        <v>6</v>
      </c>
      <c r="F27" s="9" t="s">
        <v>281</v>
      </c>
      <c r="G27" s="9" t="s">
        <v>275</v>
      </c>
      <c r="H27" s="6">
        <v>331965</v>
      </c>
      <c r="I27" s="6">
        <v>196609</v>
      </c>
      <c r="J27" s="6">
        <v>180669</v>
      </c>
      <c r="K27" s="6">
        <v>92214</v>
      </c>
      <c r="L27" s="6">
        <v>43142</v>
      </c>
    </row>
    <row r="28" spans="1:12">
      <c r="A28" s="9" t="s">
        <v>27</v>
      </c>
      <c r="B28" s="9" t="s">
        <v>28</v>
      </c>
      <c r="C28" s="9" t="s">
        <v>29</v>
      </c>
      <c r="D28" s="9" t="s">
        <v>258</v>
      </c>
      <c r="E28" s="9" t="s">
        <v>6</v>
      </c>
      <c r="F28" s="9" t="s">
        <v>281</v>
      </c>
      <c r="G28" s="9" t="s">
        <v>276</v>
      </c>
      <c r="H28" s="6">
        <v>309611</v>
      </c>
      <c r="I28" s="6">
        <v>193446</v>
      </c>
      <c r="J28" s="6">
        <v>178307</v>
      </c>
      <c r="K28" s="6">
        <v>79318</v>
      </c>
      <c r="L28" s="6">
        <v>36847</v>
      </c>
    </row>
    <row r="29" spans="1:12">
      <c r="A29" s="9" t="s">
        <v>27</v>
      </c>
      <c r="B29" s="9" t="s">
        <v>28</v>
      </c>
      <c r="C29" s="9" t="s">
        <v>29</v>
      </c>
      <c r="D29" s="9" t="s">
        <v>258</v>
      </c>
      <c r="E29" s="9" t="s">
        <v>6</v>
      </c>
      <c r="F29" s="9" t="s">
        <v>281</v>
      </c>
      <c r="G29" s="9" t="s">
        <v>277</v>
      </c>
      <c r="H29" s="6">
        <v>316385</v>
      </c>
      <c r="I29" s="6">
        <v>207488</v>
      </c>
      <c r="J29" s="6">
        <v>191731</v>
      </c>
      <c r="K29" s="6">
        <v>74895</v>
      </c>
      <c r="L29" s="6">
        <v>34002</v>
      </c>
    </row>
    <row r="30" spans="1:12">
      <c r="A30" s="9" t="s">
        <v>27</v>
      </c>
      <c r="B30" s="9" t="s">
        <v>28</v>
      </c>
      <c r="C30" s="9" t="s">
        <v>29</v>
      </c>
      <c r="D30" s="9" t="s">
        <v>258</v>
      </c>
      <c r="E30" s="9" t="s">
        <v>6</v>
      </c>
      <c r="F30" s="9" t="s">
        <v>281</v>
      </c>
      <c r="G30" s="9" t="s">
        <v>278</v>
      </c>
      <c r="H30" s="6">
        <v>397143</v>
      </c>
      <c r="I30" s="6">
        <v>278246</v>
      </c>
      <c r="J30" s="6">
        <v>258604</v>
      </c>
      <c r="K30" s="6">
        <v>84666</v>
      </c>
      <c r="L30" s="6">
        <v>34231</v>
      </c>
    </row>
    <row r="31" spans="1:12">
      <c r="A31" s="9" t="s">
        <v>27</v>
      </c>
      <c r="B31" s="9" t="s">
        <v>28</v>
      </c>
      <c r="C31" s="9" t="s">
        <v>29</v>
      </c>
      <c r="D31" s="9" t="s">
        <v>258</v>
      </c>
      <c r="E31" s="9" t="s">
        <v>6</v>
      </c>
      <c r="F31" s="9" t="s">
        <v>281</v>
      </c>
      <c r="G31" s="9" t="s">
        <v>279</v>
      </c>
      <c r="H31" s="6">
        <v>272292</v>
      </c>
      <c r="I31" s="6">
        <v>188061</v>
      </c>
      <c r="J31" s="6">
        <v>174496</v>
      </c>
      <c r="K31" s="6">
        <v>59366</v>
      </c>
      <c r="L31" s="6">
        <v>24865</v>
      </c>
    </row>
    <row r="32" spans="1:12">
      <c r="A32" s="9" t="s">
        <v>27</v>
      </c>
      <c r="B32" s="9" t="s">
        <v>28</v>
      </c>
      <c r="C32" s="9" t="s">
        <v>29</v>
      </c>
      <c r="D32" s="9" t="s">
        <v>258</v>
      </c>
      <c r="E32" s="9" t="s">
        <v>6</v>
      </c>
      <c r="F32" s="9" t="s">
        <v>281</v>
      </c>
      <c r="G32" s="9" t="s">
        <v>280</v>
      </c>
      <c r="H32" s="6">
        <v>3995524</v>
      </c>
      <c r="I32" s="6">
        <v>1749875</v>
      </c>
      <c r="J32" s="6">
        <v>1429982</v>
      </c>
      <c r="K32" s="6">
        <v>2027670</v>
      </c>
      <c r="L32" s="6">
        <v>217979</v>
      </c>
    </row>
    <row r="33" spans="1:12">
      <c r="A33" s="9" t="s">
        <v>27</v>
      </c>
      <c r="B33" s="9" t="s">
        <v>28</v>
      </c>
      <c r="C33" s="9" t="s">
        <v>29</v>
      </c>
      <c r="D33" s="9" t="s">
        <v>258</v>
      </c>
      <c r="E33" s="9" t="s">
        <v>6</v>
      </c>
      <c r="F33" s="9" t="s">
        <v>282</v>
      </c>
      <c r="G33" s="9" t="s">
        <v>6</v>
      </c>
      <c r="H33" s="6">
        <v>5332151</v>
      </c>
      <c r="I33" s="6">
        <v>3351807</v>
      </c>
      <c r="J33" s="6">
        <v>3090631</v>
      </c>
      <c r="K33" s="6">
        <v>1427232</v>
      </c>
      <c r="L33" s="6">
        <v>553112</v>
      </c>
    </row>
    <row r="34" spans="1:12">
      <c r="A34" s="9" t="s">
        <v>27</v>
      </c>
      <c r="B34" s="9" t="s">
        <v>28</v>
      </c>
      <c r="C34" s="9" t="s">
        <v>29</v>
      </c>
      <c r="D34" s="9" t="s">
        <v>258</v>
      </c>
      <c r="E34" s="9" t="s">
        <v>6</v>
      </c>
      <c r="F34" s="9" t="s">
        <v>282</v>
      </c>
      <c r="G34" s="9" t="s">
        <v>272</v>
      </c>
      <c r="H34" s="6">
        <v>269003</v>
      </c>
      <c r="I34" s="6">
        <v>107799</v>
      </c>
      <c r="J34" s="6">
        <v>100084</v>
      </c>
      <c r="K34" s="6">
        <v>127799</v>
      </c>
      <c r="L34" s="6">
        <v>33405</v>
      </c>
    </row>
    <row r="35" spans="1:12">
      <c r="A35" s="9" t="s">
        <v>27</v>
      </c>
      <c r="B35" s="9" t="s">
        <v>28</v>
      </c>
      <c r="C35" s="9" t="s">
        <v>29</v>
      </c>
      <c r="D35" s="9" t="s">
        <v>258</v>
      </c>
      <c r="E35" s="9" t="s">
        <v>6</v>
      </c>
      <c r="F35" s="9" t="s">
        <v>282</v>
      </c>
      <c r="G35" s="9" t="s">
        <v>273</v>
      </c>
      <c r="H35" s="6">
        <v>533808</v>
      </c>
      <c r="I35" s="6">
        <v>279370</v>
      </c>
      <c r="J35" s="6">
        <v>258910</v>
      </c>
      <c r="K35" s="6">
        <v>181056</v>
      </c>
      <c r="L35" s="6">
        <v>73382</v>
      </c>
    </row>
    <row r="36" spans="1:12">
      <c r="A36" s="9" t="s">
        <v>27</v>
      </c>
      <c r="B36" s="9" t="s">
        <v>28</v>
      </c>
      <c r="C36" s="9" t="s">
        <v>29</v>
      </c>
      <c r="D36" s="9" t="s">
        <v>258</v>
      </c>
      <c r="E36" s="9" t="s">
        <v>6</v>
      </c>
      <c r="F36" s="9" t="s">
        <v>282</v>
      </c>
      <c r="G36" s="9" t="s">
        <v>274</v>
      </c>
      <c r="H36" s="6">
        <v>697768</v>
      </c>
      <c r="I36" s="6">
        <v>422776</v>
      </c>
      <c r="J36" s="6">
        <v>391290</v>
      </c>
      <c r="K36" s="6">
        <v>187174</v>
      </c>
      <c r="L36" s="6">
        <v>87818</v>
      </c>
    </row>
    <row r="37" spans="1:12">
      <c r="A37" s="9" t="s">
        <v>27</v>
      </c>
      <c r="B37" s="9" t="s">
        <v>28</v>
      </c>
      <c r="C37" s="9" t="s">
        <v>29</v>
      </c>
      <c r="D37" s="9" t="s">
        <v>258</v>
      </c>
      <c r="E37" s="9" t="s">
        <v>6</v>
      </c>
      <c r="F37" s="9" t="s">
        <v>282</v>
      </c>
      <c r="G37" s="9" t="s">
        <v>275</v>
      </c>
      <c r="H37" s="6">
        <v>640369</v>
      </c>
      <c r="I37" s="6">
        <v>429290</v>
      </c>
      <c r="J37" s="6">
        <v>400135</v>
      </c>
      <c r="K37" s="6">
        <v>138564</v>
      </c>
      <c r="L37" s="6">
        <v>72515</v>
      </c>
    </row>
    <row r="38" spans="1:12">
      <c r="A38" s="9" t="s">
        <v>27</v>
      </c>
      <c r="B38" s="9" t="s">
        <v>28</v>
      </c>
      <c r="C38" s="9" t="s">
        <v>29</v>
      </c>
      <c r="D38" s="9" t="s">
        <v>258</v>
      </c>
      <c r="E38" s="9" t="s">
        <v>6</v>
      </c>
      <c r="F38" s="9" t="s">
        <v>282</v>
      </c>
      <c r="G38" s="9" t="s">
        <v>276</v>
      </c>
      <c r="H38" s="6">
        <v>624705</v>
      </c>
      <c r="I38" s="6">
        <v>447783</v>
      </c>
      <c r="J38" s="6">
        <v>420388</v>
      </c>
      <c r="K38" s="6">
        <v>109590</v>
      </c>
      <c r="L38" s="6">
        <v>67332</v>
      </c>
    </row>
    <row r="39" spans="1:12">
      <c r="A39" s="9" t="s">
        <v>27</v>
      </c>
      <c r="B39" s="9" t="s">
        <v>28</v>
      </c>
      <c r="C39" s="9" t="s">
        <v>29</v>
      </c>
      <c r="D39" s="9" t="s">
        <v>258</v>
      </c>
      <c r="E39" s="9" t="s">
        <v>6</v>
      </c>
      <c r="F39" s="9" t="s">
        <v>282</v>
      </c>
      <c r="G39" s="9" t="s">
        <v>277</v>
      </c>
      <c r="H39" s="6">
        <v>614959</v>
      </c>
      <c r="I39" s="6">
        <v>455952</v>
      </c>
      <c r="J39" s="6">
        <v>429308</v>
      </c>
      <c r="K39" s="6">
        <v>97998</v>
      </c>
      <c r="L39" s="6">
        <v>61009</v>
      </c>
    </row>
    <row r="40" spans="1:12">
      <c r="A40" s="9" t="s">
        <v>27</v>
      </c>
      <c r="B40" s="9" t="s">
        <v>28</v>
      </c>
      <c r="C40" s="9" t="s">
        <v>29</v>
      </c>
      <c r="D40" s="9" t="s">
        <v>258</v>
      </c>
      <c r="E40" s="9" t="s">
        <v>6</v>
      </c>
      <c r="F40" s="9" t="s">
        <v>282</v>
      </c>
      <c r="G40" s="9" t="s">
        <v>278</v>
      </c>
      <c r="H40" s="6">
        <v>537963</v>
      </c>
      <c r="I40" s="6">
        <v>398903</v>
      </c>
      <c r="J40" s="6">
        <v>375650</v>
      </c>
      <c r="K40" s="6">
        <v>86500</v>
      </c>
      <c r="L40" s="6">
        <v>52560</v>
      </c>
    </row>
    <row r="41" spans="1:12">
      <c r="A41" s="9" t="s">
        <v>27</v>
      </c>
      <c r="B41" s="9" t="s">
        <v>28</v>
      </c>
      <c r="C41" s="9" t="s">
        <v>29</v>
      </c>
      <c r="D41" s="9" t="s">
        <v>258</v>
      </c>
      <c r="E41" s="9" t="s">
        <v>6</v>
      </c>
      <c r="F41" s="9" t="s">
        <v>282</v>
      </c>
      <c r="G41" s="9" t="s">
        <v>279</v>
      </c>
      <c r="H41" s="6">
        <v>289478</v>
      </c>
      <c r="I41" s="6">
        <v>208748</v>
      </c>
      <c r="J41" s="6">
        <v>196018</v>
      </c>
      <c r="K41" s="6">
        <v>51494</v>
      </c>
      <c r="L41" s="6">
        <v>29236</v>
      </c>
    </row>
    <row r="42" spans="1:12">
      <c r="A42" s="9" t="s">
        <v>27</v>
      </c>
      <c r="B42" s="9" t="s">
        <v>28</v>
      </c>
      <c r="C42" s="9" t="s">
        <v>29</v>
      </c>
      <c r="D42" s="9" t="s">
        <v>258</v>
      </c>
      <c r="E42" s="9" t="s">
        <v>6</v>
      </c>
      <c r="F42" s="9" t="s">
        <v>282</v>
      </c>
      <c r="G42" s="9" t="s">
        <v>280</v>
      </c>
      <c r="H42" s="6">
        <v>1124098</v>
      </c>
      <c r="I42" s="6">
        <v>601186</v>
      </c>
      <c r="J42" s="6">
        <v>518848</v>
      </c>
      <c r="K42" s="6">
        <v>447057</v>
      </c>
      <c r="L42" s="6">
        <v>75855</v>
      </c>
    </row>
    <row r="43" spans="1:12">
      <c r="A43" s="9" t="s">
        <v>27</v>
      </c>
      <c r="B43" s="9" t="s">
        <v>28</v>
      </c>
      <c r="C43" s="9" t="s">
        <v>29</v>
      </c>
      <c r="D43" s="9" t="s">
        <v>258</v>
      </c>
      <c r="E43" s="9" t="s">
        <v>6</v>
      </c>
      <c r="F43" s="9" t="s">
        <v>283</v>
      </c>
      <c r="G43" s="9" t="s">
        <v>6</v>
      </c>
      <c r="H43" s="6">
        <v>1593538</v>
      </c>
      <c r="I43" s="6">
        <v>1013035</v>
      </c>
      <c r="J43" s="6">
        <v>929637</v>
      </c>
      <c r="K43" s="6">
        <v>362727</v>
      </c>
      <c r="L43" s="6">
        <v>217776</v>
      </c>
    </row>
    <row r="44" spans="1:12">
      <c r="A44" s="9" t="s">
        <v>27</v>
      </c>
      <c r="B44" s="9" t="s">
        <v>28</v>
      </c>
      <c r="C44" s="9" t="s">
        <v>29</v>
      </c>
      <c r="D44" s="9" t="s">
        <v>258</v>
      </c>
      <c r="E44" s="9" t="s">
        <v>6</v>
      </c>
      <c r="F44" s="9" t="s">
        <v>283</v>
      </c>
      <c r="G44" s="9" t="s">
        <v>272</v>
      </c>
      <c r="H44" s="6">
        <v>114545</v>
      </c>
      <c r="I44" s="6">
        <v>43681</v>
      </c>
      <c r="J44" s="6">
        <v>38870</v>
      </c>
      <c r="K44" s="6">
        <v>54412</v>
      </c>
      <c r="L44" s="6">
        <v>16452</v>
      </c>
    </row>
    <row r="45" spans="1:12">
      <c r="A45" s="9" t="s">
        <v>27</v>
      </c>
      <c r="B45" s="9" t="s">
        <v>28</v>
      </c>
      <c r="C45" s="9" t="s">
        <v>29</v>
      </c>
      <c r="D45" s="9" t="s">
        <v>258</v>
      </c>
      <c r="E45" s="9" t="s">
        <v>6</v>
      </c>
      <c r="F45" s="9" t="s">
        <v>283</v>
      </c>
      <c r="G45" s="9" t="s">
        <v>273</v>
      </c>
      <c r="H45" s="6">
        <v>226464</v>
      </c>
      <c r="I45" s="6">
        <v>119657</v>
      </c>
      <c r="J45" s="6">
        <v>108235</v>
      </c>
      <c r="K45" s="6">
        <v>72080</v>
      </c>
      <c r="L45" s="6">
        <v>34727</v>
      </c>
    </row>
    <row r="46" spans="1:12">
      <c r="A46" s="9" t="s">
        <v>27</v>
      </c>
      <c r="B46" s="9" t="s">
        <v>28</v>
      </c>
      <c r="C46" s="9" t="s">
        <v>29</v>
      </c>
      <c r="D46" s="9" t="s">
        <v>258</v>
      </c>
      <c r="E46" s="9" t="s">
        <v>6</v>
      </c>
      <c r="F46" s="9" t="s">
        <v>283</v>
      </c>
      <c r="G46" s="9" t="s">
        <v>274</v>
      </c>
      <c r="H46" s="6">
        <v>308476</v>
      </c>
      <c r="I46" s="6">
        <v>194422</v>
      </c>
      <c r="J46" s="6">
        <v>177375</v>
      </c>
      <c r="K46" s="6">
        <v>69927</v>
      </c>
      <c r="L46" s="6">
        <v>44127</v>
      </c>
    </row>
    <row r="47" spans="1:12">
      <c r="A47" s="9" t="s">
        <v>27</v>
      </c>
      <c r="B47" s="9" t="s">
        <v>28</v>
      </c>
      <c r="C47" s="9" t="s">
        <v>29</v>
      </c>
      <c r="D47" s="9" t="s">
        <v>258</v>
      </c>
      <c r="E47" s="9" t="s">
        <v>6</v>
      </c>
      <c r="F47" s="9" t="s">
        <v>283</v>
      </c>
      <c r="G47" s="9" t="s">
        <v>275</v>
      </c>
      <c r="H47" s="6">
        <v>279393</v>
      </c>
      <c r="I47" s="6">
        <v>193107</v>
      </c>
      <c r="J47" s="6">
        <v>178383</v>
      </c>
      <c r="K47" s="6">
        <v>48390</v>
      </c>
      <c r="L47" s="6">
        <v>37896</v>
      </c>
    </row>
    <row r="48" spans="1:12">
      <c r="A48" s="9" t="s">
        <v>27</v>
      </c>
      <c r="B48" s="9" t="s">
        <v>28</v>
      </c>
      <c r="C48" s="9" t="s">
        <v>29</v>
      </c>
      <c r="D48" s="9" t="s">
        <v>258</v>
      </c>
      <c r="E48" s="9" t="s">
        <v>6</v>
      </c>
      <c r="F48" s="9" t="s">
        <v>283</v>
      </c>
      <c r="G48" s="9" t="s">
        <v>276</v>
      </c>
      <c r="H48" s="6">
        <v>240129</v>
      </c>
      <c r="I48" s="6">
        <v>173716</v>
      </c>
      <c r="J48" s="6">
        <v>161754</v>
      </c>
      <c r="K48" s="6">
        <v>34615</v>
      </c>
      <c r="L48" s="6">
        <v>31798</v>
      </c>
    </row>
    <row r="49" spans="1:12">
      <c r="A49" s="9" t="s">
        <v>27</v>
      </c>
      <c r="B49" s="9" t="s">
        <v>28</v>
      </c>
      <c r="C49" s="9" t="s">
        <v>29</v>
      </c>
      <c r="D49" s="9" t="s">
        <v>258</v>
      </c>
      <c r="E49" s="9" t="s">
        <v>6</v>
      </c>
      <c r="F49" s="9" t="s">
        <v>283</v>
      </c>
      <c r="G49" s="9" t="s">
        <v>277</v>
      </c>
      <c r="H49" s="6">
        <v>173366</v>
      </c>
      <c r="I49" s="6">
        <v>126264</v>
      </c>
      <c r="J49" s="6">
        <v>118050</v>
      </c>
      <c r="K49" s="6">
        <v>24227</v>
      </c>
      <c r="L49" s="6">
        <v>22875</v>
      </c>
    </row>
    <row r="50" spans="1:12">
      <c r="A50" s="9" t="s">
        <v>27</v>
      </c>
      <c r="B50" s="9" t="s">
        <v>28</v>
      </c>
      <c r="C50" s="9" t="s">
        <v>29</v>
      </c>
      <c r="D50" s="9" t="s">
        <v>258</v>
      </c>
      <c r="E50" s="9" t="s">
        <v>6</v>
      </c>
      <c r="F50" s="9" t="s">
        <v>283</v>
      </c>
      <c r="G50" s="9" t="s">
        <v>278</v>
      </c>
      <c r="H50" s="6">
        <v>105011</v>
      </c>
      <c r="I50" s="6">
        <v>75023</v>
      </c>
      <c r="J50" s="6">
        <v>69963</v>
      </c>
      <c r="K50" s="6">
        <v>15804</v>
      </c>
      <c r="L50" s="6">
        <v>14184</v>
      </c>
    </row>
    <row r="51" spans="1:12">
      <c r="A51" s="9" t="s">
        <v>27</v>
      </c>
      <c r="B51" s="9" t="s">
        <v>28</v>
      </c>
      <c r="C51" s="9" t="s">
        <v>29</v>
      </c>
      <c r="D51" s="9" t="s">
        <v>258</v>
      </c>
      <c r="E51" s="9" t="s">
        <v>6</v>
      </c>
      <c r="F51" s="9" t="s">
        <v>283</v>
      </c>
      <c r="G51" s="9" t="s">
        <v>279</v>
      </c>
      <c r="H51" s="6">
        <v>44575</v>
      </c>
      <c r="I51" s="6">
        <v>30887</v>
      </c>
      <c r="J51" s="6">
        <v>28677</v>
      </c>
      <c r="K51" s="6">
        <v>7757</v>
      </c>
      <c r="L51" s="6">
        <v>5931</v>
      </c>
    </row>
    <row r="52" spans="1:12">
      <c r="A52" s="9" t="s">
        <v>27</v>
      </c>
      <c r="B52" s="9" t="s">
        <v>28</v>
      </c>
      <c r="C52" s="9" t="s">
        <v>29</v>
      </c>
      <c r="D52" s="9" t="s">
        <v>258</v>
      </c>
      <c r="E52" s="9" t="s">
        <v>6</v>
      </c>
      <c r="F52" s="9" t="s">
        <v>283</v>
      </c>
      <c r="G52" s="9" t="s">
        <v>280</v>
      </c>
      <c r="H52" s="6">
        <v>101579</v>
      </c>
      <c r="I52" s="6">
        <v>56278</v>
      </c>
      <c r="J52" s="6">
        <v>48330</v>
      </c>
      <c r="K52" s="6">
        <v>35515</v>
      </c>
      <c r="L52" s="6">
        <v>9786</v>
      </c>
    </row>
    <row r="53" spans="1:12">
      <c r="A53" s="9" t="s">
        <v>27</v>
      </c>
      <c r="B53" s="9" t="s">
        <v>28</v>
      </c>
      <c r="C53" s="9" t="s">
        <v>29</v>
      </c>
      <c r="D53" s="9" t="s">
        <v>258</v>
      </c>
      <c r="E53" s="9" t="s">
        <v>226</v>
      </c>
      <c r="F53" s="9" t="s">
        <v>6</v>
      </c>
      <c r="G53" s="9" t="s">
        <v>6</v>
      </c>
      <c r="H53" s="6">
        <v>16700545</v>
      </c>
      <c r="I53" s="6">
        <v>11390500</v>
      </c>
      <c r="J53" s="6">
        <v>9954690</v>
      </c>
      <c r="K53" s="6">
        <v>5264788</v>
      </c>
      <c r="L53" s="6">
        <v>45257</v>
      </c>
    </row>
    <row r="54" spans="1:12">
      <c r="A54" s="9" t="s">
        <v>27</v>
      </c>
      <c r="B54" s="9" t="s">
        <v>28</v>
      </c>
      <c r="C54" s="9" t="s">
        <v>29</v>
      </c>
      <c r="D54" s="9" t="s">
        <v>258</v>
      </c>
      <c r="E54" s="9" t="s">
        <v>226</v>
      </c>
      <c r="F54" s="9" t="s">
        <v>234</v>
      </c>
      <c r="G54" s="9" t="s">
        <v>6</v>
      </c>
      <c r="H54" s="6">
        <v>5990501</v>
      </c>
      <c r="I54" s="6">
        <v>3893614</v>
      </c>
      <c r="J54" s="6">
        <v>3205172</v>
      </c>
      <c r="K54" s="6">
        <v>2065021</v>
      </c>
      <c r="L54" s="6">
        <v>31866</v>
      </c>
    </row>
    <row r="55" spans="1:12">
      <c r="A55" s="9" t="s">
        <v>27</v>
      </c>
      <c r="B55" s="9" t="s">
        <v>28</v>
      </c>
      <c r="C55" s="9" t="s">
        <v>29</v>
      </c>
      <c r="D55" s="9" t="s">
        <v>258</v>
      </c>
      <c r="E55" s="9" t="s">
        <v>226</v>
      </c>
      <c r="F55" s="9" t="s">
        <v>235</v>
      </c>
      <c r="G55" s="9" t="s">
        <v>6</v>
      </c>
      <c r="H55" s="6">
        <v>10710044</v>
      </c>
      <c r="I55" s="6">
        <v>7496886</v>
      </c>
      <c r="J55" s="6">
        <v>6749518</v>
      </c>
      <c r="K55" s="6">
        <v>3199767</v>
      </c>
      <c r="L55" s="6">
        <v>13391</v>
      </c>
    </row>
    <row r="56" spans="1:12">
      <c r="A56" s="9" t="s">
        <v>27</v>
      </c>
      <c r="B56" s="9" t="s">
        <v>28</v>
      </c>
      <c r="C56" s="9" t="s">
        <v>29</v>
      </c>
      <c r="D56" s="9" t="s">
        <v>258</v>
      </c>
      <c r="E56" s="9" t="s">
        <v>226</v>
      </c>
      <c r="F56" s="9" t="s">
        <v>235</v>
      </c>
      <c r="G56" s="9" t="s">
        <v>272</v>
      </c>
      <c r="H56" s="6">
        <v>620986</v>
      </c>
      <c r="I56" s="6">
        <v>293390</v>
      </c>
      <c r="J56" s="6">
        <v>274338</v>
      </c>
      <c r="K56" s="6">
        <v>327106</v>
      </c>
      <c r="L56" s="6">
        <v>490</v>
      </c>
    </row>
    <row r="57" spans="1:12">
      <c r="A57" s="9" t="s">
        <v>27</v>
      </c>
      <c r="B57" s="9" t="s">
        <v>28</v>
      </c>
      <c r="C57" s="9" t="s">
        <v>29</v>
      </c>
      <c r="D57" s="9" t="s">
        <v>258</v>
      </c>
      <c r="E57" s="9" t="s">
        <v>226</v>
      </c>
      <c r="F57" s="9" t="s">
        <v>235</v>
      </c>
      <c r="G57" s="9" t="s">
        <v>273</v>
      </c>
      <c r="H57" s="6">
        <v>1139837</v>
      </c>
      <c r="I57" s="6">
        <v>698685</v>
      </c>
      <c r="J57" s="6">
        <v>649928</v>
      </c>
      <c r="K57" s="6">
        <v>440373</v>
      </c>
      <c r="L57" s="6">
        <v>779</v>
      </c>
    </row>
    <row r="58" spans="1:12">
      <c r="A58" s="9" t="s">
        <v>27</v>
      </c>
      <c r="B58" s="9" t="s">
        <v>28</v>
      </c>
      <c r="C58" s="9" t="s">
        <v>29</v>
      </c>
      <c r="D58" s="9" t="s">
        <v>258</v>
      </c>
      <c r="E58" s="9" t="s">
        <v>226</v>
      </c>
      <c r="F58" s="9" t="s">
        <v>235</v>
      </c>
      <c r="G58" s="9" t="s">
        <v>274</v>
      </c>
      <c r="H58" s="6">
        <v>1269685</v>
      </c>
      <c r="I58" s="6">
        <v>884655</v>
      </c>
      <c r="J58" s="6">
        <v>816099</v>
      </c>
      <c r="K58" s="6">
        <v>384201</v>
      </c>
      <c r="L58" s="6">
        <v>829</v>
      </c>
    </row>
    <row r="59" spans="1:12">
      <c r="A59" s="9" t="s">
        <v>27</v>
      </c>
      <c r="B59" s="9" t="s">
        <v>28</v>
      </c>
      <c r="C59" s="9" t="s">
        <v>29</v>
      </c>
      <c r="D59" s="9" t="s">
        <v>258</v>
      </c>
      <c r="E59" s="9" t="s">
        <v>226</v>
      </c>
      <c r="F59" s="9" t="s">
        <v>235</v>
      </c>
      <c r="G59" s="9" t="s">
        <v>275</v>
      </c>
      <c r="H59" s="6">
        <v>1085172</v>
      </c>
      <c r="I59" s="6">
        <v>810077</v>
      </c>
      <c r="J59" s="6">
        <v>750823</v>
      </c>
      <c r="K59" s="6">
        <v>274349</v>
      </c>
      <c r="L59" s="6">
        <v>746</v>
      </c>
    </row>
    <row r="60" spans="1:12">
      <c r="A60" s="9" t="s">
        <v>27</v>
      </c>
      <c r="B60" s="9" t="s">
        <v>28</v>
      </c>
      <c r="C60" s="9" t="s">
        <v>29</v>
      </c>
      <c r="D60" s="9" t="s">
        <v>258</v>
      </c>
      <c r="E60" s="9" t="s">
        <v>226</v>
      </c>
      <c r="F60" s="9" t="s">
        <v>235</v>
      </c>
      <c r="G60" s="9" t="s">
        <v>276</v>
      </c>
      <c r="H60" s="6">
        <v>1024462</v>
      </c>
      <c r="I60" s="6">
        <v>804861</v>
      </c>
      <c r="J60" s="6">
        <v>750944</v>
      </c>
      <c r="K60" s="6">
        <v>218992</v>
      </c>
      <c r="L60" s="6">
        <v>609</v>
      </c>
    </row>
    <row r="61" spans="1:12">
      <c r="A61" s="9" t="s">
        <v>27</v>
      </c>
      <c r="B61" s="9" t="s">
        <v>28</v>
      </c>
      <c r="C61" s="9" t="s">
        <v>29</v>
      </c>
      <c r="D61" s="9" t="s">
        <v>258</v>
      </c>
      <c r="E61" s="9" t="s">
        <v>226</v>
      </c>
      <c r="F61" s="9" t="s">
        <v>235</v>
      </c>
      <c r="G61" s="9" t="s">
        <v>277</v>
      </c>
      <c r="H61" s="6">
        <v>971051</v>
      </c>
      <c r="I61" s="6">
        <v>778191</v>
      </c>
      <c r="J61" s="6">
        <v>728224</v>
      </c>
      <c r="K61" s="6">
        <v>192242</v>
      </c>
      <c r="L61" s="6">
        <v>618</v>
      </c>
    </row>
    <row r="62" spans="1:12">
      <c r="A62" s="9" t="s">
        <v>27</v>
      </c>
      <c r="B62" s="9" t="s">
        <v>28</v>
      </c>
      <c r="C62" s="9" t="s">
        <v>29</v>
      </c>
      <c r="D62" s="9" t="s">
        <v>258</v>
      </c>
      <c r="E62" s="9" t="s">
        <v>226</v>
      </c>
      <c r="F62" s="9" t="s">
        <v>235</v>
      </c>
      <c r="G62" s="9" t="s">
        <v>278</v>
      </c>
      <c r="H62" s="6">
        <v>920074</v>
      </c>
      <c r="I62" s="6">
        <v>738396</v>
      </c>
      <c r="J62" s="6">
        <v>691229</v>
      </c>
      <c r="K62" s="6">
        <v>181112</v>
      </c>
      <c r="L62" s="6">
        <v>566</v>
      </c>
    </row>
    <row r="63" spans="1:12">
      <c r="A63" s="9" t="s">
        <v>27</v>
      </c>
      <c r="B63" s="9" t="s">
        <v>28</v>
      </c>
      <c r="C63" s="9" t="s">
        <v>29</v>
      </c>
      <c r="D63" s="9" t="s">
        <v>258</v>
      </c>
      <c r="E63" s="9" t="s">
        <v>226</v>
      </c>
      <c r="F63" s="9" t="s">
        <v>235</v>
      </c>
      <c r="G63" s="9" t="s">
        <v>279</v>
      </c>
      <c r="H63" s="6">
        <v>530994</v>
      </c>
      <c r="I63" s="6">
        <v>416920</v>
      </c>
      <c r="J63" s="6">
        <v>388944</v>
      </c>
      <c r="K63" s="6">
        <v>113671</v>
      </c>
      <c r="L63" s="6">
        <v>403</v>
      </c>
    </row>
    <row r="64" spans="1:12">
      <c r="A64" s="9" t="s">
        <v>27</v>
      </c>
      <c r="B64" s="9" t="s">
        <v>28</v>
      </c>
      <c r="C64" s="9" t="s">
        <v>29</v>
      </c>
      <c r="D64" s="9" t="s">
        <v>258</v>
      </c>
      <c r="E64" s="9" t="s">
        <v>226</v>
      </c>
      <c r="F64" s="9" t="s">
        <v>235</v>
      </c>
      <c r="G64" s="9" t="s">
        <v>280</v>
      </c>
      <c r="H64" s="6">
        <v>3147783</v>
      </c>
      <c r="I64" s="6">
        <v>2071711</v>
      </c>
      <c r="J64" s="6">
        <v>1698989</v>
      </c>
      <c r="K64" s="6">
        <v>1067721</v>
      </c>
      <c r="L64" s="6">
        <v>8351</v>
      </c>
    </row>
    <row r="65" spans="1:12">
      <c r="A65" s="9" t="s">
        <v>27</v>
      </c>
      <c r="B65" s="9" t="s">
        <v>28</v>
      </c>
      <c r="C65" s="9" t="s">
        <v>29</v>
      </c>
      <c r="D65" s="9" t="s">
        <v>258</v>
      </c>
      <c r="E65" s="9" t="s">
        <v>226</v>
      </c>
      <c r="F65" s="9" t="s">
        <v>281</v>
      </c>
      <c r="G65" s="9" t="s">
        <v>6</v>
      </c>
      <c r="H65" s="6">
        <v>4910601</v>
      </c>
      <c r="I65" s="6">
        <v>3245713</v>
      </c>
      <c r="J65" s="6">
        <v>2833699</v>
      </c>
      <c r="K65" s="6">
        <v>1656459</v>
      </c>
      <c r="L65" s="6">
        <v>8429</v>
      </c>
    </row>
    <row r="66" spans="1:12">
      <c r="A66" s="9" t="s">
        <v>27</v>
      </c>
      <c r="B66" s="9" t="s">
        <v>28</v>
      </c>
      <c r="C66" s="9" t="s">
        <v>29</v>
      </c>
      <c r="D66" s="9" t="s">
        <v>258</v>
      </c>
      <c r="E66" s="9" t="s">
        <v>226</v>
      </c>
      <c r="F66" s="9" t="s">
        <v>281</v>
      </c>
      <c r="G66" s="9" t="s">
        <v>272</v>
      </c>
      <c r="H66" s="6">
        <v>291062</v>
      </c>
      <c r="I66" s="6">
        <v>143205</v>
      </c>
      <c r="J66" s="6">
        <v>136546</v>
      </c>
      <c r="K66" s="6">
        <v>147631</v>
      </c>
      <c r="L66" s="6">
        <v>226</v>
      </c>
    </row>
    <row r="67" spans="1:12">
      <c r="A67" s="9" t="s">
        <v>27</v>
      </c>
      <c r="B67" s="9" t="s">
        <v>28</v>
      </c>
      <c r="C67" s="9" t="s">
        <v>29</v>
      </c>
      <c r="D67" s="9" t="s">
        <v>258</v>
      </c>
      <c r="E67" s="9" t="s">
        <v>226</v>
      </c>
      <c r="F67" s="9" t="s">
        <v>281</v>
      </c>
      <c r="G67" s="9" t="s">
        <v>273</v>
      </c>
      <c r="H67" s="6">
        <v>493957</v>
      </c>
      <c r="I67" s="6">
        <v>302951</v>
      </c>
      <c r="J67" s="6">
        <v>285805</v>
      </c>
      <c r="K67" s="6">
        <v>190685</v>
      </c>
      <c r="L67" s="6">
        <v>321</v>
      </c>
    </row>
    <row r="68" spans="1:12">
      <c r="A68" s="9" t="s">
        <v>27</v>
      </c>
      <c r="B68" s="9" t="s">
        <v>28</v>
      </c>
      <c r="C68" s="9" t="s">
        <v>29</v>
      </c>
      <c r="D68" s="9" t="s">
        <v>258</v>
      </c>
      <c r="E68" s="9" t="s">
        <v>226</v>
      </c>
      <c r="F68" s="9" t="s">
        <v>281</v>
      </c>
      <c r="G68" s="9" t="s">
        <v>274</v>
      </c>
      <c r="H68" s="6">
        <v>403311</v>
      </c>
      <c r="I68" s="6">
        <v>272467</v>
      </c>
      <c r="J68" s="6">
        <v>252101</v>
      </c>
      <c r="K68" s="6">
        <v>130596</v>
      </c>
      <c r="L68" s="6">
        <v>248</v>
      </c>
    </row>
    <row r="69" spans="1:12">
      <c r="A69" s="9" t="s">
        <v>27</v>
      </c>
      <c r="B69" s="9" t="s">
        <v>28</v>
      </c>
      <c r="C69" s="9" t="s">
        <v>29</v>
      </c>
      <c r="D69" s="9" t="s">
        <v>258</v>
      </c>
      <c r="E69" s="9" t="s">
        <v>226</v>
      </c>
      <c r="F69" s="9" t="s">
        <v>281</v>
      </c>
      <c r="G69" s="9" t="s">
        <v>275</v>
      </c>
      <c r="H69" s="6">
        <v>284025</v>
      </c>
      <c r="I69" s="6">
        <v>193406</v>
      </c>
      <c r="J69" s="6">
        <v>177684</v>
      </c>
      <c r="K69" s="6">
        <v>90446</v>
      </c>
      <c r="L69" s="6">
        <v>173</v>
      </c>
    </row>
    <row r="70" spans="1:12">
      <c r="A70" s="9" t="s">
        <v>27</v>
      </c>
      <c r="B70" s="9" t="s">
        <v>28</v>
      </c>
      <c r="C70" s="9" t="s">
        <v>29</v>
      </c>
      <c r="D70" s="9" t="s">
        <v>258</v>
      </c>
      <c r="E70" s="9" t="s">
        <v>226</v>
      </c>
      <c r="F70" s="9" t="s">
        <v>281</v>
      </c>
      <c r="G70" s="9" t="s">
        <v>276</v>
      </c>
      <c r="H70" s="6">
        <v>267482</v>
      </c>
      <c r="I70" s="6">
        <v>189771</v>
      </c>
      <c r="J70" s="6">
        <v>174846</v>
      </c>
      <c r="K70" s="6">
        <v>77549</v>
      </c>
      <c r="L70" s="6">
        <v>162</v>
      </c>
    </row>
    <row r="71" spans="1:12">
      <c r="A71" s="9" t="s">
        <v>27</v>
      </c>
      <c r="B71" s="9" t="s">
        <v>28</v>
      </c>
      <c r="C71" s="9" t="s">
        <v>29</v>
      </c>
      <c r="D71" s="9" t="s">
        <v>258</v>
      </c>
      <c r="E71" s="9" t="s">
        <v>226</v>
      </c>
      <c r="F71" s="9" t="s">
        <v>281</v>
      </c>
      <c r="G71" s="9" t="s">
        <v>277</v>
      </c>
      <c r="H71" s="6">
        <v>275893</v>
      </c>
      <c r="I71" s="6">
        <v>202998</v>
      </c>
      <c r="J71" s="6">
        <v>187513</v>
      </c>
      <c r="K71" s="6">
        <v>72684</v>
      </c>
      <c r="L71" s="6">
        <v>211</v>
      </c>
    </row>
    <row r="72" spans="1:12">
      <c r="A72" s="9" t="s">
        <v>27</v>
      </c>
      <c r="B72" s="9" t="s">
        <v>28</v>
      </c>
      <c r="C72" s="9" t="s">
        <v>29</v>
      </c>
      <c r="D72" s="9" t="s">
        <v>258</v>
      </c>
      <c r="E72" s="9" t="s">
        <v>226</v>
      </c>
      <c r="F72" s="9" t="s">
        <v>281</v>
      </c>
      <c r="G72" s="9" t="s">
        <v>278</v>
      </c>
      <c r="H72" s="6">
        <v>353426</v>
      </c>
      <c r="I72" s="6">
        <v>271712</v>
      </c>
      <c r="J72" s="6">
        <v>252474</v>
      </c>
      <c r="K72" s="6">
        <v>81507</v>
      </c>
      <c r="L72" s="6">
        <v>207</v>
      </c>
    </row>
    <row r="73" spans="1:12">
      <c r="A73" s="9" t="s">
        <v>27</v>
      </c>
      <c r="B73" s="9" t="s">
        <v>28</v>
      </c>
      <c r="C73" s="9" t="s">
        <v>29</v>
      </c>
      <c r="D73" s="9" t="s">
        <v>258</v>
      </c>
      <c r="E73" s="9" t="s">
        <v>226</v>
      </c>
      <c r="F73" s="9" t="s">
        <v>281</v>
      </c>
      <c r="G73" s="9" t="s">
        <v>279</v>
      </c>
      <c r="H73" s="6">
        <v>239307</v>
      </c>
      <c r="I73" s="6">
        <v>182521</v>
      </c>
      <c r="J73" s="6">
        <v>169226</v>
      </c>
      <c r="K73" s="6">
        <v>56569</v>
      </c>
      <c r="L73" s="6">
        <v>217</v>
      </c>
    </row>
    <row r="74" spans="1:12">
      <c r="A74" s="9" t="s">
        <v>27</v>
      </c>
      <c r="B74" s="9" t="s">
        <v>28</v>
      </c>
      <c r="C74" s="9" t="s">
        <v>29</v>
      </c>
      <c r="D74" s="9" t="s">
        <v>258</v>
      </c>
      <c r="E74" s="9" t="s">
        <v>226</v>
      </c>
      <c r="F74" s="9" t="s">
        <v>281</v>
      </c>
      <c r="G74" s="9" t="s">
        <v>280</v>
      </c>
      <c r="H74" s="6">
        <v>2302138</v>
      </c>
      <c r="I74" s="6">
        <v>1486682</v>
      </c>
      <c r="J74" s="6">
        <v>1197504</v>
      </c>
      <c r="K74" s="6">
        <v>808792</v>
      </c>
      <c r="L74" s="6">
        <v>6664</v>
      </c>
    </row>
    <row r="75" spans="1:12">
      <c r="A75" s="9" t="s">
        <v>27</v>
      </c>
      <c r="B75" s="9" t="s">
        <v>28</v>
      </c>
      <c r="C75" s="9" t="s">
        <v>29</v>
      </c>
      <c r="D75" s="9" t="s">
        <v>258</v>
      </c>
      <c r="E75" s="9" t="s">
        <v>226</v>
      </c>
      <c r="F75" s="9" t="s">
        <v>282</v>
      </c>
      <c r="G75" s="9" t="s">
        <v>6</v>
      </c>
      <c r="H75" s="6">
        <v>4461879</v>
      </c>
      <c r="I75" s="6">
        <v>3256383</v>
      </c>
      <c r="J75" s="6">
        <v>3003016</v>
      </c>
      <c r="K75" s="6">
        <v>1202048</v>
      </c>
      <c r="L75" s="6">
        <v>3448</v>
      </c>
    </row>
    <row r="76" spans="1:12">
      <c r="A76" s="9" t="s">
        <v>27</v>
      </c>
      <c r="B76" s="9" t="s">
        <v>28</v>
      </c>
      <c r="C76" s="9" t="s">
        <v>29</v>
      </c>
      <c r="D76" s="9" t="s">
        <v>258</v>
      </c>
      <c r="E76" s="9" t="s">
        <v>226</v>
      </c>
      <c r="F76" s="9" t="s">
        <v>282</v>
      </c>
      <c r="G76" s="9" t="s">
        <v>272</v>
      </c>
      <c r="H76" s="6">
        <v>233199</v>
      </c>
      <c r="I76" s="6">
        <v>106941</v>
      </c>
      <c r="J76" s="6">
        <v>99300</v>
      </c>
      <c r="K76" s="6">
        <v>126075</v>
      </c>
      <c r="L76" s="6">
        <v>183</v>
      </c>
    </row>
    <row r="77" spans="1:12">
      <c r="A77" s="9" t="s">
        <v>27</v>
      </c>
      <c r="B77" s="9" t="s">
        <v>28</v>
      </c>
      <c r="C77" s="9" t="s">
        <v>29</v>
      </c>
      <c r="D77" s="9" t="s">
        <v>258</v>
      </c>
      <c r="E77" s="9" t="s">
        <v>226</v>
      </c>
      <c r="F77" s="9" t="s">
        <v>282</v>
      </c>
      <c r="G77" s="9" t="s">
        <v>273</v>
      </c>
      <c r="H77" s="6">
        <v>456478</v>
      </c>
      <c r="I77" s="6">
        <v>277284</v>
      </c>
      <c r="J77" s="6">
        <v>256978</v>
      </c>
      <c r="K77" s="6">
        <v>178914</v>
      </c>
      <c r="L77" s="6">
        <v>280</v>
      </c>
    </row>
    <row r="78" spans="1:12">
      <c r="A78" s="9" t="s">
        <v>27</v>
      </c>
      <c r="B78" s="9" t="s">
        <v>28</v>
      </c>
      <c r="C78" s="9" t="s">
        <v>29</v>
      </c>
      <c r="D78" s="9" t="s">
        <v>258</v>
      </c>
      <c r="E78" s="9" t="s">
        <v>226</v>
      </c>
      <c r="F78" s="9" t="s">
        <v>282</v>
      </c>
      <c r="G78" s="9" t="s">
        <v>274</v>
      </c>
      <c r="H78" s="6">
        <v>605006</v>
      </c>
      <c r="I78" s="6">
        <v>419658</v>
      </c>
      <c r="J78" s="6">
        <v>388362</v>
      </c>
      <c r="K78" s="6">
        <v>185002</v>
      </c>
      <c r="L78" s="6">
        <v>346</v>
      </c>
    </row>
    <row r="79" spans="1:12">
      <c r="A79" s="9" t="s">
        <v>27</v>
      </c>
      <c r="B79" s="9" t="s">
        <v>28</v>
      </c>
      <c r="C79" s="9" t="s">
        <v>29</v>
      </c>
      <c r="D79" s="9" t="s">
        <v>258</v>
      </c>
      <c r="E79" s="9" t="s">
        <v>226</v>
      </c>
      <c r="F79" s="9" t="s">
        <v>282</v>
      </c>
      <c r="G79" s="9" t="s">
        <v>275</v>
      </c>
      <c r="H79" s="6">
        <v>562591</v>
      </c>
      <c r="I79" s="6">
        <v>425592</v>
      </c>
      <c r="J79" s="6">
        <v>396662</v>
      </c>
      <c r="K79" s="6">
        <v>136693</v>
      </c>
      <c r="L79" s="6">
        <v>306</v>
      </c>
    </row>
    <row r="80" spans="1:12">
      <c r="A80" s="9" t="s">
        <v>27</v>
      </c>
      <c r="B80" s="9" t="s">
        <v>28</v>
      </c>
      <c r="C80" s="9" t="s">
        <v>29</v>
      </c>
      <c r="D80" s="9" t="s">
        <v>258</v>
      </c>
      <c r="E80" s="9" t="s">
        <v>226</v>
      </c>
      <c r="F80" s="9" t="s">
        <v>282</v>
      </c>
      <c r="G80" s="9" t="s">
        <v>276</v>
      </c>
      <c r="H80" s="6">
        <v>551506</v>
      </c>
      <c r="I80" s="6">
        <v>443504</v>
      </c>
      <c r="J80" s="6">
        <v>416334</v>
      </c>
      <c r="K80" s="6">
        <v>107762</v>
      </c>
      <c r="L80" s="6">
        <v>240</v>
      </c>
    </row>
    <row r="81" spans="1:12">
      <c r="A81" s="9" t="s">
        <v>27</v>
      </c>
      <c r="B81" s="9" t="s">
        <v>28</v>
      </c>
      <c r="C81" s="9" t="s">
        <v>29</v>
      </c>
      <c r="D81" s="9" t="s">
        <v>258</v>
      </c>
      <c r="E81" s="9" t="s">
        <v>226</v>
      </c>
      <c r="F81" s="9" t="s">
        <v>282</v>
      </c>
      <c r="G81" s="9" t="s">
        <v>277</v>
      </c>
      <c r="H81" s="6">
        <v>547031</v>
      </c>
      <c r="I81" s="6">
        <v>450732</v>
      </c>
      <c r="J81" s="6">
        <v>424350</v>
      </c>
      <c r="K81" s="6">
        <v>96063</v>
      </c>
      <c r="L81" s="6">
        <v>236</v>
      </c>
    </row>
    <row r="82" spans="1:12">
      <c r="A82" s="9" t="s">
        <v>27</v>
      </c>
      <c r="B82" s="9" t="s">
        <v>28</v>
      </c>
      <c r="C82" s="9" t="s">
        <v>29</v>
      </c>
      <c r="D82" s="9" t="s">
        <v>258</v>
      </c>
      <c r="E82" s="9" t="s">
        <v>226</v>
      </c>
      <c r="F82" s="9" t="s">
        <v>282</v>
      </c>
      <c r="G82" s="9" t="s">
        <v>278</v>
      </c>
      <c r="H82" s="6">
        <v>477793</v>
      </c>
      <c r="I82" s="6">
        <v>393183</v>
      </c>
      <c r="J82" s="6">
        <v>370225</v>
      </c>
      <c r="K82" s="6">
        <v>84370</v>
      </c>
      <c r="L82" s="6">
        <v>240</v>
      </c>
    </row>
    <row r="83" spans="1:12">
      <c r="A83" s="9" t="s">
        <v>27</v>
      </c>
      <c r="B83" s="9" t="s">
        <v>28</v>
      </c>
      <c r="C83" s="9" t="s">
        <v>29</v>
      </c>
      <c r="D83" s="9" t="s">
        <v>258</v>
      </c>
      <c r="E83" s="9" t="s">
        <v>226</v>
      </c>
      <c r="F83" s="9" t="s">
        <v>282</v>
      </c>
      <c r="G83" s="9" t="s">
        <v>279</v>
      </c>
      <c r="H83" s="6">
        <v>254355</v>
      </c>
      <c r="I83" s="6">
        <v>204446</v>
      </c>
      <c r="J83" s="6">
        <v>191916</v>
      </c>
      <c r="K83" s="6">
        <v>49774</v>
      </c>
      <c r="L83" s="6">
        <v>135</v>
      </c>
    </row>
    <row r="84" spans="1:12">
      <c r="A84" s="9" t="s">
        <v>27</v>
      </c>
      <c r="B84" s="9" t="s">
        <v>28</v>
      </c>
      <c r="C84" s="9" t="s">
        <v>29</v>
      </c>
      <c r="D84" s="9" t="s">
        <v>258</v>
      </c>
      <c r="E84" s="9" t="s">
        <v>226</v>
      </c>
      <c r="F84" s="9" t="s">
        <v>282</v>
      </c>
      <c r="G84" s="9" t="s">
        <v>280</v>
      </c>
      <c r="H84" s="6">
        <v>773920</v>
      </c>
      <c r="I84" s="6">
        <v>535043</v>
      </c>
      <c r="J84" s="6">
        <v>458889</v>
      </c>
      <c r="K84" s="6">
        <v>237395</v>
      </c>
      <c r="L84" s="6">
        <v>1482</v>
      </c>
    </row>
    <row r="85" spans="1:12">
      <c r="A85" s="9" t="s">
        <v>27</v>
      </c>
      <c r="B85" s="9" t="s">
        <v>28</v>
      </c>
      <c r="C85" s="9" t="s">
        <v>29</v>
      </c>
      <c r="D85" s="9" t="s">
        <v>258</v>
      </c>
      <c r="E85" s="9" t="s">
        <v>226</v>
      </c>
      <c r="F85" s="9" t="s">
        <v>283</v>
      </c>
      <c r="G85" s="9" t="s">
        <v>6</v>
      </c>
      <c r="H85" s="6">
        <v>1337564</v>
      </c>
      <c r="I85" s="6">
        <v>994790</v>
      </c>
      <c r="J85" s="6">
        <v>912803</v>
      </c>
      <c r="K85" s="6">
        <v>341260</v>
      </c>
      <c r="L85" s="6">
        <v>1514</v>
      </c>
    </row>
    <row r="86" spans="1:12">
      <c r="A86" s="9" t="s">
        <v>27</v>
      </c>
      <c r="B86" s="9" t="s">
        <v>28</v>
      </c>
      <c r="C86" s="9" t="s">
        <v>29</v>
      </c>
      <c r="D86" s="9" t="s">
        <v>258</v>
      </c>
      <c r="E86" s="9" t="s">
        <v>226</v>
      </c>
      <c r="F86" s="9" t="s">
        <v>283</v>
      </c>
      <c r="G86" s="9" t="s">
        <v>272</v>
      </c>
      <c r="H86" s="6">
        <v>96725</v>
      </c>
      <c r="I86" s="6">
        <v>43244</v>
      </c>
      <c r="J86" s="6">
        <v>38492</v>
      </c>
      <c r="K86" s="6">
        <v>53400</v>
      </c>
      <c r="L86" s="6">
        <v>81</v>
      </c>
    </row>
    <row r="87" spans="1:12">
      <c r="A87" s="9" t="s">
        <v>27</v>
      </c>
      <c r="B87" s="9" t="s">
        <v>28</v>
      </c>
      <c r="C87" s="9" t="s">
        <v>29</v>
      </c>
      <c r="D87" s="9" t="s">
        <v>258</v>
      </c>
      <c r="E87" s="9" t="s">
        <v>226</v>
      </c>
      <c r="F87" s="9" t="s">
        <v>283</v>
      </c>
      <c r="G87" s="9" t="s">
        <v>273</v>
      </c>
      <c r="H87" s="6">
        <v>189402</v>
      </c>
      <c r="I87" s="6">
        <v>118450</v>
      </c>
      <c r="J87" s="6">
        <v>107145</v>
      </c>
      <c r="K87" s="6">
        <v>70774</v>
      </c>
      <c r="L87" s="6">
        <v>178</v>
      </c>
    </row>
    <row r="88" spans="1:12">
      <c r="A88" s="9" t="s">
        <v>27</v>
      </c>
      <c r="B88" s="9" t="s">
        <v>28</v>
      </c>
      <c r="C88" s="9" t="s">
        <v>29</v>
      </c>
      <c r="D88" s="9" t="s">
        <v>258</v>
      </c>
      <c r="E88" s="9" t="s">
        <v>226</v>
      </c>
      <c r="F88" s="9" t="s">
        <v>283</v>
      </c>
      <c r="G88" s="9" t="s">
        <v>274</v>
      </c>
      <c r="H88" s="6">
        <v>261368</v>
      </c>
      <c r="I88" s="6">
        <v>192530</v>
      </c>
      <c r="J88" s="6">
        <v>175636</v>
      </c>
      <c r="K88" s="6">
        <v>68603</v>
      </c>
      <c r="L88" s="6">
        <v>235</v>
      </c>
    </row>
    <row r="89" spans="1:12">
      <c r="A89" s="9" t="s">
        <v>27</v>
      </c>
      <c r="B89" s="9" t="s">
        <v>28</v>
      </c>
      <c r="C89" s="9" t="s">
        <v>29</v>
      </c>
      <c r="D89" s="9" t="s">
        <v>258</v>
      </c>
      <c r="E89" s="9" t="s">
        <v>226</v>
      </c>
      <c r="F89" s="9" t="s">
        <v>283</v>
      </c>
      <c r="G89" s="9" t="s">
        <v>275</v>
      </c>
      <c r="H89" s="6">
        <v>238556</v>
      </c>
      <c r="I89" s="6">
        <v>191079</v>
      </c>
      <c r="J89" s="6">
        <v>176477</v>
      </c>
      <c r="K89" s="6">
        <v>47210</v>
      </c>
      <c r="L89" s="6">
        <v>267</v>
      </c>
    </row>
    <row r="90" spans="1:12">
      <c r="A90" s="9" t="s">
        <v>27</v>
      </c>
      <c r="B90" s="9" t="s">
        <v>28</v>
      </c>
      <c r="C90" s="9" t="s">
        <v>29</v>
      </c>
      <c r="D90" s="9" t="s">
        <v>258</v>
      </c>
      <c r="E90" s="9" t="s">
        <v>226</v>
      </c>
      <c r="F90" s="9" t="s">
        <v>283</v>
      </c>
      <c r="G90" s="9" t="s">
        <v>276</v>
      </c>
      <c r="H90" s="6">
        <v>205474</v>
      </c>
      <c r="I90" s="6">
        <v>171586</v>
      </c>
      <c r="J90" s="6">
        <v>159764</v>
      </c>
      <c r="K90" s="6">
        <v>33681</v>
      </c>
      <c r="L90" s="6">
        <v>207</v>
      </c>
    </row>
    <row r="91" spans="1:12">
      <c r="A91" s="9" t="s">
        <v>27</v>
      </c>
      <c r="B91" s="9" t="s">
        <v>28</v>
      </c>
      <c r="C91" s="9" t="s">
        <v>29</v>
      </c>
      <c r="D91" s="9" t="s">
        <v>258</v>
      </c>
      <c r="E91" s="9" t="s">
        <v>226</v>
      </c>
      <c r="F91" s="9" t="s">
        <v>283</v>
      </c>
      <c r="G91" s="9" t="s">
        <v>277</v>
      </c>
      <c r="H91" s="6">
        <v>148127</v>
      </c>
      <c r="I91" s="6">
        <v>124461</v>
      </c>
      <c r="J91" s="6">
        <v>116361</v>
      </c>
      <c r="K91" s="6">
        <v>23495</v>
      </c>
      <c r="L91" s="6">
        <v>171</v>
      </c>
    </row>
    <row r="92" spans="1:12">
      <c r="A92" s="9" t="s">
        <v>27</v>
      </c>
      <c r="B92" s="9" t="s">
        <v>28</v>
      </c>
      <c r="C92" s="9" t="s">
        <v>29</v>
      </c>
      <c r="D92" s="9" t="s">
        <v>258</v>
      </c>
      <c r="E92" s="9" t="s">
        <v>226</v>
      </c>
      <c r="F92" s="9" t="s">
        <v>283</v>
      </c>
      <c r="G92" s="9" t="s">
        <v>278</v>
      </c>
      <c r="H92" s="6">
        <v>88855</v>
      </c>
      <c r="I92" s="6">
        <v>73501</v>
      </c>
      <c r="J92" s="6">
        <v>68530</v>
      </c>
      <c r="K92" s="6">
        <v>15235</v>
      </c>
      <c r="L92" s="6">
        <v>119</v>
      </c>
    </row>
    <row r="93" spans="1:12">
      <c r="A93" s="9" t="s">
        <v>27</v>
      </c>
      <c r="B93" s="9" t="s">
        <v>28</v>
      </c>
      <c r="C93" s="9" t="s">
        <v>29</v>
      </c>
      <c r="D93" s="9" t="s">
        <v>258</v>
      </c>
      <c r="E93" s="9" t="s">
        <v>226</v>
      </c>
      <c r="F93" s="9" t="s">
        <v>283</v>
      </c>
      <c r="G93" s="9" t="s">
        <v>279</v>
      </c>
      <c r="H93" s="6">
        <v>37332</v>
      </c>
      <c r="I93" s="6">
        <v>29953</v>
      </c>
      <c r="J93" s="6">
        <v>27802</v>
      </c>
      <c r="K93" s="6">
        <v>7328</v>
      </c>
      <c r="L93" s="6">
        <v>51</v>
      </c>
    </row>
    <row r="94" spans="1:12">
      <c r="A94" s="9" t="s">
        <v>27</v>
      </c>
      <c r="B94" s="9" t="s">
        <v>28</v>
      </c>
      <c r="C94" s="9" t="s">
        <v>29</v>
      </c>
      <c r="D94" s="9" t="s">
        <v>258</v>
      </c>
      <c r="E94" s="9" t="s">
        <v>226</v>
      </c>
      <c r="F94" s="9" t="s">
        <v>283</v>
      </c>
      <c r="G94" s="9" t="s">
        <v>280</v>
      </c>
      <c r="H94" s="6">
        <v>71725</v>
      </c>
      <c r="I94" s="6">
        <v>49986</v>
      </c>
      <c r="J94" s="6">
        <v>42596</v>
      </c>
      <c r="K94" s="6">
        <v>21534</v>
      </c>
      <c r="L94" s="6">
        <v>205</v>
      </c>
    </row>
    <row r="95" spans="1:12">
      <c r="A95" s="9" t="s">
        <v>27</v>
      </c>
      <c r="B95" s="9" t="s">
        <v>28</v>
      </c>
      <c r="C95" s="9" t="s">
        <v>29</v>
      </c>
      <c r="D95" s="9" t="s">
        <v>258</v>
      </c>
      <c r="E95" s="9" t="s">
        <v>227</v>
      </c>
      <c r="F95" s="9" t="s">
        <v>6</v>
      </c>
      <c r="G95" s="9" t="s">
        <v>6</v>
      </c>
      <c r="H95" s="6">
        <v>14277106</v>
      </c>
      <c r="I95" s="6">
        <v>9636873</v>
      </c>
      <c r="J95" s="6">
        <v>9211315</v>
      </c>
      <c r="K95" s="6">
        <v>4613651</v>
      </c>
      <c r="L95" s="6">
        <v>26582</v>
      </c>
    </row>
    <row r="96" spans="1:12">
      <c r="A96" s="9" t="s">
        <v>27</v>
      </c>
      <c r="B96" s="9" t="s">
        <v>28</v>
      </c>
      <c r="C96" s="9" t="s">
        <v>29</v>
      </c>
      <c r="D96" s="9" t="s">
        <v>258</v>
      </c>
      <c r="E96" s="9" t="s">
        <v>227</v>
      </c>
      <c r="F96" s="9" t="s">
        <v>234</v>
      </c>
      <c r="G96" s="9" t="s">
        <v>6</v>
      </c>
      <c r="H96" s="6">
        <v>4820263</v>
      </c>
      <c r="I96" s="6">
        <v>3078351</v>
      </c>
      <c r="J96" s="6">
        <v>2918804</v>
      </c>
      <c r="K96" s="6">
        <v>1723749</v>
      </c>
      <c r="L96" s="6">
        <v>18163</v>
      </c>
    </row>
    <row r="97" spans="1:12">
      <c r="A97" s="9" t="s">
        <v>27</v>
      </c>
      <c r="B97" s="9" t="s">
        <v>28</v>
      </c>
      <c r="C97" s="9" t="s">
        <v>29</v>
      </c>
      <c r="D97" s="9" t="s">
        <v>258</v>
      </c>
      <c r="E97" s="9" t="s">
        <v>227</v>
      </c>
      <c r="F97" s="9" t="s">
        <v>235</v>
      </c>
      <c r="G97" s="9" t="s">
        <v>6</v>
      </c>
      <c r="H97" s="6">
        <v>9456843</v>
      </c>
      <c r="I97" s="6">
        <v>6558522</v>
      </c>
      <c r="J97" s="6">
        <v>6292511</v>
      </c>
      <c r="K97" s="6">
        <v>2889902</v>
      </c>
      <c r="L97" s="6">
        <v>8419</v>
      </c>
    </row>
    <row r="98" spans="1:12">
      <c r="A98" s="9" t="s">
        <v>27</v>
      </c>
      <c r="B98" s="9" t="s">
        <v>28</v>
      </c>
      <c r="C98" s="9" t="s">
        <v>29</v>
      </c>
      <c r="D98" s="9" t="s">
        <v>258</v>
      </c>
      <c r="E98" s="9" t="s">
        <v>227</v>
      </c>
      <c r="F98" s="9" t="s">
        <v>235</v>
      </c>
      <c r="G98" s="9" t="s">
        <v>272</v>
      </c>
      <c r="H98" s="6">
        <v>582777</v>
      </c>
      <c r="I98" s="6">
        <v>274250</v>
      </c>
      <c r="J98" s="6">
        <v>263188</v>
      </c>
      <c r="K98" s="6">
        <v>308172</v>
      </c>
      <c r="L98" s="6">
        <v>355</v>
      </c>
    </row>
    <row r="99" spans="1:12">
      <c r="A99" s="9" t="s">
        <v>27</v>
      </c>
      <c r="B99" s="9" t="s">
        <v>28</v>
      </c>
      <c r="C99" s="9" t="s">
        <v>29</v>
      </c>
      <c r="D99" s="9" t="s">
        <v>258</v>
      </c>
      <c r="E99" s="9" t="s">
        <v>227</v>
      </c>
      <c r="F99" s="9" t="s">
        <v>235</v>
      </c>
      <c r="G99" s="9" t="s">
        <v>273</v>
      </c>
      <c r="H99" s="6">
        <v>1064399</v>
      </c>
      <c r="I99" s="6">
        <v>646527</v>
      </c>
      <c r="J99" s="6">
        <v>619869</v>
      </c>
      <c r="K99" s="6">
        <v>417340</v>
      </c>
      <c r="L99" s="6">
        <v>532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58</v>
      </c>
      <c r="E100" s="9" t="s">
        <v>227</v>
      </c>
      <c r="F100" s="9" t="s">
        <v>235</v>
      </c>
      <c r="G100" s="9" t="s">
        <v>274</v>
      </c>
      <c r="H100" s="6">
        <v>1174644</v>
      </c>
      <c r="I100" s="6">
        <v>809267</v>
      </c>
      <c r="J100" s="6">
        <v>772892</v>
      </c>
      <c r="K100" s="6">
        <v>364778</v>
      </c>
      <c r="L100" s="6">
        <v>599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58</v>
      </c>
      <c r="E101" s="9" t="s">
        <v>227</v>
      </c>
      <c r="F101" s="9" t="s">
        <v>235</v>
      </c>
      <c r="G101" s="9" t="s">
        <v>275</v>
      </c>
      <c r="H101" s="6">
        <v>998757</v>
      </c>
      <c r="I101" s="6">
        <v>739683</v>
      </c>
      <c r="J101" s="6">
        <v>709449</v>
      </c>
      <c r="K101" s="6">
        <v>258568</v>
      </c>
      <c r="L101" s="6">
        <v>50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58</v>
      </c>
      <c r="E102" s="9" t="s">
        <v>227</v>
      </c>
      <c r="F102" s="9" t="s">
        <v>235</v>
      </c>
      <c r="G102" s="9" t="s">
        <v>276</v>
      </c>
      <c r="H102" s="6">
        <v>939240</v>
      </c>
      <c r="I102" s="6">
        <v>733643</v>
      </c>
      <c r="J102" s="6">
        <v>707757</v>
      </c>
      <c r="K102" s="6">
        <v>205187</v>
      </c>
      <c r="L102" s="6">
        <v>410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58</v>
      </c>
      <c r="E103" s="9" t="s">
        <v>227</v>
      </c>
      <c r="F103" s="9" t="s">
        <v>235</v>
      </c>
      <c r="G103" s="9" t="s">
        <v>277</v>
      </c>
      <c r="H103" s="6">
        <v>886564</v>
      </c>
      <c r="I103" s="6">
        <v>706750</v>
      </c>
      <c r="J103" s="6">
        <v>683846</v>
      </c>
      <c r="K103" s="6">
        <v>179388</v>
      </c>
      <c r="L103" s="6">
        <v>426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58</v>
      </c>
      <c r="E104" s="9" t="s">
        <v>227</v>
      </c>
      <c r="F104" s="9" t="s">
        <v>235</v>
      </c>
      <c r="G104" s="9" t="s">
        <v>278</v>
      </c>
      <c r="H104" s="6">
        <v>837585</v>
      </c>
      <c r="I104" s="6">
        <v>668592</v>
      </c>
      <c r="J104" s="6">
        <v>647737</v>
      </c>
      <c r="K104" s="6">
        <v>168596</v>
      </c>
      <c r="L104" s="6">
        <v>397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58</v>
      </c>
      <c r="E105" s="9" t="s">
        <v>227</v>
      </c>
      <c r="F105" s="9" t="s">
        <v>235</v>
      </c>
      <c r="G105" s="9" t="s">
        <v>279</v>
      </c>
      <c r="H105" s="6">
        <v>480374</v>
      </c>
      <c r="I105" s="6">
        <v>374523</v>
      </c>
      <c r="J105" s="6">
        <v>362566</v>
      </c>
      <c r="K105" s="6">
        <v>105559</v>
      </c>
      <c r="L105" s="6">
        <v>292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58</v>
      </c>
      <c r="E106" s="9" t="s">
        <v>227</v>
      </c>
      <c r="F106" s="9" t="s">
        <v>235</v>
      </c>
      <c r="G106" s="9" t="s">
        <v>280</v>
      </c>
      <c r="H106" s="6">
        <v>2492503</v>
      </c>
      <c r="I106" s="6">
        <v>1605287</v>
      </c>
      <c r="J106" s="6">
        <v>1525207</v>
      </c>
      <c r="K106" s="6">
        <v>882314</v>
      </c>
      <c r="L106" s="6">
        <v>4902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58</v>
      </c>
      <c r="E107" s="9" t="s">
        <v>227</v>
      </c>
      <c r="F107" s="9" t="s">
        <v>281</v>
      </c>
      <c r="G107" s="9" t="s">
        <v>6</v>
      </c>
      <c r="H107" s="6">
        <v>4211744</v>
      </c>
      <c r="I107" s="6">
        <v>2741211</v>
      </c>
      <c r="J107" s="6">
        <v>2616966</v>
      </c>
      <c r="K107" s="6">
        <v>1465360</v>
      </c>
      <c r="L107" s="6">
        <v>5173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58</v>
      </c>
      <c r="E108" s="9" t="s">
        <v>227</v>
      </c>
      <c r="F108" s="9" t="s">
        <v>281</v>
      </c>
      <c r="G108" s="9" t="s">
        <v>272</v>
      </c>
      <c r="H108" s="6">
        <v>276109</v>
      </c>
      <c r="I108" s="6">
        <v>136080</v>
      </c>
      <c r="J108" s="6">
        <v>131721</v>
      </c>
      <c r="K108" s="6">
        <v>139851</v>
      </c>
      <c r="L108" s="6">
        <v>178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58</v>
      </c>
      <c r="E109" s="9" t="s">
        <v>227</v>
      </c>
      <c r="F109" s="9" t="s">
        <v>281</v>
      </c>
      <c r="G109" s="9" t="s">
        <v>273</v>
      </c>
      <c r="H109" s="6">
        <v>465733</v>
      </c>
      <c r="I109" s="6">
        <v>284271</v>
      </c>
      <c r="J109" s="6">
        <v>273983</v>
      </c>
      <c r="K109" s="6">
        <v>181224</v>
      </c>
      <c r="L109" s="6">
        <v>238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58</v>
      </c>
      <c r="E110" s="9" t="s">
        <v>227</v>
      </c>
      <c r="F110" s="9" t="s">
        <v>281</v>
      </c>
      <c r="G110" s="9" t="s">
        <v>274</v>
      </c>
      <c r="H110" s="6">
        <v>374821</v>
      </c>
      <c r="I110" s="6">
        <v>250316</v>
      </c>
      <c r="J110" s="6">
        <v>238894</v>
      </c>
      <c r="K110" s="6">
        <v>124326</v>
      </c>
      <c r="L110" s="6">
        <v>179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58</v>
      </c>
      <c r="E111" s="9" t="s">
        <v>227</v>
      </c>
      <c r="F111" s="9" t="s">
        <v>281</v>
      </c>
      <c r="G111" s="9" t="s">
        <v>275</v>
      </c>
      <c r="H111" s="6">
        <v>261925</v>
      </c>
      <c r="I111" s="6">
        <v>176086</v>
      </c>
      <c r="J111" s="6">
        <v>167334</v>
      </c>
      <c r="K111" s="6">
        <v>85714</v>
      </c>
      <c r="L111" s="6">
        <v>125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58</v>
      </c>
      <c r="E112" s="9" t="s">
        <v>227</v>
      </c>
      <c r="F112" s="9" t="s">
        <v>281</v>
      </c>
      <c r="G112" s="9" t="s">
        <v>276</v>
      </c>
      <c r="H112" s="6">
        <v>245199</v>
      </c>
      <c r="I112" s="6">
        <v>171811</v>
      </c>
      <c r="J112" s="6">
        <v>164093</v>
      </c>
      <c r="K112" s="6">
        <v>73275</v>
      </c>
      <c r="L112" s="6">
        <v>113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58</v>
      </c>
      <c r="E113" s="9" t="s">
        <v>227</v>
      </c>
      <c r="F113" s="9" t="s">
        <v>281</v>
      </c>
      <c r="G113" s="9" t="s">
        <v>277</v>
      </c>
      <c r="H113" s="6">
        <v>251511</v>
      </c>
      <c r="I113" s="6">
        <v>183098</v>
      </c>
      <c r="J113" s="6">
        <v>175573</v>
      </c>
      <c r="K113" s="6">
        <v>68265</v>
      </c>
      <c r="L113" s="6">
        <v>148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58</v>
      </c>
      <c r="E114" s="9" t="s">
        <v>227</v>
      </c>
      <c r="F114" s="9" t="s">
        <v>281</v>
      </c>
      <c r="G114" s="9" t="s">
        <v>278</v>
      </c>
      <c r="H114" s="6">
        <v>321513</v>
      </c>
      <c r="I114" s="6">
        <v>245087</v>
      </c>
      <c r="J114" s="6">
        <v>236299</v>
      </c>
      <c r="K114" s="6">
        <v>76282</v>
      </c>
      <c r="L114" s="6">
        <v>144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58</v>
      </c>
      <c r="E115" s="9" t="s">
        <v>227</v>
      </c>
      <c r="F115" s="9" t="s">
        <v>281</v>
      </c>
      <c r="G115" s="9" t="s">
        <v>279</v>
      </c>
      <c r="H115" s="6">
        <v>216399</v>
      </c>
      <c r="I115" s="6">
        <v>163464</v>
      </c>
      <c r="J115" s="6">
        <v>157725</v>
      </c>
      <c r="K115" s="6">
        <v>52773</v>
      </c>
      <c r="L115" s="6">
        <v>162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58</v>
      </c>
      <c r="E116" s="9" t="s">
        <v>227</v>
      </c>
      <c r="F116" s="9" t="s">
        <v>281</v>
      </c>
      <c r="G116" s="9" t="s">
        <v>280</v>
      </c>
      <c r="H116" s="6">
        <v>1798534</v>
      </c>
      <c r="I116" s="6">
        <v>1130998</v>
      </c>
      <c r="J116" s="6">
        <v>1071344</v>
      </c>
      <c r="K116" s="6">
        <v>663650</v>
      </c>
      <c r="L116" s="6">
        <v>3886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58</v>
      </c>
      <c r="E117" s="9" t="s">
        <v>227</v>
      </c>
      <c r="F117" s="9" t="s">
        <v>282</v>
      </c>
      <c r="G117" s="9" t="s">
        <v>6</v>
      </c>
      <c r="H117" s="6">
        <v>4047007</v>
      </c>
      <c r="I117" s="6">
        <v>2932663</v>
      </c>
      <c r="J117" s="6">
        <v>2824482</v>
      </c>
      <c r="K117" s="6">
        <v>1112124</v>
      </c>
      <c r="L117" s="6">
        <v>222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58</v>
      </c>
      <c r="E118" s="9" t="s">
        <v>227</v>
      </c>
      <c r="F118" s="9" t="s">
        <v>282</v>
      </c>
      <c r="G118" s="9" t="s">
        <v>272</v>
      </c>
      <c r="H118" s="6">
        <v>218883</v>
      </c>
      <c r="I118" s="6">
        <v>99646</v>
      </c>
      <c r="J118" s="6">
        <v>95166</v>
      </c>
      <c r="K118" s="6">
        <v>119111</v>
      </c>
      <c r="L118" s="6">
        <v>126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58</v>
      </c>
      <c r="E119" s="9" t="s">
        <v>227</v>
      </c>
      <c r="F119" s="9" t="s">
        <v>282</v>
      </c>
      <c r="G119" s="9" t="s">
        <v>273</v>
      </c>
      <c r="H119" s="6">
        <v>426850</v>
      </c>
      <c r="I119" s="6">
        <v>256368</v>
      </c>
      <c r="J119" s="6">
        <v>245142</v>
      </c>
      <c r="K119" s="6">
        <v>170303</v>
      </c>
      <c r="L119" s="6">
        <v>179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58</v>
      </c>
      <c r="E120" s="9" t="s">
        <v>227</v>
      </c>
      <c r="F120" s="9" t="s">
        <v>282</v>
      </c>
      <c r="G120" s="9" t="s">
        <v>274</v>
      </c>
      <c r="H120" s="6">
        <v>563322</v>
      </c>
      <c r="I120" s="6">
        <v>386512</v>
      </c>
      <c r="J120" s="6">
        <v>369206</v>
      </c>
      <c r="K120" s="6">
        <v>176552</v>
      </c>
      <c r="L120" s="6">
        <v>258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58</v>
      </c>
      <c r="E121" s="9" t="s">
        <v>227</v>
      </c>
      <c r="F121" s="9" t="s">
        <v>282</v>
      </c>
      <c r="G121" s="9" t="s">
        <v>275</v>
      </c>
      <c r="H121" s="6">
        <v>521917</v>
      </c>
      <c r="I121" s="6">
        <v>392267</v>
      </c>
      <c r="J121" s="6">
        <v>377026</v>
      </c>
      <c r="K121" s="6">
        <v>129453</v>
      </c>
      <c r="L121" s="6">
        <v>197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58</v>
      </c>
      <c r="E122" s="9" t="s">
        <v>227</v>
      </c>
      <c r="F122" s="9" t="s">
        <v>282</v>
      </c>
      <c r="G122" s="9" t="s">
        <v>276</v>
      </c>
      <c r="H122" s="6">
        <v>509353</v>
      </c>
      <c r="I122" s="6">
        <v>407847</v>
      </c>
      <c r="J122" s="6">
        <v>394449</v>
      </c>
      <c r="K122" s="6">
        <v>101347</v>
      </c>
      <c r="L122" s="6">
        <v>159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58</v>
      </c>
      <c r="E123" s="9" t="s">
        <v>227</v>
      </c>
      <c r="F123" s="9" t="s">
        <v>282</v>
      </c>
      <c r="G123" s="9" t="s">
        <v>277</v>
      </c>
      <c r="H123" s="6">
        <v>502571</v>
      </c>
      <c r="I123" s="6">
        <v>412553</v>
      </c>
      <c r="J123" s="6">
        <v>400317</v>
      </c>
      <c r="K123" s="6">
        <v>89862</v>
      </c>
      <c r="L123" s="6">
        <v>156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58</v>
      </c>
      <c r="E124" s="9" t="s">
        <v>227</v>
      </c>
      <c r="F124" s="9" t="s">
        <v>282</v>
      </c>
      <c r="G124" s="9" t="s">
        <v>278</v>
      </c>
      <c r="H124" s="6">
        <v>436980</v>
      </c>
      <c r="I124" s="6">
        <v>358223</v>
      </c>
      <c r="J124" s="6">
        <v>348062</v>
      </c>
      <c r="K124" s="6">
        <v>78594</v>
      </c>
      <c r="L124" s="6">
        <v>163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58</v>
      </c>
      <c r="E125" s="9" t="s">
        <v>227</v>
      </c>
      <c r="F125" s="9" t="s">
        <v>282</v>
      </c>
      <c r="G125" s="9" t="s">
        <v>279</v>
      </c>
      <c r="H125" s="6">
        <v>230941</v>
      </c>
      <c r="I125" s="6">
        <v>184695</v>
      </c>
      <c r="J125" s="6">
        <v>179277</v>
      </c>
      <c r="K125" s="6">
        <v>46150</v>
      </c>
      <c r="L125" s="6">
        <v>96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58</v>
      </c>
      <c r="E126" s="9" t="s">
        <v>227</v>
      </c>
      <c r="F126" s="9" t="s">
        <v>282</v>
      </c>
      <c r="G126" s="9" t="s">
        <v>280</v>
      </c>
      <c r="H126" s="6">
        <v>636190</v>
      </c>
      <c r="I126" s="6">
        <v>434552</v>
      </c>
      <c r="J126" s="6">
        <v>415837</v>
      </c>
      <c r="K126" s="6">
        <v>200752</v>
      </c>
      <c r="L126" s="6">
        <v>886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58</v>
      </c>
      <c r="E127" s="9" t="s">
        <v>227</v>
      </c>
      <c r="F127" s="9" t="s">
        <v>283</v>
      </c>
      <c r="G127" s="9" t="s">
        <v>6</v>
      </c>
      <c r="H127" s="6">
        <v>1198092</v>
      </c>
      <c r="I127" s="6">
        <v>884648</v>
      </c>
      <c r="J127" s="6">
        <v>851063</v>
      </c>
      <c r="K127" s="6">
        <v>312418</v>
      </c>
      <c r="L127" s="6">
        <v>1026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58</v>
      </c>
      <c r="E128" s="9" t="s">
        <v>227</v>
      </c>
      <c r="F128" s="9" t="s">
        <v>283</v>
      </c>
      <c r="G128" s="9" t="s">
        <v>272</v>
      </c>
      <c r="H128" s="6">
        <v>87785</v>
      </c>
      <c r="I128" s="6">
        <v>38524</v>
      </c>
      <c r="J128" s="6">
        <v>36301</v>
      </c>
      <c r="K128" s="6">
        <v>49210</v>
      </c>
      <c r="L128" s="6">
        <v>51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58</v>
      </c>
      <c r="E129" s="9" t="s">
        <v>227</v>
      </c>
      <c r="F129" s="9" t="s">
        <v>283</v>
      </c>
      <c r="G129" s="9" t="s">
        <v>273</v>
      </c>
      <c r="H129" s="6">
        <v>171816</v>
      </c>
      <c r="I129" s="6">
        <v>105888</v>
      </c>
      <c r="J129" s="6">
        <v>100744</v>
      </c>
      <c r="K129" s="6">
        <v>65813</v>
      </c>
      <c r="L129" s="6">
        <v>115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58</v>
      </c>
      <c r="E130" s="9" t="s">
        <v>227</v>
      </c>
      <c r="F130" s="9" t="s">
        <v>283</v>
      </c>
      <c r="G130" s="9" t="s">
        <v>274</v>
      </c>
      <c r="H130" s="6">
        <v>236501</v>
      </c>
      <c r="I130" s="6">
        <v>172439</v>
      </c>
      <c r="J130" s="6">
        <v>164792</v>
      </c>
      <c r="K130" s="6">
        <v>63900</v>
      </c>
      <c r="L130" s="6">
        <v>162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58</v>
      </c>
      <c r="E131" s="9" t="s">
        <v>227</v>
      </c>
      <c r="F131" s="9" t="s">
        <v>283</v>
      </c>
      <c r="G131" s="9" t="s">
        <v>275</v>
      </c>
      <c r="H131" s="6">
        <v>214915</v>
      </c>
      <c r="I131" s="6">
        <v>171330</v>
      </c>
      <c r="J131" s="6">
        <v>165089</v>
      </c>
      <c r="K131" s="6">
        <v>43401</v>
      </c>
      <c r="L131" s="6">
        <v>184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58</v>
      </c>
      <c r="E132" s="9" t="s">
        <v>227</v>
      </c>
      <c r="F132" s="9" t="s">
        <v>283</v>
      </c>
      <c r="G132" s="9" t="s">
        <v>276</v>
      </c>
      <c r="H132" s="6">
        <v>184688</v>
      </c>
      <c r="I132" s="6">
        <v>153985</v>
      </c>
      <c r="J132" s="6">
        <v>149215</v>
      </c>
      <c r="K132" s="6">
        <v>30565</v>
      </c>
      <c r="L132" s="6">
        <v>138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58</v>
      </c>
      <c r="E133" s="9" t="s">
        <v>227</v>
      </c>
      <c r="F133" s="9" t="s">
        <v>283</v>
      </c>
      <c r="G133" s="9" t="s">
        <v>277</v>
      </c>
      <c r="H133" s="6">
        <v>132482</v>
      </c>
      <c r="I133" s="6">
        <v>111099</v>
      </c>
      <c r="J133" s="6">
        <v>107956</v>
      </c>
      <c r="K133" s="6">
        <v>21261</v>
      </c>
      <c r="L133" s="6">
        <v>122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58</v>
      </c>
      <c r="E134" s="9" t="s">
        <v>227</v>
      </c>
      <c r="F134" s="9" t="s">
        <v>283</v>
      </c>
      <c r="G134" s="9" t="s">
        <v>278</v>
      </c>
      <c r="H134" s="6">
        <v>79092</v>
      </c>
      <c r="I134" s="6">
        <v>65282</v>
      </c>
      <c r="J134" s="6">
        <v>63376</v>
      </c>
      <c r="K134" s="6">
        <v>13720</v>
      </c>
      <c r="L134" s="6">
        <v>90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58</v>
      </c>
      <c r="E135" s="9" t="s">
        <v>227</v>
      </c>
      <c r="F135" s="9" t="s">
        <v>283</v>
      </c>
      <c r="G135" s="9" t="s">
        <v>279</v>
      </c>
      <c r="H135" s="6">
        <v>33034</v>
      </c>
      <c r="I135" s="6">
        <v>26364</v>
      </c>
      <c r="J135" s="6">
        <v>25564</v>
      </c>
      <c r="K135" s="6">
        <v>6636</v>
      </c>
      <c r="L135" s="6">
        <v>34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58</v>
      </c>
      <c r="E136" s="9" t="s">
        <v>227</v>
      </c>
      <c r="F136" s="9" t="s">
        <v>283</v>
      </c>
      <c r="G136" s="9" t="s">
        <v>280</v>
      </c>
      <c r="H136" s="6">
        <v>57779</v>
      </c>
      <c r="I136" s="6">
        <v>39737</v>
      </c>
      <c r="J136" s="6">
        <v>38026</v>
      </c>
      <c r="K136" s="6">
        <v>17912</v>
      </c>
      <c r="L136" s="6">
        <v>130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58</v>
      </c>
      <c r="E137" s="9" t="s">
        <v>228</v>
      </c>
      <c r="F137" s="9" t="s">
        <v>6</v>
      </c>
      <c r="G137" s="9" t="s">
        <v>6</v>
      </c>
      <c r="H137" s="6">
        <v>6131915</v>
      </c>
      <c r="I137" s="6">
        <v>1001747</v>
      </c>
      <c r="J137" s="6">
        <v>894856</v>
      </c>
      <c r="K137" s="6">
        <v>5112983</v>
      </c>
      <c r="L137" s="6">
        <v>17185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58</v>
      </c>
      <c r="E138" s="9" t="s">
        <v>228</v>
      </c>
      <c r="F138" s="9" t="s">
        <v>234</v>
      </c>
      <c r="G138" s="9" t="s">
        <v>6</v>
      </c>
      <c r="H138" s="6">
        <v>4253392</v>
      </c>
      <c r="I138" s="6">
        <v>602984</v>
      </c>
      <c r="J138" s="6">
        <v>535642</v>
      </c>
      <c r="K138" s="6">
        <v>3636009</v>
      </c>
      <c r="L138" s="6">
        <v>14399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58</v>
      </c>
      <c r="E139" s="9" t="s">
        <v>228</v>
      </c>
      <c r="F139" s="9" t="s">
        <v>235</v>
      </c>
      <c r="G139" s="9" t="s">
        <v>6</v>
      </c>
      <c r="H139" s="6">
        <v>1878523</v>
      </c>
      <c r="I139" s="6">
        <v>398763</v>
      </c>
      <c r="J139" s="6">
        <v>359214</v>
      </c>
      <c r="K139" s="6">
        <v>1476974</v>
      </c>
      <c r="L139" s="6">
        <v>2786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58</v>
      </c>
      <c r="E140" s="9" t="s">
        <v>228</v>
      </c>
      <c r="F140" s="9" t="s">
        <v>235</v>
      </c>
      <c r="G140" s="9" t="s">
        <v>272</v>
      </c>
      <c r="H140" s="6">
        <v>8174</v>
      </c>
      <c r="I140" s="6">
        <v>2903</v>
      </c>
      <c r="J140" s="6">
        <v>2685</v>
      </c>
      <c r="K140" s="6">
        <v>5232</v>
      </c>
      <c r="L140" s="6">
        <v>39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58</v>
      </c>
      <c r="E141" s="9" t="s">
        <v>228</v>
      </c>
      <c r="F141" s="9" t="s">
        <v>235</v>
      </c>
      <c r="G141" s="9" t="s">
        <v>273</v>
      </c>
      <c r="H141" s="6">
        <v>12349</v>
      </c>
      <c r="I141" s="6">
        <v>6132</v>
      </c>
      <c r="J141" s="6">
        <v>5724</v>
      </c>
      <c r="K141" s="6">
        <v>6182</v>
      </c>
      <c r="L141" s="6">
        <v>35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58</v>
      </c>
      <c r="E142" s="9" t="s">
        <v>228</v>
      </c>
      <c r="F142" s="9" t="s">
        <v>235</v>
      </c>
      <c r="G142" s="9" t="s">
        <v>274</v>
      </c>
      <c r="H142" s="6">
        <v>13437</v>
      </c>
      <c r="I142" s="6">
        <v>7979</v>
      </c>
      <c r="J142" s="6">
        <v>7458</v>
      </c>
      <c r="K142" s="6">
        <v>5409</v>
      </c>
      <c r="L142" s="6">
        <v>49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58</v>
      </c>
      <c r="E143" s="9" t="s">
        <v>228</v>
      </c>
      <c r="F143" s="9" t="s">
        <v>235</v>
      </c>
      <c r="G143" s="9" t="s">
        <v>275</v>
      </c>
      <c r="H143" s="6">
        <v>13202</v>
      </c>
      <c r="I143" s="6">
        <v>8539</v>
      </c>
      <c r="J143" s="6">
        <v>8013</v>
      </c>
      <c r="K143" s="6">
        <v>4626</v>
      </c>
      <c r="L143" s="6">
        <v>37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58</v>
      </c>
      <c r="E144" s="9" t="s">
        <v>228</v>
      </c>
      <c r="F144" s="9" t="s">
        <v>235</v>
      </c>
      <c r="G144" s="9" t="s">
        <v>276</v>
      </c>
      <c r="H144" s="6">
        <v>13980</v>
      </c>
      <c r="I144" s="6">
        <v>9561</v>
      </c>
      <c r="J144" s="6">
        <v>9041</v>
      </c>
      <c r="K144" s="6">
        <v>4371</v>
      </c>
      <c r="L144" s="6">
        <v>48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58</v>
      </c>
      <c r="E145" s="9" t="s">
        <v>228</v>
      </c>
      <c r="F145" s="9" t="s">
        <v>235</v>
      </c>
      <c r="G145" s="9" t="s">
        <v>277</v>
      </c>
      <c r="H145" s="6">
        <v>15770</v>
      </c>
      <c r="I145" s="6">
        <v>11030</v>
      </c>
      <c r="J145" s="6">
        <v>10450</v>
      </c>
      <c r="K145" s="6">
        <v>4689</v>
      </c>
      <c r="L145" s="6">
        <v>51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58</v>
      </c>
      <c r="E146" s="9" t="s">
        <v>228</v>
      </c>
      <c r="F146" s="9" t="s">
        <v>235</v>
      </c>
      <c r="G146" s="9" t="s">
        <v>278</v>
      </c>
      <c r="H146" s="6">
        <v>19045</v>
      </c>
      <c r="I146" s="6">
        <v>13278</v>
      </c>
      <c r="J146" s="6">
        <v>12550</v>
      </c>
      <c r="K146" s="6">
        <v>5719</v>
      </c>
      <c r="L146" s="6">
        <v>48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58</v>
      </c>
      <c r="E147" s="9" t="s">
        <v>228</v>
      </c>
      <c r="F147" s="9" t="s">
        <v>235</v>
      </c>
      <c r="G147" s="9" t="s">
        <v>279</v>
      </c>
      <c r="H147" s="6">
        <v>15351</v>
      </c>
      <c r="I147" s="6">
        <v>10463</v>
      </c>
      <c r="J147" s="6">
        <v>9963</v>
      </c>
      <c r="K147" s="6">
        <v>4853</v>
      </c>
      <c r="L147" s="6">
        <v>35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58</v>
      </c>
      <c r="E148" s="9" t="s">
        <v>228</v>
      </c>
      <c r="F148" s="9" t="s">
        <v>235</v>
      </c>
      <c r="G148" s="9" t="s">
        <v>280</v>
      </c>
      <c r="H148" s="6">
        <v>1767215</v>
      </c>
      <c r="I148" s="6">
        <v>328878</v>
      </c>
      <c r="J148" s="6">
        <v>293330</v>
      </c>
      <c r="K148" s="6">
        <v>1435893</v>
      </c>
      <c r="L148" s="6">
        <v>2444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58</v>
      </c>
      <c r="E149" s="9" t="s">
        <v>228</v>
      </c>
      <c r="F149" s="9" t="s">
        <v>281</v>
      </c>
      <c r="G149" s="9" t="s">
        <v>6</v>
      </c>
      <c r="H149" s="6">
        <v>1523836</v>
      </c>
      <c r="I149" s="6">
        <v>289050</v>
      </c>
      <c r="J149" s="6">
        <v>258023</v>
      </c>
      <c r="K149" s="6">
        <v>1232601</v>
      </c>
      <c r="L149" s="6">
        <v>2185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58</v>
      </c>
      <c r="E150" s="9" t="s">
        <v>228</v>
      </c>
      <c r="F150" s="9" t="s">
        <v>281</v>
      </c>
      <c r="G150" s="9" t="s">
        <v>272</v>
      </c>
      <c r="H150" s="6">
        <v>4287</v>
      </c>
      <c r="I150" s="6">
        <v>1675</v>
      </c>
      <c r="J150" s="6">
        <v>1571</v>
      </c>
      <c r="K150" s="6">
        <v>2599</v>
      </c>
      <c r="L150" s="6">
        <v>13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58</v>
      </c>
      <c r="E151" s="9" t="s">
        <v>228</v>
      </c>
      <c r="F151" s="9" t="s">
        <v>281</v>
      </c>
      <c r="G151" s="9" t="s">
        <v>273</v>
      </c>
      <c r="H151" s="6">
        <v>5960</v>
      </c>
      <c r="I151" s="6">
        <v>3048</v>
      </c>
      <c r="J151" s="6">
        <v>2869</v>
      </c>
      <c r="K151" s="6">
        <v>2898</v>
      </c>
      <c r="L151" s="6">
        <v>14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58</v>
      </c>
      <c r="E152" s="9" t="s">
        <v>228</v>
      </c>
      <c r="F152" s="9" t="s">
        <v>281</v>
      </c>
      <c r="G152" s="9" t="s">
        <v>274</v>
      </c>
      <c r="H152" s="6">
        <v>5389</v>
      </c>
      <c r="I152" s="6">
        <v>3286</v>
      </c>
      <c r="J152" s="6">
        <v>3060</v>
      </c>
      <c r="K152" s="6">
        <v>2092</v>
      </c>
      <c r="L152" s="6">
        <v>11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58</v>
      </c>
      <c r="E153" s="9" t="s">
        <v>228</v>
      </c>
      <c r="F153" s="9" t="s">
        <v>281</v>
      </c>
      <c r="G153" s="9" t="s">
        <v>275</v>
      </c>
      <c r="H153" s="6">
        <v>4923</v>
      </c>
      <c r="I153" s="6">
        <v>3167</v>
      </c>
      <c r="J153" s="6">
        <v>2960</v>
      </c>
      <c r="K153" s="6">
        <v>1744</v>
      </c>
      <c r="L153" s="6">
        <v>12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58</v>
      </c>
      <c r="E154" s="9" t="s">
        <v>228</v>
      </c>
      <c r="F154" s="9" t="s">
        <v>281</v>
      </c>
      <c r="G154" s="9" t="s">
        <v>276</v>
      </c>
      <c r="H154" s="6">
        <v>5379</v>
      </c>
      <c r="I154" s="6">
        <v>3624</v>
      </c>
      <c r="J154" s="6">
        <v>3416</v>
      </c>
      <c r="K154" s="6">
        <v>1741</v>
      </c>
      <c r="L154" s="6">
        <v>14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58</v>
      </c>
      <c r="E155" s="9" t="s">
        <v>228</v>
      </c>
      <c r="F155" s="9" t="s">
        <v>281</v>
      </c>
      <c r="G155" s="9" t="s">
        <v>277</v>
      </c>
      <c r="H155" s="6">
        <v>6629</v>
      </c>
      <c r="I155" s="6">
        <v>4430</v>
      </c>
      <c r="J155" s="6">
        <v>4170</v>
      </c>
      <c r="K155" s="6">
        <v>2179</v>
      </c>
      <c r="L155" s="6">
        <v>20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58</v>
      </c>
      <c r="E156" s="9" t="s">
        <v>228</v>
      </c>
      <c r="F156" s="9" t="s">
        <v>281</v>
      </c>
      <c r="G156" s="9" t="s">
        <v>278</v>
      </c>
      <c r="H156" s="6">
        <v>9561</v>
      </c>
      <c r="I156" s="6">
        <v>6422</v>
      </c>
      <c r="J156" s="6">
        <v>6032</v>
      </c>
      <c r="K156" s="6">
        <v>3111</v>
      </c>
      <c r="L156" s="6">
        <v>28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58</v>
      </c>
      <c r="E157" s="9" t="s">
        <v>228</v>
      </c>
      <c r="F157" s="9" t="s">
        <v>281</v>
      </c>
      <c r="G157" s="9" t="s">
        <v>279</v>
      </c>
      <c r="H157" s="6">
        <v>8230</v>
      </c>
      <c r="I157" s="6">
        <v>5445</v>
      </c>
      <c r="J157" s="6">
        <v>5187</v>
      </c>
      <c r="K157" s="6">
        <v>2765</v>
      </c>
      <c r="L157" s="6">
        <v>20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58</v>
      </c>
      <c r="E158" s="9" t="s">
        <v>228</v>
      </c>
      <c r="F158" s="9" t="s">
        <v>281</v>
      </c>
      <c r="G158" s="9" t="s">
        <v>280</v>
      </c>
      <c r="H158" s="6">
        <v>1473478</v>
      </c>
      <c r="I158" s="6">
        <v>257953</v>
      </c>
      <c r="J158" s="6">
        <v>228758</v>
      </c>
      <c r="K158" s="6">
        <v>1213472</v>
      </c>
      <c r="L158" s="6">
        <v>2053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58</v>
      </c>
      <c r="E159" s="9" t="s">
        <v>228</v>
      </c>
      <c r="F159" s="9" t="s">
        <v>282</v>
      </c>
      <c r="G159" s="9" t="s">
        <v>6</v>
      </c>
      <c r="H159" s="6">
        <v>317785</v>
      </c>
      <c r="I159" s="6">
        <v>93557</v>
      </c>
      <c r="J159" s="6">
        <v>86147</v>
      </c>
      <c r="K159" s="6">
        <v>223782</v>
      </c>
      <c r="L159" s="6">
        <v>446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58</v>
      </c>
      <c r="E160" s="9" t="s">
        <v>228</v>
      </c>
      <c r="F160" s="9" t="s">
        <v>282</v>
      </c>
      <c r="G160" s="9" t="s">
        <v>272</v>
      </c>
      <c r="H160" s="6">
        <v>2537</v>
      </c>
      <c r="I160" s="6">
        <v>839</v>
      </c>
      <c r="J160" s="6">
        <v>771</v>
      </c>
      <c r="K160" s="6">
        <v>1684</v>
      </c>
      <c r="L160" s="6">
        <v>14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58</v>
      </c>
      <c r="E161" s="9" t="s">
        <v>228</v>
      </c>
      <c r="F161" s="9" t="s">
        <v>282</v>
      </c>
      <c r="G161" s="9" t="s">
        <v>273</v>
      </c>
      <c r="H161" s="6">
        <v>4151</v>
      </c>
      <c r="I161" s="6">
        <v>2038</v>
      </c>
      <c r="J161" s="6">
        <v>1893</v>
      </c>
      <c r="K161" s="6">
        <v>2099</v>
      </c>
      <c r="L161" s="6">
        <v>14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58</v>
      </c>
      <c r="E162" s="9" t="s">
        <v>228</v>
      </c>
      <c r="F162" s="9" t="s">
        <v>282</v>
      </c>
      <c r="G162" s="9" t="s">
        <v>274</v>
      </c>
      <c r="H162" s="6">
        <v>5215</v>
      </c>
      <c r="I162" s="6">
        <v>3068</v>
      </c>
      <c r="J162" s="6">
        <v>2888</v>
      </c>
      <c r="K162" s="6">
        <v>2126</v>
      </c>
      <c r="L162" s="6">
        <v>21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58</v>
      </c>
      <c r="E163" s="9" t="s">
        <v>228</v>
      </c>
      <c r="F163" s="9" t="s">
        <v>282</v>
      </c>
      <c r="G163" s="9" t="s">
        <v>275</v>
      </c>
      <c r="H163" s="6">
        <v>5484</v>
      </c>
      <c r="I163" s="6">
        <v>3643</v>
      </c>
      <c r="J163" s="6">
        <v>3424</v>
      </c>
      <c r="K163" s="6">
        <v>1826</v>
      </c>
      <c r="L163" s="6">
        <v>15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58</v>
      </c>
      <c r="E164" s="9" t="s">
        <v>228</v>
      </c>
      <c r="F164" s="9" t="s">
        <v>282</v>
      </c>
      <c r="G164" s="9" t="s">
        <v>276</v>
      </c>
      <c r="H164" s="6">
        <v>5984</v>
      </c>
      <c r="I164" s="6">
        <v>4178</v>
      </c>
      <c r="J164" s="6">
        <v>3964</v>
      </c>
      <c r="K164" s="6">
        <v>1790</v>
      </c>
      <c r="L164" s="6">
        <v>16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58</v>
      </c>
      <c r="E165" s="9" t="s">
        <v>228</v>
      </c>
      <c r="F165" s="9" t="s">
        <v>282</v>
      </c>
      <c r="G165" s="9" t="s">
        <v>277</v>
      </c>
      <c r="H165" s="6">
        <v>6981</v>
      </c>
      <c r="I165" s="6">
        <v>5103</v>
      </c>
      <c r="J165" s="6">
        <v>4857</v>
      </c>
      <c r="K165" s="6">
        <v>1863</v>
      </c>
      <c r="L165" s="6">
        <v>15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58</v>
      </c>
      <c r="E166" s="9" t="s">
        <v>228</v>
      </c>
      <c r="F166" s="9" t="s">
        <v>282</v>
      </c>
      <c r="G166" s="9" t="s">
        <v>278</v>
      </c>
      <c r="H166" s="6">
        <v>7669</v>
      </c>
      <c r="I166" s="6">
        <v>5574</v>
      </c>
      <c r="J166" s="6">
        <v>5296</v>
      </c>
      <c r="K166" s="6">
        <v>2082</v>
      </c>
      <c r="L166" s="6">
        <v>13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58</v>
      </c>
      <c r="E167" s="9" t="s">
        <v>228</v>
      </c>
      <c r="F167" s="9" t="s">
        <v>282</v>
      </c>
      <c r="G167" s="9" t="s">
        <v>279</v>
      </c>
      <c r="H167" s="6">
        <v>5886</v>
      </c>
      <c r="I167" s="6">
        <v>4191</v>
      </c>
      <c r="J167" s="6">
        <v>3996</v>
      </c>
      <c r="K167" s="6">
        <v>1688</v>
      </c>
      <c r="L167" s="6">
        <v>7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58</v>
      </c>
      <c r="E168" s="9" t="s">
        <v>228</v>
      </c>
      <c r="F168" s="9" t="s">
        <v>282</v>
      </c>
      <c r="G168" s="9" t="s">
        <v>280</v>
      </c>
      <c r="H168" s="6">
        <v>273878</v>
      </c>
      <c r="I168" s="6">
        <v>64923</v>
      </c>
      <c r="J168" s="6">
        <v>59058</v>
      </c>
      <c r="K168" s="6">
        <v>208624</v>
      </c>
      <c r="L168" s="6">
        <v>331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58</v>
      </c>
      <c r="E169" s="9" t="s">
        <v>228</v>
      </c>
      <c r="F169" s="9" t="s">
        <v>283</v>
      </c>
      <c r="G169" s="9" t="s">
        <v>6</v>
      </c>
      <c r="H169" s="6">
        <v>36902</v>
      </c>
      <c r="I169" s="6">
        <v>16156</v>
      </c>
      <c r="J169" s="6">
        <v>15044</v>
      </c>
      <c r="K169" s="6">
        <v>20591</v>
      </c>
      <c r="L169" s="6">
        <v>155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58</v>
      </c>
      <c r="E170" s="9" t="s">
        <v>228</v>
      </c>
      <c r="F170" s="9" t="s">
        <v>283</v>
      </c>
      <c r="G170" s="9" t="s">
        <v>272</v>
      </c>
      <c r="H170" s="6">
        <v>1350</v>
      </c>
      <c r="I170" s="6">
        <v>389</v>
      </c>
      <c r="J170" s="6">
        <v>343</v>
      </c>
      <c r="K170" s="6">
        <v>949</v>
      </c>
      <c r="L170" s="6">
        <v>12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58</v>
      </c>
      <c r="E171" s="9" t="s">
        <v>228</v>
      </c>
      <c r="F171" s="9" t="s">
        <v>283</v>
      </c>
      <c r="G171" s="9" t="s">
        <v>273</v>
      </c>
      <c r="H171" s="6">
        <v>2238</v>
      </c>
      <c r="I171" s="6">
        <v>1046</v>
      </c>
      <c r="J171" s="6">
        <v>962</v>
      </c>
      <c r="K171" s="6">
        <v>1185</v>
      </c>
      <c r="L171" s="6">
        <v>7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58</v>
      </c>
      <c r="E172" s="9" t="s">
        <v>228</v>
      </c>
      <c r="F172" s="9" t="s">
        <v>283</v>
      </c>
      <c r="G172" s="9" t="s">
        <v>274</v>
      </c>
      <c r="H172" s="6">
        <v>2833</v>
      </c>
      <c r="I172" s="6">
        <v>1625</v>
      </c>
      <c r="J172" s="6">
        <v>1510</v>
      </c>
      <c r="K172" s="6">
        <v>1191</v>
      </c>
      <c r="L172" s="6">
        <v>17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58</v>
      </c>
      <c r="E173" s="9" t="s">
        <v>228</v>
      </c>
      <c r="F173" s="9" t="s">
        <v>283</v>
      </c>
      <c r="G173" s="9" t="s">
        <v>275</v>
      </c>
      <c r="H173" s="6">
        <v>2795</v>
      </c>
      <c r="I173" s="6">
        <v>1729</v>
      </c>
      <c r="J173" s="6">
        <v>1629</v>
      </c>
      <c r="K173" s="6">
        <v>1056</v>
      </c>
      <c r="L173" s="6">
        <v>10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58</v>
      </c>
      <c r="E174" s="9" t="s">
        <v>228</v>
      </c>
      <c r="F174" s="9" t="s">
        <v>283</v>
      </c>
      <c r="G174" s="9" t="s">
        <v>276</v>
      </c>
      <c r="H174" s="6">
        <v>2617</v>
      </c>
      <c r="I174" s="6">
        <v>1759</v>
      </c>
      <c r="J174" s="6">
        <v>1661</v>
      </c>
      <c r="K174" s="6">
        <v>840</v>
      </c>
      <c r="L174" s="6">
        <v>18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58</v>
      </c>
      <c r="E175" s="9" t="s">
        <v>228</v>
      </c>
      <c r="F175" s="9" t="s">
        <v>283</v>
      </c>
      <c r="G175" s="9" t="s">
        <v>277</v>
      </c>
      <c r="H175" s="6">
        <v>2160</v>
      </c>
      <c r="I175" s="6">
        <v>1497</v>
      </c>
      <c r="J175" s="6">
        <v>1423</v>
      </c>
      <c r="K175" s="6">
        <v>647</v>
      </c>
      <c r="L175" s="6">
        <v>16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58</v>
      </c>
      <c r="E176" s="9" t="s">
        <v>228</v>
      </c>
      <c r="F176" s="9" t="s">
        <v>283</v>
      </c>
      <c r="G176" s="9" t="s">
        <v>278</v>
      </c>
      <c r="H176" s="6">
        <v>1815</v>
      </c>
      <c r="I176" s="6">
        <v>1282</v>
      </c>
      <c r="J176" s="6">
        <v>1222</v>
      </c>
      <c r="K176" s="6">
        <v>526</v>
      </c>
      <c r="L176" s="6">
        <v>7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58</v>
      </c>
      <c r="E177" s="9" t="s">
        <v>228</v>
      </c>
      <c r="F177" s="9" t="s">
        <v>283</v>
      </c>
      <c r="G177" s="9" t="s">
        <v>279</v>
      </c>
      <c r="H177" s="6">
        <v>1235</v>
      </c>
      <c r="I177" s="6">
        <v>827</v>
      </c>
      <c r="J177" s="6">
        <v>780</v>
      </c>
      <c r="K177" s="6">
        <v>400</v>
      </c>
      <c r="L177" s="6">
        <v>8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58</v>
      </c>
      <c r="E178" s="9" t="s">
        <v>228</v>
      </c>
      <c r="F178" s="9" t="s">
        <v>283</v>
      </c>
      <c r="G178" s="9" t="s">
        <v>280</v>
      </c>
      <c r="H178" s="6">
        <v>19859</v>
      </c>
      <c r="I178" s="6">
        <v>6002</v>
      </c>
      <c r="J178" s="6">
        <v>5514</v>
      </c>
      <c r="K178" s="6">
        <v>13797</v>
      </c>
      <c r="L178" s="6">
        <v>60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58</v>
      </c>
      <c r="E179" s="9" t="s">
        <v>18</v>
      </c>
      <c r="F179" s="9" t="s">
        <v>6</v>
      </c>
      <c r="G179" s="9" t="s">
        <v>6</v>
      </c>
      <c r="H179" s="6">
        <v>2275570</v>
      </c>
      <c r="I179" s="6">
        <v>25686</v>
      </c>
      <c r="J179" s="6">
        <v>19087</v>
      </c>
      <c r="K179" s="6">
        <v>21661</v>
      </c>
      <c r="L179" s="6">
        <v>2228223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58</v>
      </c>
      <c r="E180" s="9" t="s">
        <v>18</v>
      </c>
      <c r="F180" s="9" t="s">
        <v>234</v>
      </c>
      <c r="G180" s="9" t="s">
        <v>6</v>
      </c>
      <c r="H180" s="6">
        <v>914947</v>
      </c>
      <c r="I180" s="6">
        <v>16037</v>
      </c>
      <c r="J180" s="6">
        <v>11744</v>
      </c>
      <c r="K180" s="6">
        <v>13707</v>
      </c>
      <c r="L180" s="6">
        <v>885203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58</v>
      </c>
      <c r="E181" s="9" t="s">
        <v>18</v>
      </c>
      <c r="F181" s="9" t="s">
        <v>235</v>
      </c>
      <c r="G181" s="9" t="s">
        <v>6</v>
      </c>
      <c r="H181" s="6">
        <v>1360623</v>
      </c>
      <c r="I181" s="6">
        <v>9649</v>
      </c>
      <c r="J181" s="6">
        <v>7343</v>
      </c>
      <c r="K181" s="6">
        <v>7954</v>
      </c>
      <c r="L181" s="6">
        <v>1343020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58</v>
      </c>
      <c r="E182" s="9" t="s">
        <v>18</v>
      </c>
      <c r="F182" s="9" t="s">
        <v>235</v>
      </c>
      <c r="G182" s="9" t="s">
        <v>272</v>
      </c>
      <c r="H182" s="6">
        <v>92814</v>
      </c>
      <c r="I182" s="6">
        <v>82</v>
      </c>
      <c r="J182" s="6">
        <v>57</v>
      </c>
      <c r="K182" s="6">
        <v>138</v>
      </c>
      <c r="L182" s="6">
        <v>92594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58</v>
      </c>
      <c r="E183" s="9" t="s">
        <v>18</v>
      </c>
      <c r="F183" s="9" t="s">
        <v>235</v>
      </c>
      <c r="G183" s="9" t="s">
        <v>273</v>
      </c>
      <c r="H183" s="6">
        <v>191880</v>
      </c>
      <c r="I183" s="6">
        <v>247</v>
      </c>
      <c r="J183" s="6">
        <v>190</v>
      </c>
      <c r="K183" s="6">
        <v>205</v>
      </c>
      <c r="L183" s="6">
        <v>191428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58</v>
      </c>
      <c r="E184" s="9" t="s">
        <v>18</v>
      </c>
      <c r="F184" s="9" t="s">
        <v>235</v>
      </c>
      <c r="G184" s="9" t="s">
        <v>274</v>
      </c>
      <c r="H184" s="6">
        <v>201483</v>
      </c>
      <c r="I184" s="6">
        <v>363</v>
      </c>
      <c r="J184" s="6">
        <v>303</v>
      </c>
      <c r="K184" s="6">
        <v>209</v>
      </c>
      <c r="L184" s="6">
        <v>200911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58</v>
      </c>
      <c r="E185" s="9" t="s">
        <v>18</v>
      </c>
      <c r="F185" s="9" t="s">
        <v>235</v>
      </c>
      <c r="G185" s="9" t="s">
        <v>275</v>
      </c>
      <c r="H185" s="6">
        <v>153353</v>
      </c>
      <c r="I185" s="6">
        <v>390</v>
      </c>
      <c r="J185" s="6">
        <v>351</v>
      </c>
      <c r="K185" s="6">
        <v>193</v>
      </c>
      <c r="L185" s="6">
        <v>152770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58</v>
      </c>
      <c r="E186" s="9" t="s">
        <v>18</v>
      </c>
      <c r="F186" s="9" t="s">
        <v>235</v>
      </c>
      <c r="G186" s="9" t="s">
        <v>276</v>
      </c>
      <c r="H186" s="6">
        <v>136003</v>
      </c>
      <c r="I186" s="6">
        <v>523</v>
      </c>
      <c r="J186" s="6">
        <v>464</v>
      </c>
      <c r="K186" s="6">
        <v>160</v>
      </c>
      <c r="L186" s="6">
        <v>135320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58</v>
      </c>
      <c r="E187" s="9" t="s">
        <v>18</v>
      </c>
      <c r="F187" s="9" t="s">
        <v>235</v>
      </c>
      <c r="G187" s="9" t="s">
        <v>277</v>
      </c>
      <c r="H187" s="6">
        <v>117889</v>
      </c>
      <c r="I187" s="6">
        <v>483</v>
      </c>
      <c r="J187" s="6">
        <v>415</v>
      </c>
      <c r="K187" s="6">
        <v>189</v>
      </c>
      <c r="L187" s="6">
        <v>117217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58</v>
      </c>
      <c r="E188" s="9" t="s">
        <v>18</v>
      </c>
      <c r="F188" s="9" t="s">
        <v>235</v>
      </c>
      <c r="G188" s="9" t="s">
        <v>278</v>
      </c>
      <c r="H188" s="6">
        <v>100998</v>
      </c>
      <c r="I188" s="6">
        <v>498</v>
      </c>
      <c r="J188" s="6">
        <v>438</v>
      </c>
      <c r="K188" s="6">
        <v>139</v>
      </c>
      <c r="L188" s="6">
        <v>100361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58</v>
      </c>
      <c r="E189" s="9" t="s">
        <v>18</v>
      </c>
      <c r="F189" s="9" t="s">
        <v>235</v>
      </c>
      <c r="G189" s="9" t="s">
        <v>279</v>
      </c>
      <c r="H189" s="6">
        <v>60000</v>
      </c>
      <c r="I189" s="6">
        <v>313</v>
      </c>
      <c r="J189" s="6">
        <v>284</v>
      </c>
      <c r="K189" s="6">
        <v>93</v>
      </c>
      <c r="L189" s="6">
        <v>59594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58</v>
      </c>
      <c r="E190" s="9" t="s">
        <v>18</v>
      </c>
      <c r="F190" s="9" t="s">
        <v>235</v>
      </c>
      <c r="G190" s="9" t="s">
        <v>280</v>
      </c>
      <c r="H190" s="6">
        <v>306203</v>
      </c>
      <c r="I190" s="6">
        <v>6750</v>
      </c>
      <c r="J190" s="6">
        <v>4841</v>
      </c>
      <c r="K190" s="6">
        <v>6628</v>
      </c>
      <c r="L190" s="6">
        <v>292825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58</v>
      </c>
      <c r="E191" s="9" t="s">
        <v>18</v>
      </c>
      <c r="F191" s="9" t="s">
        <v>281</v>
      </c>
      <c r="G191" s="9" t="s">
        <v>6</v>
      </c>
      <c r="H191" s="6">
        <v>589064</v>
      </c>
      <c r="I191" s="6">
        <v>5693</v>
      </c>
      <c r="J191" s="6">
        <v>4085</v>
      </c>
      <c r="K191" s="6">
        <v>5676</v>
      </c>
      <c r="L191" s="6">
        <v>577695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58</v>
      </c>
      <c r="E192" s="9" t="s">
        <v>18</v>
      </c>
      <c r="F192" s="9" t="s">
        <v>281</v>
      </c>
      <c r="G192" s="9" t="s">
        <v>272</v>
      </c>
      <c r="H192" s="6">
        <v>43077</v>
      </c>
      <c r="I192" s="6">
        <v>15</v>
      </c>
      <c r="J192" s="6">
        <v>9</v>
      </c>
      <c r="K192" s="6">
        <v>35</v>
      </c>
      <c r="L192" s="6">
        <v>43027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58</v>
      </c>
      <c r="E193" s="9" t="s">
        <v>18</v>
      </c>
      <c r="F193" s="9" t="s">
        <v>281</v>
      </c>
      <c r="G193" s="9" t="s">
        <v>273</v>
      </c>
      <c r="H193" s="6">
        <v>83877</v>
      </c>
      <c r="I193" s="6">
        <v>38</v>
      </c>
      <c r="J193" s="6">
        <v>23</v>
      </c>
      <c r="K193" s="6">
        <v>41</v>
      </c>
      <c r="L193" s="6">
        <v>83798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58</v>
      </c>
      <c r="E194" s="9" t="s">
        <v>18</v>
      </c>
      <c r="F194" s="9" t="s">
        <v>281</v>
      </c>
      <c r="G194" s="9" t="s">
        <v>274</v>
      </c>
      <c r="H194" s="6">
        <v>69661</v>
      </c>
      <c r="I194" s="6">
        <v>46</v>
      </c>
      <c r="J194" s="6">
        <v>34</v>
      </c>
      <c r="K194" s="6">
        <v>30</v>
      </c>
      <c r="L194" s="6">
        <v>69585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58</v>
      </c>
      <c r="E195" s="9" t="s">
        <v>18</v>
      </c>
      <c r="F195" s="9" t="s">
        <v>281</v>
      </c>
      <c r="G195" s="9" t="s">
        <v>275</v>
      </c>
      <c r="H195" s="6">
        <v>43017</v>
      </c>
      <c r="I195" s="6">
        <v>36</v>
      </c>
      <c r="J195" s="6">
        <v>25</v>
      </c>
      <c r="K195" s="6">
        <v>24</v>
      </c>
      <c r="L195" s="6">
        <v>42957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58</v>
      </c>
      <c r="E196" s="9" t="s">
        <v>18</v>
      </c>
      <c r="F196" s="9" t="s">
        <v>281</v>
      </c>
      <c r="G196" s="9" t="s">
        <v>276</v>
      </c>
      <c r="H196" s="6">
        <v>36750</v>
      </c>
      <c r="I196" s="6">
        <v>51</v>
      </c>
      <c r="J196" s="6">
        <v>45</v>
      </c>
      <c r="K196" s="6">
        <v>28</v>
      </c>
      <c r="L196" s="6">
        <v>36671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58</v>
      </c>
      <c r="E197" s="9" t="s">
        <v>18</v>
      </c>
      <c r="F197" s="9" t="s">
        <v>281</v>
      </c>
      <c r="G197" s="9" t="s">
        <v>277</v>
      </c>
      <c r="H197" s="6">
        <v>33863</v>
      </c>
      <c r="I197" s="6">
        <v>60</v>
      </c>
      <c r="J197" s="6">
        <v>48</v>
      </c>
      <c r="K197" s="6">
        <v>32</v>
      </c>
      <c r="L197" s="6">
        <v>33771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58</v>
      </c>
      <c r="E198" s="9" t="s">
        <v>18</v>
      </c>
      <c r="F198" s="9" t="s">
        <v>281</v>
      </c>
      <c r="G198" s="9" t="s">
        <v>278</v>
      </c>
      <c r="H198" s="6">
        <v>34156</v>
      </c>
      <c r="I198" s="6">
        <v>112</v>
      </c>
      <c r="J198" s="6">
        <v>98</v>
      </c>
      <c r="K198" s="6">
        <v>48</v>
      </c>
      <c r="L198" s="6">
        <v>33996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58</v>
      </c>
      <c r="E199" s="9" t="s">
        <v>18</v>
      </c>
      <c r="F199" s="9" t="s">
        <v>281</v>
      </c>
      <c r="G199" s="9" t="s">
        <v>279</v>
      </c>
      <c r="H199" s="6">
        <v>24755</v>
      </c>
      <c r="I199" s="6">
        <v>95</v>
      </c>
      <c r="J199" s="6">
        <v>83</v>
      </c>
      <c r="K199" s="6">
        <v>32</v>
      </c>
      <c r="L199" s="6">
        <v>24628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58</v>
      </c>
      <c r="E200" s="9" t="s">
        <v>18</v>
      </c>
      <c r="F200" s="9" t="s">
        <v>281</v>
      </c>
      <c r="G200" s="9" t="s">
        <v>280</v>
      </c>
      <c r="H200" s="6">
        <v>219908</v>
      </c>
      <c r="I200" s="6">
        <v>5240</v>
      </c>
      <c r="J200" s="6">
        <v>3720</v>
      </c>
      <c r="K200" s="6">
        <v>5406</v>
      </c>
      <c r="L200" s="6">
        <v>209262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58</v>
      </c>
      <c r="E201" s="9" t="s">
        <v>18</v>
      </c>
      <c r="F201" s="9" t="s">
        <v>282</v>
      </c>
      <c r="G201" s="9" t="s">
        <v>6</v>
      </c>
      <c r="H201" s="6">
        <v>552487</v>
      </c>
      <c r="I201" s="6">
        <v>1867</v>
      </c>
      <c r="J201" s="6">
        <v>1468</v>
      </c>
      <c r="K201" s="6">
        <v>1402</v>
      </c>
      <c r="L201" s="6">
        <v>549218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58</v>
      </c>
      <c r="E202" s="9" t="s">
        <v>18</v>
      </c>
      <c r="F202" s="9" t="s">
        <v>282</v>
      </c>
      <c r="G202" s="9" t="s">
        <v>272</v>
      </c>
      <c r="H202" s="6">
        <v>33267</v>
      </c>
      <c r="I202" s="6">
        <v>19</v>
      </c>
      <c r="J202" s="6">
        <v>13</v>
      </c>
      <c r="K202" s="6">
        <v>40</v>
      </c>
      <c r="L202" s="6">
        <v>33208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58</v>
      </c>
      <c r="E203" s="9" t="s">
        <v>18</v>
      </c>
      <c r="F203" s="9" t="s">
        <v>282</v>
      </c>
      <c r="G203" s="9" t="s">
        <v>273</v>
      </c>
      <c r="H203" s="6">
        <v>73179</v>
      </c>
      <c r="I203" s="6">
        <v>48</v>
      </c>
      <c r="J203" s="6">
        <v>39</v>
      </c>
      <c r="K203" s="6">
        <v>43</v>
      </c>
      <c r="L203" s="6">
        <v>73088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58</v>
      </c>
      <c r="E204" s="9" t="s">
        <v>18</v>
      </c>
      <c r="F204" s="9" t="s">
        <v>282</v>
      </c>
      <c r="G204" s="9" t="s">
        <v>274</v>
      </c>
      <c r="H204" s="6">
        <v>87547</v>
      </c>
      <c r="I204" s="6">
        <v>50</v>
      </c>
      <c r="J204" s="6">
        <v>40</v>
      </c>
      <c r="K204" s="6">
        <v>46</v>
      </c>
      <c r="L204" s="6">
        <v>87451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58</v>
      </c>
      <c r="E205" s="9" t="s">
        <v>18</v>
      </c>
      <c r="F205" s="9" t="s">
        <v>282</v>
      </c>
      <c r="G205" s="9" t="s">
        <v>275</v>
      </c>
      <c r="H205" s="6">
        <v>72294</v>
      </c>
      <c r="I205" s="6">
        <v>55</v>
      </c>
      <c r="J205" s="6">
        <v>49</v>
      </c>
      <c r="K205" s="6">
        <v>45</v>
      </c>
      <c r="L205" s="6">
        <v>72194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58</v>
      </c>
      <c r="E206" s="9" t="s">
        <v>18</v>
      </c>
      <c r="F206" s="9" t="s">
        <v>282</v>
      </c>
      <c r="G206" s="9" t="s">
        <v>276</v>
      </c>
      <c r="H206" s="6">
        <v>67215</v>
      </c>
      <c r="I206" s="6">
        <v>101</v>
      </c>
      <c r="J206" s="6">
        <v>90</v>
      </c>
      <c r="K206" s="6">
        <v>38</v>
      </c>
      <c r="L206" s="6">
        <v>67076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58</v>
      </c>
      <c r="E207" s="9" t="s">
        <v>18</v>
      </c>
      <c r="F207" s="9" t="s">
        <v>282</v>
      </c>
      <c r="G207" s="9" t="s">
        <v>277</v>
      </c>
      <c r="H207" s="6">
        <v>60947</v>
      </c>
      <c r="I207" s="6">
        <v>117</v>
      </c>
      <c r="J207" s="6">
        <v>101</v>
      </c>
      <c r="K207" s="6">
        <v>72</v>
      </c>
      <c r="L207" s="6">
        <v>60758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58</v>
      </c>
      <c r="E208" s="9" t="s">
        <v>18</v>
      </c>
      <c r="F208" s="9" t="s">
        <v>282</v>
      </c>
      <c r="G208" s="9" t="s">
        <v>278</v>
      </c>
      <c r="H208" s="6">
        <v>52501</v>
      </c>
      <c r="I208" s="6">
        <v>146</v>
      </c>
      <c r="J208" s="6">
        <v>129</v>
      </c>
      <c r="K208" s="6">
        <v>48</v>
      </c>
      <c r="L208" s="6">
        <v>52307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58</v>
      </c>
      <c r="E209" s="9" t="s">
        <v>18</v>
      </c>
      <c r="F209" s="9" t="s">
        <v>282</v>
      </c>
      <c r="G209" s="9" t="s">
        <v>279</v>
      </c>
      <c r="H209" s="6">
        <v>29237</v>
      </c>
      <c r="I209" s="6">
        <v>111</v>
      </c>
      <c r="J209" s="6">
        <v>106</v>
      </c>
      <c r="K209" s="6">
        <v>32</v>
      </c>
      <c r="L209" s="6">
        <v>29094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58</v>
      </c>
      <c r="E210" s="9" t="s">
        <v>18</v>
      </c>
      <c r="F210" s="9" t="s">
        <v>282</v>
      </c>
      <c r="G210" s="9" t="s">
        <v>280</v>
      </c>
      <c r="H210" s="6">
        <v>76300</v>
      </c>
      <c r="I210" s="6">
        <v>1220</v>
      </c>
      <c r="J210" s="6">
        <v>901</v>
      </c>
      <c r="K210" s="6">
        <v>1038</v>
      </c>
      <c r="L210" s="6">
        <v>74042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58</v>
      </c>
      <c r="E211" s="9" t="s">
        <v>18</v>
      </c>
      <c r="F211" s="9" t="s">
        <v>283</v>
      </c>
      <c r="G211" s="9" t="s">
        <v>6</v>
      </c>
      <c r="H211" s="6">
        <v>219072</v>
      </c>
      <c r="I211" s="6">
        <v>2089</v>
      </c>
      <c r="J211" s="6">
        <v>1790</v>
      </c>
      <c r="K211" s="6">
        <v>876</v>
      </c>
      <c r="L211" s="6">
        <v>216107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58</v>
      </c>
      <c r="E212" s="9" t="s">
        <v>18</v>
      </c>
      <c r="F212" s="9" t="s">
        <v>283</v>
      </c>
      <c r="G212" s="9" t="s">
        <v>272</v>
      </c>
      <c r="H212" s="6">
        <v>16470</v>
      </c>
      <c r="I212" s="6">
        <v>48</v>
      </c>
      <c r="J212" s="6">
        <v>35</v>
      </c>
      <c r="K212" s="6">
        <v>63</v>
      </c>
      <c r="L212" s="6">
        <v>16359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58</v>
      </c>
      <c r="E213" s="9" t="s">
        <v>18</v>
      </c>
      <c r="F213" s="9" t="s">
        <v>283</v>
      </c>
      <c r="G213" s="9" t="s">
        <v>273</v>
      </c>
      <c r="H213" s="6">
        <v>34824</v>
      </c>
      <c r="I213" s="6">
        <v>161</v>
      </c>
      <c r="J213" s="6">
        <v>128</v>
      </c>
      <c r="K213" s="6">
        <v>121</v>
      </c>
      <c r="L213" s="6">
        <v>34542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58</v>
      </c>
      <c r="E214" s="9" t="s">
        <v>18</v>
      </c>
      <c r="F214" s="9" t="s">
        <v>283</v>
      </c>
      <c r="G214" s="9" t="s">
        <v>274</v>
      </c>
      <c r="H214" s="6">
        <v>44275</v>
      </c>
      <c r="I214" s="6">
        <v>267</v>
      </c>
      <c r="J214" s="6">
        <v>229</v>
      </c>
      <c r="K214" s="6">
        <v>133</v>
      </c>
      <c r="L214" s="6">
        <v>43875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58</v>
      </c>
      <c r="E215" s="9" t="s">
        <v>18</v>
      </c>
      <c r="F215" s="9" t="s">
        <v>283</v>
      </c>
      <c r="G215" s="9" t="s">
        <v>275</v>
      </c>
      <c r="H215" s="6">
        <v>38042</v>
      </c>
      <c r="I215" s="6">
        <v>299</v>
      </c>
      <c r="J215" s="6">
        <v>277</v>
      </c>
      <c r="K215" s="6">
        <v>124</v>
      </c>
      <c r="L215" s="6">
        <v>37619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58</v>
      </c>
      <c r="E216" s="9" t="s">
        <v>18</v>
      </c>
      <c r="F216" s="9" t="s">
        <v>283</v>
      </c>
      <c r="G216" s="9" t="s">
        <v>276</v>
      </c>
      <c r="H216" s="6">
        <v>32038</v>
      </c>
      <c r="I216" s="6">
        <v>371</v>
      </c>
      <c r="J216" s="6">
        <v>329</v>
      </c>
      <c r="K216" s="6">
        <v>94</v>
      </c>
      <c r="L216" s="6">
        <v>31573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58</v>
      </c>
      <c r="E217" s="9" t="s">
        <v>18</v>
      </c>
      <c r="F217" s="9" t="s">
        <v>283</v>
      </c>
      <c r="G217" s="9" t="s">
        <v>277</v>
      </c>
      <c r="H217" s="6">
        <v>23079</v>
      </c>
      <c r="I217" s="6">
        <v>306</v>
      </c>
      <c r="J217" s="6">
        <v>266</v>
      </c>
      <c r="K217" s="6">
        <v>85</v>
      </c>
      <c r="L217" s="6">
        <v>22688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58</v>
      </c>
      <c r="E218" s="9" t="s">
        <v>18</v>
      </c>
      <c r="F218" s="9" t="s">
        <v>283</v>
      </c>
      <c r="G218" s="9" t="s">
        <v>278</v>
      </c>
      <c r="H218" s="6">
        <v>14341</v>
      </c>
      <c r="I218" s="6">
        <v>240</v>
      </c>
      <c r="J218" s="6">
        <v>211</v>
      </c>
      <c r="K218" s="6">
        <v>43</v>
      </c>
      <c r="L218" s="6">
        <v>14058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58</v>
      </c>
      <c r="E219" s="9" t="s">
        <v>18</v>
      </c>
      <c r="F219" s="9" t="s">
        <v>283</v>
      </c>
      <c r="G219" s="9" t="s">
        <v>279</v>
      </c>
      <c r="H219" s="6">
        <v>6008</v>
      </c>
      <c r="I219" s="6">
        <v>107</v>
      </c>
      <c r="J219" s="6">
        <v>95</v>
      </c>
      <c r="K219" s="6">
        <v>29</v>
      </c>
      <c r="L219" s="6">
        <v>5872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58</v>
      </c>
      <c r="E220" s="9" t="s">
        <v>18</v>
      </c>
      <c r="F220" s="9" t="s">
        <v>283</v>
      </c>
      <c r="G220" s="9" t="s">
        <v>280</v>
      </c>
      <c r="H220" s="6">
        <v>9995</v>
      </c>
      <c r="I220" s="6">
        <v>290</v>
      </c>
      <c r="J220" s="6">
        <v>220</v>
      </c>
      <c r="K220" s="6">
        <v>184</v>
      </c>
      <c r="L220" s="6">
        <v>9521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58</v>
      </c>
      <c r="E221" s="9" t="s">
        <v>6</v>
      </c>
      <c r="F221" s="9" t="s">
        <v>6</v>
      </c>
      <c r="G221" s="9" t="s">
        <v>6</v>
      </c>
      <c r="H221" s="6">
        <v>324463</v>
      </c>
      <c r="I221" s="6">
        <v>175333</v>
      </c>
      <c r="J221" s="6">
        <v>148715</v>
      </c>
      <c r="K221" s="6">
        <v>132305</v>
      </c>
      <c r="L221" s="6">
        <v>16825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58</v>
      </c>
      <c r="E222" s="9" t="s">
        <v>6</v>
      </c>
      <c r="F222" s="9" t="s">
        <v>234</v>
      </c>
      <c r="G222" s="9" t="s">
        <v>6</v>
      </c>
      <c r="H222" s="6">
        <v>149328</v>
      </c>
      <c r="I222" s="6">
        <v>63568</v>
      </c>
      <c r="J222" s="6">
        <v>49935</v>
      </c>
      <c r="K222" s="6">
        <v>78657</v>
      </c>
      <c r="L222" s="6">
        <v>7103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58</v>
      </c>
      <c r="E223" s="9" t="s">
        <v>6</v>
      </c>
      <c r="F223" s="9" t="s">
        <v>235</v>
      </c>
      <c r="G223" s="9" t="s">
        <v>6</v>
      </c>
      <c r="H223" s="6">
        <v>175135</v>
      </c>
      <c r="I223" s="6">
        <v>111765</v>
      </c>
      <c r="J223" s="6">
        <v>98780</v>
      </c>
      <c r="K223" s="6">
        <v>53648</v>
      </c>
      <c r="L223" s="6">
        <v>9722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58</v>
      </c>
      <c r="E224" s="9" t="s">
        <v>6</v>
      </c>
      <c r="F224" s="9" t="s">
        <v>235</v>
      </c>
      <c r="G224" s="9" t="s">
        <v>272</v>
      </c>
      <c r="H224" s="6">
        <v>10208</v>
      </c>
      <c r="I224" s="6">
        <v>4962</v>
      </c>
      <c r="J224" s="6">
        <v>4685</v>
      </c>
      <c r="K224" s="6">
        <v>4413</v>
      </c>
      <c r="L224" s="6">
        <v>833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58</v>
      </c>
      <c r="E225" s="9" t="s">
        <v>6</v>
      </c>
      <c r="F225" s="9" t="s">
        <v>235</v>
      </c>
      <c r="G225" s="9" t="s">
        <v>273</v>
      </c>
      <c r="H225" s="6">
        <v>18791</v>
      </c>
      <c r="I225" s="6">
        <v>12707</v>
      </c>
      <c r="J225" s="6">
        <v>11897</v>
      </c>
      <c r="K225" s="6">
        <v>4477</v>
      </c>
      <c r="L225" s="6">
        <v>1607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58</v>
      </c>
      <c r="E226" s="9" t="s">
        <v>6</v>
      </c>
      <c r="F226" s="9" t="s">
        <v>235</v>
      </c>
      <c r="G226" s="9" t="s">
        <v>274</v>
      </c>
      <c r="H226" s="6">
        <v>19242</v>
      </c>
      <c r="I226" s="6">
        <v>14368</v>
      </c>
      <c r="J226" s="6">
        <v>13326</v>
      </c>
      <c r="K226" s="6">
        <v>3459</v>
      </c>
      <c r="L226" s="6">
        <v>1415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58</v>
      </c>
      <c r="E227" s="9" t="s">
        <v>6</v>
      </c>
      <c r="F227" s="9" t="s">
        <v>235</v>
      </c>
      <c r="G227" s="9" t="s">
        <v>275</v>
      </c>
      <c r="H227" s="6">
        <v>15779</v>
      </c>
      <c r="I227" s="6">
        <v>12007</v>
      </c>
      <c r="J227" s="6">
        <v>11110</v>
      </c>
      <c r="K227" s="6">
        <v>2678</v>
      </c>
      <c r="L227" s="6">
        <v>1094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58</v>
      </c>
      <c r="E228" s="9" t="s">
        <v>6</v>
      </c>
      <c r="F228" s="9" t="s">
        <v>235</v>
      </c>
      <c r="G228" s="9" t="s">
        <v>276</v>
      </c>
      <c r="H228" s="6">
        <v>14219</v>
      </c>
      <c r="I228" s="6">
        <v>11214</v>
      </c>
      <c r="J228" s="6">
        <v>10403</v>
      </c>
      <c r="K228" s="6">
        <v>2104</v>
      </c>
      <c r="L228" s="6">
        <v>901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58</v>
      </c>
      <c r="E229" s="9" t="s">
        <v>6</v>
      </c>
      <c r="F229" s="9" t="s">
        <v>235</v>
      </c>
      <c r="G229" s="9" t="s">
        <v>277</v>
      </c>
      <c r="H229" s="6">
        <v>13129</v>
      </c>
      <c r="I229" s="6">
        <v>10475</v>
      </c>
      <c r="J229" s="6">
        <v>9731</v>
      </c>
      <c r="K229" s="6">
        <v>1870</v>
      </c>
      <c r="L229" s="6">
        <v>784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58</v>
      </c>
      <c r="E230" s="9" t="s">
        <v>6</v>
      </c>
      <c r="F230" s="9" t="s">
        <v>235</v>
      </c>
      <c r="G230" s="9" t="s">
        <v>278</v>
      </c>
      <c r="H230" s="6">
        <v>11983</v>
      </c>
      <c r="I230" s="6">
        <v>9437</v>
      </c>
      <c r="J230" s="6">
        <v>8743</v>
      </c>
      <c r="K230" s="6">
        <v>1899</v>
      </c>
      <c r="L230" s="6">
        <v>647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58</v>
      </c>
      <c r="E231" s="9" t="s">
        <v>6</v>
      </c>
      <c r="F231" s="9" t="s">
        <v>235</v>
      </c>
      <c r="G231" s="9" t="s">
        <v>279</v>
      </c>
      <c r="H231" s="6">
        <v>6092</v>
      </c>
      <c r="I231" s="6">
        <v>4724</v>
      </c>
      <c r="J231" s="6">
        <v>4352</v>
      </c>
      <c r="K231" s="6">
        <v>1059</v>
      </c>
      <c r="L231" s="6">
        <v>309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58</v>
      </c>
      <c r="E232" s="9" t="s">
        <v>6</v>
      </c>
      <c r="F232" s="9" t="s">
        <v>235</v>
      </c>
      <c r="G232" s="9" t="s">
        <v>280</v>
      </c>
      <c r="H232" s="6">
        <v>65692</v>
      </c>
      <c r="I232" s="6">
        <v>31871</v>
      </c>
      <c r="J232" s="6">
        <v>24533</v>
      </c>
      <c r="K232" s="6">
        <v>31689</v>
      </c>
      <c r="L232" s="6">
        <v>213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58</v>
      </c>
      <c r="E233" s="9" t="s">
        <v>6</v>
      </c>
      <c r="F233" s="9" t="s">
        <v>281</v>
      </c>
      <c r="G233" s="9" t="s">
        <v>6</v>
      </c>
      <c r="H233" s="6">
        <v>85561</v>
      </c>
      <c r="I233" s="6">
        <v>47269</v>
      </c>
      <c r="J233" s="6">
        <v>39700</v>
      </c>
      <c r="K233" s="6">
        <v>34378</v>
      </c>
      <c r="L233" s="6">
        <v>3914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58</v>
      </c>
      <c r="E234" s="9" t="s">
        <v>6</v>
      </c>
      <c r="F234" s="9" t="s">
        <v>281</v>
      </c>
      <c r="G234" s="9" t="s">
        <v>272</v>
      </c>
      <c r="H234" s="6">
        <v>4170</v>
      </c>
      <c r="I234" s="6">
        <v>2008</v>
      </c>
      <c r="J234" s="6">
        <v>1934</v>
      </c>
      <c r="K234" s="6">
        <v>1819</v>
      </c>
      <c r="L234" s="6">
        <v>343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58</v>
      </c>
      <c r="E235" s="9" t="s">
        <v>6</v>
      </c>
      <c r="F235" s="9" t="s">
        <v>281</v>
      </c>
      <c r="G235" s="9" t="s">
        <v>273</v>
      </c>
      <c r="H235" s="6">
        <v>6763</v>
      </c>
      <c r="I235" s="6">
        <v>4375</v>
      </c>
      <c r="J235" s="6">
        <v>4167</v>
      </c>
      <c r="K235" s="6">
        <v>1795</v>
      </c>
      <c r="L235" s="6">
        <v>593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58</v>
      </c>
      <c r="E236" s="9" t="s">
        <v>6</v>
      </c>
      <c r="F236" s="9" t="s">
        <v>281</v>
      </c>
      <c r="G236" s="9" t="s">
        <v>274</v>
      </c>
      <c r="H236" s="6">
        <v>4751</v>
      </c>
      <c r="I236" s="6">
        <v>3366</v>
      </c>
      <c r="J236" s="6">
        <v>3115</v>
      </c>
      <c r="K236" s="6">
        <v>988</v>
      </c>
      <c r="L236" s="6">
        <v>397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58</v>
      </c>
      <c r="E237" s="9" t="s">
        <v>6</v>
      </c>
      <c r="F237" s="9" t="s">
        <v>281</v>
      </c>
      <c r="G237" s="9" t="s">
        <v>275</v>
      </c>
      <c r="H237" s="6">
        <v>3154</v>
      </c>
      <c r="I237" s="6">
        <v>2204</v>
      </c>
      <c r="J237" s="6">
        <v>2012</v>
      </c>
      <c r="K237" s="6">
        <v>711</v>
      </c>
      <c r="L237" s="6">
        <v>239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58</v>
      </c>
      <c r="E238" s="9" t="s">
        <v>6</v>
      </c>
      <c r="F238" s="9" t="s">
        <v>281</v>
      </c>
      <c r="G238" s="9" t="s">
        <v>276</v>
      </c>
      <c r="H238" s="6">
        <v>2923</v>
      </c>
      <c r="I238" s="6">
        <v>2096</v>
      </c>
      <c r="J238" s="6">
        <v>1933</v>
      </c>
      <c r="K238" s="6">
        <v>646</v>
      </c>
      <c r="L238" s="6">
        <v>181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58</v>
      </c>
      <c r="E239" s="9" t="s">
        <v>6</v>
      </c>
      <c r="F239" s="9" t="s">
        <v>281</v>
      </c>
      <c r="G239" s="9" t="s">
        <v>277</v>
      </c>
      <c r="H239" s="6">
        <v>3387</v>
      </c>
      <c r="I239" s="6">
        <v>2568</v>
      </c>
      <c r="J239" s="6">
        <v>2322</v>
      </c>
      <c r="K239" s="6">
        <v>638</v>
      </c>
      <c r="L239" s="6">
        <v>181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58</v>
      </c>
      <c r="E240" s="9" t="s">
        <v>6</v>
      </c>
      <c r="F240" s="9" t="s">
        <v>281</v>
      </c>
      <c r="G240" s="9" t="s">
        <v>278</v>
      </c>
      <c r="H240" s="6">
        <v>4913</v>
      </c>
      <c r="I240" s="6">
        <v>3807</v>
      </c>
      <c r="J240" s="6">
        <v>3526</v>
      </c>
      <c r="K240" s="6">
        <v>881</v>
      </c>
      <c r="L240" s="6">
        <v>22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58</v>
      </c>
      <c r="E241" s="9" t="s">
        <v>6</v>
      </c>
      <c r="F241" s="9" t="s">
        <v>281</v>
      </c>
      <c r="G241" s="9" t="s">
        <v>279</v>
      </c>
      <c r="H241" s="6">
        <v>3043</v>
      </c>
      <c r="I241" s="6">
        <v>2314</v>
      </c>
      <c r="J241" s="6">
        <v>2129</v>
      </c>
      <c r="K241" s="6">
        <v>586</v>
      </c>
      <c r="L241" s="6">
        <v>143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58</v>
      </c>
      <c r="E242" s="9" t="s">
        <v>6</v>
      </c>
      <c r="F242" s="9" t="s">
        <v>281</v>
      </c>
      <c r="G242" s="9" t="s">
        <v>280</v>
      </c>
      <c r="H242" s="6">
        <v>52457</v>
      </c>
      <c r="I242" s="6">
        <v>24531</v>
      </c>
      <c r="J242" s="6">
        <v>18562</v>
      </c>
      <c r="K242" s="6">
        <v>26314</v>
      </c>
      <c r="L242" s="6">
        <v>1612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58</v>
      </c>
      <c r="E243" s="9" t="s">
        <v>6</v>
      </c>
      <c r="F243" s="9" t="s">
        <v>282</v>
      </c>
      <c r="G243" s="9" t="s">
        <v>6</v>
      </c>
      <c r="H243" s="6">
        <v>62116</v>
      </c>
      <c r="I243" s="6">
        <v>44110</v>
      </c>
      <c r="J243" s="6">
        <v>40344</v>
      </c>
      <c r="K243" s="6">
        <v>14364</v>
      </c>
      <c r="L243" s="6">
        <v>3642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58</v>
      </c>
      <c r="E244" s="9" t="s">
        <v>6</v>
      </c>
      <c r="F244" s="9" t="s">
        <v>282</v>
      </c>
      <c r="G244" s="9" t="s">
        <v>272</v>
      </c>
      <c r="H244" s="6">
        <v>3717</v>
      </c>
      <c r="I244" s="6">
        <v>1822</v>
      </c>
      <c r="J244" s="6">
        <v>1716</v>
      </c>
      <c r="K244" s="6">
        <v>1619</v>
      </c>
      <c r="L244" s="6">
        <v>276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58</v>
      </c>
      <c r="E245" s="9" t="s">
        <v>6</v>
      </c>
      <c r="F245" s="9" t="s">
        <v>282</v>
      </c>
      <c r="G245" s="9" t="s">
        <v>273</v>
      </c>
      <c r="H245" s="6">
        <v>7326</v>
      </c>
      <c r="I245" s="6">
        <v>5018</v>
      </c>
      <c r="J245" s="6">
        <v>4695</v>
      </c>
      <c r="K245" s="6">
        <v>1714</v>
      </c>
      <c r="L245" s="6">
        <v>594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58</v>
      </c>
      <c r="E246" s="9" t="s">
        <v>6</v>
      </c>
      <c r="F246" s="9" t="s">
        <v>282</v>
      </c>
      <c r="G246" s="9" t="s">
        <v>274</v>
      </c>
      <c r="H246" s="6">
        <v>8431</v>
      </c>
      <c r="I246" s="6">
        <v>6298</v>
      </c>
      <c r="J246" s="6">
        <v>5867</v>
      </c>
      <c r="K246" s="6">
        <v>1592</v>
      </c>
      <c r="L246" s="6">
        <v>541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58</v>
      </c>
      <c r="E247" s="9" t="s">
        <v>6</v>
      </c>
      <c r="F247" s="9" t="s">
        <v>282</v>
      </c>
      <c r="G247" s="9" t="s">
        <v>275</v>
      </c>
      <c r="H247" s="6">
        <v>7511</v>
      </c>
      <c r="I247" s="6">
        <v>5768</v>
      </c>
      <c r="J247" s="6">
        <v>5380</v>
      </c>
      <c r="K247" s="6">
        <v>1273</v>
      </c>
      <c r="L247" s="6">
        <v>470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58</v>
      </c>
      <c r="E248" s="9" t="s">
        <v>6</v>
      </c>
      <c r="F248" s="9" t="s">
        <v>282</v>
      </c>
      <c r="G248" s="9" t="s">
        <v>276</v>
      </c>
      <c r="H248" s="6">
        <v>7352</v>
      </c>
      <c r="I248" s="6">
        <v>5906</v>
      </c>
      <c r="J248" s="6">
        <v>5514</v>
      </c>
      <c r="K248" s="6">
        <v>1001</v>
      </c>
      <c r="L248" s="6">
        <v>445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58</v>
      </c>
      <c r="E249" s="9" t="s">
        <v>6</v>
      </c>
      <c r="F249" s="9" t="s">
        <v>282</v>
      </c>
      <c r="G249" s="9" t="s">
        <v>277</v>
      </c>
      <c r="H249" s="6">
        <v>7153</v>
      </c>
      <c r="I249" s="6">
        <v>5841</v>
      </c>
      <c r="J249" s="6">
        <v>5458</v>
      </c>
      <c r="K249" s="6">
        <v>929</v>
      </c>
      <c r="L249" s="6">
        <v>383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58</v>
      </c>
      <c r="E250" s="9" t="s">
        <v>6</v>
      </c>
      <c r="F250" s="9" t="s">
        <v>282</v>
      </c>
      <c r="G250" s="9" t="s">
        <v>278</v>
      </c>
      <c r="H250" s="6">
        <v>5847</v>
      </c>
      <c r="I250" s="6">
        <v>4653</v>
      </c>
      <c r="J250" s="6">
        <v>4311</v>
      </c>
      <c r="K250" s="6">
        <v>846</v>
      </c>
      <c r="L250" s="6">
        <v>348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58</v>
      </c>
      <c r="E251" s="9" t="s">
        <v>6</v>
      </c>
      <c r="F251" s="9" t="s">
        <v>282</v>
      </c>
      <c r="G251" s="9" t="s">
        <v>279</v>
      </c>
      <c r="H251" s="6">
        <v>2643</v>
      </c>
      <c r="I251" s="6">
        <v>2098</v>
      </c>
      <c r="J251" s="6">
        <v>1945</v>
      </c>
      <c r="K251" s="6">
        <v>407</v>
      </c>
      <c r="L251" s="6">
        <v>138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58</v>
      </c>
      <c r="E252" s="9" t="s">
        <v>6</v>
      </c>
      <c r="F252" s="9" t="s">
        <v>282</v>
      </c>
      <c r="G252" s="9" t="s">
        <v>280</v>
      </c>
      <c r="H252" s="6">
        <v>12136</v>
      </c>
      <c r="I252" s="6">
        <v>6706</v>
      </c>
      <c r="J252" s="6">
        <v>5458</v>
      </c>
      <c r="K252" s="6">
        <v>4983</v>
      </c>
      <c r="L252" s="6">
        <v>447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58</v>
      </c>
      <c r="E253" s="9" t="s">
        <v>6</v>
      </c>
      <c r="F253" s="9" t="s">
        <v>283</v>
      </c>
      <c r="G253" s="9" t="s">
        <v>6</v>
      </c>
      <c r="H253" s="6">
        <v>27458</v>
      </c>
      <c r="I253" s="6">
        <v>20386</v>
      </c>
      <c r="J253" s="6">
        <v>18736</v>
      </c>
      <c r="K253" s="6">
        <v>4906</v>
      </c>
      <c r="L253" s="6">
        <v>2166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58</v>
      </c>
      <c r="E254" s="9" t="s">
        <v>6</v>
      </c>
      <c r="F254" s="9" t="s">
        <v>283</v>
      </c>
      <c r="G254" s="9" t="s">
        <v>272</v>
      </c>
      <c r="H254" s="6">
        <v>2321</v>
      </c>
      <c r="I254" s="6">
        <v>1132</v>
      </c>
      <c r="J254" s="6">
        <v>1035</v>
      </c>
      <c r="K254" s="6">
        <v>975</v>
      </c>
      <c r="L254" s="6">
        <v>214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58</v>
      </c>
      <c r="E255" s="9" t="s">
        <v>6</v>
      </c>
      <c r="F255" s="9" t="s">
        <v>283</v>
      </c>
      <c r="G255" s="9" t="s">
        <v>273</v>
      </c>
      <c r="H255" s="6">
        <v>4702</v>
      </c>
      <c r="I255" s="6">
        <v>3314</v>
      </c>
      <c r="J255" s="6">
        <v>3035</v>
      </c>
      <c r="K255" s="6">
        <v>968</v>
      </c>
      <c r="L255" s="6">
        <v>420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58</v>
      </c>
      <c r="E256" s="9" t="s">
        <v>6</v>
      </c>
      <c r="F256" s="9" t="s">
        <v>283</v>
      </c>
      <c r="G256" s="9" t="s">
        <v>274</v>
      </c>
      <c r="H256" s="6">
        <v>6060</v>
      </c>
      <c r="I256" s="6">
        <v>4704</v>
      </c>
      <c r="J256" s="6">
        <v>4344</v>
      </c>
      <c r="K256" s="6">
        <v>879</v>
      </c>
      <c r="L256" s="6">
        <v>477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58</v>
      </c>
      <c r="E257" s="9" t="s">
        <v>6</v>
      </c>
      <c r="F257" s="9" t="s">
        <v>283</v>
      </c>
      <c r="G257" s="9" t="s">
        <v>275</v>
      </c>
      <c r="H257" s="6">
        <v>5114</v>
      </c>
      <c r="I257" s="6">
        <v>4035</v>
      </c>
      <c r="J257" s="6">
        <v>3718</v>
      </c>
      <c r="K257" s="6">
        <v>694</v>
      </c>
      <c r="L257" s="6">
        <v>385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58</v>
      </c>
      <c r="E258" s="9" t="s">
        <v>6</v>
      </c>
      <c r="F258" s="9" t="s">
        <v>283</v>
      </c>
      <c r="G258" s="9" t="s">
        <v>276</v>
      </c>
      <c r="H258" s="6">
        <v>3944</v>
      </c>
      <c r="I258" s="6">
        <v>3212</v>
      </c>
      <c r="J258" s="6">
        <v>2956</v>
      </c>
      <c r="K258" s="6">
        <v>457</v>
      </c>
      <c r="L258" s="6">
        <v>275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58</v>
      </c>
      <c r="E259" s="9" t="s">
        <v>6</v>
      </c>
      <c r="F259" s="9" t="s">
        <v>283</v>
      </c>
      <c r="G259" s="9" t="s">
        <v>277</v>
      </c>
      <c r="H259" s="6">
        <v>2589</v>
      </c>
      <c r="I259" s="6">
        <v>2066</v>
      </c>
      <c r="J259" s="6">
        <v>1951</v>
      </c>
      <c r="K259" s="6">
        <v>303</v>
      </c>
      <c r="L259" s="6">
        <v>220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58</v>
      </c>
      <c r="E260" s="9" t="s">
        <v>6</v>
      </c>
      <c r="F260" s="9" t="s">
        <v>283</v>
      </c>
      <c r="G260" s="9" t="s">
        <v>278</v>
      </c>
      <c r="H260" s="6">
        <v>1223</v>
      </c>
      <c r="I260" s="6">
        <v>977</v>
      </c>
      <c r="J260" s="6">
        <v>906</v>
      </c>
      <c r="K260" s="6">
        <v>172</v>
      </c>
      <c r="L260" s="6">
        <v>74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58</v>
      </c>
      <c r="E261" s="9" t="s">
        <v>6</v>
      </c>
      <c r="F261" s="9" t="s">
        <v>283</v>
      </c>
      <c r="G261" s="9" t="s">
        <v>279</v>
      </c>
      <c r="H261" s="6">
        <v>406</v>
      </c>
      <c r="I261" s="6">
        <v>312</v>
      </c>
      <c r="J261" s="6">
        <v>278</v>
      </c>
      <c r="K261" s="6">
        <v>66</v>
      </c>
      <c r="L261" s="6">
        <v>28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58</v>
      </c>
      <c r="E262" s="9" t="s">
        <v>6</v>
      </c>
      <c r="F262" s="9" t="s">
        <v>283</v>
      </c>
      <c r="G262" s="9" t="s">
        <v>280</v>
      </c>
      <c r="H262" s="6">
        <v>1099</v>
      </c>
      <c r="I262" s="6">
        <v>634</v>
      </c>
      <c r="J262" s="6">
        <v>513</v>
      </c>
      <c r="K262" s="6">
        <v>392</v>
      </c>
      <c r="L262" s="6">
        <v>73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58</v>
      </c>
      <c r="E263" s="9" t="s">
        <v>226</v>
      </c>
      <c r="F263" s="9" t="s">
        <v>6</v>
      </c>
      <c r="G263" s="9" t="s">
        <v>6</v>
      </c>
      <c r="H263" s="6">
        <v>219476</v>
      </c>
      <c r="I263" s="6">
        <v>159928</v>
      </c>
      <c r="J263" s="6">
        <v>135027</v>
      </c>
      <c r="K263" s="6">
        <v>59080</v>
      </c>
      <c r="L263" s="6">
        <v>468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58</v>
      </c>
      <c r="E264" s="9" t="s">
        <v>226</v>
      </c>
      <c r="F264" s="9" t="s">
        <v>234</v>
      </c>
      <c r="G264" s="9" t="s">
        <v>6</v>
      </c>
      <c r="H264" s="6">
        <v>79699</v>
      </c>
      <c r="I264" s="6">
        <v>53939</v>
      </c>
      <c r="J264" s="6">
        <v>41383</v>
      </c>
      <c r="K264" s="6">
        <v>25429</v>
      </c>
      <c r="L264" s="6">
        <v>331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58</v>
      </c>
      <c r="E265" s="9" t="s">
        <v>226</v>
      </c>
      <c r="F265" s="9" t="s">
        <v>235</v>
      </c>
      <c r="G265" s="9" t="s">
        <v>6</v>
      </c>
      <c r="H265" s="6">
        <v>139777</v>
      </c>
      <c r="I265" s="6">
        <v>105989</v>
      </c>
      <c r="J265" s="6">
        <v>93644</v>
      </c>
      <c r="K265" s="6">
        <v>33651</v>
      </c>
      <c r="L265" s="6">
        <v>137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58</v>
      </c>
      <c r="E266" s="9" t="s">
        <v>226</v>
      </c>
      <c r="F266" s="9" t="s">
        <v>235</v>
      </c>
      <c r="G266" s="9" t="s">
        <v>272</v>
      </c>
      <c r="H266" s="6">
        <v>9262</v>
      </c>
      <c r="I266" s="6">
        <v>4915</v>
      </c>
      <c r="J266" s="6">
        <v>4638</v>
      </c>
      <c r="K266" s="6">
        <v>4343</v>
      </c>
      <c r="L266" s="6">
        <v>4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58</v>
      </c>
      <c r="E267" s="9" t="s">
        <v>226</v>
      </c>
      <c r="F267" s="9" t="s">
        <v>235</v>
      </c>
      <c r="G267" s="9" t="s">
        <v>273</v>
      </c>
      <c r="H267" s="6">
        <v>17007</v>
      </c>
      <c r="I267" s="6">
        <v>12601</v>
      </c>
      <c r="J267" s="6">
        <v>11794</v>
      </c>
      <c r="K267" s="6">
        <v>4397</v>
      </c>
      <c r="L267" s="6">
        <v>9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58</v>
      </c>
      <c r="E268" s="9" t="s">
        <v>226</v>
      </c>
      <c r="F268" s="9" t="s">
        <v>235</v>
      </c>
      <c r="G268" s="9" t="s">
        <v>274</v>
      </c>
      <c r="H268" s="6">
        <v>17632</v>
      </c>
      <c r="I268" s="6">
        <v>14228</v>
      </c>
      <c r="J268" s="6">
        <v>13194</v>
      </c>
      <c r="K268" s="6">
        <v>3395</v>
      </c>
      <c r="L268" s="6">
        <v>9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58</v>
      </c>
      <c r="E269" s="9" t="s">
        <v>226</v>
      </c>
      <c r="F269" s="9" t="s">
        <v>235</v>
      </c>
      <c r="G269" s="9" t="s">
        <v>275</v>
      </c>
      <c r="H269" s="6">
        <v>14476</v>
      </c>
      <c r="I269" s="6">
        <v>11852</v>
      </c>
      <c r="J269" s="6">
        <v>10970</v>
      </c>
      <c r="K269" s="6">
        <v>2614</v>
      </c>
      <c r="L269" s="6">
        <v>10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58</v>
      </c>
      <c r="E270" s="9" t="s">
        <v>226</v>
      </c>
      <c r="F270" s="9" t="s">
        <v>235</v>
      </c>
      <c r="G270" s="9" t="s">
        <v>276</v>
      </c>
      <c r="H270" s="6">
        <v>13117</v>
      </c>
      <c r="I270" s="6">
        <v>11066</v>
      </c>
      <c r="J270" s="6">
        <v>10263</v>
      </c>
      <c r="K270" s="6">
        <v>2043</v>
      </c>
      <c r="L270" s="6">
        <v>8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58</v>
      </c>
      <c r="E271" s="9" t="s">
        <v>226</v>
      </c>
      <c r="F271" s="9" t="s">
        <v>235</v>
      </c>
      <c r="G271" s="9" t="s">
        <v>277</v>
      </c>
      <c r="H271" s="6">
        <v>12107</v>
      </c>
      <c r="I271" s="6">
        <v>10278</v>
      </c>
      <c r="J271" s="6">
        <v>9543</v>
      </c>
      <c r="K271" s="6">
        <v>1821</v>
      </c>
      <c r="L271" s="6">
        <v>8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58</v>
      </c>
      <c r="E272" s="9" t="s">
        <v>226</v>
      </c>
      <c r="F272" s="9" t="s">
        <v>235</v>
      </c>
      <c r="G272" s="9" t="s">
        <v>278</v>
      </c>
      <c r="H272" s="6">
        <v>11056</v>
      </c>
      <c r="I272" s="6">
        <v>9221</v>
      </c>
      <c r="J272" s="6">
        <v>8537</v>
      </c>
      <c r="K272" s="6">
        <v>1832</v>
      </c>
      <c r="L272" s="6">
        <v>3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58</v>
      </c>
      <c r="E273" s="9" t="s">
        <v>226</v>
      </c>
      <c r="F273" s="9" t="s">
        <v>235</v>
      </c>
      <c r="G273" s="9" t="s">
        <v>279</v>
      </c>
      <c r="H273" s="6">
        <v>5568</v>
      </c>
      <c r="I273" s="6">
        <v>4561</v>
      </c>
      <c r="J273" s="6">
        <v>4191</v>
      </c>
      <c r="K273" s="6">
        <v>1002</v>
      </c>
      <c r="L273" s="6">
        <v>5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58</v>
      </c>
      <c r="E274" s="9" t="s">
        <v>226</v>
      </c>
      <c r="F274" s="9" t="s">
        <v>235</v>
      </c>
      <c r="G274" s="9" t="s">
        <v>280</v>
      </c>
      <c r="H274" s="6">
        <v>39552</v>
      </c>
      <c r="I274" s="6">
        <v>27267</v>
      </c>
      <c r="J274" s="6">
        <v>20514</v>
      </c>
      <c r="K274" s="6">
        <v>12204</v>
      </c>
      <c r="L274" s="6">
        <v>81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58</v>
      </c>
      <c r="E275" s="9" t="s">
        <v>226</v>
      </c>
      <c r="F275" s="9" t="s">
        <v>281</v>
      </c>
      <c r="G275" s="9" t="s">
        <v>6</v>
      </c>
      <c r="H275" s="6">
        <v>60663</v>
      </c>
      <c r="I275" s="6">
        <v>43099</v>
      </c>
      <c r="J275" s="6">
        <v>36042</v>
      </c>
      <c r="K275" s="6">
        <v>17482</v>
      </c>
      <c r="L275" s="6">
        <v>82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58</v>
      </c>
      <c r="E276" s="9" t="s">
        <v>226</v>
      </c>
      <c r="F276" s="9" t="s">
        <v>281</v>
      </c>
      <c r="G276" s="9" t="s">
        <v>272</v>
      </c>
      <c r="H276" s="6">
        <v>3778</v>
      </c>
      <c r="I276" s="6">
        <v>1985</v>
      </c>
      <c r="J276" s="6">
        <v>1911</v>
      </c>
      <c r="K276" s="6">
        <v>1792</v>
      </c>
      <c r="L276" s="6">
        <v>1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58</v>
      </c>
      <c r="E277" s="9" t="s">
        <v>226</v>
      </c>
      <c r="F277" s="9" t="s">
        <v>281</v>
      </c>
      <c r="G277" s="9" t="s">
        <v>273</v>
      </c>
      <c r="H277" s="6">
        <v>6106</v>
      </c>
      <c r="I277" s="6">
        <v>4335</v>
      </c>
      <c r="J277" s="6">
        <v>4129</v>
      </c>
      <c r="K277" s="6">
        <v>1769</v>
      </c>
      <c r="L277" s="6">
        <v>2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58</v>
      </c>
      <c r="E278" s="9" t="s">
        <v>226</v>
      </c>
      <c r="F278" s="9" t="s">
        <v>281</v>
      </c>
      <c r="G278" s="9" t="s">
        <v>274</v>
      </c>
      <c r="H278" s="6">
        <v>4283</v>
      </c>
      <c r="I278" s="6">
        <v>3312</v>
      </c>
      <c r="J278" s="6">
        <v>3063</v>
      </c>
      <c r="K278" s="6">
        <v>969</v>
      </c>
      <c r="L278" s="6">
        <v>2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58</v>
      </c>
      <c r="E279" s="9" t="s">
        <v>226</v>
      </c>
      <c r="F279" s="9" t="s">
        <v>281</v>
      </c>
      <c r="G279" s="9" t="s">
        <v>275</v>
      </c>
      <c r="H279" s="6">
        <v>2864</v>
      </c>
      <c r="I279" s="6">
        <v>2167</v>
      </c>
      <c r="J279" s="6">
        <v>1979</v>
      </c>
      <c r="K279" s="6">
        <v>696</v>
      </c>
      <c r="L279" s="6">
        <v>1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58</v>
      </c>
      <c r="E280" s="9" t="s">
        <v>226</v>
      </c>
      <c r="F280" s="9" t="s">
        <v>281</v>
      </c>
      <c r="G280" s="9" t="s">
        <v>276</v>
      </c>
      <c r="H280" s="6">
        <v>2679</v>
      </c>
      <c r="I280" s="6">
        <v>2055</v>
      </c>
      <c r="J280" s="6">
        <v>1894</v>
      </c>
      <c r="K280" s="6">
        <v>622</v>
      </c>
      <c r="L280" s="6">
        <v>2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58</v>
      </c>
      <c r="E281" s="9" t="s">
        <v>226</v>
      </c>
      <c r="F281" s="9" t="s">
        <v>281</v>
      </c>
      <c r="G281" s="9" t="s">
        <v>277</v>
      </c>
      <c r="H281" s="6">
        <v>3125</v>
      </c>
      <c r="I281" s="6">
        <v>2505</v>
      </c>
      <c r="J281" s="6">
        <v>2262</v>
      </c>
      <c r="K281" s="6">
        <v>617</v>
      </c>
      <c r="L281" s="6">
        <v>3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58</v>
      </c>
      <c r="E282" s="9" t="s">
        <v>226</v>
      </c>
      <c r="F282" s="9" t="s">
        <v>281</v>
      </c>
      <c r="G282" s="9" t="s">
        <v>278</v>
      </c>
      <c r="H282" s="6">
        <v>4553</v>
      </c>
      <c r="I282" s="6">
        <v>3706</v>
      </c>
      <c r="J282" s="6">
        <v>3430</v>
      </c>
      <c r="K282" s="6">
        <v>847</v>
      </c>
      <c r="L282" s="10" t="s">
        <v>5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58</v>
      </c>
      <c r="E283" s="9" t="s">
        <v>226</v>
      </c>
      <c r="F283" s="9" t="s">
        <v>281</v>
      </c>
      <c r="G283" s="9" t="s">
        <v>279</v>
      </c>
      <c r="H283" s="6">
        <v>2791</v>
      </c>
      <c r="I283" s="6">
        <v>2231</v>
      </c>
      <c r="J283" s="6">
        <v>2047</v>
      </c>
      <c r="K283" s="6">
        <v>556</v>
      </c>
      <c r="L283" s="6">
        <v>4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58</v>
      </c>
      <c r="E284" s="9" t="s">
        <v>226</v>
      </c>
      <c r="F284" s="9" t="s">
        <v>281</v>
      </c>
      <c r="G284" s="9" t="s">
        <v>280</v>
      </c>
      <c r="H284" s="6">
        <v>30484</v>
      </c>
      <c r="I284" s="6">
        <v>20803</v>
      </c>
      <c r="J284" s="6">
        <v>15327</v>
      </c>
      <c r="K284" s="6">
        <v>9614</v>
      </c>
      <c r="L284" s="6">
        <v>67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58</v>
      </c>
      <c r="E285" s="9" t="s">
        <v>226</v>
      </c>
      <c r="F285" s="9" t="s">
        <v>282</v>
      </c>
      <c r="G285" s="9" t="s">
        <v>6</v>
      </c>
      <c r="H285" s="6">
        <v>54379</v>
      </c>
      <c r="I285" s="6">
        <v>42815</v>
      </c>
      <c r="J285" s="6">
        <v>39155</v>
      </c>
      <c r="K285" s="6">
        <v>11525</v>
      </c>
      <c r="L285" s="6">
        <v>39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58</v>
      </c>
      <c r="E286" s="9" t="s">
        <v>226</v>
      </c>
      <c r="F286" s="9" t="s">
        <v>282</v>
      </c>
      <c r="G286" s="9" t="s">
        <v>272</v>
      </c>
      <c r="H286" s="6">
        <v>3405</v>
      </c>
      <c r="I286" s="6">
        <v>1809</v>
      </c>
      <c r="J286" s="6">
        <v>1703</v>
      </c>
      <c r="K286" s="6">
        <v>1593</v>
      </c>
      <c r="L286" s="6">
        <v>3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58</v>
      </c>
      <c r="E287" s="9" t="s">
        <v>226</v>
      </c>
      <c r="F287" s="9" t="s">
        <v>282</v>
      </c>
      <c r="G287" s="9" t="s">
        <v>273</v>
      </c>
      <c r="H287" s="6">
        <v>6664</v>
      </c>
      <c r="I287" s="6">
        <v>4981</v>
      </c>
      <c r="J287" s="6">
        <v>4658</v>
      </c>
      <c r="K287" s="6">
        <v>1677</v>
      </c>
      <c r="L287" s="6">
        <v>6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58</v>
      </c>
      <c r="E288" s="9" t="s">
        <v>226</v>
      </c>
      <c r="F288" s="9" t="s">
        <v>282</v>
      </c>
      <c r="G288" s="9" t="s">
        <v>274</v>
      </c>
      <c r="H288" s="6">
        <v>7821</v>
      </c>
      <c r="I288" s="6">
        <v>6255</v>
      </c>
      <c r="J288" s="6">
        <v>5825</v>
      </c>
      <c r="K288" s="6">
        <v>1565</v>
      </c>
      <c r="L288" s="6">
        <v>1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58</v>
      </c>
      <c r="E289" s="9" t="s">
        <v>226</v>
      </c>
      <c r="F289" s="9" t="s">
        <v>282</v>
      </c>
      <c r="G289" s="9" t="s">
        <v>275</v>
      </c>
      <c r="H289" s="6">
        <v>6952</v>
      </c>
      <c r="I289" s="6">
        <v>5702</v>
      </c>
      <c r="J289" s="6">
        <v>5320</v>
      </c>
      <c r="K289" s="6">
        <v>1244</v>
      </c>
      <c r="L289" s="6">
        <v>6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58</v>
      </c>
      <c r="E290" s="9" t="s">
        <v>226</v>
      </c>
      <c r="F290" s="9" t="s">
        <v>282</v>
      </c>
      <c r="G290" s="9" t="s">
        <v>276</v>
      </c>
      <c r="H290" s="6">
        <v>6811</v>
      </c>
      <c r="I290" s="6">
        <v>5829</v>
      </c>
      <c r="J290" s="6">
        <v>5441</v>
      </c>
      <c r="K290" s="6">
        <v>977</v>
      </c>
      <c r="L290" s="6">
        <v>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58</v>
      </c>
      <c r="E291" s="9" t="s">
        <v>226</v>
      </c>
      <c r="F291" s="9" t="s">
        <v>282</v>
      </c>
      <c r="G291" s="9" t="s">
        <v>277</v>
      </c>
      <c r="H291" s="6">
        <v>6649</v>
      </c>
      <c r="I291" s="6">
        <v>5743</v>
      </c>
      <c r="J291" s="6">
        <v>5364</v>
      </c>
      <c r="K291" s="6">
        <v>904</v>
      </c>
      <c r="L291" s="6">
        <v>2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58</v>
      </c>
      <c r="E292" s="9" t="s">
        <v>226</v>
      </c>
      <c r="F292" s="9" t="s">
        <v>282</v>
      </c>
      <c r="G292" s="9" t="s">
        <v>278</v>
      </c>
      <c r="H292" s="6">
        <v>5384</v>
      </c>
      <c r="I292" s="6">
        <v>4561</v>
      </c>
      <c r="J292" s="6">
        <v>4224</v>
      </c>
      <c r="K292" s="6">
        <v>820</v>
      </c>
      <c r="L292" s="6">
        <v>3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58</v>
      </c>
      <c r="E293" s="9" t="s">
        <v>226</v>
      </c>
      <c r="F293" s="9" t="s">
        <v>282</v>
      </c>
      <c r="G293" s="9" t="s">
        <v>279</v>
      </c>
      <c r="H293" s="6">
        <v>2418</v>
      </c>
      <c r="I293" s="6">
        <v>2031</v>
      </c>
      <c r="J293" s="6">
        <v>1879</v>
      </c>
      <c r="K293" s="6">
        <v>386</v>
      </c>
      <c r="L293" s="6">
        <v>1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58</v>
      </c>
      <c r="E294" s="9" t="s">
        <v>226</v>
      </c>
      <c r="F294" s="9" t="s">
        <v>282</v>
      </c>
      <c r="G294" s="9" t="s">
        <v>280</v>
      </c>
      <c r="H294" s="6">
        <v>8275</v>
      </c>
      <c r="I294" s="6">
        <v>5904</v>
      </c>
      <c r="J294" s="6">
        <v>4741</v>
      </c>
      <c r="K294" s="6">
        <v>2359</v>
      </c>
      <c r="L294" s="6">
        <v>12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58</v>
      </c>
      <c r="E295" s="9" t="s">
        <v>226</v>
      </c>
      <c r="F295" s="9" t="s">
        <v>283</v>
      </c>
      <c r="G295" s="9" t="s">
        <v>6</v>
      </c>
      <c r="H295" s="6">
        <v>24735</v>
      </c>
      <c r="I295" s="6">
        <v>20075</v>
      </c>
      <c r="J295" s="6">
        <v>18447</v>
      </c>
      <c r="K295" s="6">
        <v>4644</v>
      </c>
      <c r="L295" s="6">
        <v>16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58</v>
      </c>
      <c r="E296" s="9" t="s">
        <v>226</v>
      </c>
      <c r="F296" s="9" t="s">
        <v>283</v>
      </c>
      <c r="G296" s="9" t="s">
        <v>272</v>
      </c>
      <c r="H296" s="6">
        <v>2079</v>
      </c>
      <c r="I296" s="6">
        <v>1121</v>
      </c>
      <c r="J296" s="6">
        <v>1024</v>
      </c>
      <c r="K296" s="6">
        <v>958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58</v>
      </c>
      <c r="E297" s="9" t="s">
        <v>226</v>
      </c>
      <c r="F297" s="9" t="s">
        <v>283</v>
      </c>
      <c r="G297" s="9" t="s">
        <v>273</v>
      </c>
      <c r="H297" s="6">
        <v>4237</v>
      </c>
      <c r="I297" s="6">
        <v>3285</v>
      </c>
      <c r="J297" s="6">
        <v>3007</v>
      </c>
      <c r="K297" s="6">
        <v>951</v>
      </c>
      <c r="L297" s="6">
        <v>1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58</v>
      </c>
      <c r="E298" s="9" t="s">
        <v>226</v>
      </c>
      <c r="F298" s="9" t="s">
        <v>283</v>
      </c>
      <c r="G298" s="9" t="s">
        <v>274</v>
      </c>
      <c r="H298" s="6">
        <v>5528</v>
      </c>
      <c r="I298" s="6">
        <v>4661</v>
      </c>
      <c r="J298" s="6">
        <v>4306</v>
      </c>
      <c r="K298" s="6">
        <v>861</v>
      </c>
      <c r="L298" s="6">
        <v>6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58</v>
      </c>
      <c r="E299" s="9" t="s">
        <v>226</v>
      </c>
      <c r="F299" s="9" t="s">
        <v>283</v>
      </c>
      <c r="G299" s="9" t="s">
        <v>275</v>
      </c>
      <c r="H299" s="6">
        <v>4660</v>
      </c>
      <c r="I299" s="6">
        <v>3983</v>
      </c>
      <c r="J299" s="6">
        <v>3671</v>
      </c>
      <c r="K299" s="6">
        <v>674</v>
      </c>
      <c r="L299" s="6">
        <v>3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58</v>
      </c>
      <c r="E300" s="9" t="s">
        <v>226</v>
      </c>
      <c r="F300" s="9" t="s">
        <v>283</v>
      </c>
      <c r="G300" s="9" t="s">
        <v>276</v>
      </c>
      <c r="H300" s="6">
        <v>3627</v>
      </c>
      <c r="I300" s="6">
        <v>3182</v>
      </c>
      <c r="J300" s="6">
        <v>2928</v>
      </c>
      <c r="K300" s="6">
        <v>444</v>
      </c>
      <c r="L300" s="6">
        <v>1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58</v>
      </c>
      <c r="E301" s="9" t="s">
        <v>226</v>
      </c>
      <c r="F301" s="9" t="s">
        <v>283</v>
      </c>
      <c r="G301" s="9" t="s">
        <v>277</v>
      </c>
      <c r="H301" s="6">
        <v>2333</v>
      </c>
      <c r="I301" s="6">
        <v>2030</v>
      </c>
      <c r="J301" s="6">
        <v>1917</v>
      </c>
      <c r="K301" s="6">
        <v>300</v>
      </c>
      <c r="L301" s="6">
        <v>3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58</v>
      </c>
      <c r="E302" s="9" t="s">
        <v>226</v>
      </c>
      <c r="F302" s="9" t="s">
        <v>283</v>
      </c>
      <c r="G302" s="9" t="s">
        <v>278</v>
      </c>
      <c r="H302" s="6">
        <v>1119</v>
      </c>
      <c r="I302" s="6">
        <v>954</v>
      </c>
      <c r="J302" s="6">
        <v>883</v>
      </c>
      <c r="K302" s="6">
        <v>165</v>
      </c>
      <c r="L302" s="10" t="s">
        <v>55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58</v>
      </c>
      <c r="E303" s="9" t="s">
        <v>226</v>
      </c>
      <c r="F303" s="9" t="s">
        <v>283</v>
      </c>
      <c r="G303" s="9" t="s">
        <v>279</v>
      </c>
      <c r="H303" s="6">
        <v>359</v>
      </c>
      <c r="I303" s="6">
        <v>299</v>
      </c>
      <c r="J303" s="6">
        <v>265</v>
      </c>
      <c r="K303" s="6">
        <v>60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58</v>
      </c>
      <c r="E304" s="9" t="s">
        <v>226</v>
      </c>
      <c r="F304" s="9" t="s">
        <v>283</v>
      </c>
      <c r="G304" s="9" t="s">
        <v>280</v>
      </c>
      <c r="H304" s="6">
        <v>793</v>
      </c>
      <c r="I304" s="6">
        <v>560</v>
      </c>
      <c r="J304" s="6">
        <v>446</v>
      </c>
      <c r="K304" s="6">
        <v>231</v>
      </c>
      <c r="L304" s="6">
        <v>2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58</v>
      </c>
      <c r="E305" s="9" t="s">
        <v>227</v>
      </c>
      <c r="F305" s="9" t="s">
        <v>6</v>
      </c>
      <c r="G305" s="9" t="s">
        <v>6</v>
      </c>
      <c r="H305" s="6">
        <v>177556</v>
      </c>
      <c r="I305" s="6">
        <v>127918</v>
      </c>
      <c r="J305" s="6">
        <v>122857</v>
      </c>
      <c r="K305" s="6">
        <v>49383</v>
      </c>
      <c r="L305" s="6">
        <v>255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58</v>
      </c>
      <c r="E306" s="9" t="s">
        <v>227</v>
      </c>
      <c r="F306" s="9" t="s">
        <v>234</v>
      </c>
      <c r="G306" s="9" t="s">
        <v>6</v>
      </c>
      <c r="H306" s="6">
        <v>58570</v>
      </c>
      <c r="I306" s="6">
        <v>38450</v>
      </c>
      <c r="J306" s="6">
        <v>36581</v>
      </c>
      <c r="K306" s="6">
        <v>19947</v>
      </c>
      <c r="L306" s="6">
        <v>173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58</v>
      </c>
      <c r="E307" s="9" t="s">
        <v>227</v>
      </c>
      <c r="F307" s="9" t="s">
        <v>235</v>
      </c>
      <c r="G307" s="9" t="s">
        <v>6</v>
      </c>
      <c r="H307" s="6">
        <v>118986</v>
      </c>
      <c r="I307" s="6">
        <v>89468</v>
      </c>
      <c r="J307" s="6">
        <v>86276</v>
      </c>
      <c r="K307" s="6">
        <v>29436</v>
      </c>
      <c r="L307" s="6">
        <v>82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58</v>
      </c>
      <c r="E308" s="9" t="s">
        <v>227</v>
      </c>
      <c r="F308" s="9" t="s">
        <v>235</v>
      </c>
      <c r="G308" s="9" t="s">
        <v>272</v>
      </c>
      <c r="H308" s="6">
        <v>8510</v>
      </c>
      <c r="I308" s="6">
        <v>4487</v>
      </c>
      <c r="J308" s="6">
        <v>4366</v>
      </c>
      <c r="K308" s="6">
        <v>4019</v>
      </c>
      <c r="L308" s="6">
        <v>4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58</v>
      </c>
      <c r="E309" s="9" t="s">
        <v>227</v>
      </c>
      <c r="F309" s="9" t="s">
        <v>235</v>
      </c>
      <c r="G309" s="9" t="s">
        <v>273</v>
      </c>
      <c r="H309" s="6">
        <v>15488</v>
      </c>
      <c r="I309" s="6">
        <v>11358</v>
      </c>
      <c r="J309" s="6">
        <v>11039</v>
      </c>
      <c r="K309" s="6">
        <v>4125</v>
      </c>
      <c r="L309" s="6">
        <v>5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58</v>
      </c>
      <c r="E310" s="9" t="s">
        <v>227</v>
      </c>
      <c r="F310" s="9" t="s">
        <v>235</v>
      </c>
      <c r="G310" s="9" t="s">
        <v>274</v>
      </c>
      <c r="H310" s="6">
        <v>16003</v>
      </c>
      <c r="I310" s="6">
        <v>12797</v>
      </c>
      <c r="J310" s="6">
        <v>12354</v>
      </c>
      <c r="K310" s="6">
        <v>3201</v>
      </c>
      <c r="L310" s="6">
        <v>5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58</v>
      </c>
      <c r="E311" s="9" t="s">
        <v>227</v>
      </c>
      <c r="F311" s="9" t="s">
        <v>235</v>
      </c>
      <c r="G311" s="9" t="s">
        <v>275</v>
      </c>
      <c r="H311" s="6">
        <v>13032</v>
      </c>
      <c r="I311" s="6">
        <v>10576</v>
      </c>
      <c r="J311" s="6">
        <v>10213</v>
      </c>
      <c r="K311" s="6">
        <v>2450</v>
      </c>
      <c r="L311" s="6">
        <v>6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58</v>
      </c>
      <c r="E312" s="9" t="s">
        <v>227</v>
      </c>
      <c r="F312" s="9" t="s">
        <v>235</v>
      </c>
      <c r="G312" s="9" t="s">
        <v>276</v>
      </c>
      <c r="H312" s="6">
        <v>11840</v>
      </c>
      <c r="I312" s="6">
        <v>9949</v>
      </c>
      <c r="J312" s="6">
        <v>9612</v>
      </c>
      <c r="K312" s="6">
        <v>1886</v>
      </c>
      <c r="L312" s="6">
        <v>5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58</v>
      </c>
      <c r="E313" s="9" t="s">
        <v>227</v>
      </c>
      <c r="F313" s="9" t="s">
        <v>235</v>
      </c>
      <c r="G313" s="9" t="s">
        <v>277</v>
      </c>
      <c r="H313" s="6">
        <v>10891</v>
      </c>
      <c r="I313" s="6">
        <v>9194</v>
      </c>
      <c r="J313" s="6">
        <v>8885</v>
      </c>
      <c r="K313" s="6">
        <v>1693</v>
      </c>
      <c r="L313" s="6">
        <v>4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58</v>
      </c>
      <c r="E314" s="9" t="s">
        <v>227</v>
      </c>
      <c r="F314" s="9" t="s">
        <v>235</v>
      </c>
      <c r="G314" s="9" t="s">
        <v>278</v>
      </c>
      <c r="H314" s="6">
        <v>9910</v>
      </c>
      <c r="I314" s="6">
        <v>8191</v>
      </c>
      <c r="J314" s="6">
        <v>7930</v>
      </c>
      <c r="K314" s="6">
        <v>1718</v>
      </c>
      <c r="L314" s="6">
        <v>1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58</v>
      </c>
      <c r="E315" s="9" t="s">
        <v>227</v>
      </c>
      <c r="F315" s="9" t="s">
        <v>235</v>
      </c>
      <c r="G315" s="9" t="s">
        <v>279</v>
      </c>
      <c r="H315" s="6">
        <v>4897</v>
      </c>
      <c r="I315" s="6">
        <v>3987</v>
      </c>
      <c r="J315" s="6">
        <v>3854</v>
      </c>
      <c r="K315" s="6">
        <v>906</v>
      </c>
      <c r="L315" s="6">
        <v>4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58</v>
      </c>
      <c r="E316" s="9" t="s">
        <v>227</v>
      </c>
      <c r="F316" s="9" t="s">
        <v>235</v>
      </c>
      <c r="G316" s="9" t="s">
        <v>280</v>
      </c>
      <c r="H316" s="6">
        <v>28415</v>
      </c>
      <c r="I316" s="6">
        <v>18929</v>
      </c>
      <c r="J316" s="6">
        <v>18023</v>
      </c>
      <c r="K316" s="6">
        <v>9438</v>
      </c>
      <c r="L316" s="6">
        <v>48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58</v>
      </c>
      <c r="E317" s="9" t="s">
        <v>227</v>
      </c>
      <c r="F317" s="9" t="s">
        <v>281</v>
      </c>
      <c r="G317" s="9" t="s">
        <v>6</v>
      </c>
      <c r="H317" s="6">
        <v>48856</v>
      </c>
      <c r="I317" s="6">
        <v>34081</v>
      </c>
      <c r="J317" s="6">
        <v>32698</v>
      </c>
      <c r="K317" s="6">
        <v>14723</v>
      </c>
      <c r="L317" s="6">
        <v>52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58</v>
      </c>
      <c r="E318" s="9" t="s">
        <v>227</v>
      </c>
      <c r="F318" s="9" t="s">
        <v>281</v>
      </c>
      <c r="G318" s="9" t="s">
        <v>272</v>
      </c>
      <c r="H318" s="6">
        <v>3524</v>
      </c>
      <c r="I318" s="6">
        <v>1853</v>
      </c>
      <c r="J318" s="6">
        <v>1807</v>
      </c>
      <c r="K318" s="6">
        <v>1670</v>
      </c>
      <c r="L318" s="6">
        <v>1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58</v>
      </c>
      <c r="E319" s="9" t="s">
        <v>227</v>
      </c>
      <c r="F319" s="9" t="s">
        <v>281</v>
      </c>
      <c r="G319" s="9" t="s">
        <v>273</v>
      </c>
      <c r="H319" s="6">
        <v>5620</v>
      </c>
      <c r="I319" s="6">
        <v>3962</v>
      </c>
      <c r="J319" s="6">
        <v>3865</v>
      </c>
      <c r="K319" s="6">
        <v>1656</v>
      </c>
      <c r="L319" s="6">
        <v>2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58</v>
      </c>
      <c r="E320" s="9" t="s">
        <v>227</v>
      </c>
      <c r="F320" s="9" t="s">
        <v>281</v>
      </c>
      <c r="G320" s="9" t="s">
        <v>274</v>
      </c>
      <c r="H320" s="6">
        <v>3901</v>
      </c>
      <c r="I320" s="6">
        <v>2986</v>
      </c>
      <c r="J320" s="6">
        <v>2872</v>
      </c>
      <c r="K320" s="6">
        <v>914</v>
      </c>
      <c r="L320" s="6">
        <v>1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58</v>
      </c>
      <c r="E321" s="9" t="s">
        <v>227</v>
      </c>
      <c r="F321" s="9" t="s">
        <v>281</v>
      </c>
      <c r="G321" s="9" t="s">
        <v>275</v>
      </c>
      <c r="H321" s="6">
        <v>2566</v>
      </c>
      <c r="I321" s="6">
        <v>1911</v>
      </c>
      <c r="J321" s="6">
        <v>1830</v>
      </c>
      <c r="K321" s="6">
        <v>654</v>
      </c>
      <c r="L321" s="6">
        <v>1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58</v>
      </c>
      <c r="E322" s="9" t="s">
        <v>227</v>
      </c>
      <c r="F322" s="9" t="s">
        <v>281</v>
      </c>
      <c r="G322" s="9" t="s">
        <v>276</v>
      </c>
      <c r="H322" s="6">
        <v>2419</v>
      </c>
      <c r="I322" s="6">
        <v>1841</v>
      </c>
      <c r="J322" s="6">
        <v>1765</v>
      </c>
      <c r="K322" s="6">
        <v>576</v>
      </c>
      <c r="L322" s="6">
        <v>2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58</v>
      </c>
      <c r="E323" s="9" t="s">
        <v>227</v>
      </c>
      <c r="F323" s="9" t="s">
        <v>281</v>
      </c>
      <c r="G323" s="9" t="s">
        <v>277</v>
      </c>
      <c r="H323" s="6">
        <v>2751</v>
      </c>
      <c r="I323" s="6">
        <v>2177</v>
      </c>
      <c r="J323" s="6">
        <v>2074</v>
      </c>
      <c r="K323" s="6">
        <v>572</v>
      </c>
      <c r="L323" s="6">
        <v>2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58</v>
      </c>
      <c r="E324" s="9" t="s">
        <v>227</v>
      </c>
      <c r="F324" s="9" t="s">
        <v>281</v>
      </c>
      <c r="G324" s="9" t="s">
        <v>278</v>
      </c>
      <c r="H324" s="6">
        <v>4066</v>
      </c>
      <c r="I324" s="6">
        <v>3271</v>
      </c>
      <c r="J324" s="6">
        <v>3174</v>
      </c>
      <c r="K324" s="6">
        <v>795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58</v>
      </c>
      <c r="E325" s="9" t="s">
        <v>227</v>
      </c>
      <c r="F325" s="9" t="s">
        <v>281</v>
      </c>
      <c r="G325" s="9" t="s">
        <v>279</v>
      </c>
      <c r="H325" s="6">
        <v>2470</v>
      </c>
      <c r="I325" s="6">
        <v>1961</v>
      </c>
      <c r="J325" s="6">
        <v>1896</v>
      </c>
      <c r="K325" s="6">
        <v>506</v>
      </c>
      <c r="L325" s="6">
        <v>3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58</v>
      </c>
      <c r="E326" s="9" t="s">
        <v>227</v>
      </c>
      <c r="F326" s="9" t="s">
        <v>281</v>
      </c>
      <c r="G326" s="9" t="s">
        <v>280</v>
      </c>
      <c r="H326" s="6">
        <v>21539</v>
      </c>
      <c r="I326" s="6">
        <v>14119</v>
      </c>
      <c r="J326" s="6">
        <v>13415</v>
      </c>
      <c r="K326" s="6">
        <v>7380</v>
      </c>
      <c r="L326" s="6">
        <v>40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58</v>
      </c>
      <c r="E327" s="9" t="s">
        <v>227</v>
      </c>
      <c r="F327" s="9" t="s">
        <v>282</v>
      </c>
      <c r="G327" s="9" t="s">
        <v>6</v>
      </c>
      <c r="H327" s="6">
        <v>48209</v>
      </c>
      <c r="I327" s="6">
        <v>37703</v>
      </c>
      <c r="J327" s="6">
        <v>36451</v>
      </c>
      <c r="K327" s="6">
        <v>10484</v>
      </c>
      <c r="L327" s="6">
        <v>22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58</v>
      </c>
      <c r="E328" s="9" t="s">
        <v>227</v>
      </c>
      <c r="F328" s="9" t="s">
        <v>282</v>
      </c>
      <c r="G328" s="9" t="s">
        <v>272</v>
      </c>
      <c r="H328" s="6">
        <v>3138</v>
      </c>
      <c r="I328" s="6">
        <v>1649</v>
      </c>
      <c r="J328" s="6">
        <v>1606</v>
      </c>
      <c r="K328" s="6">
        <v>1486</v>
      </c>
      <c r="L328" s="6">
        <v>3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58</v>
      </c>
      <c r="E329" s="9" t="s">
        <v>227</v>
      </c>
      <c r="F329" s="9" t="s">
        <v>282</v>
      </c>
      <c r="G329" s="9" t="s">
        <v>273</v>
      </c>
      <c r="H329" s="6">
        <v>6097</v>
      </c>
      <c r="I329" s="6">
        <v>4509</v>
      </c>
      <c r="J329" s="6">
        <v>4375</v>
      </c>
      <c r="K329" s="6">
        <v>1585</v>
      </c>
      <c r="L329" s="6">
        <v>3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58</v>
      </c>
      <c r="E330" s="9" t="s">
        <v>227</v>
      </c>
      <c r="F330" s="9" t="s">
        <v>282</v>
      </c>
      <c r="G330" s="9" t="s">
        <v>274</v>
      </c>
      <c r="H330" s="6">
        <v>7141</v>
      </c>
      <c r="I330" s="6">
        <v>5657</v>
      </c>
      <c r="J330" s="6">
        <v>5469</v>
      </c>
      <c r="K330" s="6">
        <v>1483</v>
      </c>
      <c r="L330" s="6">
        <v>1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58</v>
      </c>
      <c r="E331" s="9" t="s">
        <v>227</v>
      </c>
      <c r="F331" s="9" t="s">
        <v>282</v>
      </c>
      <c r="G331" s="9" t="s">
        <v>275</v>
      </c>
      <c r="H331" s="6">
        <v>6350</v>
      </c>
      <c r="I331" s="6">
        <v>5170</v>
      </c>
      <c r="J331" s="6">
        <v>4992</v>
      </c>
      <c r="K331" s="6">
        <v>1178</v>
      </c>
      <c r="L331" s="6">
        <v>2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58</v>
      </c>
      <c r="E332" s="9" t="s">
        <v>227</v>
      </c>
      <c r="F332" s="9" t="s">
        <v>282</v>
      </c>
      <c r="G332" s="9" t="s">
        <v>276</v>
      </c>
      <c r="H332" s="6">
        <v>6202</v>
      </c>
      <c r="I332" s="6">
        <v>5290</v>
      </c>
      <c r="J332" s="6">
        <v>5115</v>
      </c>
      <c r="K332" s="6">
        <v>909</v>
      </c>
      <c r="L332" s="6">
        <v>3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58</v>
      </c>
      <c r="E333" s="9" t="s">
        <v>227</v>
      </c>
      <c r="F333" s="9" t="s">
        <v>282</v>
      </c>
      <c r="G333" s="9" t="s">
        <v>277</v>
      </c>
      <c r="H333" s="6">
        <v>6018</v>
      </c>
      <c r="I333" s="6">
        <v>5174</v>
      </c>
      <c r="J333" s="6">
        <v>5019</v>
      </c>
      <c r="K333" s="6">
        <v>843</v>
      </c>
      <c r="L333" s="6">
        <v>1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58</v>
      </c>
      <c r="E334" s="9" t="s">
        <v>227</v>
      </c>
      <c r="F334" s="9" t="s">
        <v>282</v>
      </c>
      <c r="G334" s="9" t="s">
        <v>278</v>
      </c>
      <c r="H334" s="6">
        <v>4844</v>
      </c>
      <c r="I334" s="6">
        <v>4076</v>
      </c>
      <c r="J334" s="6">
        <v>3944</v>
      </c>
      <c r="K334" s="6">
        <v>767</v>
      </c>
      <c r="L334" s="6">
        <v>1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58</v>
      </c>
      <c r="E335" s="9" t="s">
        <v>227</v>
      </c>
      <c r="F335" s="9" t="s">
        <v>282</v>
      </c>
      <c r="G335" s="9" t="s">
        <v>279</v>
      </c>
      <c r="H335" s="6">
        <v>2124</v>
      </c>
      <c r="I335" s="6">
        <v>1773</v>
      </c>
      <c r="J335" s="6">
        <v>1715</v>
      </c>
      <c r="K335" s="6">
        <v>350</v>
      </c>
      <c r="L335" s="6">
        <v>1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58</v>
      </c>
      <c r="E336" s="9" t="s">
        <v>227</v>
      </c>
      <c r="F336" s="9" t="s">
        <v>282</v>
      </c>
      <c r="G336" s="9" t="s">
        <v>280</v>
      </c>
      <c r="H336" s="6">
        <v>6295</v>
      </c>
      <c r="I336" s="6">
        <v>4405</v>
      </c>
      <c r="J336" s="6">
        <v>4216</v>
      </c>
      <c r="K336" s="6">
        <v>1883</v>
      </c>
      <c r="L336" s="6">
        <v>7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58</v>
      </c>
      <c r="E337" s="9" t="s">
        <v>227</v>
      </c>
      <c r="F337" s="9" t="s">
        <v>283</v>
      </c>
      <c r="G337" s="9" t="s">
        <v>6</v>
      </c>
      <c r="H337" s="6">
        <v>21921</v>
      </c>
      <c r="I337" s="6">
        <v>17684</v>
      </c>
      <c r="J337" s="6">
        <v>17127</v>
      </c>
      <c r="K337" s="6">
        <v>4229</v>
      </c>
      <c r="L337" s="6">
        <v>8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58</v>
      </c>
      <c r="E338" s="9" t="s">
        <v>227</v>
      </c>
      <c r="F338" s="9" t="s">
        <v>283</v>
      </c>
      <c r="G338" s="9" t="s">
        <v>272</v>
      </c>
      <c r="H338" s="6">
        <v>1848</v>
      </c>
      <c r="I338" s="6">
        <v>985</v>
      </c>
      <c r="J338" s="6">
        <v>953</v>
      </c>
      <c r="K338" s="6">
        <v>863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58</v>
      </c>
      <c r="E339" s="9" t="s">
        <v>227</v>
      </c>
      <c r="F339" s="9" t="s">
        <v>283</v>
      </c>
      <c r="G339" s="9" t="s">
        <v>273</v>
      </c>
      <c r="H339" s="6">
        <v>3771</v>
      </c>
      <c r="I339" s="6">
        <v>2887</v>
      </c>
      <c r="J339" s="6">
        <v>2799</v>
      </c>
      <c r="K339" s="6">
        <v>884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58</v>
      </c>
      <c r="E340" s="9" t="s">
        <v>227</v>
      </c>
      <c r="F340" s="9" t="s">
        <v>283</v>
      </c>
      <c r="G340" s="9" t="s">
        <v>274</v>
      </c>
      <c r="H340" s="6">
        <v>4961</v>
      </c>
      <c r="I340" s="6">
        <v>4154</v>
      </c>
      <c r="J340" s="6">
        <v>4013</v>
      </c>
      <c r="K340" s="6">
        <v>804</v>
      </c>
      <c r="L340" s="6">
        <v>3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58</v>
      </c>
      <c r="E341" s="9" t="s">
        <v>227</v>
      </c>
      <c r="F341" s="9" t="s">
        <v>283</v>
      </c>
      <c r="G341" s="9" t="s">
        <v>275</v>
      </c>
      <c r="H341" s="6">
        <v>4116</v>
      </c>
      <c r="I341" s="6">
        <v>3495</v>
      </c>
      <c r="J341" s="6">
        <v>3391</v>
      </c>
      <c r="K341" s="6">
        <v>618</v>
      </c>
      <c r="L341" s="6">
        <v>3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58</v>
      </c>
      <c r="E342" s="9" t="s">
        <v>227</v>
      </c>
      <c r="F342" s="9" t="s">
        <v>283</v>
      </c>
      <c r="G342" s="9" t="s">
        <v>276</v>
      </c>
      <c r="H342" s="6">
        <v>3219</v>
      </c>
      <c r="I342" s="6">
        <v>2818</v>
      </c>
      <c r="J342" s="6">
        <v>2732</v>
      </c>
      <c r="K342" s="6">
        <v>401</v>
      </c>
      <c r="L342" s="10" t="s">
        <v>55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58</v>
      </c>
      <c r="E343" s="9" t="s">
        <v>227</v>
      </c>
      <c r="F343" s="9" t="s">
        <v>283</v>
      </c>
      <c r="G343" s="9" t="s">
        <v>277</v>
      </c>
      <c r="H343" s="6">
        <v>2122</v>
      </c>
      <c r="I343" s="6">
        <v>1843</v>
      </c>
      <c r="J343" s="6">
        <v>1792</v>
      </c>
      <c r="K343" s="6">
        <v>278</v>
      </c>
      <c r="L343" s="6">
        <v>1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58</v>
      </c>
      <c r="E344" s="9" t="s">
        <v>227</v>
      </c>
      <c r="F344" s="9" t="s">
        <v>283</v>
      </c>
      <c r="G344" s="9" t="s">
        <v>278</v>
      </c>
      <c r="H344" s="6">
        <v>1000</v>
      </c>
      <c r="I344" s="6">
        <v>844</v>
      </c>
      <c r="J344" s="6">
        <v>812</v>
      </c>
      <c r="K344" s="6">
        <v>156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58</v>
      </c>
      <c r="E345" s="9" t="s">
        <v>227</v>
      </c>
      <c r="F345" s="9" t="s">
        <v>283</v>
      </c>
      <c r="G345" s="9" t="s">
        <v>279</v>
      </c>
      <c r="H345" s="6">
        <v>303</v>
      </c>
      <c r="I345" s="6">
        <v>253</v>
      </c>
      <c r="J345" s="6">
        <v>243</v>
      </c>
      <c r="K345" s="6">
        <v>50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58</v>
      </c>
      <c r="E346" s="9" t="s">
        <v>227</v>
      </c>
      <c r="F346" s="9" t="s">
        <v>283</v>
      </c>
      <c r="G346" s="9" t="s">
        <v>280</v>
      </c>
      <c r="H346" s="6">
        <v>581</v>
      </c>
      <c r="I346" s="6">
        <v>405</v>
      </c>
      <c r="J346" s="6">
        <v>392</v>
      </c>
      <c r="K346" s="6">
        <v>175</v>
      </c>
      <c r="L346" s="6">
        <v>1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58</v>
      </c>
      <c r="E347" s="9" t="s">
        <v>228</v>
      </c>
      <c r="F347" s="9" t="s">
        <v>6</v>
      </c>
      <c r="G347" s="9" t="s">
        <v>6</v>
      </c>
      <c r="H347" s="6">
        <v>88277</v>
      </c>
      <c r="I347" s="6">
        <v>15103</v>
      </c>
      <c r="J347" s="6">
        <v>13464</v>
      </c>
      <c r="K347" s="6">
        <v>72984</v>
      </c>
      <c r="L347" s="6">
        <v>190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58</v>
      </c>
      <c r="E348" s="9" t="s">
        <v>228</v>
      </c>
      <c r="F348" s="9" t="s">
        <v>234</v>
      </c>
      <c r="G348" s="9" t="s">
        <v>6</v>
      </c>
      <c r="H348" s="6">
        <v>62650</v>
      </c>
      <c r="I348" s="6">
        <v>9430</v>
      </c>
      <c r="J348" s="6">
        <v>8403</v>
      </c>
      <c r="K348" s="6">
        <v>53063</v>
      </c>
      <c r="L348" s="6">
        <v>157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58</v>
      </c>
      <c r="E349" s="9" t="s">
        <v>228</v>
      </c>
      <c r="F349" s="9" t="s">
        <v>235</v>
      </c>
      <c r="G349" s="9" t="s">
        <v>6</v>
      </c>
      <c r="H349" s="6">
        <v>25627</v>
      </c>
      <c r="I349" s="6">
        <v>5673</v>
      </c>
      <c r="J349" s="6">
        <v>5061</v>
      </c>
      <c r="K349" s="6">
        <v>19921</v>
      </c>
      <c r="L349" s="6">
        <v>33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58</v>
      </c>
      <c r="E350" s="9" t="s">
        <v>228</v>
      </c>
      <c r="F350" s="9" t="s">
        <v>235</v>
      </c>
      <c r="G350" s="9" t="s">
        <v>272</v>
      </c>
      <c r="H350" s="6">
        <v>119</v>
      </c>
      <c r="I350" s="6">
        <v>47</v>
      </c>
      <c r="J350" s="6">
        <v>47</v>
      </c>
      <c r="K350" s="6">
        <v>70</v>
      </c>
      <c r="L350" s="6">
        <v>2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58</v>
      </c>
      <c r="E351" s="9" t="s">
        <v>228</v>
      </c>
      <c r="F351" s="9" t="s">
        <v>235</v>
      </c>
      <c r="G351" s="9" t="s">
        <v>273</v>
      </c>
      <c r="H351" s="6">
        <v>180</v>
      </c>
      <c r="I351" s="6">
        <v>101</v>
      </c>
      <c r="J351" s="6">
        <v>99</v>
      </c>
      <c r="K351" s="6">
        <v>78</v>
      </c>
      <c r="L351" s="6">
        <v>1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58</v>
      </c>
      <c r="E352" s="9" t="s">
        <v>228</v>
      </c>
      <c r="F352" s="9" t="s">
        <v>235</v>
      </c>
      <c r="G352" s="9" t="s">
        <v>274</v>
      </c>
      <c r="H352" s="6">
        <v>201</v>
      </c>
      <c r="I352" s="6">
        <v>137</v>
      </c>
      <c r="J352" s="6">
        <v>131</v>
      </c>
      <c r="K352" s="6">
        <v>64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58</v>
      </c>
      <c r="E353" s="9" t="s">
        <v>228</v>
      </c>
      <c r="F353" s="9" t="s">
        <v>235</v>
      </c>
      <c r="G353" s="9" t="s">
        <v>275</v>
      </c>
      <c r="H353" s="6">
        <v>215</v>
      </c>
      <c r="I353" s="6">
        <v>149</v>
      </c>
      <c r="J353" s="6">
        <v>134</v>
      </c>
      <c r="K353" s="6">
        <v>64</v>
      </c>
      <c r="L353" s="6">
        <v>2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58</v>
      </c>
      <c r="E354" s="9" t="s">
        <v>228</v>
      </c>
      <c r="F354" s="9" t="s">
        <v>235</v>
      </c>
      <c r="G354" s="9" t="s">
        <v>276</v>
      </c>
      <c r="H354" s="6">
        <v>200</v>
      </c>
      <c r="I354" s="6">
        <v>141</v>
      </c>
      <c r="J354" s="6">
        <v>134</v>
      </c>
      <c r="K354" s="6">
        <v>59</v>
      </c>
      <c r="L354" s="10" t="s">
        <v>55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58</v>
      </c>
      <c r="E355" s="9" t="s">
        <v>228</v>
      </c>
      <c r="F355" s="9" t="s">
        <v>235</v>
      </c>
      <c r="G355" s="9" t="s">
        <v>277</v>
      </c>
      <c r="H355" s="6">
        <v>237</v>
      </c>
      <c r="I355" s="6">
        <v>190</v>
      </c>
      <c r="J355" s="6">
        <v>182</v>
      </c>
      <c r="K355" s="6">
        <v>47</v>
      </c>
      <c r="L355" s="10" t="s">
        <v>55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58</v>
      </c>
      <c r="E356" s="9" t="s">
        <v>228</v>
      </c>
      <c r="F356" s="9" t="s">
        <v>235</v>
      </c>
      <c r="G356" s="9" t="s">
        <v>278</v>
      </c>
      <c r="H356" s="6">
        <v>277</v>
      </c>
      <c r="I356" s="6">
        <v>212</v>
      </c>
      <c r="J356" s="6">
        <v>202</v>
      </c>
      <c r="K356" s="6">
        <v>65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58</v>
      </c>
      <c r="E357" s="9" t="s">
        <v>228</v>
      </c>
      <c r="F357" s="9" t="s">
        <v>235</v>
      </c>
      <c r="G357" s="9" t="s">
        <v>279</v>
      </c>
      <c r="H357" s="6">
        <v>217</v>
      </c>
      <c r="I357" s="6">
        <v>160</v>
      </c>
      <c r="J357" s="6">
        <v>158</v>
      </c>
      <c r="K357" s="6">
        <v>57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58</v>
      </c>
      <c r="E358" s="9" t="s">
        <v>228</v>
      </c>
      <c r="F358" s="9" t="s">
        <v>235</v>
      </c>
      <c r="G358" s="9" t="s">
        <v>280</v>
      </c>
      <c r="H358" s="6">
        <v>23981</v>
      </c>
      <c r="I358" s="6">
        <v>4536</v>
      </c>
      <c r="J358" s="6">
        <v>3974</v>
      </c>
      <c r="K358" s="6">
        <v>19417</v>
      </c>
      <c r="L358" s="6">
        <v>28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58</v>
      </c>
      <c r="E359" s="9" t="s">
        <v>228</v>
      </c>
      <c r="F359" s="9" t="s">
        <v>281</v>
      </c>
      <c r="G359" s="9" t="s">
        <v>6</v>
      </c>
      <c r="H359" s="6">
        <v>20974</v>
      </c>
      <c r="I359" s="6">
        <v>4108</v>
      </c>
      <c r="J359" s="6">
        <v>3614</v>
      </c>
      <c r="K359" s="6">
        <v>16842</v>
      </c>
      <c r="L359" s="6">
        <v>24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58</v>
      </c>
      <c r="E360" s="9" t="s">
        <v>228</v>
      </c>
      <c r="F360" s="9" t="s">
        <v>281</v>
      </c>
      <c r="G360" s="9" t="s">
        <v>272</v>
      </c>
      <c r="H360" s="6">
        <v>51</v>
      </c>
      <c r="I360" s="6">
        <v>23</v>
      </c>
      <c r="J360" s="6">
        <v>23</v>
      </c>
      <c r="K360" s="6">
        <v>27</v>
      </c>
      <c r="L360" s="6">
        <v>1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58</v>
      </c>
      <c r="E361" s="9" t="s">
        <v>228</v>
      </c>
      <c r="F361" s="9" t="s">
        <v>281</v>
      </c>
      <c r="G361" s="9" t="s">
        <v>273</v>
      </c>
      <c r="H361" s="6">
        <v>64</v>
      </c>
      <c r="I361" s="6">
        <v>38</v>
      </c>
      <c r="J361" s="6">
        <v>37</v>
      </c>
      <c r="K361" s="6">
        <v>26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58</v>
      </c>
      <c r="E362" s="9" t="s">
        <v>228</v>
      </c>
      <c r="F362" s="9" t="s">
        <v>281</v>
      </c>
      <c r="G362" s="9" t="s">
        <v>274</v>
      </c>
      <c r="H362" s="6">
        <v>72</v>
      </c>
      <c r="I362" s="6">
        <v>53</v>
      </c>
      <c r="J362" s="6">
        <v>52</v>
      </c>
      <c r="K362" s="6">
        <v>19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58</v>
      </c>
      <c r="E363" s="9" t="s">
        <v>228</v>
      </c>
      <c r="F363" s="9" t="s">
        <v>281</v>
      </c>
      <c r="G363" s="9" t="s">
        <v>275</v>
      </c>
      <c r="H363" s="6">
        <v>52</v>
      </c>
      <c r="I363" s="6">
        <v>37</v>
      </c>
      <c r="J363" s="6">
        <v>33</v>
      </c>
      <c r="K363" s="6">
        <v>15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58</v>
      </c>
      <c r="E364" s="9" t="s">
        <v>228</v>
      </c>
      <c r="F364" s="9" t="s">
        <v>281</v>
      </c>
      <c r="G364" s="9" t="s">
        <v>276</v>
      </c>
      <c r="H364" s="6">
        <v>65</v>
      </c>
      <c r="I364" s="6">
        <v>41</v>
      </c>
      <c r="J364" s="6">
        <v>39</v>
      </c>
      <c r="K364" s="6">
        <v>24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58</v>
      </c>
      <c r="E365" s="9" t="s">
        <v>228</v>
      </c>
      <c r="F365" s="9" t="s">
        <v>281</v>
      </c>
      <c r="G365" s="9" t="s">
        <v>277</v>
      </c>
      <c r="H365" s="6">
        <v>83</v>
      </c>
      <c r="I365" s="6">
        <v>62</v>
      </c>
      <c r="J365" s="6">
        <v>59</v>
      </c>
      <c r="K365" s="6">
        <v>21</v>
      </c>
      <c r="L365" s="10" t="s">
        <v>55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58</v>
      </c>
      <c r="E366" s="9" t="s">
        <v>228</v>
      </c>
      <c r="F366" s="9" t="s">
        <v>281</v>
      </c>
      <c r="G366" s="9" t="s">
        <v>278</v>
      </c>
      <c r="H366" s="6">
        <v>132</v>
      </c>
      <c r="I366" s="6">
        <v>100</v>
      </c>
      <c r="J366" s="6">
        <v>95</v>
      </c>
      <c r="K366" s="6">
        <v>32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58</v>
      </c>
      <c r="E367" s="9" t="s">
        <v>228</v>
      </c>
      <c r="F367" s="9" t="s">
        <v>281</v>
      </c>
      <c r="G367" s="9" t="s">
        <v>279</v>
      </c>
      <c r="H367" s="6">
        <v>111</v>
      </c>
      <c r="I367" s="6">
        <v>81</v>
      </c>
      <c r="J367" s="6">
        <v>80</v>
      </c>
      <c r="K367" s="6">
        <v>30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58</v>
      </c>
      <c r="E368" s="9" t="s">
        <v>228</v>
      </c>
      <c r="F368" s="9" t="s">
        <v>281</v>
      </c>
      <c r="G368" s="9" t="s">
        <v>280</v>
      </c>
      <c r="H368" s="6">
        <v>20344</v>
      </c>
      <c r="I368" s="6">
        <v>3673</v>
      </c>
      <c r="J368" s="6">
        <v>3196</v>
      </c>
      <c r="K368" s="6">
        <v>16648</v>
      </c>
      <c r="L368" s="6">
        <v>23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58</v>
      </c>
      <c r="E369" s="9" t="s">
        <v>228</v>
      </c>
      <c r="F369" s="9" t="s">
        <v>282</v>
      </c>
      <c r="G369" s="9" t="s">
        <v>6</v>
      </c>
      <c r="H369" s="6">
        <v>4103</v>
      </c>
      <c r="I369" s="6">
        <v>1274</v>
      </c>
      <c r="J369" s="6">
        <v>1176</v>
      </c>
      <c r="K369" s="6">
        <v>2822</v>
      </c>
      <c r="L369" s="6">
        <v>7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58</v>
      </c>
      <c r="E370" s="9" t="s">
        <v>228</v>
      </c>
      <c r="F370" s="9" t="s">
        <v>282</v>
      </c>
      <c r="G370" s="9" t="s">
        <v>272</v>
      </c>
      <c r="H370" s="6">
        <v>40</v>
      </c>
      <c r="I370" s="6">
        <v>13</v>
      </c>
      <c r="J370" s="6">
        <v>13</v>
      </c>
      <c r="K370" s="6">
        <v>26</v>
      </c>
      <c r="L370" s="6">
        <v>1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58</v>
      </c>
      <c r="E371" s="9" t="s">
        <v>228</v>
      </c>
      <c r="F371" s="9" t="s">
        <v>282</v>
      </c>
      <c r="G371" s="9" t="s">
        <v>273</v>
      </c>
      <c r="H371" s="6">
        <v>73</v>
      </c>
      <c r="I371" s="6">
        <v>36</v>
      </c>
      <c r="J371" s="6">
        <v>36</v>
      </c>
      <c r="K371" s="6">
        <v>37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58</v>
      </c>
      <c r="E372" s="9" t="s">
        <v>228</v>
      </c>
      <c r="F372" s="9" t="s">
        <v>282</v>
      </c>
      <c r="G372" s="9" t="s">
        <v>274</v>
      </c>
      <c r="H372" s="6">
        <v>70</v>
      </c>
      <c r="I372" s="6">
        <v>43</v>
      </c>
      <c r="J372" s="6">
        <v>42</v>
      </c>
      <c r="K372" s="6">
        <v>27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58</v>
      </c>
      <c r="E373" s="9" t="s">
        <v>228</v>
      </c>
      <c r="F373" s="9" t="s">
        <v>282</v>
      </c>
      <c r="G373" s="9" t="s">
        <v>275</v>
      </c>
      <c r="H373" s="6">
        <v>95</v>
      </c>
      <c r="I373" s="6">
        <v>65</v>
      </c>
      <c r="J373" s="6">
        <v>59</v>
      </c>
      <c r="K373" s="6">
        <v>29</v>
      </c>
      <c r="L373" s="6">
        <v>1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58</v>
      </c>
      <c r="E374" s="9" t="s">
        <v>228</v>
      </c>
      <c r="F374" s="9" t="s">
        <v>282</v>
      </c>
      <c r="G374" s="9" t="s">
        <v>276</v>
      </c>
      <c r="H374" s="6">
        <v>99</v>
      </c>
      <c r="I374" s="6">
        <v>75</v>
      </c>
      <c r="J374" s="6">
        <v>71</v>
      </c>
      <c r="K374" s="6">
        <v>24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58</v>
      </c>
      <c r="E375" s="9" t="s">
        <v>228</v>
      </c>
      <c r="F375" s="9" t="s">
        <v>282</v>
      </c>
      <c r="G375" s="9" t="s">
        <v>277</v>
      </c>
      <c r="H375" s="6">
        <v>118</v>
      </c>
      <c r="I375" s="6">
        <v>95</v>
      </c>
      <c r="J375" s="6">
        <v>92</v>
      </c>
      <c r="K375" s="6">
        <v>23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58</v>
      </c>
      <c r="E376" s="9" t="s">
        <v>228</v>
      </c>
      <c r="F376" s="9" t="s">
        <v>282</v>
      </c>
      <c r="G376" s="9" t="s">
        <v>278</v>
      </c>
      <c r="H376" s="6">
        <v>117</v>
      </c>
      <c r="I376" s="6">
        <v>91</v>
      </c>
      <c r="J376" s="6">
        <v>86</v>
      </c>
      <c r="K376" s="6">
        <v>26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58</v>
      </c>
      <c r="E377" s="9" t="s">
        <v>228</v>
      </c>
      <c r="F377" s="9" t="s">
        <v>282</v>
      </c>
      <c r="G377" s="9" t="s">
        <v>279</v>
      </c>
      <c r="H377" s="6">
        <v>87</v>
      </c>
      <c r="I377" s="6">
        <v>66</v>
      </c>
      <c r="J377" s="6">
        <v>65</v>
      </c>
      <c r="K377" s="6">
        <v>21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58</v>
      </c>
      <c r="E378" s="9" t="s">
        <v>228</v>
      </c>
      <c r="F378" s="9" t="s">
        <v>282</v>
      </c>
      <c r="G378" s="9" t="s">
        <v>280</v>
      </c>
      <c r="H378" s="6">
        <v>3404</v>
      </c>
      <c r="I378" s="6">
        <v>790</v>
      </c>
      <c r="J378" s="6">
        <v>712</v>
      </c>
      <c r="K378" s="6">
        <v>2609</v>
      </c>
      <c r="L378" s="6">
        <v>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58</v>
      </c>
      <c r="E379" s="9" t="s">
        <v>228</v>
      </c>
      <c r="F379" s="9" t="s">
        <v>283</v>
      </c>
      <c r="G379" s="9" t="s">
        <v>6</v>
      </c>
      <c r="H379" s="6">
        <v>550</v>
      </c>
      <c r="I379" s="6">
        <v>291</v>
      </c>
      <c r="J379" s="6">
        <v>271</v>
      </c>
      <c r="K379" s="6">
        <v>257</v>
      </c>
      <c r="L379" s="6">
        <v>2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58</v>
      </c>
      <c r="E380" s="9" t="s">
        <v>228</v>
      </c>
      <c r="F380" s="9" t="s">
        <v>283</v>
      </c>
      <c r="G380" s="9" t="s">
        <v>272</v>
      </c>
      <c r="H380" s="6">
        <v>28</v>
      </c>
      <c r="I380" s="6">
        <v>11</v>
      </c>
      <c r="J380" s="6">
        <v>11</v>
      </c>
      <c r="K380" s="6">
        <v>17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58</v>
      </c>
      <c r="E381" s="9" t="s">
        <v>228</v>
      </c>
      <c r="F381" s="9" t="s">
        <v>283</v>
      </c>
      <c r="G381" s="9" t="s">
        <v>273</v>
      </c>
      <c r="H381" s="6">
        <v>43</v>
      </c>
      <c r="I381" s="6">
        <v>27</v>
      </c>
      <c r="J381" s="6">
        <v>26</v>
      </c>
      <c r="K381" s="6">
        <v>15</v>
      </c>
      <c r="L381" s="6">
        <v>1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58</v>
      </c>
      <c r="E382" s="9" t="s">
        <v>228</v>
      </c>
      <c r="F382" s="9" t="s">
        <v>283</v>
      </c>
      <c r="G382" s="9" t="s">
        <v>274</v>
      </c>
      <c r="H382" s="6">
        <v>59</v>
      </c>
      <c r="I382" s="6">
        <v>41</v>
      </c>
      <c r="J382" s="6">
        <v>37</v>
      </c>
      <c r="K382" s="6">
        <v>18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58</v>
      </c>
      <c r="E383" s="9" t="s">
        <v>228</v>
      </c>
      <c r="F383" s="9" t="s">
        <v>283</v>
      </c>
      <c r="G383" s="9" t="s">
        <v>275</v>
      </c>
      <c r="H383" s="6">
        <v>68</v>
      </c>
      <c r="I383" s="6">
        <v>47</v>
      </c>
      <c r="J383" s="6">
        <v>42</v>
      </c>
      <c r="K383" s="6">
        <v>20</v>
      </c>
      <c r="L383" s="6">
        <v>1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58</v>
      </c>
      <c r="E384" s="9" t="s">
        <v>228</v>
      </c>
      <c r="F384" s="9" t="s">
        <v>283</v>
      </c>
      <c r="G384" s="9" t="s">
        <v>276</v>
      </c>
      <c r="H384" s="6">
        <v>36</v>
      </c>
      <c r="I384" s="6">
        <v>25</v>
      </c>
      <c r="J384" s="6">
        <v>24</v>
      </c>
      <c r="K384" s="6">
        <v>11</v>
      </c>
      <c r="L384" s="10" t="s">
        <v>55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58</v>
      </c>
      <c r="E385" s="9" t="s">
        <v>228</v>
      </c>
      <c r="F385" s="9" t="s">
        <v>283</v>
      </c>
      <c r="G385" s="9" t="s">
        <v>277</v>
      </c>
      <c r="H385" s="6">
        <v>36</v>
      </c>
      <c r="I385" s="6">
        <v>33</v>
      </c>
      <c r="J385" s="6">
        <v>31</v>
      </c>
      <c r="K385" s="6">
        <v>3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58</v>
      </c>
      <c r="E386" s="9" t="s">
        <v>228</v>
      </c>
      <c r="F386" s="9" t="s">
        <v>283</v>
      </c>
      <c r="G386" s="9" t="s">
        <v>278</v>
      </c>
      <c r="H386" s="6">
        <v>28</v>
      </c>
      <c r="I386" s="6">
        <v>21</v>
      </c>
      <c r="J386" s="6">
        <v>21</v>
      </c>
      <c r="K386" s="6">
        <v>7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58</v>
      </c>
      <c r="E387" s="9" t="s">
        <v>228</v>
      </c>
      <c r="F387" s="9" t="s">
        <v>283</v>
      </c>
      <c r="G387" s="9" t="s">
        <v>279</v>
      </c>
      <c r="H387" s="6">
        <v>19</v>
      </c>
      <c r="I387" s="6">
        <v>13</v>
      </c>
      <c r="J387" s="6">
        <v>13</v>
      </c>
      <c r="K387" s="6">
        <v>6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58</v>
      </c>
      <c r="E388" s="9" t="s">
        <v>228</v>
      </c>
      <c r="F388" s="9" t="s">
        <v>283</v>
      </c>
      <c r="G388" s="9" t="s">
        <v>280</v>
      </c>
      <c r="H388" s="6">
        <v>233</v>
      </c>
      <c r="I388" s="6">
        <v>73</v>
      </c>
      <c r="J388" s="6">
        <v>66</v>
      </c>
      <c r="K388" s="6">
        <v>160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58</v>
      </c>
      <c r="E389" s="9" t="s">
        <v>18</v>
      </c>
      <c r="F389" s="9" t="s">
        <v>6</v>
      </c>
      <c r="G389" s="9" t="s">
        <v>6</v>
      </c>
      <c r="H389" s="6">
        <v>16710</v>
      </c>
      <c r="I389" s="6">
        <v>302</v>
      </c>
      <c r="J389" s="6">
        <v>224</v>
      </c>
      <c r="K389" s="6">
        <v>241</v>
      </c>
      <c r="L389" s="6">
        <v>16167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58</v>
      </c>
      <c r="E390" s="9" t="s">
        <v>18</v>
      </c>
      <c r="F390" s="9" t="s">
        <v>234</v>
      </c>
      <c r="G390" s="9" t="s">
        <v>6</v>
      </c>
      <c r="H390" s="6">
        <v>6979</v>
      </c>
      <c r="I390" s="6">
        <v>199</v>
      </c>
      <c r="J390" s="6">
        <v>149</v>
      </c>
      <c r="K390" s="6">
        <v>165</v>
      </c>
      <c r="L390" s="6">
        <v>6615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58</v>
      </c>
      <c r="E391" s="9" t="s">
        <v>18</v>
      </c>
      <c r="F391" s="9" t="s">
        <v>235</v>
      </c>
      <c r="G391" s="9" t="s">
        <v>6</v>
      </c>
      <c r="H391" s="6">
        <v>9731</v>
      </c>
      <c r="I391" s="6">
        <v>103</v>
      </c>
      <c r="J391" s="6">
        <v>75</v>
      </c>
      <c r="K391" s="6">
        <v>76</v>
      </c>
      <c r="L391" s="6">
        <v>9552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58</v>
      </c>
      <c r="E392" s="9" t="s">
        <v>18</v>
      </c>
      <c r="F392" s="9" t="s">
        <v>235</v>
      </c>
      <c r="G392" s="9" t="s">
        <v>272</v>
      </c>
      <c r="H392" s="6">
        <v>827</v>
      </c>
      <c r="I392" s="10" t="s">
        <v>55</v>
      </c>
      <c r="J392" s="10" t="s">
        <v>55</v>
      </c>
      <c r="K392" s="10" t="s">
        <v>55</v>
      </c>
      <c r="L392" s="6">
        <v>827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58</v>
      </c>
      <c r="E393" s="9" t="s">
        <v>18</v>
      </c>
      <c r="F393" s="9" t="s">
        <v>235</v>
      </c>
      <c r="G393" s="9" t="s">
        <v>273</v>
      </c>
      <c r="H393" s="6">
        <v>1604</v>
      </c>
      <c r="I393" s="6">
        <v>5</v>
      </c>
      <c r="J393" s="6">
        <v>4</v>
      </c>
      <c r="K393" s="6">
        <v>2</v>
      </c>
      <c r="L393" s="6">
        <v>1597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58</v>
      </c>
      <c r="E394" s="9" t="s">
        <v>18</v>
      </c>
      <c r="F394" s="9" t="s">
        <v>235</v>
      </c>
      <c r="G394" s="9" t="s">
        <v>274</v>
      </c>
      <c r="H394" s="6">
        <v>1409</v>
      </c>
      <c r="I394" s="6">
        <v>3</v>
      </c>
      <c r="J394" s="6">
        <v>1</v>
      </c>
      <c r="K394" s="10" t="s">
        <v>55</v>
      </c>
      <c r="L394" s="6">
        <v>1406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58</v>
      </c>
      <c r="E395" s="9" t="s">
        <v>18</v>
      </c>
      <c r="F395" s="9" t="s">
        <v>235</v>
      </c>
      <c r="G395" s="9" t="s">
        <v>275</v>
      </c>
      <c r="H395" s="6">
        <v>1088</v>
      </c>
      <c r="I395" s="6">
        <v>6</v>
      </c>
      <c r="J395" s="6">
        <v>6</v>
      </c>
      <c r="K395" s="10" t="s">
        <v>55</v>
      </c>
      <c r="L395" s="6">
        <v>1082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58</v>
      </c>
      <c r="E396" s="9" t="s">
        <v>18</v>
      </c>
      <c r="F396" s="9" t="s">
        <v>235</v>
      </c>
      <c r="G396" s="9" t="s">
        <v>276</v>
      </c>
      <c r="H396" s="6">
        <v>902</v>
      </c>
      <c r="I396" s="6">
        <v>7</v>
      </c>
      <c r="J396" s="6">
        <v>6</v>
      </c>
      <c r="K396" s="6">
        <v>2</v>
      </c>
      <c r="L396" s="6">
        <v>893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58</v>
      </c>
      <c r="E397" s="9" t="s">
        <v>18</v>
      </c>
      <c r="F397" s="9" t="s">
        <v>235</v>
      </c>
      <c r="G397" s="9" t="s">
        <v>277</v>
      </c>
      <c r="H397" s="6">
        <v>785</v>
      </c>
      <c r="I397" s="6">
        <v>7</v>
      </c>
      <c r="J397" s="6">
        <v>6</v>
      </c>
      <c r="K397" s="6">
        <v>2</v>
      </c>
      <c r="L397" s="6">
        <v>776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58</v>
      </c>
      <c r="E398" s="9" t="s">
        <v>18</v>
      </c>
      <c r="F398" s="9" t="s">
        <v>235</v>
      </c>
      <c r="G398" s="9" t="s">
        <v>278</v>
      </c>
      <c r="H398" s="6">
        <v>650</v>
      </c>
      <c r="I398" s="6">
        <v>4</v>
      </c>
      <c r="J398" s="6">
        <v>4</v>
      </c>
      <c r="K398" s="6">
        <v>2</v>
      </c>
      <c r="L398" s="6">
        <v>644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58</v>
      </c>
      <c r="E399" s="9" t="s">
        <v>18</v>
      </c>
      <c r="F399" s="9" t="s">
        <v>235</v>
      </c>
      <c r="G399" s="9" t="s">
        <v>279</v>
      </c>
      <c r="H399" s="6">
        <v>307</v>
      </c>
      <c r="I399" s="6">
        <v>3</v>
      </c>
      <c r="J399" s="6">
        <v>3</v>
      </c>
      <c r="K399" s="10" t="s">
        <v>55</v>
      </c>
      <c r="L399" s="6">
        <v>304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58</v>
      </c>
      <c r="E400" s="9" t="s">
        <v>18</v>
      </c>
      <c r="F400" s="9" t="s">
        <v>235</v>
      </c>
      <c r="G400" s="9" t="s">
        <v>280</v>
      </c>
      <c r="H400" s="6">
        <v>2159</v>
      </c>
      <c r="I400" s="6">
        <v>68</v>
      </c>
      <c r="J400" s="6">
        <v>45</v>
      </c>
      <c r="K400" s="6">
        <v>68</v>
      </c>
      <c r="L400" s="6">
        <v>2023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58</v>
      </c>
      <c r="E401" s="9" t="s">
        <v>18</v>
      </c>
      <c r="F401" s="9" t="s">
        <v>281</v>
      </c>
      <c r="G401" s="9" t="s">
        <v>6</v>
      </c>
      <c r="H401" s="6">
        <v>3924</v>
      </c>
      <c r="I401" s="6">
        <v>62</v>
      </c>
      <c r="J401" s="6">
        <v>44</v>
      </c>
      <c r="K401" s="6">
        <v>54</v>
      </c>
      <c r="L401" s="6">
        <v>3808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58</v>
      </c>
      <c r="E402" s="9" t="s">
        <v>18</v>
      </c>
      <c r="F402" s="9" t="s">
        <v>281</v>
      </c>
      <c r="G402" s="9" t="s">
        <v>272</v>
      </c>
      <c r="H402" s="6">
        <v>341</v>
      </c>
      <c r="I402" s="10" t="s">
        <v>55</v>
      </c>
      <c r="J402" s="10" t="s">
        <v>55</v>
      </c>
      <c r="K402" s="10" t="s">
        <v>55</v>
      </c>
      <c r="L402" s="6">
        <v>341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58</v>
      </c>
      <c r="E403" s="9" t="s">
        <v>18</v>
      </c>
      <c r="F403" s="9" t="s">
        <v>281</v>
      </c>
      <c r="G403" s="9" t="s">
        <v>273</v>
      </c>
      <c r="H403" s="6">
        <v>593</v>
      </c>
      <c r="I403" s="6">
        <v>2</v>
      </c>
      <c r="J403" s="6">
        <v>1</v>
      </c>
      <c r="K403" s="10" t="s">
        <v>55</v>
      </c>
      <c r="L403" s="6">
        <v>591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58</v>
      </c>
      <c r="E404" s="9" t="s">
        <v>18</v>
      </c>
      <c r="F404" s="9" t="s">
        <v>281</v>
      </c>
      <c r="G404" s="9" t="s">
        <v>274</v>
      </c>
      <c r="H404" s="6">
        <v>396</v>
      </c>
      <c r="I404" s="6">
        <v>1</v>
      </c>
      <c r="J404" s="10" t="s">
        <v>55</v>
      </c>
      <c r="K404" s="10" t="s">
        <v>55</v>
      </c>
      <c r="L404" s="6">
        <v>395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58</v>
      </c>
      <c r="E405" s="9" t="s">
        <v>18</v>
      </c>
      <c r="F405" s="9" t="s">
        <v>281</v>
      </c>
      <c r="G405" s="9" t="s">
        <v>275</v>
      </c>
      <c r="H405" s="6">
        <v>238</v>
      </c>
      <c r="I405" s="10" t="s">
        <v>55</v>
      </c>
      <c r="J405" s="10" t="s">
        <v>55</v>
      </c>
      <c r="K405" s="10" t="s">
        <v>55</v>
      </c>
      <c r="L405" s="6">
        <v>238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58</v>
      </c>
      <c r="E406" s="9" t="s">
        <v>18</v>
      </c>
      <c r="F406" s="9" t="s">
        <v>281</v>
      </c>
      <c r="G406" s="9" t="s">
        <v>276</v>
      </c>
      <c r="H406" s="6">
        <v>179</v>
      </c>
      <c r="I406" s="10" t="s">
        <v>55</v>
      </c>
      <c r="J406" s="10" t="s">
        <v>55</v>
      </c>
      <c r="K406" s="10" t="s">
        <v>55</v>
      </c>
      <c r="L406" s="6">
        <v>179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58</v>
      </c>
      <c r="E407" s="9" t="s">
        <v>18</v>
      </c>
      <c r="F407" s="9" t="s">
        <v>281</v>
      </c>
      <c r="G407" s="9" t="s">
        <v>277</v>
      </c>
      <c r="H407" s="6">
        <v>179</v>
      </c>
      <c r="I407" s="6">
        <v>1</v>
      </c>
      <c r="J407" s="6">
        <v>1</v>
      </c>
      <c r="K407" s="10" t="s">
        <v>55</v>
      </c>
      <c r="L407" s="6">
        <v>178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58</v>
      </c>
      <c r="E408" s="9" t="s">
        <v>18</v>
      </c>
      <c r="F408" s="9" t="s">
        <v>281</v>
      </c>
      <c r="G408" s="9" t="s">
        <v>278</v>
      </c>
      <c r="H408" s="6">
        <v>228</v>
      </c>
      <c r="I408" s="6">
        <v>1</v>
      </c>
      <c r="J408" s="6">
        <v>1</v>
      </c>
      <c r="K408" s="6">
        <v>2</v>
      </c>
      <c r="L408" s="6">
        <v>225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58</v>
      </c>
      <c r="E409" s="9" t="s">
        <v>18</v>
      </c>
      <c r="F409" s="9" t="s">
        <v>281</v>
      </c>
      <c r="G409" s="9" t="s">
        <v>279</v>
      </c>
      <c r="H409" s="6">
        <v>141</v>
      </c>
      <c r="I409" s="6">
        <v>2</v>
      </c>
      <c r="J409" s="6">
        <v>2</v>
      </c>
      <c r="K409" s="10" t="s">
        <v>55</v>
      </c>
      <c r="L409" s="6">
        <v>139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58</v>
      </c>
      <c r="E410" s="9" t="s">
        <v>18</v>
      </c>
      <c r="F410" s="9" t="s">
        <v>281</v>
      </c>
      <c r="G410" s="9" t="s">
        <v>280</v>
      </c>
      <c r="H410" s="6">
        <v>1629</v>
      </c>
      <c r="I410" s="6">
        <v>55</v>
      </c>
      <c r="J410" s="6">
        <v>39</v>
      </c>
      <c r="K410" s="6">
        <v>52</v>
      </c>
      <c r="L410" s="6">
        <v>1522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58</v>
      </c>
      <c r="E411" s="9" t="s">
        <v>18</v>
      </c>
      <c r="F411" s="9" t="s">
        <v>282</v>
      </c>
      <c r="G411" s="9" t="s">
        <v>6</v>
      </c>
      <c r="H411" s="6">
        <v>3634</v>
      </c>
      <c r="I411" s="6">
        <v>21</v>
      </c>
      <c r="J411" s="6">
        <v>13</v>
      </c>
      <c r="K411" s="6">
        <v>17</v>
      </c>
      <c r="L411" s="6">
        <v>3596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58</v>
      </c>
      <c r="E412" s="9" t="s">
        <v>18</v>
      </c>
      <c r="F412" s="9" t="s">
        <v>282</v>
      </c>
      <c r="G412" s="9" t="s">
        <v>272</v>
      </c>
      <c r="H412" s="6">
        <v>272</v>
      </c>
      <c r="I412" s="10" t="s">
        <v>55</v>
      </c>
      <c r="J412" s="10" t="s">
        <v>55</v>
      </c>
      <c r="K412" s="10" t="s">
        <v>55</v>
      </c>
      <c r="L412" s="6">
        <v>272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58</v>
      </c>
      <c r="E413" s="9" t="s">
        <v>18</v>
      </c>
      <c r="F413" s="9" t="s">
        <v>282</v>
      </c>
      <c r="G413" s="9" t="s">
        <v>273</v>
      </c>
      <c r="H413" s="6">
        <v>589</v>
      </c>
      <c r="I413" s="6">
        <v>1</v>
      </c>
      <c r="J413" s="6">
        <v>1</v>
      </c>
      <c r="K413" s="10" t="s">
        <v>55</v>
      </c>
      <c r="L413" s="6">
        <v>588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58</v>
      </c>
      <c r="E414" s="9" t="s">
        <v>18</v>
      </c>
      <c r="F414" s="9" t="s">
        <v>282</v>
      </c>
      <c r="G414" s="9" t="s">
        <v>274</v>
      </c>
      <c r="H414" s="6">
        <v>540</v>
      </c>
      <c r="I414" s="10" t="s">
        <v>55</v>
      </c>
      <c r="J414" s="10" t="s">
        <v>55</v>
      </c>
      <c r="K414" s="10" t="s">
        <v>55</v>
      </c>
      <c r="L414" s="6">
        <v>540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58</v>
      </c>
      <c r="E415" s="9" t="s">
        <v>18</v>
      </c>
      <c r="F415" s="9" t="s">
        <v>282</v>
      </c>
      <c r="G415" s="9" t="s">
        <v>275</v>
      </c>
      <c r="H415" s="6">
        <v>464</v>
      </c>
      <c r="I415" s="6">
        <v>1</v>
      </c>
      <c r="J415" s="6">
        <v>1</v>
      </c>
      <c r="K415" s="10" t="s">
        <v>55</v>
      </c>
      <c r="L415" s="6">
        <v>463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58</v>
      </c>
      <c r="E416" s="9" t="s">
        <v>18</v>
      </c>
      <c r="F416" s="9" t="s">
        <v>282</v>
      </c>
      <c r="G416" s="9" t="s">
        <v>276</v>
      </c>
      <c r="H416" s="6">
        <v>442</v>
      </c>
      <c r="I416" s="6">
        <v>2</v>
      </c>
      <c r="J416" s="6">
        <v>2</v>
      </c>
      <c r="K416" s="10" t="s">
        <v>55</v>
      </c>
      <c r="L416" s="6">
        <v>440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58</v>
      </c>
      <c r="E417" s="9" t="s">
        <v>18</v>
      </c>
      <c r="F417" s="9" t="s">
        <v>282</v>
      </c>
      <c r="G417" s="9" t="s">
        <v>277</v>
      </c>
      <c r="H417" s="6">
        <v>386</v>
      </c>
      <c r="I417" s="6">
        <v>3</v>
      </c>
      <c r="J417" s="6">
        <v>2</v>
      </c>
      <c r="K417" s="6">
        <v>2</v>
      </c>
      <c r="L417" s="6">
        <v>381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58</v>
      </c>
      <c r="E418" s="9" t="s">
        <v>18</v>
      </c>
      <c r="F418" s="9" t="s">
        <v>282</v>
      </c>
      <c r="G418" s="9" t="s">
        <v>278</v>
      </c>
      <c r="H418" s="6">
        <v>346</v>
      </c>
      <c r="I418" s="6">
        <v>1</v>
      </c>
      <c r="J418" s="6">
        <v>1</v>
      </c>
      <c r="K418" s="10" t="s">
        <v>55</v>
      </c>
      <c r="L418" s="6">
        <v>345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58</v>
      </c>
      <c r="E419" s="9" t="s">
        <v>18</v>
      </c>
      <c r="F419" s="9" t="s">
        <v>282</v>
      </c>
      <c r="G419" s="9" t="s">
        <v>279</v>
      </c>
      <c r="H419" s="6">
        <v>138</v>
      </c>
      <c r="I419" s="6">
        <v>1</v>
      </c>
      <c r="J419" s="6">
        <v>1</v>
      </c>
      <c r="K419" s="10" t="s">
        <v>55</v>
      </c>
      <c r="L419" s="6">
        <v>137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58</v>
      </c>
      <c r="E420" s="9" t="s">
        <v>18</v>
      </c>
      <c r="F420" s="9" t="s">
        <v>282</v>
      </c>
      <c r="G420" s="9" t="s">
        <v>280</v>
      </c>
      <c r="H420" s="6">
        <v>457</v>
      </c>
      <c r="I420" s="6">
        <v>12</v>
      </c>
      <c r="J420" s="6">
        <v>5</v>
      </c>
      <c r="K420" s="6">
        <v>15</v>
      </c>
      <c r="L420" s="6">
        <v>430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58</v>
      </c>
      <c r="E421" s="9" t="s">
        <v>18</v>
      </c>
      <c r="F421" s="9" t="s">
        <v>283</v>
      </c>
      <c r="G421" s="9" t="s">
        <v>6</v>
      </c>
      <c r="H421" s="6">
        <v>2173</v>
      </c>
      <c r="I421" s="6">
        <v>20</v>
      </c>
      <c r="J421" s="6">
        <v>18</v>
      </c>
      <c r="K421" s="6">
        <v>5</v>
      </c>
      <c r="L421" s="6">
        <v>2148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58</v>
      </c>
      <c r="E422" s="9" t="s">
        <v>18</v>
      </c>
      <c r="F422" s="9" t="s">
        <v>283</v>
      </c>
      <c r="G422" s="9" t="s">
        <v>272</v>
      </c>
      <c r="H422" s="6">
        <v>214</v>
      </c>
      <c r="I422" s="10" t="s">
        <v>55</v>
      </c>
      <c r="J422" s="10" t="s">
        <v>55</v>
      </c>
      <c r="K422" s="10" t="s">
        <v>55</v>
      </c>
      <c r="L422" s="6">
        <v>214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58</v>
      </c>
      <c r="E423" s="9" t="s">
        <v>18</v>
      </c>
      <c r="F423" s="9" t="s">
        <v>283</v>
      </c>
      <c r="G423" s="9" t="s">
        <v>273</v>
      </c>
      <c r="H423" s="6">
        <v>422</v>
      </c>
      <c r="I423" s="6">
        <v>2</v>
      </c>
      <c r="J423" s="6">
        <v>2</v>
      </c>
      <c r="K423" s="6">
        <v>2</v>
      </c>
      <c r="L423" s="6">
        <v>418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58</v>
      </c>
      <c r="E424" s="9" t="s">
        <v>18</v>
      </c>
      <c r="F424" s="9" t="s">
        <v>283</v>
      </c>
      <c r="G424" s="9" t="s">
        <v>274</v>
      </c>
      <c r="H424" s="6">
        <v>473</v>
      </c>
      <c r="I424" s="6">
        <v>2</v>
      </c>
      <c r="J424" s="6">
        <v>1</v>
      </c>
      <c r="K424" s="10" t="s">
        <v>55</v>
      </c>
      <c r="L424" s="6">
        <v>471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58</v>
      </c>
      <c r="E425" s="9" t="s">
        <v>18</v>
      </c>
      <c r="F425" s="9" t="s">
        <v>283</v>
      </c>
      <c r="G425" s="9" t="s">
        <v>275</v>
      </c>
      <c r="H425" s="6">
        <v>386</v>
      </c>
      <c r="I425" s="6">
        <v>5</v>
      </c>
      <c r="J425" s="6">
        <v>5</v>
      </c>
      <c r="K425" s="10" t="s">
        <v>55</v>
      </c>
      <c r="L425" s="6">
        <v>381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58</v>
      </c>
      <c r="E426" s="9" t="s">
        <v>18</v>
      </c>
      <c r="F426" s="9" t="s">
        <v>283</v>
      </c>
      <c r="G426" s="9" t="s">
        <v>276</v>
      </c>
      <c r="H426" s="6">
        <v>281</v>
      </c>
      <c r="I426" s="6">
        <v>5</v>
      </c>
      <c r="J426" s="6">
        <v>4</v>
      </c>
      <c r="K426" s="6">
        <v>2</v>
      </c>
      <c r="L426" s="6">
        <v>274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58</v>
      </c>
      <c r="E427" s="9" t="s">
        <v>18</v>
      </c>
      <c r="F427" s="9" t="s">
        <v>283</v>
      </c>
      <c r="G427" s="9" t="s">
        <v>277</v>
      </c>
      <c r="H427" s="6">
        <v>220</v>
      </c>
      <c r="I427" s="6">
        <v>3</v>
      </c>
      <c r="J427" s="6">
        <v>3</v>
      </c>
      <c r="K427" s="10" t="s">
        <v>55</v>
      </c>
      <c r="L427" s="6">
        <v>217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58</v>
      </c>
      <c r="E428" s="9" t="s">
        <v>18</v>
      </c>
      <c r="F428" s="9" t="s">
        <v>283</v>
      </c>
      <c r="G428" s="9" t="s">
        <v>278</v>
      </c>
      <c r="H428" s="6">
        <v>76</v>
      </c>
      <c r="I428" s="6">
        <v>2</v>
      </c>
      <c r="J428" s="6">
        <v>2</v>
      </c>
      <c r="K428" s="10" t="s">
        <v>55</v>
      </c>
      <c r="L428" s="6">
        <v>74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58</v>
      </c>
      <c r="E429" s="9" t="s">
        <v>18</v>
      </c>
      <c r="F429" s="9" t="s">
        <v>283</v>
      </c>
      <c r="G429" s="9" t="s">
        <v>279</v>
      </c>
      <c r="H429" s="6">
        <v>28</v>
      </c>
      <c r="I429" s="10" t="s">
        <v>55</v>
      </c>
      <c r="J429" s="10" t="s">
        <v>55</v>
      </c>
      <c r="K429" s="10" t="s">
        <v>55</v>
      </c>
      <c r="L429" s="6">
        <v>28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58</v>
      </c>
      <c r="E430" s="9" t="s">
        <v>18</v>
      </c>
      <c r="F430" s="9" t="s">
        <v>283</v>
      </c>
      <c r="G430" s="9" t="s">
        <v>280</v>
      </c>
      <c r="H430" s="6">
        <v>73</v>
      </c>
      <c r="I430" s="6">
        <v>1</v>
      </c>
      <c r="J430" s="6">
        <v>1</v>
      </c>
      <c r="K430" s="6">
        <v>1</v>
      </c>
      <c r="L430" s="6">
        <v>71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58</v>
      </c>
      <c r="E431" s="9" t="s">
        <v>6</v>
      </c>
      <c r="F431" s="9" t="s">
        <v>6</v>
      </c>
      <c r="G431" s="9" t="s">
        <v>6</v>
      </c>
      <c r="H431" s="6">
        <v>21026</v>
      </c>
      <c r="I431" s="6">
        <v>10858</v>
      </c>
      <c r="J431" s="6">
        <v>9152</v>
      </c>
      <c r="K431" s="6">
        <v>9297</v>
      </c>
      <c r="L431" s="6">
        <v>871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58</v>
      </c>
      <c r="E432" s="9" t="s">
        <v>6</v>
      </c>
      <c r="F432" s="9" t="s">
        <v>234</v>
      </c>
      <c r="G432" s="9" t="s">
        <v>6</v>
      </c>
      <c r="H432" s="6">
        <v>10245</v>
      </c>
      <c r="I432" s="6">
        <v>4126</v>
      </c>
      <c r="J432" s="6">
        <v>3226</v>
      </c>
      <c r="K432" s="6">
        <v>5865</v>
      </c>
      <c r="L432" s="6">
        <v>254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58</v>
      </c>
      <c r="E433" s="9" t="s">
        <v>6</v>
      </c>
      <c r="F433" s="9" t="s">
        <v>235</v>
      </c>
      <c r="G433" s="9" t="s">
        <v>6</v>
      </c>
      <c r="H433" s="6">
        <v>10781</v>
      </c>
      <c r="I433" s="6">
        <v>6732</v>
      </c>
      <c r="J433" s="6">
        <v>5926</v>
      </c>
      <c r="K433" s="6">
        <v>3432</v>
      </c>
      <c r="L433" s="6">
        <v>617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58</v>
      </c>
      <c r="E434" s="9" t="s">
        <v>6</v>
      </c>
      <c r="F434" s="9" t="s">
        <v>235</v>
      </c>
      <c r="G434" s="9" t="s">
        <v>272</v>
      </c>
      <c r="H434" s="6">
        <v>575</v>
      </c>
      <c r="I434" s="6">
        <v>268</v>
      </c>
      <c r="J434" s="6">
        <v>258</v>
      </c>
      <c r="K434" s="6">
        <v>252</v>
      </c>
      <c r="L434" s="6">
        <v>55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58</v>
      </c>
      <c r="E435" s="9" t="s">
        <v>6</v>
      </c>
      <c r="F435" s="9" t="s">
        <v>235</v>
      </c>
      <c r="G435" s="9" t="s">
        <v>273</v>
      </c>
      <c r="H435" s="6">
        <v>987</v>
      </c>
      <c r="I435" s="6">
        <v>691</v>
      </c>
      <c r="J435" s="6">
        <v>652</v>
      </c>
      <c r="K435" s="6">
        <v>191</v>
      </c>
      <c r="L435" s="6">
        <v>105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58</v>
      </c>
      <c r="E436" s="9" t="s">
        <v>6</v>
      </c>
      <c r="F436" s="9" t="s">
        <v>235</v>
      </c>
      <c r="G436" s="9" t="s">
        <v>274</v>
      </c>
      <c r="H436" s="6">
        <v>1110</v>
      </c>
      <c r="I436" s="6">
        <v>879</v>
      </c>
      <c r="J436" s="6">
        <v>820</v>
      </c>
      <c r="K436" s="6">
        <v>132</v>
      </c>
      <c r="L436" s="6">
        <v>99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58</v>
      </c>
      <c r="E437" s="9" t="s">
        <v>6</v>
      </c>
      <c r="F437" s="9" t="s">
        <v>235</v>
      </c>
      <c r="G437" s="9" t="s">
        <v>275</v>
      </c>
      <c r="H437" s="6">
        <v>920</v>
      </c>
      <c r="I437" s="6">
        <v>719</v>
      </c>
      <c r="J437" s="6">
        <v>674</v>
      </c>
      <c r="K437" s="6">
        <v>125</v>
      </c>
      <c r="L437" s="6">
        <v>76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58</v>
      </c>
      <c r="E438" s="9" t="s">
        <v>6</v>
      </c>
      <c r="F438" s="9" t="s">
        <v>235</v>
      </c>
      <c r="G438" s="9" t="s">
        <v>276</v>
      </c>
      <c r="H438" s="6">
        <v>749</v>
      </c>
      <c r="I438" s="6">
        <v>599</v>
      </c>
      <c r="J438" s="6">
        <v>566</v>
      </c>
      <c r="K438" s="6">
        <v>97</v>
      </c>
      <c r="L438" s="6">
        <v>53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58</v>
      </c>
      <c r="E439" s="9" t="s">
        <v>6</v>
      </c>
      <c r="F439" s="9" t="s">
        <v>235</v>
      </c>
      <c r="G439" s="9" t="s">
        <v>277</v>
      </c>
      <c r="H439" s="6">
        <v>773</v>
      </c>
      <c r="I439" s="6">
        <v>611</v>
      </c>
      <c r="J439" s="6">
        <v>581</v>
      </c>
      <c r="K439" s="6">
        <v>110</v>
      </c>
      <c r="L439" s="6">
        <v>52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58</v>
      </c>
      <c r="E440" s="9" t="s">
        <v>6</v>
      </c>
      <c r="F440" s="9" t="s">
        <v>235</v>
      </c>
      <c r="G440" s="9" t="s">
        <v>278</v>
      </c>
      <c r="H440" s="6">
        <v>677</v>
      </c>
      <c r="I440" s="6">
        <v>539</v>
      </c>
      <c r="J440" s="6">
        <v>513</v>
      </c>
      <c r="K440" s="6">
        <v>100</v>
      </c>
      <c r="L440" s="6">
        <v>38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58</v>
      </c>
      <c r="E441" s="9" t="s">
        <v>6</v>
      </c>
      <c r="F441" s="9" t="s">
        <v>235</v>
      </c>
      <c r="G441" s="9" t="s">
        <v>279</v>
      </c>
      <c r="H441" s="6">
        <v>369</v>
      </c>
      <c r="I441" s="6">
        <v>293</v>
      </c>
      <c r="J441" s="6">
        <v>273</v>
      </c>
      <c r="K441" s="6">
        <v>53</v>
      </c>
      <c r="L441" s="6">
        <v>23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58</v>
      </c>
      <c r="E442" s="9" t="s">
        <v>6</v>
      </c>
      <c r="F442" s="9" t="s">
        <v>235</v>
      </c>
      <c r="G442" s="9" t="s">
        <v>280</v>
      </c>
      <c r="H442" s="6">
        <v>4621</v>
      </c>
      <c r="I442" s="6">
        <v>2133</v>
      </c>
      <c r="J442" s="6">
        <v>1589</v>
      </c>
      <c r="K442" s="6">
        <v>2372</v>
      </c>
      <c r="L442" s="6">
        <v>116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58</v>
      </c>
      <c r="E443" s="9" t="s">
        <v>6</v>
      </c>
      <c r="F443" s="9" t="s">
        <v>281</v>
      </c>
      <c r="G443" s="9" t="s">
        <v>6</v>
      </c>
      <c r="H443" s="6">
        <v>5552</v>
      </c>
      <c r="I443" s="6">
        <v>2926</v>
      </c>
      <c r="J443" s="6">
        <v>2426</v>
      </c>
      <c r="K443" s="6">
        <v>2387</v>
      </c>
      <c r="L443" s="6">
        <v>239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58</v>
      </c>
      <c r="E444" s="9" t="s">
        <v>6</v>
      </c>
      <c r="F444" s="9" t="s">
        <v>281</v>
      </c>
      <c r="G444" s="9" t="s">
        <v>272</v>
      </c>
      <c r="H444" s="6">
        <v>200</v>
      </c>
      <c r="I444" s="6">
        <v>92</v>
      </c>
      <c r="J444" s="6">
        <v>89</v>
      </c>
      <c r="K444" s="6">
        <v>87</v>
      </c>
      <c r="L444" s="6">
        <v>21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58</v>
      </c>
      <c r="E445" s="9" t="s">
        <v>6</v>
      </c>
      <c r="F445" s="9" t="s">
        <v>281</v>
      </c>
      <c r="G445" s="9" t="s">
        <v>273</v>
      </c>
      <c r="H445" s="6">
        <v>334</v>
      </c>
      <c r="I445" s="6">
        <v>206</v>
      </c>
      <c r="J445" s="6">
        <v>197</v>
      </c>
      <c r="K445" s="6">
        <v>92</v>
      </c>
      <c r="L445" s="6">
        <v>36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58</v>
      </c>
      <c r="E446" s="9" t="s">
        <v>6</v>
      </c>
      <c r="F446" s="9" t="s">
        <v>281</v>
      </c>
      <c r="G446" s="9" t="s">
        <v>274</v>
      </c>
      <c r="H446" s="6">
        <v>276</v>
      </c>
      <c r="I446" s="6">
        <v>206</v>
      </c>
      <c r="J446" s="6">
        <v>186</v>
      </c>
      <c r="K446" s="6">
        <v>42</v>
      </c>
      <c r="L446" s="6">
        <v>28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58</v>
      </c>
      <c r="E447" s="9" t="s">
        <v>6</v>
      </c>
      <c r="F447" s="9" t="s">
        <v>281</v>
      </c>
      <c r="G447" s="9" t="s">
        <v>275</v>
      </c>
      <c r="H447" s="6">
        <v>177</v>
      </c>
      <c r="I447" s="6">
        <v>131</v>
      </c>
      <c r="J447" s="6">
        <v>124</v>
      </c>
      <c r="K447" s="6">
        <v>29</v>
      </c>
      <c r="L447" s="6">
        <v>17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58</v>
      </c>
      <c r="E448" s="9" t="s">
        <v>6</v>
      </c>
      <c r="F448" s="9" t="s">
        <v>281</v>
      </c>
      <c r="G448" s="9" t="s">
        <v>276</v>
      </c>
      <c r="H448" s="6">
        <v>159</v>
      </c>
      <c r="I448" s="6">
        <v>112</v>
      </c>
      <c r="J448" s="6">
        <v>111</v>
      </c>
      <c r="K448" s="6">
        <v>34</v>
      </c>
      <c r="L448" s="6">
        <v>13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58</v>
      </c>
      <c r="E449" s="9" t="s">
        <v>6</v>
      </c>
      <c r="F449" s="9" t="s">
        <v>281</v>
      </c>
      <c r="G449" s="9" t="s">
        <v>277</v>
      </c>
      <c r="H449" s="6">
        <v>187</v>
      </c>
      <c r="I449" s="6">
        <v>142</v>
      </c>
      <c r="J449" s="6">
        <v>133</v>
      </c>
      <c r="K449" s="6">
        <v>27</v>
      </c>
      <c r="L449" s="6">
        <v>18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58</v>
      </c>
      <c r="E450" s="9" t="s">
        <v>6</v>
      </c>
      <c r="F450" s="9" t="s">
        <v>281</v>
      </c>
      <c r="G450" s="9" t="s">
        <v>278</v>
      </c>
      <c r="H450" s="6">
        <v>283</v>
      </c>
      <c r="I450" s="6">
        <v>228</v>
      </c>
      <c r="J450" s="6">
        <v>220</v>
      </c>
      <c r="K450" s="6">
        <v>45</v>
      </c>
      <c r="L450" s="6">
        <v>10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58</v>
      </c>
      <c r="E451" s="9" t="s">
        <v>6</v>
      </c>
      <c r="F451" s="9" t="s">
        <v>281</v>
      </c>
      <c r="G451" s="9" t="s">
        <v>279</v>
      </c>
      <c r="H451" s="6">
        <v>207</v>
      </c>
      <c r="I451" s="6">
        <v>159</v>
      </c>
      <c r="J451" s="6">
        <v>150</v>
      </c>
      <c r="K451" s="6">
        <v>36</v>
      </c>
      <c r="L451" s="6">
        <v>12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58</v>
      </c>
      <c r="E452" s="9" t="s">
        <v>6</v>
      </c>
      <c r="F452" s="9" t="s">
        <v>281</v>
      </c>
      <c r="G452" s="9" t="s">
        <v>280</v>
      </c>
      <c r="H452" s="6">
        <v>3729</v>
      </c>
      <c r="I452" s="6">
        <v>1650</v>
      </c>
      <c r="J452" s="6">
        <v>1216</v>
      </c>
      <c r="K452" s="6">
        <v>1995</v>
      </c>
      <c r="L452" s="6">
        <v>84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58</v>
      </c>
      <c r="E453" s="9" t="s">
        <v>6</v>
      </c>
      <c r="F453" s="9" t="s">
        <v>282</v>
      </c>
      <c r="G453" s="9" t="s">
        <v>6</v>
      </c>
      <c r="H453" s="6">
        <v>3633</v>
      </c>
      <c r="I453" s="6">
        <v>2612</v>
      </c>
      <c r="J453" s="6">
        <v>2385</v>
      </c>
      <c r="K453" s="6">
        <v>790</v>
      </c>
      <c r="L453" s="6">
        <v>231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58</v>
      </c>
      <c r="E454" s="9" t="s">
        <v>6</v>
      </c>
      <c r="F454" s="9" t="s">
        <v>282</v>
      </c>
      <c r="G454" s="9" t="s">
        <v>272</v>
      </c>
      <c r="H454" s="6">
        <v>213</v>
      </c>
      <c r="I454" s="6">
        <v>101</v>
      </c>
      <c r="J454" s="6">
        <v>97</v>
      </c>
      <c r="K454" s="6">
        <v>96</v>
      </c>
      <c r="L454" s="6">
        <v>16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58</v>
      </c>
      <c r="E455" s="9" t="s">
        <v>6</v>
      </c>
      <c r="F455" s="9" t="s">
        <v>282</v>
      </c>
      <c r="G455" s="9" t="s">
        <v>273</v>
      </c>
      <c r="H455" s="6">
        <v>399</v>
      </c>
      <c r="I455" s="6">
        <v>292</v>
      </c>
      <c r="J455" s="6">
        <v>273</v>
      </c>
      <c r="K455" s="6">
        <v>71</v>
      </c>
      <c r="L455" s="6">
        <v>36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58</v>
      </c>
      <c r="E456" s="9" t="s">
        <v>6</v>
      </c>
      <c r="F456" s="9" t="s">
        <v>282</v>
      </c>
      <c r="G456" s="9" t="s">
        <v>274</v>
      </c>
      <c r="H456" s="6">
        <v>482</v>
      </c>
      <c r="I456" s="6">
        <v>389</v>
      </c>
      <c r="J456" s="6">
        <v>367</v>
      </c>
      <c r="K456" s="6">
        <v>56</v>
      </c>
      <c r="L456" s="6">
        <v>37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58</v>
      </c>
      <c r="E457" s="9" t="s">
        <v>6</v>
      </c>
      <c r="F457" s="9" t="s">
        <v>282</v>
      </c>
      <c r="G457" s="9" t="s">
        <v>275</v>
      </c>
      <c r="H457" s="6">
        <v>439</v>
      </c>
      <c r="I457" s="6">
        <v>348</v>
      </c>
      <c r="J457" s="6">
        <v>324</v>
      </c>
      <c r="K457" s="6">
        <v>55</v>
      </c>
      <c r="L457" s="6">
        <v>36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58</v>
      </c>
      <c r="E458" s="9" t="s">
        <v>6</v>
      </c>
      <c r="F458" s="9" t="s">
        <v>282</v>
      </c>
      <c r="G458" s="9" t="s">
        <v>276</v>
      </c>
      <c r="H458" s="6">
        <v>381</v>
      </c>
      <c r="I458" s="6">
        <v>313</v>
      </c>
      <c r="J458" s="6">
        <v>296</v>
      </c>
      <c r="K458" s="6">
        <v>43</v>
      </c>
      <c r="L458" s="6">
        <v>25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58</v>
      </c>
      <c r="E459" s="9" t="s">
        <v>6</v>
      </c>
      <c r="F459" s="9" t="s">
        <v>282</v>
      </c>
      <c r="G459" s="9" t="s">
        <v>277</v>
      </c>
      <c r="H459" s="6">
        <v>443</v>
      </c>
      <c r="I459" s="6">
        <v>359</v>
      </c>
      <c r="J459" s="6">
        <v>338</v>
      </c>
      <c r="K459" s="6">
        <v>67</v>
      </c>
      <c r="L459" s="6">
        <v>17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58</v>
      </c>
      <c r="E460" s="9" t="s">
        <v>6</v>
      </c>
      <c r="F460" s="9" t="s">
        <v>282</v>
      </c>
      <c r="G460" s="9" t="s">
        <v>278</v>
      </c>
      <c r="H460" s="6">
        <v>313</v>
      </c>
      <c r="I460" s="6">
        <v>248</v>
      </c>
      <c r="J460" s="6">
        <v>233</v>
      </c>
      <c r="K460" s="6">
        <v>41</v>
      </c>
      <c r="L460" s="6">
        <v>24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58</v>
      </c>
      <c r="E461" s="9" t="s">
        <v>6</v>
      </c>
      <c r="F461" s="9" t="s">
        <v>282</v>
      </c>
      <c r="G461" s="9" t="s">
        <v>279</v>
      </c>
      <c r="H461" s="6">
        <v>146</v>
      </c>
      <c r="I461" s="6">
        <v>121</v>
      </c>
      <c r="J461" s="6">
        <v>111</v>
      </c>
      <c r="K461" s="6">
        <v>15</v>
      </c>
      <c r="L461" s="6">
        <v>10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58</v>
      </c>
      <c r="E462" s="9" t="s">
        <v>6</v>
      </c>
      <c r="F462" s="9" t="s">
        <v>282</v>
      </c>
      <c r="G462" s="9" t="s">
        <v>280</v>
      </c>
      <c r="H462" s="6">
        <v>817</v>
      </c>
      <c r="I462" s="6">
        <v>441</v>
      </c>
      <c r="J462" s="6">
        <v>346</v>
      </c>
      <c r="K462" s="6">
        <v>346</v>
      </c>
      <c r="L462" s="6">
        <v>30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58</v>
      </c>
      <c r="E463" s="9" t="s">
        <v>6</v>
      </c>
      <c r="F463" s="9" t="s">
        <v>283</v>
      </c>
      <c r="G463" s="9" t="s">
        <v>6</v>
      </c>
      <c r="H463" s="6">
        <v>1596</v>
      </c>
      <c r="I463" s="6">
        <v>1194</v>
      </c>
      <c r="J463" s="6">
        <v>1115</v>
      </c>
      <c r="K463" s="6">
        <v>255</v>
      </c>
      <c r="L463" s="6">
        <v>147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58</v>
      </c>
      <c r="E464" s="9" t="s">
        <v>6</v>
      </c>
      <c r="F464" s="9" t="s">
        <v>283</v>
      </c>
      <c r="G464" s="9" t="s">
        <v>272</v>
      </c>
      <c r="H464" s="6">
        <v>162</v>
      </c>
      <c r="I464" s="6">
        <v>75</v>
      </c>
      <c r="J464" s="6">
        <v>72</v>
      </c>
      <c r="K464" s="6">
        <v>69</v>
      </c>
      <c r="L464" s="6">
        <v>18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58</v>
      </c>
      <c r="E465" s="9" t="s">
        <v>6</v>
      </c>
      <c r="F465" s="9" t="s">
        <v>283</v>
      </c>
      <c r="G465" s="9" t="s">
        <v>273</v>
      </c>
      <c r="H465" s="6">
        <v>254</v>
      </c>
      <c r="I465" s="6">
        <v>193</v>
      </c>
      <c r="J465" s="6">
        <v>182</v>
      </c>
      <c r="K465" s="6">
        <v>28</v>
      </c>
      <c r="L465" s="6">
        <v>33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58</v>
      </c>
      <c r="E466" s="9" t="s">
        <v>6</v>
      </c>
      <c r="F466" s="9" t="s">
        <v>283</v>
      </c>
      <c r="G466" s="9" t="s">
        <v>274</v>
      </c>
      <c r="H466" s="6">
        <v>352</v>
      </c>
      <c r="I466" s="6">
        <v>284</v>
      </c>
      <c r="J466" s="6">
        <v>267</v>
      </c>
      <c r="K466" s="6">
        <v>34</v>
      </c>
      <c r="L466" s="6">
        <v>34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58</v>
      </c>
      <c r="E467" s="9" t="s">
        <v>6</v>
      </c>
      <c r="F467" s="9" t="s">
        <v>283</v>
      </c>
      <c r="G467" s="9" t="s">
        <v>275</v>
      </c>
      <c r="H467" s="6">
        <v>304</v>
      </c>
      <c r="I467" s="6">
        <v>240</v>
      </c>
      <c r="J467" s="6">
        <v>226</v>
      </c>
      <c r="K467" s="6">
        <v>41</v>
      </c>
      <c r="L467" s="6">
        <v>23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58</v>
      </c>
      <c r="E468" s="9" t="s">
        <v>6</v>
      </c>
      <c r="F468" s="9" t="s">
        <v>283</v>
      </c>
      <c r="G468" s="9" t="s">
        <v>276</v>
      </c>
      <c r="H468" s="6">
        <v>209</v>
      </c>
      <c r="I468" s="6">
        <v>174</v>
      </c>
      <c r="J468" s="6">
        <v>159</v>
      </c>
      <c r="K468" s="6">
        <v>20</v>
      </c>
      <c r="L468" s="6">
        <v>15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58</v>
      </c>
      <c r="E469" s="9" t="s">
        <v>6</v>
      </c>
      <c r="F469" s="9" t="s">
        <v>283</v>
      </c>
      <c r="G469" s="9" t="s">
        <v>277</v>
      </c>
      <c r="H469" s="6">
        <v>143</v>
      </c>
      <c r="I469" s="6">
        <v>110</v>
      </c>
      <c r="J469" s="6">
        <v>110</v>
      </c>
      <c r="K469" s="6">
        <v>16</v>
      </c>
      <c r="L469" s="6">
        <v>17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58</v>
      </c>
      <c r="E470" s="9" t="s">
        <v>6</v>
      </c>
      <c r="F470" s="9" t="s">
        <v>283</v>
      </c>
      <c r="G470" s="9" t="s">
        <v>278</v>
      </c>
      <c r="H470" s="6">
        <v>81</v>
      </c>
      <c r="I470" s="6">
        <v>63</v>
      </c>
      <c r="J470" s="6">
        <v>60</v>
      </c>
      <c r="K470" s="6">
        <v>14</v>
      </c>
      <c r="L470" s="6">
        <v>4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58</v>
      </c>
      <c r="E471" s="9" t="s">
        <v>6</v>
      </c>
      <c r="F471" s="9" t="s">
        <v>283</v>
      </c>
      <c r="G471" s="9" t="s">
        <v>279</v>
      </c>
      <c r="H471" s="6">
        <v>16</v>
      </c>
      <c r="I471" s="6">
        <v>13</v>
      </c>
      <c r="J471" s="6">
        <v>12</v>
      </c>
      <c r="K471" s="6">
        <v>2</v>
      </c>
      <c r="L471" s="6">
        <v>1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58</v>
      </c>
      <c r="E472" s="9" t="s">
        <v>6</v>
      </c>
      <c r="F472" s="9" t="s">
        <v>283</v>
      </c>
      <c r="G472" s="9" t="s">
        <v>280</v>
      </c>
      <c r="H472" s="6">
        <v>75</v>
      </c>
      <c r="I472" s="6">
        <v>42</v>
      </c>
      <c r="J472" s="6">
        <v>27</v>
      </c>
      <c r="K472" s="6">
        <v>31</v>
      </c>
      <c r="L472" s="6">
        <v>2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58</v>
      </c>
      <c r="E473" s="9" t="s">
        <v>226</v>
      </c>
      <c r="F473" s="9" t="s">
        <v>6</v>
      </c>
      <c r="G473" s="9" t="s">
        <v>6</v>
      </c>
      <c r="H473" s="6">
        <v>13089</v>
      </c>
      <c r="I473" s="6">
        <v>9697</v>
      </c>
      <c r="J473" s="6">
        <v>8111</v>
      </c>
      <c r="K473" s="6">
        <v>3386</v>
      </c>
      <c r="L473" s="6">
        <v>6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58</v>
      </c>
      <c r="E474" s="9" t="s">
        <v>226</v>
      </c>
      <c r="F474" s="9" t="s">
        <v>234</v>
      </c>
      <c r="G474" s="9" t="s">
        <v>6</v>
      </c>
      <c r="H474" s="6">
        <v>5004</v>
      </c>
      <c r="I474" s="6">
        <v>3407</v>
      </c>
      <c r="J474" s="6">
        <v>2572</v>
      </c>
      <c r="K474" s="6">
        <v>1592</v>
      </c>
      <c r="L474" s="6">
        <v>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58</v>
      </c>
      <c r="E475" s="9" t="s">
        <v>226</v>
      </c>
      <c r="F475" s="9" t="s">
        <v>235</v>
      </c>
      <c r="G475" s="9" t="s">
        <v>6</v>
      </c>
      <c r="H475" s="6">
        <v>8085</v>
      </c>
      <c r="I475" s="6">
        <v>6290</v>
      </c>
      <c r="J475" s="6">
        <v>5539</v>
      </c>
      <c r="K475" s="6">
        <v>1794</v>
      </c>
      <c r="L475" s="6">
        <v>1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58</v>
      </c>
      <c r="E476" s="9" t="s">
        <v>226</v>
      </c>
      <c r="F476" s="9" t="s">
        <v>235</v>
      </c>
      <c r="G476" s="9" t="s">
        <v>272</v>
      </c>
      <c r="H476" s="6">
        <v>512</v>
      </c>
      <c r="I476" s="6">
        <v>267</v>
      </c>
      <c r="J476" s="6">
        <v>257</v>
      </c>
      <c r="K476" s="6">
        <v>245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58</v>
      </c>
      <c r="E477" s="9" t="s">
        <v>226</v>
      </c>
      <c r="F477" s="9" t="s">
        <v>235</v>
      </c>
      <c r="G477" s="9" t="s">
        <v>273</v>
      </c>
      <c r="H477" s="6">
        <v>874</v>
      </c>
      <c r="I477" s="6">
        <v>685</v>
      </c>
      <c r="J477" s="6">
        <v>646</v>
      </c>
      <c r="K477" s="6">
        <v>189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58</v>
      </c>
      <c r="E478" s="9" t="s">
        <v>226</v>
      </c>
      <c r="F478" s="9" t="s">
        <v>235</v>
      </c>
      <c r="G478" s="9" t="s">
        <v>274</v>
      </c>
      <c r="H478" s="6">
        <v>999</v>
      </c>
      <c r="I478" s="6">
        <v>867</v>
      </c>
      <c r="J478" s="6">
        <v>809</v>
      </c>
      <c r="K478" s="6">
        <v>132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58</v>
      </c>
      <c r="E479" s="9" t="s">
        <v>226</v>
      </c>
      <c r="F479" s="9" t="s">
        <v>235</v>
      </c>
      <c r="G479" s="9" t="s">
        <v>275</v>
      </c>
      <c r="H479" s="6">
        <v>819</v>
      </c>
      <c r="I479" s="6">
        <v>701</v>
      </c>
      <c r="J479" s="6">
        <v>658</v>
      </c>
      <c r="K479" s="6">
        <v>118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58</v>
      </c>
      <c r="E480" s="9" t="s">
        <v>226</v>
      </c>
      <c r="F480" s="9" t="s">
        <v>235</v>
      </c>
      <c r="G480" s="9" t="s">
        <v>276</v>
      </c>
      <c r="H480" s="6">
        <v>686</v>
      </c>
      <c r="I480" s="6">
        <v>590</v>
      </c>
      <c r="J480" s="6">
        <v>557</v>
      </c>
      <c r="K480" s="6">
        <v>96</v>
      </c>
      <c r="L480" s="10" t="s">
        <v>5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58</v>
      </c>
      <c r="E481" s="9" t="s">
        <v>226</v>
      </c>
      <c r="F481" s="9" t="s">
        <v>235</v>
      </c>
      <c r="G481" s="9" t="s">
        <v>277</v>
      </c>
      <c r="H481" s="6">
        <v>703</v>
      </c>
      <c r="I481" s="6">
        <v>596</v>
      </c>
      <c r="J481" s="6">
        <v>566</v>
      </c>
      <c r="K481" s="6">
        <v>106</v>
      </c>
      <c r="L481" s="6">
        <v>1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58</v>
      </c>
      <c r="E482" s="9" t="s">
        <v>226</v>
      </c>
      <c r="F482" s="9" t="s">
        <v>235</v>
      </c>
      <c r="G482" s="9" t="s">
        <v>278</v>
      </c>
      <c r="H482" s="6">
        <v>620</v>
      </c>
      <c r="I482" s="6">
        <v>523</v>
      </c>
      <c r="J482" s="6">
        <v>497</v>
      </c>
      <c r="K482" s="6">
        <v>97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58</v>
      </c>
      <c r="E483" s="9" t="s">
        <v>226</v>
      </c>
      <c r="F483" s="9" t="s">
        <v>235</v>
      </c>
      <c r="G483" s="9" t="s">
        <v>279</v>
      </c>
      <c r="H483" s="6">
        <v>331</v>
      </c>
      <c r="I483" s="6">
        <v>280</v>
      </c>
      <c r="J483" s="6">
        <v>260</v>
      </c>
      <c r="K483" s="6">
        <v>51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58</v>
      </c>
      <c r="E484" s="9" t="s">
        <v>226</v>
      </c>
      <c r="F484" s="9" t="s">
        <v>235</v>
      </c>
      <c r="G484" s="9" t="s">
        <v>280</v>
      </c>
      <c r="H484" s="6">
        <v>2541</v>
      </c>
      <c r="I484" s="6">
        <v>1781</v>
      </c>
      <c r="J484" s="6">
        <v>1289</v>
      </c>
      <c r="K484" s="6">
        <v>760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58</v>
      </c>
      <c r="E485" s="9" t="s">
        <v>226</v>
      </c>
      <c r="F485" s="9" t="s">
        <v>281</v>
      </c>
      <c r="G485" s="9" t="s">
        <v>6</v>
      </c>
      <c r="H485" s="6">
        <v>3604</v>
      </c>
      <c r="I485" s="6">
        <v>2611</v>
      </c>
      <c r="J485" s="6">
        <v>2155</v>
      </c>
      <c r="K485" s="6">
        <v>992</v>
      </c>
      <c r="L485" s="6">
        <v>1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58</v>
      </c>
      <c r="E486" s="9" t="s">
        <v>226</v>
      </c>
      <c r="F486" s="9" t="s">
        <v>281</v>
      </c>
      <c r="G486" s="9" t="s">
        <v>272</v>
      </c>
      <c r="H486" s="6">
        <v>178</v>
      </c>
      <c r="I486" s="6">
        <v>92</v>
      </c>
      <c r="J486" s="6">
        <v>89</v>
      </c>
      <c r="K486" s="6">
        <v>86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58</v>
      </c>
      <c r="E487" s="9" t="s">
        <v>226</v>
      </c>
      <c r="F487" s="9" t="s">
        <v>281</v>
      </c>
      <c r="G487" s="9" t="s">
        <v>273</v>
      </c>
      <c r="H487" s="6">
        <v>295</v>
      </c>
      <c r="I487" s="6">
        <v>204</v>
      </c>
      <c r="J487" s="6">
        <v>195</v>
      </c>
      <c r="K487" s="6">
        <v>91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58</v>
      </c>
      <c r="E488" s="9" t="s">
        <v>226</v>
      </c>
      <c r="F488" s="9" t="s">
        <v>281</v>
      </c>
      <c r="G488" s="9" t="s">
        <v>274</v>
      </c>
      <c r="H488" s="6">
        <v>246</v>
      </c>
      <c r="I488" s="6">
        <v>204</v>
      </c>
      <c r="J488" s="6">
        <v>185</v>
      </c>
      <c r="K488" s="6">
        <v>42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58</v>
      </c>
      <c r="E489" s="9" t="s">
        <v>226</v>
      </c>
      <c r="F489" s="9" t="s">
        <v>281</v>
      </c>
      <c r="G489" s="9" t="s">
        <v>275</v>
      </c>
      <c r="H489" s="6">
        <v>154</v>
      </c>
      <c r="I489" s="6">
        <v>125</v>
      </c>
      <c r="J489" s="6">
        <v>118</v>
      </c>
      <c r="K489" s="6">
        <v>29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58</v>
      </c>
      <c r="E490" s="9" t="s">
        <v>226</v>
      </c>
      <c r="F490" s="9" t="s">
        <v>281</v>
      </c>
      <c r="G490" s="9" t="s">
        <v>276</v>
      </c>
      <c r="H490" s="6">
        <v>143</v>
      </c>
      <c r="I490" s="6">
        <v>109</v>
      </c>
      <c r="J490" s="6">
        <v>108</v>
      </c>
      <c r="K490" s="6">
        <v>34</v>
      </c>
      <c r="L490" s="10" t="s">
        <v>5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58</v>
      </c>
      <c r="E491" s="9" t="s">
        <v>226</v>
      </c>
      <c r="F491" s="9" t="s">
        <v>281</v>
      </c>
      <c r="G491" s="9" t="s">
        <v>277</v>
      </c>
      <c r="H491" s="6">
        <v>165</v>
      </c>
      <c r="I491" s="6">
        <v>139</v>
      </c>
      <c r="J491" s="6">
        <v>130</v>
      </c>
      <c r="K491" s="6">
        <v>25</v>
      </c>
      <c r="L491" s="6">
        <v>1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58</v>
      </c>
      <c r="E492" s="9" t="s">
        <v>226</v>
      </c>
      <c r="F492" s="9" t="s">
        <v>281</v>
      </c>
      <c r="G492" s="9" t="s">
        <v>278</v>
      </c>
      <c r="H492" s="6">
        <v>265</v>
      </c>
      <c r="I492" s="6">
        <v>220</v>
      </c>
      <c r="J492" s="6">
        <v>212</v>
      </c>
      <c r="K492" s="6">
        <v>45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58</v>
      </c>
      <c r="E493" s="9" t="s">
        <v>226</v>
      </c>
      <c r="F493" s="9" t="s">
        <v>281</v>
      </c>
      <c r="G493" s="9" t="s">
        <v>279</v>
      </c>
      <c r="H493" s="6">
        <v>186</v>
      </c>
      <c r="I493" s="6">
        <v>150</v>
      </c>
      <c r="J493" s="6">
        <v>141</v>
      </c>
      <c r="K493" s="6">
        <v>36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58</v>
      </c>
      <c r="E494" s="9" t="s">
        <v>226</v>
      </c>
      <c r="F494" s="9" t="s">
        <v>281</v>
      </c>
      <c r="G494" s="9" t="s">
        <v>280</v>
      </c>
      <c r="H494" s="6">
        <v>1972</v>
      </c>
      <c r="I494" s="6">
        <v>1368</v>
      </c>
      <c r="J494" s="6">
        <v>977</v>
      </c>
      <c r="K494" s="6">
        <v>604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58</v>
      </c>
      <c r="E495" s="9" t="s">
        <v>226</v>
      </c>
      <c r="F495" s="9" t="s">
        <v>282</v>
      </c>
      <c r="G495" s="9" t="s">
        <v>6</v>
      </c>
      <c r="H495" s="6">
        <v>3080</v>
      </c>
      <c r="I495" s="6">
        <v>2507</v>
      </c>
      <c r="J495" s="6">
        <v>2289</v>
      </c>
      <c r="K495" s="6">
        <v>573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58</v>
      </c>
      <c r="E496" s="9" t="s">
        <v>226</v>
      </c>
      <c r="F496" s="9" t="s">
        <v>282</v>
      </c>
      <c r="G496" s="9" t="s">
        <v>272</v>
      </c>
      <c r="H496" s="6">
        <v>193</v>
      </c>
      <c r="I496" s="6">
        <v>100</v>
      </c>
      <c r="J496" s="6">
        <v>96</v>
      </c>
      <c r="K496" s="6">
        <v>93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58</v>
      </c>
      <c r="E497" s="9" t="s">
        <v>226</v>
      </c>
      <c r="F497" s="9" t="s">
        <v>282</v>
      </c>
      <c r="G497" s="9" t="s">
        <v>273</v>
      </c>
      <c r="H497" s="6">
        <v>359</v>
      </c>
      <c r="I497" s="6">
        <v>289</v>
      </c>
      <c r="J497" s="6">
        <v>270</v>
      </c>
      <c r="K497" s="6">
        <v>70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58</v>
      </c>
      <c r="E498" s="9" t="s">
        <v>226</v>
      </c>
      <c r="F498" s="9" t="s">
        <v>282</v>
      </c>
      <c r="G498" s="9" t="s">
        <v>274</v>
      </c>
      <c r="H498" s="6">
        <v>441</v>
      </c>
      <c r="I498" s="6">
        <v>385</v>
      </c>
      <c r="J498" s="6">
        <v>363</v>
      </c>
      <c r="K498" s="6">
        <v>56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58</v>
      </c>
      <c r="E499" s="9" t="s">
        <v>226</v>
      </c>
      <c r="F499" s="9" t="s">
        <v>282</v>
      </c>
      <c r="G499" s="9" t="s">
        <v>275</v>
      </c>
      <c r="H499" s="6">
        <v>395</v>
      </c>
      <c r="I499" s="6">
        <v>343</v>
      </c>
      <c r="J499" s="6">
        <v>320</v>
      </c>
      <c r="K499" s="6">
        <v>52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58</v>
      </c>
      <c r="E500" s="9" t="s">
        <v>226</v>
      </c>
      <c r="F500" s="9" t="s">
        <v>282</v>
      </c>
      <c r="G500" s="9" t="s">
        <v>276</v>
      </c>
      <c r="H500" s="6">
        <v>351</v>
      </c>
      <c r="I500" s="6">
        <v>309</v>
      </c>
      <c r="J500" s="6">
        <v>292</v>
      </c>
      <c r="K500" s="6">
        <v>42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58</v>
      </c>
      <c r="E501" s="9" t="s">
        <v>226</v>
      </c>
      <c r="F501" s="9" t="s">
        <v>282</v>
      </c>
      <c r="G501" s="9" t="s">
        <v>277</v>
      </c>
      <c r="H501" s="6">
        <v>413</v>
      </c>
      <c r="I501" s="6">
        <v>348</v>
      </c>
      <c r="J501" s="6">
        <v>327</v>
      </c>
      <c r="K501" s="6">
        <v>65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58</v>
      </c>
      <c r="E502" s="9" t="s">
        <v>226</v>
      </c>
      <c r="F502" s="9" t="s">
        <v>282</v>
      </c>
      <c r="G502" s="9" t="s">
        <v>278</v>
      </c>
      <c r="H502" s="6">
        <v>281</v>
      </c>
      <c r="I502" s="6">
        <v>242</v>
      </c>
      <c r="J502" s="6">
        <v>227</v>
      </c>
      <c r="K502" s="6">
        <v>39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58</v>
      </c>
      <c r="E503" s="9" t="s">
        <v>226</v>
      </c>
      <c r="F503" s="9" t="s">
        <v>282</v>
      </c>
      <c r="G503" s="9" t="s">
        <v>279</v>
      </c>
      <c r="H503" s="6">
        <v>131</v>
      </c>
      <c r="I503" s="6">
        <v>118</v>
      </c>
      <c r="J503" s="6">
        <v>108</v>
      </c>
      <c r="K503" s="6">
        <v>13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58</v>
      </c>
      <c r="E504" s="9" t="s">
        <v>226</v>
      </c>
      <c r="F504" s="9" t="s">
        <v>282</v>
      </c>
      <c r="G504" s="9" t="s">
        <v>280</v>
      </c>
      <c r="H504" s="6">
        <v>516</v>
      </c>
      <c r="I504" s="6">
        <v>373</v>
      </c>
      <c r="J504" s="6">
        <v>286</v>
      </c>
      <c r="K504" s="6">
        <v>143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58</v>
      </c>
      <c r="E505" s="9" t="s">
        <v>226</v>
      </c>
      <c r="F505" s="9" t="s">
        <v>283</v>
      </c>
      <c r="G505" s="9" t="s">
        <v>6</v>
      </c>
      <c r="H505" s="6">
        <v>1401</v>
      </c>
      <c r="I505" s="6">
        <v>1172</v>
      </c>
      <c r="J505" s="6">
        <v>1095</v>
      </c>
      <c r="K505" s="6">
        <v>229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58</v>
      </c>
      <c r="E506" s="9" t="s">
        <v>226</v>
      </c>
      <c r="F506" s="9" t="s">
        <v>283</v>
      </c>
      <c r="G506" s="9" t="s">
        <v>272</v>
      </c>
      <c r="H506" s="6">
        <v>141</v>
      </c>
      <c r="I506" s="6">
        <v>75</v>
      </c>
      <c r="J506" s="6">
        <v>72</v>
      </c>
      <c r="K506" s="6">
        <v>66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58</v>
      </c>
      <c r="E507" s="9" t="s">
        <v>226</v>
      </c>
      <c r="F507" s="9" t="s">
        <v>283</v>
      </c>
      <c r="G507" s="9" t="s">
        <v>273</v>
      </c>
      <c r="H507" s="6">
        <v>220</v>
      </c>
      <c r="I507" s="6">
        <v>192</v>
      </c>
      <c r="J507" s="6">
        <v>181</v>
      </c>
      <c r="K507" s="6">
        <v>28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58</v>
      </c>
      <c r="E508" s="9" t="s">
        <v>226</v>
      </c>
      <c r="F508" s="9" t="s">
        <v>283</v>
      </c>
      <c r="G508" s="9" t="s">
        <v>274</v>
      </c>
      <c r="H508" s="6">
        <v>312</v>
      </c>
      <c r="I508" s="6">
        <v>278</v>
      </c>
      <c r="J508" s="6">
        <v>261</v>
      </c>
      <c r="K508" s="6">
        <v>34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58</v>
      </c>
      <c r="E509" s="9" t="s">
        <v>226</v>
      </c>
      <c r="F509" s="9" t="s">
        <v>283</v>
      </c>
      <c r="G509" s="9" t="s">
        <v>275</v>
      </c>
      <c r="H509" s="6">
        <v>270</v>
      </c>
      <c r="I509" s="6">
        <v>233</v>
      </c>
      <c r="J509" s="6">
        <v>220</v>
      </c>
      <c r="K509" s="6">
        <v>37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58</v>
      </c>
      <c r="E510" s="9" t="s">
        <v>226</v>
      </c>
      <c r="F510" s="9" t="s">
        <v>283</v>
      </c>
      <c r="G510" s="9" t="s">
        <v>276</v>
      </c>
      <c r="H510" s="6">
        <v>192</v>
      </c>
      <c r="I510" s="6">
        <v>172</v>
      </c>
      <c r="J510" s="6">
        <v>157</v>
      </c>
      <c r="K510" s="6">
        <v>20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58</v>
      </c>
      <c r="E511" s="9" t="s">
        <v>226</v>
      </c>
      <c r="F511" s="9" t="s">
        <v>283</v>
      </c>
      <c r="G511" s="9" t="s">
        <v>277</v>
      </c>
      <c r="H511" s="6">
        <v>125</v>
      </c>
      <c r="I511" s="6">
        <v>109</v>
      </c>
      <c r="J511" s="6">
        <v>109</v>
      </c>
      <c r="K511" s="6">
        <v>16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58</v>
      </c>
      <c r="E512" s="9" t="s">
        <v>226</v>
      </c>
      <c r="F512" s="9" t="s">
        <v>283</v>
      </c>
      <c r="G512" s="9" t="s">
        <v>278</v>
      </c>
      <c r="H512" s="6">
        <v>74</v>
      </c>
      <c r="I512" s="6">
        <v>61</v>
      </c>
      <c r="J512" s="6">
        <v>58</v>
      </c>
      <c r="K512" s="6">
        <v>13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58</v>
      </c>
      <c r="E513" s="9" t="s">
        <v>226</v>
      </c>
      <c r="F513" s="9" t="s">
        <v>283</v>
      </c>
      <c r="G513" s="9" t="s">
        <v>279</v>
      </c>
      <c r="H513" s="6">
        <v>14</v>
      </c>
      <c r="I513" s="6">
        <v>12</v>
      </c>
      <c r="J513" s="6">
        <v>11</v>
      </c>
      <c r="K513" s="6">
        <v>2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58</v>
      </c>
      <c r="E514" s="9" t="s">
        <v>226</v>
      </c>
      <c r="F514" s="9" t="s">
        <v>283</v>
      </c>
      <c r="G514" s="9" t="s">
        <v>280</v>
      </c>
      <c r="H514" s="6">
        <v>53</v>
      </c>
      <c r="I514" s="6">
        <v>40</v>
      </c>
      <c r="J514" s="6">
        <v>26</v>
      </c>
      <c r="K514" s="6">
        <v>13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58</v>
      </c>
      <c r="E515" s="9" t="s">
        <v>227</v>
      </c>
      <c r="F515" s="9" t="s">
        <v>6</v>
      </c>
      <c r="G515" s="9" t="s">
        <v>6</v>
      </c>
      <c r="H515" s="6">
        <v>10476</v>
      </c>
      <c r="I515" s="6">
        <v>7689</v>
      </c>
      <c r="J515" s="6">
        <v>7457</v>
      </c>
      <c r="K515" s="6">
        <v>2785</v>
      </c>
      <c r="L515" s="6">
        <v>2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58</v>
      </c>
      <c r="E516" s="9" t="s">
        <v>227</v>
      </c>
      <c r="F516" s="9" t="s">
        <v>234</v>
      </c>
      <c r="G516" s="9" t="s">
        <v>6</v>
      </c>
      <c r="H516" s="6">
        <v>3645</v>
      </c>
      <c r="I516" s="6">
        <v>2408</v>
      </c>
      <c r="J516" s="6">
        <v>2310</v>
      </c>
      <c r="K516" s="6">
        <v>1235</v>
      </c>
      <c r="L516" s="6">
        <v>2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58</v>
      </c>
      <c r="E517" s="9" t="s">
        <v>227</v>
      </c>
      <c r="F517" s="9" t="s">
        <v>235</v>
      </c>
      <c r="G517" s="9" t="s">
        <v>6</v>
      </c>
      <c r="H517" s="6">
        <v>6831</v>
      </c>
      <c r="I517" s="6">
        <v>5281</v>
      </c>
      <c r="J517" s="6">
        <v>5147</v>
      </c>
      <c r="K517" s="6">
        <v>1550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58</v>
      </c>
      <c r="E518" s="9" t="s">
        <v>227</v>
      </c>
      <c r="F518" s="9" t="s">
        <v>235</v>
      </c>
      <c r="G518" s="9" t="s">
        <v>272</v>
      </c>
      <c r="H518" s="6">
        <v>480</v>
      </c>
      <c r="I518" s="6">
        <v>253</v>
      </c>
      <c r="J518" s="6">
        <v>248</v>
      </c>
      <c r="K518" s="6">
        <v>227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58</v>
      </c>
      <c r="E519" s="9" t="s">
        <v>227</v>
      </c>
      <c r="F519" s="9" t="s">
        <v>235</v>
      </c>
      <c r="G519" s="9" t="s">
        <v>273</v>
      </c>
      <c r="H519" s="6">
        <v>792</v>
      </c>
      <c r="I519" s="6">
        <v>611</v>
      </c>
      <c r="J519" s="6">
        <v>598</v>
      </c>
      <c r="K519" s="6">
        <v>181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58</v>
      </c>
      <c r="E520" s="9" t="s">
        <v>227</v>
      </c>
      <c r="F520" s="9" t="s">
        <v>235</v>
      </c>
      <c r="G520" s="9" t="s">
        <v>274</v>
      </c>
      <c r="H520" s="6">
        <v>909</v>
      </c>
      <c r="I520" s="6">
        <v>787</v>
      </c>
      <c r="J520" s="6">
        <v>763</v>
      </c>
      <c r="K520" s="6">
        <v>122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58</v>
      </c>
      <c r="E521" s="9" t="s">
        <v>227</v>
      </c>
      <c r="F521" s="9" t="s">
        <v>235</v>
      </c>
      <c r="G521" s="9" t="s">
        <v>275</v>
      </c>
      <c r="H521" s="6">
        <v>729</v>
      </c>
      <c r="I521" s="6">
        <v>620</v>
      </c>
      <c r="J521" s="6">
        <v>609</v>
      </c>
      <c r="K521" s="6">
        <v>109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58</v>
      </c>
      <c r="E522" s="9" t="s">
        <v>227</v>
      </c>
      <c r="F522" s="9" t="s">
        <v>235</v>
      </c>
      <c r="G522" s="9" t="s">
        <v>276</v>
      </c>
      <c r="H522" s="6">
        <v>628</v>
      </c>
      <c r="I522" s="6">
        <v>544</v>
      </c>
      <c r="J522" s="6">
        <v>527</v>
      </c>
      <c r="K522" s="6">
        <v>84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58</v>
      </c>
      <c r="E523" s="9" t="s">
        <v>227</v>
      </c>
      <c r="F523" s="9" t="s">
        <v>235</v>
      </c>
      <c r="G523" s="9" t="s">
        <v>277</v>
      </c>
      <c r="H523" s="6">
        <v>642</v>
      </c>
      <c r="I523" s="6">
        <v>539</v>
      </c>
      <c r="J523" s="6">
        <v>530</v>
      </c>
      <c r="K523" s="6">
        <v>103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58</v>
      </c>
      <c r="E524" s="9" t="s">
        <v>227</v>
      </c>
      <c r="F524" s="9" t="s">
        <v>235</v>
      </c>
      <c r="G524" s="9" t="s">
        <v>278</v>
      </c>
      <c r="H524" s="6">
        <v>575</v>
      </c>
      <c r="I524" s="6">
        <v>481</v>
      </c>
      <c r="J524" s="6">
        <v>475</v>
      </c>
      <c r="K524" s="6">
        <v>94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58</v>
      </c>
      <c r="E525" s="9" t="s">
        <v>227</v>
      </c>
      <c r="F525" s="9" t="s">
        <v>235</v>
      </c>
      <c r="G525" s="9" t="s">
        <v>279</v>
      </c>
      <c r="H525" s="6">
        <v>296</v>
      </c>
      <c r="I525" s="6">
        <v>251</v>
      </c>
      <c r="J525" s="6">
        <v>241</v>
      </c>
      <c r="K525" s="6">
        <v>45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58</v>
      </c>
      <c r="E526" s="9" t="s">
        <v>227</v>
      </c>
      <c r="F526" s="9" t="s">
        <v>235</v>
      </c>
      <c r="G526" s="9" t="s">
        <v>280</v>
      </c>
      <c r="H526" s="6">
        <v>1780</v>
      </c>
      <c r="I526" s="6">
        <v>1195</v>
      </c>
      <c r="J526" s="6">
        <v>1156</v>
      </c>
      <c r="K526" s="6">
        <v>585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58</v>
      </c>
      <c r="E527" s="9" t="s">
        <v>227</v>
      </c>
      <c r="F527" s="9" t="s">
        <v>281</v>
      </c>
      <c r="G527" s="9" t="s">
        <v>6</v>
      </c>
      <c r="H527" s="6">
        <v>2858</v>
      </c>
      <c r="I527" s="6">
        <v>2034</v>
      </c>
      <c r="J527" s="6">
        <v>1982</v>
      </c>
      <c r="K527" s="6">
        <v>824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58</v>
      </c>
      <c r="E528" s="9" t="s">
        <v>227</v>
      </c>
      <c r="F528" s="9" t="s">
        <v>281</v>
      </c>
      <c r="G528" s="9" t="s">
        <v>272</v>
      </c>
      <c r="H528" s="6">
        <v>164</v>
      </c>
      <c r="I528" s="6">
        <v>87</v>
      </c>
      <c r="J528" s="6">
        <v>85</v>
      </c>
      <c r="K528" s="6">
        <v>77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58</v>
      </c>
      <c r="E529" s="9" t="s">
        <v>227</v>
      </c>
      <c r="F529" s="9" t="s">
        <v>281</v>
      </c>
      <c r="G529" s="9" t="s">
        <v>273</v>
      </c>
      <c r="H529" s="6">
        <v>270</v>
      </c>
      <c r="I529" s="6">
        <v>184</v>
      </c>
      <c r="J529" s="6">
        <v>181</v>
      </c>
      <c r="K529" s="6">
        <v>86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58</v>
      </c>
      <c r="E530" s="9" t="s">
        <v>227</v>
      </c>
      <c r="F530" s="9" t="s">
        <v>281</v>
      </c>
      <c r="G530" s="9" t="s">
        <v>274</v>
      </c>
      <c r="H530" s="6">
        <v>220</v>
      </c>
      <c r="I530" s="6">
        <v>182</v>
      </c>
      <c r="J530" s="6">
        <v>174</v>
      </c>
      <c r="K530" s="6">
        <v>38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58</v>
      </c>
      <c r="E531" s="9" t="s">
        <v>227</v>
      </c>
      <c r="F531" s="9" t="s">
        <v>281</v>
      </c>
      <c r="G531" s="9" t="s">
        <v>275</v>
      </c>
      <c r="H531" s="6">
        <v>139</v>
      </c>
      <c r="I531" s="6">
        <v>110</v>
      </c>
      <c r="J531" s="6">
        <v>108</v>
      </c>
      <c r="K531" s="6">
        <v>29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58</v>
      </c>
      <c r="E532" s="9" t="s">
        <v>227</v>
      </c>
      <c r="F532" s="9" t="s">
        <v>281</v>
      </c>
      <c r="G532" s="9" t="s">
        <v>276</v>
      </c>
      <c r="H532" s="6">
        <v>134</v>
      </c>
      <c r="I532" s="6">
        <v>103</v>
      </c>
      <c r="J532" s="6">
        <v>103</v>
      </c>
      <c r="K532" s="6">
        <v>31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58</v>
      </c>
      <c r="E533" s="9" t="s">
        <v>227</v>
      </c>
      <c r="F533" s="9" t="s">
        <v>281</v>
      </c>
      <c r="G533" s="9" t="s">
        <v>277</v>
      </c>
      <c r="H533" s="6">
        <v>147</v>
      </c>
      <c r="I533" s="6">
        <v>122</v>
      </c>
      <c r="J533" s="6">
        <v>120</v>
      </c>
      <c r="K533" s="6">
        <v>25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58</v>
      </c>
      <c r="E534" s="9" t="s">
        <v>227</v>
      </c>
      <c r="F534" s="9" t="s">
        <v>281</v>
      </c>
      <c r="G534" s="9" t="s">
        <v>278</v>
      </c>
      <c r="H534" s="6">
        <v>248</v>
      </c>
      <c r="I534" s="6">
        <v>204</v>
      </c>
      <c r="J534" s="6">
        <v>201</v>
      </c>
      <c r="K534" s="6">
        <v>44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58</v>
      </c>
      <c r="E535" s="9" t="s">
        <v>227</v>
      </c>
      <c r="F535" s="9" t="s">
        <v>281</v>
      </c>
      <c r="G535" s="9" t="s">
        <v>279</v>
      </c>
      <c r="H535" s="6">
        <v>172</v>
      </c>
      <c r="I535" s="6">
        <v>139</v>
      </c>
      <c r="J535" s="6">
        <v>136</v>
      </c>
      <c r="K535" s="6">
        <v>33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58</v>
      </c>
      <c r="E536" s="9" t="s">
        <v>227</v>
      </c>
      <c r="F536" s="9" t="s">
        <v>281</v>
      </c>
      <c r="G536" s="9" t="s">
        <v>280</v>
      </c>
      <c r="H536" s="6">
        <v>1364</v>
      </c>
      <c r="I536" s="6">
        <v>903</v>
      </c>
      <c r="J536" s="6">
        <v>874</v>
      </c>
      <c r="K536" s="6">
        <v>461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58</v>
      </c>
      <c r="E537" s="9" t="s">
        <v>227</v>
      </c>
      <c r="F537" s="9" t="s">
        <v>282</v>
      </c>
      <c r="G537" s="9" t="s">
        <v>6</v>
      </c>
      <c r="H537" s="6">
        <v>2716</v>
      </c>
      <c r="I537" s="6">
        <v>2200</v>
      </c>
      <c r="J537" s="6">
        <v>2136</v>
      </c>
      <c r="K537" s="6">
        <v>516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58</v>
      </c>
      <c r="E538" s="9" t="s">
        <v>227</v>
      </c>
      <c r="F538" s="9" t="s">
        <v>282</v>
      </c>
      <c r="G538" s="9" t="s">
        <v>272</v>
      </c>
      <c r="H538" s="6">
        <v>186</v>
      </c>
      <c r="I538" s="6">
        <v>97</v>
      </c>
      <c r="J538" s="6">
        <v>94</v>
      </c>
      <c r="K538" s="6">
        <v>89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58</v>
      </c>
      <c r="E539" s="9" t="s">
        <v>227</v>
      </c>
      <c r="F539" s="9" t="s">
        <v>282</v>
      </c>
      <c r="G539" s="9" t="s">
        <v>273</v>
      </c>
      <c r="H539" s="6">
        <v>321</v>
      </c>
      <c r="I539" s="6">
        <v>254</v>
      </c>
      <c r="J539" s="6">
        <v>246</v>
      </c>
      <c r="K539" s="6">
        <v>67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58</v>
      </c>
      <c r="E540" s="9" t="s">
        <v>227</v>
      </c>
      <c r="F540" s="9" t="s">
        <v>282</v>
      </c>
      <c r="G540" s="9" t="s">
        <v>274</v>
      </c>
      <c r="H540" s="6">
        <v>404</v>
      </c>
      <c r="I540" s="6">
        <v>352</v>
      </c>
      <c r="J540" s="6">
        <v>341</v>
      </c>
      <c r="K540" s="6">
        <v>52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58</v>
      </c>
      <c r="E541" s="9" t="s">
        <v>227</v>
      </c>
      <c r="F541" s="9" t="s">
        <v>282</v>
      </c>
      <c r="G541" s="9" t="s">
        <v>275</v>
      </c>
      <c r="H541" s="6">
        <v>351</v>
      </c>
      <c r="I541" s="6">
        <v>303</v>
      </c>
      <c r="J541" s="6">
        <v>297</v>
      </c>
      <c r="K541" s="6">
        <v>48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58</v>
      </c>
      <c r="E542" s="9" t="s">
        <v>227</v>
      </c>
      <c r="F542" s="9" t="s">
        <v>282</v>
      </c>
      <c r="G542" s="9" t="s">
        <v>276</v>
      </c>
      <c r="H542" s="6">
        <v>326</v>
      </c>
      <c r="I542" s="6">
        <v>289</v>
      </c>
      <c r="J542" s="6">
        <v>279</v>
      </c>
      <c r="K542" s="6">
        <v>37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58</v>
      </c>
      <c r="E543" s="9" t="s">
        <v>227</v>
      </c>
      <c r="F543" s="9" t="s">
        <v>282</v>
      </c>
      <c r="G543" s="9" t="s">
        <v>277</v>
      </c>
      <c r="H543" s="6">
        <v>376</v>
      </c>
      <c r="I543" s="6">
        <v>313</v>
      </c>
      <c r="J543" s="6">
        <v>306</v>
      </c>
      <c r="K543" s="6">
        <v>63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58</v>
      </c>
      <c r="E544" s="9" t="s">
        <v>227</v>
      </c>
      <c r="F544" s="9" t="s">
        <v>282</v>
      </c>
      <c r="G544" s="9" t="s">
        <v>278</v>
      </c>
      <c r="H544" s="6">
        <v>261</v>
      </c>
      <c r="I544" s="6">
        <v>224</v>
      </c>
      <c r="J544" s="6">
        <v>221</v>
      </c>
      <c r="K544" s="6">
        <v>37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58</v>
      </c>
      <c r="E545" s="9" t="s">
        <v>227</v>
      </c>
      <c r="F545" s="9" t="s">
        <v>282</v>
      </c>
      <c r="G545" s="9" t="s">
        <v>279</v>
      </c>
      <c r="H545" s="6">
        <v>111</v>
      </c>
      <c r="I545" s="6">
        <v>101</v>
      </c>
      <c r="J545" s="6">
        <v>94</v>
      </c>
      <c r="K545" s="6">
        <v>10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58</v>
      </c>
      <c r="E546" s="9" t="s">
        <v>227</v>
      </c>
      <c r="F546" s="9" t="s">
        <v>282</v>
      </c>
      <c r="G546" s="9" t="s">
        <v>280</v>
      </c>
      <c r="H546" s="6">
        <v>380</v>
      </c>
      <c r="I546" s="6">
        <v>267</v>
      </c>
      <c r="J546" s="6">
        <v>258</v>
      </c>
      <c r="K546" s="6">
        <v>113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58</v>
      </c>
      <c r="E547" s="9" t="s">
        <v>227</v>
      </c>
      <c r="F547" s="9" t="s">
        <v>283</v>
      </c>
      <c r="G547" s="9" t="s">
        <v>6</v>
      </c>
      <c r="H547" s="6">
        <v>1257</v>
      </c>
      <c r="I547" s="6">
        <v>1047</v>
      </c>
      <c r="J547" s="6">
        <v>1029</v>
      </c>
      <c r="K547" s="6">
        <v>210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58</v>
      </c>
      <c r="E548" s="9" t="s">
        <v>227</v>
      </c>
      <c r="F548" s="9" t="s">
        <v>283</v>
      </c>
      <c r="G548" s="9" t="s">
        <v>272</v>
      </c>
      <c r="H548" s="6">
        <v>130</v>
      </c>
      <c r="I548" s="6">
        <v>69</v>
      </c>
      <c r="J548" s="6">
        <v>69</v>
      </c>
      <c r="K548" s="6">
        <v>61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58</v>
      </c>
      <c r="E549" s="9" t="s">
        <v>227</v>
      </c>
      <c r="F549" s="9" t="s">
        <v>283</v>
      </c>
      <c r="G549" s="9" t="s">
        <v>273</v>
      </c>
      <c r="H549" s="6">
        <v>201</v>
      </c>
      <c r="I549" s="6">
        <v>173</v>
      </c>
      <c r="J549" s="6">
        <v>171</v>
      </c>
      <c r="K549" s="6">
        <v>28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58</v>
      </c>
      <c r="E550" s="9" t="s">
        <v>227</v>
      </c>
      <c r="F550" s="9" t="s">
        <v>283</v>
      </c>
      <c r="G550" s="9" t="s">
        <v>274</v>
      </c>
      <c r="H550" s="6">
        <v>285</v>
      </c>
      <c r="I550" s="6">
        <v>253</v>
      </c>
      <c r="J550" s="6">
        <v>248</v>
      </c>
      <c r="K550" s="6">
        <v>32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58</v>
      </c>
      <c r="E551" s="9" t="s">
        <v>227</v>
      </c>
      <c r="F551" s="9" t="s">
        <v>283</v>
      </c>
      <c r="G551" s="9" t="s">
        <v>275</v>
      </c>
      <c r="H551" s="6">
        <v>239</v>
      </c>
      <c r="I551" s="6">
        <v>207</v>
      </c>
      <c r="J551" s="6">
        <v>204</v>
      </c>
      <c r="K551" s="6">
        <v>32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58</v>
      </c>
      <c r="E552" s="9" t="s">
        <v>227</v>
      </c>
      <c r="F552" s="9" t="s">
        <v>283</v>
      </c>
      <c r="G552" s="9" t="s">
        <v>276</v>
      </c>
      <c r="H552" s="6">
        <v>168</v>
      </c>
      <c r="I552" s="6">
        <v>152</v>
      </c>
      <c r="J552" s="6">
        <v>145</v>
      </c>
      <c r="K552" s="6">
        <v>16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58</v>
      </c>
      <c r="E553" s="9" t="s">
        <v>227</v>
      </c>
      <c r="F553" s="9" t="s">
        <v>283</v>
      </c>
      <c r="G553" s="9" t="s">
        <v>277</v>
      </c>
      <c r="H553" s="6">
        <v>119</v>
      </c>
      <c r="I553" s="6">
        <v>104</v>
      </c>
      <c r="J553" s="6">
        <v>104</v>
      </c>
      <c r="K553" s="6">
        <v>15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58</v>
      </c>
      <c r="E554" s="9" t="s">
        <v>227</v>
      </c>
      <c r="F554" s="9" t="s">
        <v>283</v>
      </c>
      <c r="G554" s="9" t="s">
        <v>278</v>
      </c>
      <c r="H554" s="6">
        <v>66</v>
      </c>
      <c r="I554" s="6">
        <v>53</v>
      </c>
      <c r="J554" s="6">
        <v>53</v>
      </c>
      <c r="K554" s="6">
        <v>13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58</v>
      </c>
      <c r="E555" s="9" t="s">
        <v>227</v>
      </c>
      <c r="F555" s="9" t="s">
        <v>283</v>
      </c>
      <c r="G555" s="9" t="s">
        <v>279</v>
      </c>
      <c r="H555" s="6">
        <v>13</v>
      </c>
      <c r="I555" s="6">
        <v>11</v>
      </c>
      <c r="J555" s="6">
        <v>11</v>
      </c>
      <c r="K555" s="6">
        <v>2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58</v>
      </c>
      <c r="E556" s="9" t="s">
        <v>227</v>
      </c>
      <c r="F556" s="9" t="s">
        <v>283</v>
      </c>
      <c r="G556" s="9" t="s">
        <v>280</v>
      </c>
      <c r="H556" s="6">
        <v>36</v>
      </c>
      <c r="I556" s="6">
        <v>25</v>
      </c>
      <c r="J556" s="6">
        <v>24</v>
      </c>
      <c r="K556" s="6">
        <v>11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58</v>
      </c>
      <c r="E557" s="9" t="s">
        <v>228</v>
      </c>
      <c r="F557" s="9" t="s">
        <v>6</v>
      </c>
      <c r="G557" s="9" t="s">
        <v>6</v>
      </c>
      <c r="H557" s="6">
        <v>7069</v>
      </c>
      <c r="I557" s="6">
        <v>1157</v>
      </c>
      <c r="J557" s="6">
        <v>1037</v>
      </c>
      <c r="K557" s="6">
        <v>5911</v>
      </c>
      <c r="L557" s="6">
        <v>1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58</v>
      </c>
      <c r="E558" s="9" t="s">
        <v>228</v>
      </c>
      <c r="F558" s="9" t="s">
        <v>234</v>
      </c>
      <c r="G558" s="9" t="s">
        <v>6</v>
      </c>
      <c r="H558" s="6">
        <v>4993</v>
      </c>
      <c r="I558" s="6">
        <v>719</v>
      </c>
      <c r="J558" s="6">
        <v>654</v>
      </c>
      <c r="K558" s="6">
        <v>4273</v>
      </c>
      <c r="L558" s="6">
        <v>1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58</v>
      </c>
      <c r="E559" s="9" t="s">
        <v>228</v>
      </c>
      <c r="F559" s="9" t="s">
        <v>235</v>
      </c>
      <c r="G559" s="9" t="s">
        <v>6</v>
      </c>
      <c r="H559" s="6">
        <v>2076</v>
      </c>
      <c r="I559" s="6">
        <v>438</v>
      </c>
      <c r="J559" s="6">
        <v>383</v>
      </c>
      <c r="K559" s="6">
        <v>1638</v>
      </c>
      <c r="L559" s="10" t="s">
        <v>5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58</v>
      </c>
      <c r="E560" s="9" t="s">
        <v>228</v>
      </c>
      <c r="F560" s="9" t="s">
        <v>235</v>
      </c>
      <c r="G560" s="9" t="s">
        <v>272</v>
      </c>
      <c r="H560" s="6">
        <v>8</v>
      </c>
      <c r="I560" s="6">
        <v>1</v>
      </c>
      <c r="J560" s="6">
        <v>1</v>
      </c>
      <c r="K560" s="6">
        <v>7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58</v>
      </c>
      <c r="E561" s="9" t="s">
        <v>228</v>
      </c>
      <c r="F561" s="9" t="s">
        <v>235</v>
      </c>
      <c r="G561" s="9" t="s">
        <v>273</v>
      </c>
      <c r="H561" s="6">
        <v>8</v>
      </c>
      <c r="I561" s="6">
        <v>6</v>
      </c>
      <c r="J561" s="6">
        <v>6</v>
      </c>
      <c r="K561" s="6">
        <v>2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58</v>
      </c>
      <c r="E562" s="9" t="s">
        <v>228</v>
      </c>
      <c r="F562" s="9" t="s">
        <v>235</v>
      </c>
      <c r="G562" s="9" t="s">
        <v>274</v>
      </c>
      <c r="H562" s="6">
        <v>12</v>
      </c>
      <c r="I562" s="6">
        <v>12</v>
      </c>
      <c r="J562" s="6">
        <v>11</v>
      </c>
      <c r="K562" s="10" t="s">
        <v>55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58</v>
      </c>
      <c r="E563" s="9" t="s">
        <v>228</v>
      </c>
      <c r="F563" s="9" t="s">
        <v>235</v>
      </c>
      <c r="G563" s="9" t="s">
        <v>275</v>
      </c>
      <c r="H563" s="6">
        <v>23</v>
      </c>
      <c r="I563" s="6">
        <v>16</v>
      </c>
      <c r="J563" s="6">
        <v>14</v>
      </c>
      <c r="K563" s="6">
        <v>7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58</v>
      </c>
      <c r="E564" s="9" t="s">
        <v>228</v>
      </c>
      <c r="F564" s="9" t="s">
        <v>235</v>
      </c>
      <c r="G564" s="9" t="s">
        <v>276</v>
      </c>
      <c r="H564" s="6">
        <v>10</v>
      </c>
      <c r="I564" s="6">
        <v>9</v>
      </c>
      <c r="J564" s="6">
        <v>9</v>
      </c>
      <c r="K564" s="6">
        <v>1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58</v>
      </c>
      <c r="E565" s="9" t="s">
        <v>228</v>
      </c>
      <c r="F565" s="9" t="s">
        <v>235</v>
      </c>
      <c r="G565" s="9" t="s">
        <v>277</v>
      </c>
      <c r="H565" s="6">
        <v>19</v>
      </c>
      <c r="I565" s="6">
        <v>15</v>
      </c>
      <c r="J565" s="6">
        <v>15</v>
      </c>
      <c r="K565" s="6">
        <v>4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58</v>
      </c>
      <c r="E566" s="9" t="s">
        <v>228</v>
      </c>
      <c r="F566" s="9" t="s">
        <v>235</v>
      </c>
      <c r="G566" s="9" t="s">
        <v>278</v>
      </c>
      <c r="H566" s="6">
        <v>19</v>
      </c>
      <c r="I566" s="6">
        <v>16</v>
      </c>
      <c r="J566" s="6">
        <v>16</v>
      </c>
      <c r="K566" s="6">
        <v>3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58</v>
      </c>
      <c r="E567" s="9" t="s">
        <v>228</v>
      </c>
      <c r="F567" s="9" t="s">
        <v>235</v>
      </c>
      <c r="G567" s="9" t="s">
        <v>279</v>
      </c>
      <c r="H567" s="6">
        <v>14</v>
      </c>
      <c r="I567" s="6">
        <v>12</v>
      </c>
      <c r="J567" s="6">
        <v>12</v>
      </c>
      <c r="K567" s="6">
        <v>2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58</v>
      </c>
      <c r="E568" s="9" t="s">
        <v>228</v>
      </c>
      <c r="F568" s="9" t="s">
        <v>235</v>
      </c>
      <c r="G568" s="9" t="s">
        <v>280</v>
      </c>
      <c r="H568" s="6">
        <v>1963</v>
      </c>
      <c r="I568" s="6">
        <v>351</v>
      </c>
      <c r="J568" s="6">
        <v>299</v>
      </c>
      <c r="K568" s="6">
        <v>1612</v>
      </c>
      <c r="L568" s="10" t="s">
        <v>5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58</v>
      </c>
      <c r="E569" s="9" t="s">
        <v>228</v>
      </c>
      <c r="F569" s="9" t="s">
        <v>281</v>
      </c>
      <c r="G569" s="9" t="s">
        <v>6</v>
      </c>
      <c r="H569" s="6">
        <v>1708</v>
      </c>
      <c r="I569" s="6">
        <v>313</v>
      </c>
      <c r="J569" s="6">
        <v>269</v>
      </c>
      <c r="K569" s="6">
        <v>1395</v>
      </c>
      <c r="L569" s="10" t="s">
        <v>5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58</v>
      </c>
      <c r="E570" s="9" t="s">
        <v>228</v>
      </c>
      <c r="F570" s="9" t="s">
        <v>281</v>
      </c>
      <c r="G570" s="9" t="s">
        <v>272</v>
      </c>
      <c r="H570" s="6">
        <v>1</v>
      </c>
      <c r="I570" s="10" t="s">
        <v>55</v>
      </c>
      <c r="J570" s="10" t="s">
        <v>55</v>
      </c>
      <c r="K570" s="6">
        <v>1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58</v>
      </c>
      <c r="E571" s="9" t="s">
        <v>228</v>
      </c>
      <c r="F571" s="9" t="s">
        <v>281</v>
      </c>
      <c r="G571" s="9" t="s">
        <v>273</v>
      </c>
      <c r="H571" s="6">
        <v>3</v>
      </c>
      <c r="I571" s="6">
        <v>2</v>
      </c>
      <c r="J571" s="6">
        <v>2</v>
      </c>
      <c r="K571" s="6">
        <v>1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58</v>
      </c>
      <c r="E572" s="9" t="s">
        <v>228</v>
      </c>
      <c r="F572" s="9" t="s">
        <v>281</v>
      </c>
      <c r="G572" s="9" t="s">
        <v>274</v>
      </c>
      <c r="H572" s="6">
        <v>2</v>
      </c>
      <c r="I572" s="6">
        <v>2</v>
      </c>
      <c r="J572" s="6">
        <v>1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58</v>
      </c>
      <c r="E573" s="9" t="s">
        <v>228</v>
      </c>
      <c r="F573" s="9" t="s">
        <v>281</v>
      </c>
      <c r="G573" s="9" t="s">
        <v>275</v>
      </c>
      <c r="H573" s="6">
        <v>6</v>
      </c>
      <c r="I573" s="6">
        <v>6</v>
      </c>
      <c r="J573" s="6">
        <v>6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58</v>
      </c>
      <c r="E574" s="9" t="s">
        <v>228</v>
      </c>
      <c r="F574" s="9" t="s">
        <v>281</v>
      </c>
      <c r="G574" s="9" t="s">
        <v>276</v>
      </c>
      <c r="H574" s="6">
        <v>3</v>
      </c>
      <c r="I574" s="6">
        <v>3</v>
      </c>
      <c r="J574" s="6">
        <v>3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58</v>
      </c>
      <c r="E575" s="9" t="s">
        <v>228</v>
      </c>
      <c r="F575" s="9" t="s">
        <v>281</v>
      </c>
      <c r="G575" s="9" t="s">
        <v>277</v>
      </c>
      <c r="H575" s="6">
        <v>5</v>
      </c>
      <c r="I575" s="6">
        <v>3</v>
      </c>
      <c r="J575" s="6">
        <v>3</v>
      </c>
      <c r="K575" s="6">
        <v>2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58</v>
      </c>
      <c r="E576" s="9" t="s">
        <v>228</v>
      </c>
      <c r="F576" s="9" t="s">
        <v>281</v>
      </c>
      <c r="G576" s="9" t="s">
        <v>278</v>
      </c>
      <c r="H576" s="6">
        <v>8</v>
      </c>
      <c r="I576" s="6">
        <v>8</v>
      </c>
      <c r="J576" s="6">
        <v>8</v>
      </c>
      <c r="K576" s="10" t="s">
        <v>55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58</v>
      </c>
      <c r="E577" s="9" t="s">
        <v>228</v>
      </c>
      <c r="F577" s="9" t="s">
        <v>281</v>
      </c>
      <c r="G577" s="9" t="s">
        <v>279</v>
      </c>
      <c r="H577" s="6">
        <v>8</v>
      </c>
      <c r="I577" s="6">
        <v>8</v>
      </c>
      <c r="J577" s="6">
        <v>8</v>
      </c>
      <c r="K577" s="10" t="s">
        <v>55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58</v>
      </c>
      <c r="E578" s="9" t="s">
        <v>228</v>
      </c>
      <c r="F578" s="9" t="s">
        <v>281</v>
      </c>
      <c r="G578" s="9" t="s">
        <v>280</v>
      </c>
      <c r="H578" s="6">
        <v>1672</v>
      </c>
      <c r="I578" s="6">
        <v>281</v>
      </c>
      <c r="J578" s="6">
        <v>238</v>
      </c>
      <c r="K578" s="6">
        <v>1391</v>
      </c>
      <c r="L578" s="10" t="s">
        <v>5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58</v>
      </c>
      <c r="E579" s="9" t="s">
        <v>228</v>
      </c>
      <c r="F579" s="9" t="s">
        <v>282</v>
      </c>
      <c r="G579" s="9" t="s">
        <v>6</v>
      </c>
      <c r="H579" s="6">
        <v>321</v>
      </c>
      <c r="I579" s="6">
        <v>104</v>
      </c>
      <c r="J579" s="6">
        <v>95</v>
      </c>
      <c r="K579" s="6">
        <v>217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58</v>
      </c>
      <c r="E580" s="9" t="s">
        <v>228</v>
      </c>
      <c r="F580" s="9" t="s">
        <v>282</v>
      </c>
      <c r="G580" s="9" t="s">
        <v>272</v>
      </c>
      <c r="H580" s="6">
        <v>4</v>
      </c>
      <c r="I580" s="6">
        <v>1</v>
      </c>
      <c r="J580" s="6">
        <v>1</v>
      </c>
      <c r="K580" s="6">
        <v>3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58</v>
      </c>
      <c r="E581" s="9" t="s">
        <v>228</v>
      </c>
      <c r="F581" s="9" t="s">
        <v>282</v>
      </c>
      <c r="G581" s="9" t="s">
        <v>273</v>
      </c>
      <c r="H581" s="6">
        <v>4</v>
      </c>
      <c r="I581" s="6">
        <v>3</v>
      </c>
      <c r="J581" s="6">
        <v>3</v>
      </c>
      <c r="K581" s="6">
        <v>1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58</v>
      </c>
      <c r="E582" s="9" t="s">
        <v>228</v>
      </c>
      <c r="F582" s="9" t="s">
        <v>282</v>
      </c>
      <c r="G582" s="9" t="s">
        <v>274</v>
      </c>
      <c r="H582" s="6">
        <v>4</v>
      </c>
      <c r="I582" s="6">
        <v>4</v>
      </c>
      <c r="J582" s="6">
        <v>4</v>
      </c>
      <c r="K582" s="10" t="s">
        <v>55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58</v>
      </c>
      <c r="E583" s="9" t="s">
        <v>228</v>
      </c>
      <c r="F583" s="9" t="s">
        <v>282</v>
      </c>
      <c r="G583" s="9" t="s">
        <v>275</v>
      </c>
      <c r="H583" s="6">
        <v>7</v>
      </c>
      <c r="I583" s="6">
        <v>4</v>
      </c>
      <c r="J583" s="6">
        <v>3</v>
      </c>
      <c r="K583" s="6">
        <v>3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58</v>
      </c>
      <c r="E584" s="9" t="s">
        <v>228</v>
      </c>
      <c r="F584" s="9" t="s">
        <v>282</v>
      </c>
      <c r="G584" s="9" t="s">
        <v>276</v>
      </c>
      <c r="H584" s="6">
        <v>5</v>
      </c>
      <c r="I584" s="6">
        <v>4</v>
      </c>
      <c r="J584" s="6">
        <v>4</v>
      </c>
      <c r="K584" s="6">
        <v>1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58</v>
      </c>
      <c r="E585" s="9" t="s">
        <v>228</v>
      </c>
      <c r="F585" s="9" t="s">
        <v>282</v>
      </c>
      <c r="G585" s="9" t="s">
        <v>277</v>
      </c>
      <c r="H585" s="6">
        <v>13</v>
      </c>
      <c r="I585" s="6">
        <v>11</v>
      </c>
      <c r="J585" s="6">
        <v>11</v>
      </c>
      <c r="K585" s="6">
        <v>2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58</v>
      </c>
      <c r="E586" s="9" t="s">
        <v>228</v>
      </c>
      <c r="F586" s="9" t="s">
        <v>282</v>
      </c>
      <c r="G586" s="9" t="s">
        <v>278</v>
      </c>
      <c r="H586" s="6">
        <v>8</v>
      </c>
      <c r="I586" s="6">
        <v>6</v>
      </c>
      <c r="J586" s="6">
        <v>6</v>
      </c>
      <c r="K586" s="6">
        <v>2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58</v>
      </c>
      <c r="E587" s="9" t="s">
        <v>228</v>
      </c>
      <c r="F587" s="9" t="s">
        <v>282</v>
      </c>
      <c r="G587" s="9" t="s">
        <v>279</v>
      </c>
      <c r="H587" s="6">
        <v>5</v>
      </c>
      <c r="I587" s="6">
        <v>3</v>
      </c>
      <c r="J587" s="6">
        <v>3</v>
      </c>
      <c r="K587" s="6">
        <v>2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58</v>
      </c>
      <c r="E588" s="9" t="s">
        <v>228</v>
      </c>
      <c r="F588" s="9" t="s">
        <v>282</v>
      </c>
      <c r="G588" s="9" t="s">
        <v>280</v>
      </c>
      <c r="H588" s="6">
        <v>271</v>
      </c>
      <c r="I588" s="6">
        <v>68</v>
      </c>
      <c r="J588" s="6">
        <v>60</v>
      </c>
      <c r="K588" s="6">
        <v>203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58</v>
      </c>
      <c r="E589" s="9" t="s">
        <v>228</v>
      </c>
      <c r="F589" s="9" t="s">
        <v>283</v>
      </c>
      <c r="G589" s="9" t="s">
        <v>6</v>
      </c>
      <c r="H589" s="6">
        <v>47</v>
      </c>
      <c r="I589" s="6">
        <v>21</v>
      </c>
      <c r="J589" s="6">
        <v>19</v>
      </c>
      <c r="K589" s="6">
        <v>26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58</v>
      </c>
      <c r="E590" s="9" t="s">
        <v>228</v>
      </c>
      <c r="F590" s="9" t="s">
        <v>283</v>
      </c>
      <c r="G590" s="9" t="s">
        <v>272</v>
      </c>
      <c r="H590" s="6">
        <v>3</v>
      </c>
      <c r="I590" s="10" t="s">
        <v>55</v>
      </c>
      <c r="J590" s="10" t="s">
        <v>55</v>
      </c>
      <c r="K590" s="6">
        <v>3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58</v>
      </c>
      <c r="E591" s="9" t="s">
        <v>228</v>
      </c>
      <c r="F591" s="9" t="s">
        <v>283</v>
      </c>
      <c r="G591" s="9" t="s">
        <v>273</v>
      </c>
      <c r="H591" s="6">
        <v>1</v>
      </c>
      <c r="I591" s="6">
        <v>1</v>
      </c>
      <c r="J591" s="6">
        <v>1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58</v>
      </c>
      <c r="E592" s="9" t="s">
        <v>228</v>
      </c>
      <c r="F592" s="9" t="s">
        <v>283</v>
      </c>
      <c r="G592" s="9" t="s">
        <v>274</v>
      </c>
      <c r="H592" s="6">
        <v>6</v>
      </c>
      <c r="I592" s="6">
        <v>6</v>
      </c>
      <c r="J592" s="6">
        <v>6</v>
      </c>
      <c r="K592" s="10" t="s">
        <v>55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58</v>
      </c>
      <c r="E593" s="9" t="s">
        <v>228</v>
      </c>
      <c r="F593" s="9" t="s">
        <v>283</v>
      </c>
      <c r="G593" s="9" t="s">
        <v>275</v>
      </c>
      <c r="H593" s="6">
        <v>10</v>
      </c>
      <c r="I593" s="6">
        <v>6</v>
      </c>
      <c r="J593" s="6">
        <v>5</v>
      </c>
      <c r="K593" s="6">
        <v>4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58</v>
      </c>
      <c r="E594" s="9" t="s">
        <v>228</v>
      </c>
      <c r="F594" s="9" t="s">
        <v>283</v>
      </c>
      <c r="G594" s="9" t="s">
        <v>276</v>
      </c>
      <c r="H594" s="6">
        <v>2</v>
      </c>
      <c r="I594" s="6">
        <v>2</v>
      </c>
      <c r="J594" s="6">
        <v>2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58</v>
      </c>
      <c r="E595" s="9" t="s">
        <v>228</v>
      </c>
      <c r="F595" s="9" t="s">
        <v>283</v>
      </c>
      <c r="G595" s="9" t="s">
        <v>277</v>
      </c>
      <c r="H595" s="6">
        <v>1</v>
      </c>
      <c r="I595" s="6">
        <v>1</v>
      </c>
      <c r="J595" s="6">
        <v>1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58</v>
      </c>
      <c r="E596" s="9" t="s">
        <v>228</v>
      </c>
      <c r="F596" s="9" t="s">
        <v>283</v>
      </c>
      <c r="G596" s="9" t="s">
        <v>278</v>
      </c>
      <c r="H596" s="6">
        <v>3</v>
      </c>
      <c r="I596" s="6">
        <v>2</v>
      </c>
      <c r="J596" s="6">
        <v>2</v>
      </c>
      <c r="K596" s="6">
        <v>1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58</v>
      </c>
      <c r="E597" s="9" t="s">
        <v>228</v>
      </c>
      <c r="F597" s="9" t="s">
        <v>283</v>
      </c>
      <c r="G597" s="9" t="s">
        <v>279</v>
      </c>
      <c r="H597" s="6">
        <v>1</v>
      </c>
      <c r="I597" s="6">
        <v>1</v>
      </c>
      <c r="J597" s="6">
        <v>1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58</v>
      </c>
      <c r="E598" s="9" t="s">
        <v>228</v>
      </c>
      <c r="F598" s="9" t="s">
        <v>283</v>
      </c>
      <c r="G598" s="9" t="s">
        <v>280</v>
      </c>
      <c r="H598" s="6">
        <v>20</v>
      </c>
      <c r="I598" s="6">
        <v>2</v>
      </c>
      <c r="J598" s="6">
        <v>1</v>
      </c>
      <c r="K598" s="6">
        <v>18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58</v>
      </c>
      <c r="E599" s="9" t="s">
        <v>18</v>
      </c>
      <c r="F599" s="9" t="s">
        <v>6</v>
      </c>
      <c r="G599" s="9" t="s">
        <v>6</v>
      </c>
      <c r="H599" s="6">
        <v>868</v>
      </c>
      <c r="I599" s="6">
        <v>4</v>
      </c>
      <c r="J599" s="6">
        <v>4</v>
      </c>
      <c r="K599" s="10" t="s">
        <v>55</v>
      </c>
      <c r="L599" s="6">
        <v>864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58</v>
      </c>
      <c r="E600" s="9" t="s">
        <v>18</v>
      </c>
      <c r="F600" s="9" t="s">
        <v>234</v>
      </c>
      <c r="G600" s="9" t="s">
        <v>6</v>
      </c>
      <c r="H600" s="6">
        <v>248</v>
      </c>
      <c r="I600" s="10" t="s">
        <v>55</v>
      </c>
      <c r="J600" s="10" t="s">
        <v>55</v>
      </c>
      <c r="K600" s="10" t="s">
        <v>55</v>
      </c>
      <c r="L600" s="6">
        <v>248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58</v>
      </c>
      <c r="E601" s="9" t="s">
        <v>18</v>
      </c>
      <c r="F601" s="9" t="s">
        <v>235</v>
      </c>
      <c r="G601" s="9" t="s">
        <v>6</v>
      </c>
      <c r="H601" s="6">
        <v>620</v>
      </c>
      <c r="I601" s="6">
        <v>4</v>
      </c>
      <c r="J601" s="6">
        <v>4</v>
      </c>
      <c r="K601" s="10" t="s">
        <v>55</v>
      </c>
      <c r="L601" s="6">
        <v>616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58</v>
      </c>
      <c r="E602" s="9" t="s">
        <v>18</v>
      </c>
      <c r="F602" s="9" t="s">
        <v>235</v>
      </c>
      <c r="G602" s="9" t="s">
        <v>272</v>
      </c>
      <c r="H602" s="6">
        <v>55</v>
      </c>
      <c r="I602" s="10" t="s">
        <v>55</v>
      </c>
      <c r="J602" s="10" t="s">
        <v>55</v>
      </c>
      <c r="K602" s="10" t="s">
        <v>55</v>
      </c>
      <c r="L602" s="6">
        <v>55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58</v>
      </c>
      <c r="E603" s="9" t="s">
        <v>18</v>
      </c>
      <c r="F603" s="9" t="s">
        <v>235</v>
      </c>
      <c r="G603" s="9" t="s">
        <v>273</v>
      </c>
      <c r="H603" s="6">
        <v>105</v>
      </c>
      <c r="I603" s="10" t="s">
        <v>55</v>
      </c>
      <c r="J603" s="10" t="s">
        <v>55</v>
      </c>
      <c r="K603" s="10" t="s">
        <v>55</v>
      </c>
      <c r="L603" s="6">
        <v>105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58</v>
      </c>
      <c r="E604" s="9" t="s">
        <v>18</v>
      </c>
      <c r="F604" s="9" t="s">
        <v>235</v>
      </c>
      <c r="G604" s="9" t="s">
        <v>274</v>
      </c>
      <c r="H604" s="6">
        <v>99</v>
      </c>
      <c r="I604" s="10" t="s">
        <v>55</v>
      </c>
      <c r="J604" s="10" t="s">
        <v>55</v>
      </c>
      <c r="K604" s="10" t="s">
        <v>55</v>
      </c>
      <c r="L604" s="6">
        <v>99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58</v>
      </c>
      <c r="E605" s="9" t="s">
        <v>18</v>
      </c>
      <c r="F605" s="9" t="s">
        <v>235</v>
      </c>
      <c r="G605" s="9" t="s">
        <v>275</v>
      </c>
      <c r="H605" s="6">
        <v>78</v>
      </c>
      <c r="I605" s="6">
        <v>2</v>
      </c>
      <c r="J605" s="6">
        <v>2</v>
      </c>
      <c r="K605" s="10" t="s">
        <v>55</v>
      </c>
      <c r="L605" s="6">
        <v>76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58</v>
      </c>
      <c r="E606" s="9" t="s">
        <v>18</v>
      </c>
      <c r="F606" s="9" t="s">
        <v>235</v>
      </c>
      <c r="G606" s="9" t="s">
        <v>276</v>
      </c>
      <c r="H606" s="6">
        <v>53</v>
      </c>
      <c r="I606" s="10" t="s">
        <v>55</v>
      </c>
      <c r="J606" s="10" t="s">
        <v>55</v>
      </c>
      <c r="K606" s="10" t="s">
        <v>55</v>
      </c>
      <c r="L606" s="6">
        <v>53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58</v>
      </c>
      <c r="E607" s="9" t="s">
        <v>18</v>
      </c>
      <c r="F607" s="9" t="s">
        <v>235</v>
      </c>
      <c r="G607" s="9" t="s">
        <v>277</v>
      </c>
      <c r="H607" s="6">
        <v>51</v>
      </c>
      <c r="I607" s="10" t="s">
        <v>55</v>
      </c>
      <c r="J607" s="10" t="s">
        <v>55</v>
      </c>
      <c r="K607" s="10" t="s">
        <v>55</v>
      </c>
      <c r="L607" s="6">
        <v>51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58</v>
      </c>
      <c r="E608" s="9" t="s">
        <v>18</v>
      </c>
      <c r="F608" s="9" t="s">
        <v>235</v>
      </c>
      <c r="G608" s="9" t="s">
        <v>278</v>
      </c>
      <c r="H608" s="6">
        <v>38</v>
      </c>
      <c r="I608" s="10" t="s">
        <v>55</v>
      </c>
      <c r="J608" s="10" t="s">
        <v>55</v>
      </c>
      <c r="K608" s="10" t="s">
        <v>55</v>
      </c>
      <c r="L608" s="6">
        <v>38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58</v>
      </c>
      <c r="E609" s="9" t="s">
        <v>18</v>
      </c>
      <c r="F609" s="9" t="s">
        <v>235</v>
      </c>
      <c r="G609" s="9" t="s">
        <v>279</v>
      </c>
      <c r="H609" s="6">
        <v>24</v>
      </c>
      <c r="I609" s="6">
        <v>1</v>
      </c>
      <c r="J609" s="6">
        <v>1</v>
      </c>
      <c r="K609" s="10" t="s">
        <v>55</v>
      </c>
      <c r="L609" s="6">
        <v>23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58</v>
      </c>
      <c r="E610" s="9" t="s">
        <v>18</v>
      </c>
      <c r="F610" s="9" t="s">
        <v>235</v>
      </c>
      <c r="G610" s="9" t="s">
        <v>280</v>
      </c>
      <c r="H610" s="6">
        <v>117</v>
      </c>
      <c r="I610" s="6">
        <v>1</v>
      </c>
      <c r="J610" s="6">
        <v>1</v>
      </c>
      <c r="K610" s="10" t="s">
        <v>55</v>
      </c>
      <c r="L610" s="6">
        <v>116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58</v>
      </c>
      <c r="E611" s="9" t="s">
        <v>18</v>
      </c>
      <c r="F611" s="9" t="s">
        <v>281</v>
      </c>
      <c r="G611" s="9" t="s">
        <v>6</v>
      </c>
      <c r="H611" s="6">
        <v>240</v>
      </c>
      <c r="I611" s="6">
        <v>2</v>
      </c>
      <c r="J611" s="6">
        <v>2</v>
      </c>
      <c r="K611" s="10" t="s">
        <v>55</v>
      </c>
      <c r="L611" s="6">
        <v>238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58</v>
      </c>
      <c r="E612" s="9" t="s">
        <v>18</v>
      </c>
      <c r="F612" s="9" t="s">
        <v>281</v>
      </c>
      <c r="G612" s="9" t="s">
        <v>272</v>
      </c>
      <c r="H612" s="6">
        <v>21</v>
      </c>
      <c r="I612" s="10" t="s">
        <v>55</v>
      </c>
      <c r="J612" s="10" t="s">
        <v>55</v>
      </c>
      <c r="K612" s="10" t="s">
        <v>55</v>
      </c>
      <c r="L612" s="6">
        <v>21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58</v>
      </c>
      <c r="E613" s="9" t="s">
        <v>18</v>
      </c>
      <c r="F613" s="9" t="s">
        <v>281</v>
      </c>
      <c r="G613" s="9" t="s">
        <v>273</v>
      </c>
      <c r="H613" s="6">
        <v>36</v>
      </c>
      <c r="I613" s="10" t="s">
        <v>55</v>
      </c>
      <c r="J613" s="10" t="s">
        <v>55</v>
      </c>
      <c r="K613" s="10" t="s">
        <v>55</v>
      </c>
      <c r="L613" s="6">
        <v>36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58</v>
      </c>
      <c r="E614" s="9" t="s">
        <v>18</v>
      </c>
      <c r="F614" s="9" t="s">
        <v>281</v>
      </c>
      <c r="G614" s="9" t="s">
        <v>274</v>
      </c>
      <c r="H614" s="6">
        <v>28</v>
      </c>
      <c r="I614" s="10" t="s">
        <v>55</v>
      </c>
      <c r="J614" s="10" t="s">
        <v>55</v>
      </c>
      <c r="K614" s="10" t="s">
        <v>55</v>
      </c>
      <c r="L614" s="6">
        <v>28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58</v>
      </c>
      <c r="E615" s="9" t="s">
        <v>18</v>
      </c>
      <c r="F615" s="9" t="s">
        <v>281</v>
      </c>
      <c r="G615" s="9" t="s">
        <v>275</v>
      </c>
      <c r="H615" s="6">
        <v>17</v>
      </c>
      <c r="I615" s="10" t="s">
        <v>55</v>
      </c>
      <c r="J615" s="10" t="s">
        <v>55</v>
      </c>
      <c r="K615" s="10" t="s">
        <v>55</v>
      </c>
      <c r="L615" s="6">
        <v>17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58</v>
      </c>
      <c r="E616" s="9" t="s">
        <v>18</v>
      </c>
      <c r="F616" s="9" t="s">
        <v>281</v>
      </c>
      <c r="G616" s="9" t="s">
        <v>276</v>
      </c>
      <c r="H616" s="6">
        <v>13</v>
      </c>
      <c r="I616" s="10" t="s">
        <v>55</v>
      </c>
      <c r="J616" s="10" t="s">
        <v>55</v>
      </c>
      <c r="K616" s="10" t="s">
        <v>55</v>
      </c>
      <c r="L616" s="6">
        <v>13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58</v>
      </c>
      <c r="E617" s="9" t="s">
        <v>18</v>
      </c>
      <c r="F617" s="9" t="s">
        <v>281</v>
      </c>
      <c r="G617" s="9" t="s">
        <v>277</v>
      </c>
      <c r="H617" s="6">
        <v>17</v>
      </c>
      <c r="I617" s="10" t="s">
        <v>55</v>
      </c>
      <c r="J617" s="10" t="s">
        <v>55</v>
      </c>
      <c r="K617" s="10" t="s">
        <v>55</v>
      </c>
      <c r="L617" s="6">
        <v>17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58</v>
      </c>
      <c r="E618" s="9" t="s">
        <v>18</v>
      </c>
      <c r="F618" s="9" t="s">
        <v>281</v>
      </c>
      <c r="G618" s="9" t="s">
        <v>278</v>
      </c>
      <c r="H618" s="6">
        <v>10</v>
      </c>
      <c r="I618" s="10" t="s">
        <v>55</v>
      </c>
      <c r="J618" s="10" t="s">
        <v>55</v>
      </c>
      <c r="K618" s="10" t="s">
        <v>55</v>
      </c>
      <c r="L618" s="6">
        <v>10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58</v>
      </c>
      <c r="E619" s="9" t="s">
        <v>18</v>
      </c>
      <c r="F619" s="9" t="s">
        <v>281</v>
      </c>
      <c r="G619" s="9" t="s">
        <v>279</v>
      </c>
      <c r="H619" s="6">
        <v>13</v>
      </c>
      <c r="I619" s="6">
        <v>1</v>
      </c>
      <c r="J619" s="6">
        <v>1</v>
      </c>
      <c r="K619" s="10" t="s">
        <v>55</v>
      </c>
      <c r="L619" s="6">
        <v>12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58</v>
      </c>
      <c r="E620" s="9" t="s">
        <v>18</v>
      </c>
      <c r="F620" s="9" t="s">
        <v>281</v>
      </c>
      <c r="G620" s="9" t="s">
        <v>280</v>
      </c>
      <c r="H620" s="6">
        <v>85</v>
      </c>
      <c r="I620" s="6">
        <v>1</v>
      </c>
      <c r="J620" s="6">
        <v>1</v>
      </c>
      <c r="K620" s="10" t="s">
        <v>55</v>
      </c>
      <c r="L620" s="6">
        <v>84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58</v>
      </c>
      <c r="E621" s="9" t="s">
        <v>18</v>
      </c>
      <c r="F621" s="9" t="s">
        <v>282</v>
      </c>
      <c r="G621" s="9" t="s">
        <v>6</v>
      </c>
      <c r="H621" s="6">
        <v>232</v>
      </c>
      <c r="I621" s="6">
        <v>1</v>
      </c>
      <c r="J621" s="6">
        <v>1</v>
      </c>
      <c r="K621" s="10" t="s">
        <v>55</v>
      </c>
      <c r="L621" s="6">
        <v>231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58</v>
      </c>
      <c r="E622" s="9" t="s">
        <v>18</v>
      </c>
      <c r="F622" s="9" t="s">
        <v>282</v>
      </c>
      <c r="G622" s="9" t="s">
        <v>272</v>
      </c>
      <c r="H622" s="6">
        <v>16</v>
      </c>
      <c r="I622" s="10" t="s">
        <v>55</v>
      </c>
      <c r="J622" s="10" t="s">
        <v>55</v>
      </c>
      <c r="K622" s="10" t="s">
        <v>55</v>
      </c>
      <c r="L622" s="6">
        <v>16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58</v>
      </c>
      <c r="E623" s="9" t="s">
        <v>18</v>
      </c>
      <c r="F623" s="9" t="s">
        <v>282</v>
      </c>
      <c r="G623" s="9" t="s">
        <v>273</v>
      </c>
      <c r="H623" s="6">
        <v>36</v>
      </c>
      <c r="I623" s="10" t="s">
        <v>55</v>
      </c>
      <c r="J623" s="10" t="s">
        <v>55</v>
      </c>
      <c r="K623" s="10" t="s">
        <v>55</v>
      </c>
      <c r="L623" s="6">
        <v>36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58</v>
      </c>
      <c r="E624" s="9" t="s">
        <v>18</v>
      </c>
      <c r="F624" s="9" t="s">
        <v>282</v>
      </c>
      <c r="G624" s="9" t="s">
        <v>274</v>
      </c>
      <c r="H624" s="6">
        <v>37</v>
      </c>
      <c r="I624" s="10" t="s">
        <v>55</v>
      </c>
      <c r="J624" s="10" t="s">
        <v>55</v>
      </c>
      <c r="K624" s="10" t="s">
        <v>55</v>
      </c>
      <c r="L624" s="6">
        <v>37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58</v>
      </c>
      <c r="E625" s="9" t="s">
        <v>18</v>
      </c>
      <c r="F625" s="9" t="s">
        <v>282</v>
      </c>
      <c r="G625" s="9" t="s">
        <v>275</v>
      </c>
      <c r="H625" s="6">
        <v>37</v>
      </c>
      <c r="I625" s="6">
        <v>1</v>
      </c>
      <c r="J625" s="6">
        <v>1</v>
      </c>
      <c r="K625" s="10" t="s">
        <v>55</v>
      </c>
      <c r="L625" s="6">
        <v>36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58</v>
      </c>
      <c r="E626" s="9" t="s">
        <v>18</v>
      </c>
      <c r="F626" s="9" t="s">
        <v>282</v>
      </c>
      <c r="G626" s="9" t="s">
        <v>276</v>
      </c>
      <c r="H626" s="6">
        <v>25</v>
      </c>
      <c r="I626" s="10" t="s">
        <v>55</v>
      </c>
      <c r="J626" s="10" t="s">
        <v>55</v>
      </c>
      <c r="K626" s="10" t="s">
        <v>55</v>
      </c>
      <c r="L626" s="6">
        <v>25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58</v>
      </c>
      <c r="E627" s="9" t="s">
        <v>18</v>
      </c>
      <c r="F627" s="9" t="s">
        <v>282</v>
      </c>
      <c r="G627" s="9" t="s">
        <v>277</v>
      </c>
      <c r="H627" s="6">
        <v>17</v>
      </c>
      <c r="I627" s="10" t="s">
        <v>55</v>
      </c>
      <c r="J627" s="10" t="s">
        <v>55</v>
      </c>
      <c r="K627" s="10" t="s">
        <v>55</v>
      </c>
      <c r="L627" s="6">
        <v>17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58</v>
      </c>
      <c r="E628" s="9" t="s">
        <v>18</v>
      </c>
      <c r="F628" s="9" t="s">
        <v>282</v>
      </c>
      <c r="G628" s="9" t="s">
        <v>278</v>
      </c>
      <c r="H628" s="6">
        <v>24</v>
      </c>
      <c r="I628" s="10" t="s">
        <v>55</v>
      </c>
      <c r="J628" s="10" t="s">
        <v>55</v>
      </c>
      <c r="K628" s="10" t="s">
        <v>55</v>
      </c>
      <c r="L628" s="6">
        <v>24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58</v>
      </c>
      <c r="E629" s="9" t="s">
        <v>18</v>
      </c>
      <c r="F629" s="9" t="s">
        <v>282</v>
      </c>
      <c r="G629" s="9" t="s">
        <v>279</v>
      </c>
      <c r="H629" s="6">
        <v>10</v>
      </c>
      <c r="I629" s="10" t="s">
        <v>55</v>
      </c>
      <c r="J629" s="10" t="s">
        <v>55</v>
      </c>
      <c r="K629" s="10" t="s">
        <v>55</v>
      </c>
      <c r="L629" s="6">
        <v>10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58</v>
      </c>
      <c r="E630" s="9" t="s">
        <v>18</v>
      </c>
      <c r="F630" s="9" t="s">
        <v>282</v>
      </c>
      <c r="G630" s="9" t="s">
        <v>280</v>
      </c>
      <c r="H630" s="6">
        <v>30</v>
      </c>
      <c r="I630" s="10" t="s">
        <v>55</v>
      </c>
      <c r="J630" s="10" t="s">
        <v>55</v>
      </c>
      <c r="K630" s="10" t="s">
        <v>55</v>
      </c>
      <c r="L630" s="6">
        <v>30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58</v>
      </c>
      <c r="E631" s="9" t="s">
        <v>18</v>
      </c>
      <c r="F631" s="9" t="s">
        <v>283</v>
      </c>
      <c r="G631" s="9" t="s">
        <v>6</v>
      </c>
      <c r="H631" s="6">
        <v>148</v>
      </c>
      <c r="I631" s="6">
        <v>1</v>
      </c>
      <c r="J631" s="6">
        <v>1</v>
      </c>
      <c r="K631" s="10" t="s">
        <v>55</v>
      </c>
      <c r="L631" s="6">
        <v>147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58</v>
      </c>
      <c r="E632" s="9" t="s">
        <v>18</v>
      </c>
      <c r="F632" s="9" t="s">
        <v>283</v>
      </c>
      <c r="G632" s="9" t="s">
        <v>272</v>
      </c>
      <c r="H632" s="6">
        <v>18</v>
      </c>
      <c r="I632" s="10" t="s">
        <v>55</v>
      </c>
      <c r="J632" s="10" t="s">
        <v>55</v>
      </c>
      <c r="K632" s="10" t="s">
        <v>55</v>
      </c>
      <c r="L632" s="6">
        <v>18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58</v>
      </c>
      <c r="E633" s="9" t="s">
        <v>18</v>
      </c>
      <c r="F633" s="9" t="s">
        <v>283</v>
      </c>
      <c r="G633" s="9" t="s">
        <v>273</v>
      </c>
      <c r="H633" s="6">
        <v>33</v>
      </c>
      <c r="I633" s="10" t="s">
        <v>55</v>
      </c>
      <c r="J633" s="10" t="s">
        <v>55</v>
      </c>
      <c r="K633" s="10" t="s">
        <v>55</v>
      </c>
      <c r="L633" s="6">
        <v>33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58</v>
      </c>
      <c r="E634" s="9" t="s">
        <v>18</v>
      </c>
      <c r="F634" s="9" t="s">
        <v>283</v>
      </c>
      <c r="G634" s="9" t="s">
        <v>274</v>
      </c>
      <c r="H634" s="6">
        <v>34</v>
      </c>
      <c r="I634" s="10" t="s">
        <v>55</v>
      </c>
      <c r="J634" s="10" t="s">
        <v>55</v>
      </c>
      <c r="K634" s="10" t="s">
        <v>55</v>
      </c>
      <c r="L634" s="6">
        <v>34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58</v>
      </c>
      <c r="E635" s="9" t="s">
        <v>18</v>
      </c>
      <c r="F635" s="9" t="s">
        <v>283</v>
      </c>
      <c r="G635" s="9" t="s">
        <v>275</v>
      </c>
      <c r="H635" s="6">
        <v>24</v>
      </c>
      <c r="I635" s="6">
        <v>1</v>
      </c>
      <c r="J635" s="6">
        <v>1</v>
      </c>
      <c r="K635" s="10" t="s">
        <v>55</v>
      </c>
      <c r="L635" s="6">
        <v>23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58</v>
      </c>
      <c r="E636" s="9" t="s">
        <v>18</v>
      </c>
      <c r="F636" s="9" t="s">
        <v>283</v>
      </c>
      <c r="G636" s="9" t="s">
        <v>276</v>
      </c>
      <c r="H636" s="6">
        <v>15</v>
      </c>
      <c r="I636" s="10" t="s">
        <v>55</v>
      </c>
      <c r="J636" s="10" t="s">
        <v>55</v>
      </c>
      <c r="K636" s="10" t="s">
        <v>55</v>
      </c>
      <c r="L636" s="6">
        <v>15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58</v>
      </c>
      <c r="E637" s="9" t="s">
        <v>18</v>
      </c>
      <c r="F637" s="9" t="s">
        <v>283</v>
      </c>
      <c r="G637" s="9" t="s">
        <v>277</v>
      </c>
      <c r="H637" s="6">
        <v>17</v>
      </c>
      <c r="I637" s="10" t="s">
        <v>55</v>
      </c>
      <c r="J637" s="10" t="s">
        <v>55</v>
      </c>
      <c r="K637" s="10" t="s">
        <v>55</v>
      </c>
      <c r="L637" s="6">
        <v>17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58</v>
      </c>
      <c r="E638" s="9" t="s">
        <v>18</v>
      </c>
      <c r="F638" s="9" t="s">
        <v>283</v>
      </c>
      <c r="G638" s="9" t="s">
        <v>278</v>
      </c>
      <c r="H638" s="6">
        <v>4</v>
      </c>
      <c r="I638" s="10" t="s">
        <v>55</v>
      </c>
      <c r="J638" s="10" t="s">
        <v>55</v>
      </c>
      <c r="K638" s="10" t="s">
        <v>55</v>
      </c>
      <c r="L638" s="6">
        <v>4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58</v>
      </c>
      <c r="E639" s="9" t="s">
        <v>18</v>
      </c>
      <c r="F639" s="9" t="s">
        <v>283</v>
      </c>
      <c r="G639" s="9" t="s">
        <v>279</v>
      </c>
      <c r="H639" s="6">
        <v>1</v>
      </c>
      <c r="I639" s="10" t="s">
        <v>55</v>
      </c>
      <c r="J639" s="10" t="s">
        <v>55</v>
      </c>
      <c r="K639" s="10" t="s">
        <v>55</v>
      </c>
      <c r="L639" s="6">
        <v>1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58</v>
      </c>
      <c r="E640" s="9" t="s">
        <v>18</v>
      </c>
      <c r="F640" s="9" t="s">
        <v>283</v>
      </c>
      <c r="G640" s="9" t="s">
        <v>280</v>
      </c>
      <c r="H640" s="6">
        <v>2</v>
      </c>
      <c r="I640" s="10" t="s">
        <v>55</v>
      </c>
      <c r="J640" s="10" t="s">
        <v>55</v>
      </c>
      <c r="K640" s="10" t="s">
        <v>55</v>
      </c>
      <c r="L640" s="6">
        <v>2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F1796CA1-279C-464C-BA5F-F3C683CC82B5}">
  <sheetPr>
    <pageSetUpPr fitToPage="1"/>
  </sheetPr>
  <dimension ref="A1:AB631"/>
  <sheetViews>
    <sheetView zoomScaleNormal="100" workbookViewId="0">
      <pane xSplit="10" ySplit="10" topLeftCell="K11" activePane="bottomRight" state="frozen"/>
      <selection pane="topRight" activeCell="AH1" sqref="AH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62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6</v>
      </c>
      <c r="I11" s="5" t="s">
        <v>6</v>
      </c>
      <c r="J11" s="5" t="s">
        <v>30</v>
      </c>
      <c r="K11" s="6">
        <v>108258569</v>
      </c>
      <c r="L11" s="6">
        <v>59949767</v>
      </c>
      <c r="M11" s="6">
        <v>57643225</v>
      </c>
      <c r="N11" s="6">
        <v>47954511</v>
      </c>
      <c r="O11" s="6">
        <v>7107404</v>
      </c>
      <c r="P11" s="6">
        <v>1105592</v>
      </c>
      <c r="Q11" s="6">
        <v>1475718</v>
      </c>
      <c r="R11" s="6">
        <v>2306542</v>
      </c>
      <c r="S11" s="6">
        <v>36603968</v>
      </c>
      <c r="T11" s="6">
        <v>13144416</v>
      </c>
      <c r="U11" s="6">
        <v>5276382</v>
      </c>
      <c r="V11" s="6">
        <v>18183170</v>
      </c>
      <c r="W11" s="6">
        <v>11704834</v>
      </c>
      <c r="X11" s="6">
        <v>50076420</v>
      </c>
      <c r="Y11" s="6">
        <v>42446742</v>
      </c>
      <c r="Z11" s="6">
        <v>5496445</v>
      </c>
      <c r="AA11" s="6">
        <v>1091000</v>
      </c>
      <c r="AB11" s="6">
        <v>1042233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6</v>
      </c>
      <c r="I12" s="9" t="s">
        <v>6</v>
      </c>
      <c r="J12" s="9" t="s">
        <v>31</v>
      </c>
      <c r="K12" s="6">
        <v>5617440</v>
      </c>
      <c r="L12" s="6">
        <v>842919</v>
      </c>
      <c r="M12" s="6">
        <v>786795</v>
      </c>
      <c r="N12" s="6">
        <v>326838</v>
      </c>
      <c r="O12" s="6">
        <v>19144</v>
      </c>
      <c r="P12" s="6">
        <v>423084</v>
      </c>
      <c r="Q12" s="6">
        <v>17729</v>
      </c>
      <c r="R12" s="6">
        <v>56124</v>
      </c>
      <c r="S12" s="6">
        <v>4183450</v>
      </c>
      <c r="T12" s="6">
        <v>29739</v>
      </c>
      <c r="U12" s="6">
        <v>4073860</v>
      </c>
      <c r="V12" s="6">
        <v>79851</v>
      </c>
      <c r="W12" s="6">
        <v>591071</v>
      </c>
      <c r="X12" s="6">
        <v>760639</v>
      </c>
      <c r="Y12" s="6">
        <v>307589</v>
      </c>
      <c r="Z12" s="6">
        <v>17557</v>
      </c>
      <c r="AA12" s="6">
        <v>419246</v>
      </c>
      <c r="AB12" s="6">
        <v>16247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6</v>
      </c>
      <c r="I13" s="9" t="s">
        <v>6</v>
      </c>
      <c r="J13" s="9" t="s">
        <v>32</v>
      </c>
      <c r="K13" s="6">
        <v>5931306</v>
      </c>
      <c r="L13" s="6">
        <v>3708537</v>
      </c>
      <c r="M13" s="6">
        <v>3489163</v>
      </c>
      <c r="N13" s="6">
        <v>2718464</v>
      </c>
      <c r="O13" s="6">
        <v>79875</v>
      </c>
      <c r="P13" s="6">
        <v>616104</v>
      </c>
      <c r="Q13" s="6">
        <v>74720</v>
      </c>
      <c r="R13" s="6">
        <v>219374</v>
      </c>
      <c r="S13" s="6">
        <v>1297464</v>
      </c>
      <c r="T13" s="6">
        <v>116432</v>
      </c>
      <c r="U13" s="6">
        <v>1073902</v>
      </c>
      <c r="V13" s="6">
        <v>107130</v>
      </c>
      <c r="W13" s="6">
        <v>925305</v>
      </c>
      <c r="X13" s="6">
        <v>3344141</v>
      </c>
      <c r="Y13" s="6">
        <v>2593092</v>
      </c>
      <c r="Z13" s="6">
        <v>71281</v>
      </c>
      <c r="AA13" s="6">
        <v>610410</v>
      </c>
      <c r="AB13" s="6">
        <v>69358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6</v>
      </c>
      <c r="I14" s="9" t="s">
        <v>6</v>
      </c>
      <c r="J14" s="9" t="s">
        <v>33</v>
      </c>
      <c r="K14" s="6">
        <v>6031964</v>
      </c>
      <c r="L14" s="6">
        <v>4517617</v>
      </c>
      <c r="M14" s="6">
        <v>4287963</v>
      </c>
      <c r="N14" s="6">
        <v>3987375</v>
      </c>
      <c r="O14" s="6">
        <v>145035</v>
      </c>
      <c r="P14" s="6">
        <v>33208</v>
      </c>
      <c r="Q14" s="6">
        <v>122345</v>
      </c>
      <c r="R14" s="6">
        <v>229654</v>
      </c>
      <c r="S14" s="6">
        <v>446700</v>
      </c>
      <c r="T14" s="6">
        <v>284851</v>
      </c>
      <c r="U14" s="6">
        <v>75541</v>
      </c>
      <c r="V14" s="6">
        <v>86308</v>
      </c>
      <c r="W14" s="6">
        <v>1067647</v>
      </c>
      <c r="X14" s="6">
        <v>4066675</v>
      </c>
      <c r="Y14" s="6">
        <v>3795564</v>
      </c>
      <c r="Z14" s="6">
        <v>123885</v>
      </c>
      <c r="AA14" s="6">
        <v>32133</v>
      </c>
      <c r="AB14" s="6">
        <v>115093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6</v>
      </c>
      <c r="I15" s="9" t="s">
        <v>6</v>
      </c>
      <c r="J15" s="9" t="s">
        <v>34</v>
      </c>
      <c r="K15" s="6">
        <v>6484594</v>
      </c>
      <c r="L15" s="6">
        <v>4784174</v>
      </c>
      <c r="M15" s="6">
        <v>4577146</v>
      </c>
      <c r="N15" s="6">
        <v>4104409</v>
      </c>
      <c r="O15" s="6">
        <v>281485</v>
      </c>
      <c r="P15" s="6">
        <v>12296</v>
      </c>
      <c r="Q15" s="6">
        <v>178956</v>
      </c>
      <c r="R15" s="6">
        <v>207028</v>
      </c>
      <c r="S15" s="6">
        <v>654031</v>
      </c>
      <c r="T15" s="6">
        <v>537926</v>
      </c>
      <c r="U15" s="6">
        <v>20328</v>
      </c>
      <c r="V15" s="6">
        <v>95777</v>
      </c>
      <c r="W15" s="6">
        <v>1046389</v>
      </c>
      <c r="X15" s="6">
        <v>4277898</v>
      </c>
      <c r="Y15" s="6">
        <v>3860897</v>
      </c>
      <c r="Z15" s="6">
        <v>236382</v>
      </c>
      <c r="AA15" s="6">
        <v>11635</v>
      </c>
      <c r="AB15" s="6">
        <v>168984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6</v>
      </c>
      <c r="I16" s="9" t="s">
        <v>6</v>
      </c>
      <c r="J16" s="9" t="s">
        <v>35</v>
      </c>
      <c r="K16" s="6">
        <v>7311567</v>
      </c>
      <c r="L16" s="6">
        <v>5433673</v>
      </c>
      <c r="M16" s="6">
        <v>5228646</v>
      </c>
      <c r="N16" s="6">
        <v>4609720</v>
      </c>
      <c r="O16" s="6">
        <v>469903</v>
      </c>
      <c r="P16" s="6">
        <v>6228</v>
      </c>
      <c r="Q16" s="6">
        <v>142795</v>
      </c>
      <c r="R16" s="6">
        <v>205027</v>
      </c>
      <c r="S16" s="6">
        <v>778299</v>
      </c>
      <c r="T16" s="6">
        <v>657456</v>
      </c>
      <c r="U16" s="6">
        <v>9656</v>
      </c>
      <c r="V16" s="6">
        <v>111187</v>
      </c>
      <c r="W16" s="6">
        <v>1099595</v>
      </c>
      <c r="X16" s="6">
        <v>4801365</v>
      </c>
      <c r="Y16" s="6">
        <v>4266141</v>
      </c>
      <c r="Z16" s="6">
        <v>399461</v>
      </c>
      <c r="AA16" s="6">
        <v>5747</v>
      </c>
      <c r="AB16" s="6">
        <v>130016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6</v>
      </c>
      <c r="I17" s="9" t="s">
        <v>6</v>
      </c>
      <c r="J17" s="9" t="s">
        <v>36</v>
      </c>
      <c r="K17" s="6">
        <v>8291077</v>
      </c>
      <c r="L17" s="6">
        <v>6363568</v>
      </c>
      <c r="M17" s="6">
        <v>6146340</v>
      </c>
      <c r="N17" s="6">
        <v>5361920</v>
      </c>
      <c r="O17" s="6">
        <v>688429</v>
      </c>
      <c r="P17" s="6">
        <v>4237</v>
      </c>
      <c r="Q17" s="6">
        <v>91754</v>
      </c>
      <c r="R17" s="6">
        <v>217228</v>
      </c>
      <c r="S17" s="6">
        <v>804226</v>
      </c>
      <c r="T17" s="6">
        <v>663325</v>
      </c>
      <c r="U17" s="6">
        <v>6272</v>
      </c>
      <c r="V17" s="6">
        <v>134629</v>
      </c>
      <c r="W17" s="6">
        <v>1123283</v>
      </c>
      <c r="X17" s="6">
        <v>5593492</v>
      </c>
      <c r="Y17" s="6">
        <v>4914102</v>
      </c>
      <c r="Z17" s="6">
        <v>599800</v>
      </c>
      <c r="AA17" s="6">
        <v>3762</v>
      </c>
      <c r="AB17" s="6">
        <v>75828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6</v>
      </c>
      <c r="I18" s="9" t="s">
        <v>6</v>
      </c>
      <c r="J18" s="9" t="s">
        <v>37</v>
      </c>
      <c r="K18" s="6">
        <v>9650293</v>
      </c>
      <c r="L18" s="6">
        <v>7544543</v>
      </c>
      <c r="M18" s="6">
        <v>7287886</v>
      </c>
      <c r="N18" s="6">
        <v>6288014</v>
      </c>
      <c r="O18" s="6">
        <v>906672</v>
      </c>
      <c r="P18" s="6">
        <v>3331</v>
      </c>
      <c r="Q18" s="6">
        <v>89869</v>
      </c>
      <c r="R18" s="6">
        <v>256657</v>
      </c>
      <c r="S18" s="6">
        <v>920847</v>
      </c>
      <c r="T18" s="6">
        <v>733265</v>
      </c>
      <c r="U18" s="6">
        <v>4561</v>
      </c>
      <c r="V18" s="6">
        <v>183021</v>
      </c>
      <c r="W18" s="6">
        <v>1184903</v>
      </c>
      <c r="X18" s="6">
        <v>6613579</v>
      </c>
      <c r="Y18" s="6">
        <v>5741073</v>
      </c>
      <c r="Z18" s="6">
        <v>801595</v>
      </c>
      <c r="AA18" s="6">
        <v>2908</v>
      </c>
      <c r="AB18" s="6">
        <v>68003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6</v>
      </c>
      <c r="I19" s="9" t="s">
        <v>6</v>
      </c>
      <c r="J19" s="9" t="s">
        <v>38</v>
      </c>
      <c r="K19" s="6">
        <v>8539851</v>
      </c>
      <c r="L19" s="6">
        <v>6666782</v>
      </c>
      <c r="M19" s="6">
        <v>6434140</v>
      </c>
      <c r="N19" s="6">
        <v>5510501</v>
      </c>
      <c r="O19" s="6">
        <v>830211</v>
      </c>
      <c r="P19" s="6">
        <v>2081</v>
      </c>
      <c r="Q19" s="6">
        <v>91347</v>
      </c>
      <c r="R19" s="6">
        <v>232642</v>
      </c>
      <c r="S19" s="6">
        <v>929364</v>
      </c>
      <c r="T19" s="6">
        <v>734279</v>
      </c>
      <c r="U19" s="6">
        <v>2724</v>
      </c>
      <c r="V19" s="6">
        <v>192361</v>
      </c>
      <c r="W19" s="6">
        <v>943705</v>
      </c>
      <c r="X19" s="6">
        <v>5788190</v>
      </c>
      <c r="Y19" s="6">
        <v>4994032</v>
      </c>
      <c r="Z19" s="6">
        <v>725074</v>
      </c>
      <c r="AA19" s="6">
        <v>1747</v>
      </c>
      <c r="AB19" s="6">
        <v>67337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6</v>
      </c>
      <c r="I20" s="9" t="s">
        <v>6</v>
      </c>
      <c r="J20" s="9" t="s">
        <v>39</v>
      </c>
      <c r="K20" s="6">
        <v>7767482</v>
      </c>
      <c r="L20" s="6">
        <v>6019933</v>
      </c>
      <c r="M20" s="6">
        <v>5815244</v>
      </c>
      <c r="N20" s="6">
        <v>4954895</v>
      </c>
      <c r="O20" s="6">
        <v>763592</v>
      </c>
      <c r="P20" s="6">
        <v>1370</v>
      </c>
      <c r="Q20" s="6">
        <v>95387</v>
      </c>
      <c r="R20" s="6">
        <v>204689</v>
      </c>
      <c r="S20" s="6">
        <v>1094571</v>
      </c>
      <c r="T20" s="6">
        <v>860308</v>
      </c>
      <c r="U20" s="6">
        <v>1910</v>
      </c>
      <c r="V20" s="6">
        <v>232353</v>
      </c>
      <c r="W20" s="6">
        <v>652978</v>
      </c>
      <c r="X20" s="6">
        <v>5164724</v>
      </c>
      <c r="Y20" s="6">
        <v>4451434</v>
      </c>
      <c r="Z20" s="6">
        <v>642347</v>
      </c>
      <c r="AA20" s="6">
        <v>1113</v>
      </c>
      <c r="AB20" s="6">
        <v>69830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6</v>
      </c>
      <c r="I21" s="9" t="s">
        <v>6</v>
      </c>
      <c r="J21" s="9" t="s">
        <v>40</v>
      </c>
      <c r="K21" s="6">
        <v>7297190</v>
      </c>
      <c r="L21" s="6">
        <v>5070946</v>
      </c>
      <c r="M21" s="6">
        <v>4865428</v>
      </c>
      <c r="N21" s="6">
        <v>4009062</v>
      </c>
      <c r="O21" s="6">
        <v>753750</v>
      </c>
      <c r="P21" s="6">
        <v>1041</v>
      </c>
      <c r="Q21" s="6">
        <v>101575</v>
      </c>
      <c r="R21" s="6">
        <v>205518</v>
      </c>
      <c r="S21" s="6">
        <v>1780924</v>
      </c>
      <c r="T21" s="6">
        <v>1210003</v>
      </c>
      <c r="U21" s="6">
        <v>1612</v>
      </c>
      <c r="V21" s="6">
        <v>569309</v>
      </c>
      <c r="W21" s="6">
        <v>445320</v>
      </c>
      <c r="X21" s="6">
        <v>4120560</v>
      </c>
      <c r="Y21" s="6">
        <v>3458556</v>
      </c>
      <c r="Z21" s="6">
        <v>592659</v>
      </c>
      <c r="AA21" s="6">
        <v>808</v>
      </c>
      <c r="AB21" s="6">
        <v>68537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6</v>
      </c>
      <c r="I22" s="9" t="s">
        <v>6</v>
      </c>
      <c r="J22" s="9" t="s">
        <v>41</v>
      </c>
      <c r="K22" s="6">
        <v>8075268</v>
      </c>
      <c r="L22" s="6">
        <v>3968068</v>
      </c>
      <c r="M22" s="6">
        <v>3814699</v>
      </c>
      <c r="N22" s="6">
        <v>2844056</v>
      </c>
      <c r="O22" s="6">
        <v>834508</v>
      </c>
      <c r="P22" s="6">
        <v>922</v>
      </c>
      <c r="Q22" s="6">
        <v>135213</v>
      </c>
      <c r="R22" s="6">
        <v>153369</v>
      </c>
      <c r="S22" s="6">
        <v>3664263</v>
      </c>
      <c r="T22" s="6">
        <v>1778674</v>
      </c>
      <c r="U22" s="6">
        <v>1171</v>
      </c>
      <c r="V22" s="6">
        <v>1884418</v>
      </c>
      <c r="W22" s="6">
        <v>442937</v>
      </c>
      <c r="X22" s="6">
        <v>2842362</v>
      </c>
      <c r="Y22" s="6">
        <v>2172624</v>
      </c>
      <c r="Z22" s="6">
        <v>593005</v>
      </c>
      <c r="AA22" s="6">
        <v>664</v>
      </c>
      <c r="AB22" s="6">
        <v>76069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6</v>
      </c>
      <c r="I23" s="9" t="s">
        <v>6</v>
      </c>
      <c r="J23" s="9" t="s">
        <v>42</v>
      </c>
      <c r="K23" s="6">
        <v>9011795</v>
      </c>
      <c r="L23" s="6">
        <v>2961710</v>
      </c>
      <c r="M23" s="6">
        <v>2882904</v>
      </c>
      <c r="N23" s="6">
        <v>1995515</v>
      </c>
      <c r="O23" s="6">
        <v>734410</v>
      </c>
      <c r="P23" s="6">
        <v>702</v>
      </c>
      <c r="Q23" s="6">
        <v>152277</v>
      </c>
      <c r="R23" s="6">
        <v>78806</v>
      </c>
      <c r="S23" s="6">
        <v>5450599</v>
      </c>
      <c r="T23" s="6">
        <v>2081245</v>
      </c>
      <c r="U23" s="6">
        <v>1274</v>
      </c>
      <c r="V23" s="6">
        <v>3368080</v>
      </c>
      <c r="W23" s="6">
        <v>599486</v>
      </c>
      <c r="X23" s="6">
        <v>1836875</v>
      </c>
      <c r="Y23" s="6">
        <v>1312920</v>
      </c>
      <c r="Z23" s="6">
        <v>453797</v>
      </c>
      <c r="AA23" s="6">
        <v>429</v>
      </c>
      <c r="AB23" s="6">
        <v>69729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6</v>
      </c>
      <c r="I24" s="9" t="s">
        <v>6</v>
      </c>
      <c r="J24" s="9" t="s">
        <v>43</v>
      </c>
      <c r="K24" s="6">
        <v>6930928</v>
      </c>
      <c r="L24" s="6">
        <v>1273749</v>
      </c>
      <c r="M24" s="6">
        <v>1246049</v>
      </c>
      <c r="N24" s="6">
        <v>795811</v>
      </c>
      <c r="O24" s="6">
        <v>355738</v>
      </c>
      <c r="P24" s="6">
        <v>463</v>
      </c>
      <c r="Q24" s="6">
        <v>94037</v>
      </c>
      <c r="R24" s="6">
        <v>27700</v>
      </c>
      <c r="S24" s="6">
        <v>5047089</v>
      </c>
      <c r="T24" s="6">
        <v>1575057</v>
      </c>
      <c r="U24" s="6">
        <v>1338</v>
      </c>
      <c r="V24" s="6">
        <v>3470694</v>
      </c>
      <c r="W24" s="6">
        <v>610090</v>
      </c>
      <c r="X24" s="6">
        <v>617635</v>
      </c>
      <c r="Y24" s="6">
        <v>419294</v>
      </c>
      <c r="Z24" s="6">
        <v>168260</v>
      </c>
      <c r="AA24" s="6">
        <v>213</v>
      </c>
      <c r="AB24" s="6">
        <v>29868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6</v>
      </c>
      <c r="I25" s="9" t="s">
        <v>6</v>
      </c>
      <c r="J25" s="9" t="s">
        <v>44</v>
      </c>
      <c r="K25" s="6">
        <v>5296728</v>
      </c>
      <c r="L25" s="6">
        <v>539734</v>
      </c>
      <c r="M25" s="6">
        <v>530752</v>
      </c>
      <c r="N25" s="6">
        <v>314583</v>
      </c>
      <c r="O25" s="6">
        <v>161642</v>
      </c>
      <c r="P25" s="6">
        <v>321</v>
      </c>
      <c r="Q25" s="6">
        <v>54206</v>
      </c>
      <c r="R25" s="6">
        <v>8982</v>
      </c>
      <c r="S25" s="6">
        <v>4236891</v>
      </c>
      <c r="T25" s="6">
        <v>1081693</v>
      </c>
      <c r="U25" s="6">
        <v>1088</v>
      </c>
      <c r="V25" s="6">
        <v>3154110</v>
      </c>
      <c r="W25" s="6">
        <v>520103</v>
      </c>
      <c r="X25" s="6">
        <v>181121</v>
      </c>
      <c r="Y25" s="6">
        <v>118185</v>
      </c>
      <c r="Z25" s="6">
        <v>51425</v>
      </c>
      <c r="AA25" s="6">
        <v>124</v>
      </c>
      <c r="AB25" s="6">
        <v>11387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6</v>
      </c>
      <c r="I26" s="9" t="s">
        <v>6</v>
      </c>
      <c r="J26" s="9" t="s">
        <v>45</v>
      </c>
      <c r="K26" s="6">
        <v>3669823</v>
      </c>
      <c r="L26" s="6">
        <v>198719</v>
      </c>
      <c r="M26" s="6">
        <v>195919</v>
      </c>
      <c r="N26" s="6">
        <v>106770</v>
      </c>
      <c r="O26" s="6">
        <v>64233</v>
      </c>
      <c r="P26" s="6">
        <v>147</v>
      </c>
      <c r="Q26" s="6">
        <v>24769</v>
      </c>
      <c r="R26" s="6">
        <v>2800</v>
      </c>
      <c r="S26" s="6">
        <v>3154089</v>
      </c>
      <c r="T26" s="6">
        <v>595906</v>
      </c>
      <c r="U26" s="6">
        <v>660</v>
      </c>
      <c r="V26" s="6">
        <v>2557523</v>
      </c>
      <c r="W26" s="6">
        <v>317015</v>
      </c>
      <c r="X26" s="6">
        <v>53306</v>
      </c>
      <c r="Y26" s="6">
        <v>33080</v>
      </c>
      <c r="Z26" s="6">
        <v>15766</v>
      </c>
      <c r="AA26" s="6">
        <v>41</v>
      </c>
      <c r="AB26" s="6">
        <v>4419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6</v>
      </c>
      <c r="I27" s="9" t="s">
        <v>6</v>
      </c>
      <c r="J27" s="9" t="s">
        <v>46</v>
      </c>
      <c r="K27" s="6">
        <v>1779016</v>
      </c>
      <c r="L27" s="6">
        <v>48901</v>
      </c>
      <c r="M27" s="6">
        <v>48074</v>
      </c>
      <c r="N27" s="6">
        <v>23705</v>
      </c>
      <c r="O27" s="6">
        <v>16737</v>
      </c>
      <c r="P27" s="6">
        <v>52</v>
      </c>
      <c r="Q27" s="6">
        <v>7580</v>
      </c>
      <c r="R27" s="6">
        <v>827</v>
      </c>
      <c r="S27" s="6">
        <v>1618359</v>
      </c>
      <c r="T27" s="6">
        <v>177587</v>
      </c>
      <c r="U27" s="6">
        <v>402</v>
      </c>
      <c r="V27" s="6">
        <v>1440370</v>
      </c>
      <c r="W27" s="6">
        <v>111756</v>
      </c>
      <c r="X27" s="6">
        <v>12297</v>
      </c>
      <c r="Y27" s="6">
        <v>7237</v>
      </c>
      <c r="Z27" s="6">
        <v>3732</v>
      </c>
      <c r="AA27" s="6">
        <v>17</v>
      </c>
      <c r="AB27" s="6">
        <v>1311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6</v>
      </c>
      <c r="I28" s="9" t="s">
        <v>6</v>
      </c>
      <c r="J28" s="9" t="s">
        <v>47</v>
      </c>
      <c r="K28" s="6">
        <v>572247</v>
      </c>
      <c r="L28" s="6">
        <v>6194</v>
      </c>
      <c r="M28" s="6">
        <v>6077</v>
      </c>
      <c r="N28" s="6">
        <v>2873</v>
      </c>
      <c r="O28" s="6">
        <v>2040</v>
      </c>
      <c r="P28" s="6">
        <v>5</v>
      </c>
      <c r="Q28" s="6">
        <v>1159</v>
      </c>
      <c r="R28" s="6">
        <v>117</v>
      </c>
      <c r="S28" s="6">
        <v>542802</v>
      </c>
      <c r="T28" s="6">
        <v>26670</v>
      </c>
      <c r="U28" s="6">
        <v>83</v>
      </c>
      <c r="V28" s="6">
        <v>516049</v>
      </c>
      <c r="W28" s="6">
        <v>23251</v>
      </c>
      <c r="X28" s="6">
        <v>1561</v>
      </c>
      <c r="Y28" s="6">
        <v>922</v>
      </c>
      <c r="Z28" s="6">
        <v>419</v>
      </c>
      <c r="AA28" s="6">
        <v>3</v>
      </c>
      <c r="AB28" s="6">
        <v>217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6</v>
      </c>
      <c r="I29" s="9" t="s">
        <v>6</v>
      </c>
      <c r="J29" s="9" t="s">
        <v>48</v>
      </c>
      <c r="K29" s="6">
        <v>72922764</v>
      </c>
      <c r="L29" s="6">
        <v>50952692</v>
      </c>
      <c r="M29" s="6">
        <v>48918751</v>
      </c>
      <c r="N29" s="6">
        <v>41871198</v>
      </c>
      <c r="O29" s="6">
        <v>4938096</v>
      </c>
      <c r="P29" s="6">
        <v>1102980</v>
      </c>
      <c r="Q29" s="6">
        <v>1006477</v>
      </c>
      <c r="R29" s="6">
        <v>2033941</v>
      </c>
      <c r="S29" s="6">
        <v>12889876</v>
      </c>
      <c r="T29" s="6">
        <v>5827584</v>
      </c>
      <c r="U29" s="6">
        <v>5270366</v>
      </c>
      <c r="V29" s="6">
        <v>1791926</v>
      </c>
      <c r="W29" s="6">
        <v>9080196</v>
      </c>
      <c r="X29" s="6">
        <v>44531263</v>
      </c>
      <c r="Y29" s="6">
        <v>38382480</v>
      </c>
      <c r="Z29" s="6">
        <v>4210041</v>
      </c>
      <c r="AA29" s="6">
        <v>1089509</v>
      </c>
      <c r="AB29" s="6">
        <v>849233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6</v>
      </c>
      <c r="I30" s="9" t="s">
        <v>6</v>
      </c>
      <c r="J30" s="9" t="s">
        <v>49</v>
      </c>
      <c r="K30" s="6">
        <v>35335805</v>
      </c>
      <c r="L30" s="6">
        <v>8997075</v>
      </c>
      <c r="M30" s="6">
        <v>8724474</v>
      </c>
      <c r="N30" s="6">
        <v>6083313</v>
      </c>
      <c r="O30" s="6">
        <v>2169308</v>
      </c>
      <c r="P30" s="6">
        <v>2612</v>
      </c>
      <c r="Q30" s="6">
        <v>469241</v>
      </c>
      <c r="R30" s="6">
        <v>272601</v>
      </c>
      <c r="S30" s="6">
        <v>23714092</v>
      </c>
      <c r="T30" s="6">
        <v>7316832</v>
      </c>
      <c r="U30" s="6">
        <v>6016</v>
      </c>
      <c r="V30" s="6">
        <v>16391244</v>
      </c>
      <c r="W30" s="6">
        <v>2624638</v>
      </c>
      <c r="X30" s="6">
        <v>5545157</v>
      </c>
      <c r="Y30" s="6">
        <v>4064262</v>
      </c>
      <c r="Z30" s="6">
        <v>1286404</v>
      </c>
      <c r="AA30" s="6">
        <v>1491</v>
      </c>
      <c r="AB30" s="6">
        <v>193000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6</v>
      </c>
      <c r="I31" s="9" t="s">
        <v>6</v>
      </c>
      <c r="J31" s="9" t="s">
        <v>50</v>
      </c>
      <c r="K31" s="6">
        <v>18248742</v>
      </c>
      <c r="L31" s="6">
        <v>2067297</v>
      </c>
      <c r="M31" s="6">
        <v>2026871</v>
      </c>
      <c r="N31" s="6">
        <v>1243742</v>
      </c>
      <c r="O31" s="6">
        <v>600390</v>
      </c>
      <c r="P31" s="6">
        <v>988</v>
      </c>
      <c r="Q31" s="6">
        <v>181751</v>
      </c>
      <c r="R31" s="6">
        <v>40426</v>
      </c>
      <c r="S31" s="6">
        <v>14599230</v>
      </c>
      <c r="T31" s="6">
        <v>3456913</v>
      </c>
      <c r="U31" s="6">
        <v>3571</v>
      </c>
      <c r="V31" s="6">
        <v>11138746</v>
      </c>
      <c r="W31" s="6">
        <v>1582215</v>
      </c>
      <c r="X31" s="6">
        <v>865920</v>
      </c>
      <c r="Y31" s="6">
        <v>578718</v>
      </c>
      <c r="Z31" s="6">
        <v>239602</v>
      </c>
      <c r="AA31" s="6">
        <v>398</v>
      </c>
      <c r="AB31" s="6">
        <v>47202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6</v>
      </c>
      <c r="I32" s="9" t="s">
        <v>6</v>
      </c>
      <c r="J32" s="9" t="s">
        <v>51</v>
      </c>
      <c r="K32" s="6">
        <v>6021086</v>
      </c>
      <c r="L32" s="6">
        <v>253814</v>
      </c>
      <c r="M32" s="6">
        <v>250070</v>
      </c>
      <c r="N32" s="6">
        <v>133348</v>
      </c>
      <c r="O32" s="6">
        <v>83010</v>
      </c>
      <c r="P32" s="6">
        <v>204</v>
      </c>
      <c r="Q32" s="6">
        <v>33508</v>
      </c>
      <c r="R32" s="6">
        <v>3744</v>
      </c>
      <c r="S32" s="6">
        <v>5315250</v>
      </c>
      <c r="T32" s="6">
        <v>800163</v>
      </c>
      <c r="U32" s="6">
        <v>1145</v>
      </c>
      <c r="V32" s="6">
        <v>4513942</v>
      </c>
      <c r="W32" s="6">
        <v>452022</v>
      </c>
      <c r="X32" s="6">
        <v>67164</v>
      </c>
      <c r="Y32" s="6">
        <v>41239</v>
      </c>
      <c r="Z32" s="6">
        <v>19917</v>
      </c>
      <c r="AA32" s="6">
        <v>61</v>
      </c>
      <c r="AB32" s="6">
        <v>5947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6</v>
      </c>
      <c r="I33" s="9" t="s">
        <v>6</v>
      </c>
      <c r="J33" s="9" t="s">
        <v>52</v>
      </c>
      <c r="K33" s="6">
        <v>75380592</v>
      </c>
      <c r="L33" s="6">
        <v>54077841</v>
      </c>
      <c r="M33" s="6">
        <v>51946655</v>
      </c>
      <c r="N33" s="6">
        <v>44388416</v>
      </c>
      <c r="O33" s="6">
        <v>5753460</v>
      </c>
      <c r="P33" s="6">
        <v>680818</v>
      </c>
      <c r="Q33" s="6">
        <v>1123961</v>
      </c>
      <c r="R33" s="6">
        <v>2131186</v>
      </c>
      <c r="S33" s="6">
        <v>12370689</v>
      </c>
      <c r="T33" s="6">
        <v>7576519</v>
      </c>
      <c r="U33" s="6">
        <v>1197677</v>
      </c>
      <c r="V33" s="6">
        <v>3596493</v>
      </c>
      <c r="W33" s="6">
        <v>8932062</v>
      </c>
      <c r="X33" s="6">
        <v>46612986</v>
      </c>
      <c r="Y33" s="6">
        <v>40247515</v>
      </c>
      <c r="Z33" s="6">
        <v>4785489</v>
      </c>
      <c r="AA33" s="6">
        <v>670927</v>
      </c>
      <c r="AB33" s="6">
        <v>909055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6</v>
      </c>
      <c r="I34" s="9" t="s">
        <v>53</v>
      </c>
      <c r="J34" s="9" t="s">
        <v>30</v>
      </c>
      <c r="K34" s="6">
        <v>52098467</v>
      </c>
      <c r="L34" s="6">
        <v>32925925</v>
      </c>
      <c r="M34" s="6">
        <v>31501307</v>
      </c>
      <c r="N34" s="6">
        <v>29549932</v>
      </c>
      <c r="O34" s="6">
        <v>702158</v>
      </c>
      <c r="P34" s="6">
        <v>541889</v>
      </c>
      <c r="Q34" s="6">
        <v>707328</v>
      </c>
      <c r="R34" s="6">
        <v>1424618</v>
      </c>
      <c r="S34" s="6">
        <v>13069689</v>
      </c>
      <c r="T34" s="6">
        <v>1449277</v>
      </c>
      <c r="U34" s="6">
        <v>2731071</v>
      </c>
      <c r="V34" s="6">
        <v>8889341</v>
      </c>
      <c r="W34" s="6">
        <v>6102853</v>
      </c>
      <c r="X34" s="6">
        <v>26945461</v>
      </c>
      <c r="Y34" s="6">
        <v>25609368</v>
      </c>
      <c r="Z34" s="6">
        <v>410397</v>
      </c>
      <c r="AA34" s="6">
        <v>533360</v>
      </c>
      <c r="AB34" s="6">
        <v>392336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6</v>
      </c>
      <c r="I35" s="9" t="s">
        <v>53</v>
      </c>
      <c r="J35" s="9" t="s">
        <v>31</v>
      </c>
      <c r="K35" s="6">
        <v>2880029</v>
      </c>
      <c r="L35" s="6">
        <v>431777</v>
      </c>
      <c r="M35" s="6">
        <v>398900</v>
      </c>
      <c r="N35" s="6">
        <v>198772</v>
      </c>
      <c r="O35" s="6">
        <v>6959</v>
      </c>
      <c r="P35" s="6">
        <v>184453</v>
      </c>
      <c r="Q35" s="6">
        <v>8716</v>
      </c>
      <c r="R35" s="6">
        <v>32877</v>
      </c>
      <c r="S35" s="6">
        <v>2146018</v>
      </c>
      <c r="T35" s="6">
        <v>9679</v>
      </c>
      <c r="U35" s="6">
        <v>2088365</v>
      </c>
      <c r="V35" s="6">
        <v>47974</v>
      </c>
      <c r="W35" s="6">
        <v>302234</v>
      </c>
      <c r="X35" s="6">
        <v>382274</v>
      </c>
      <c r="Y35" s="6">
        <v>185879</v>
      </c>
      <c r="Z35" s="6">
        <v>6261</v>
      </c>
      <c r="AA35" s="6">
        <v>182276</v>
      </c>
      <c r="AB35" s="6">
        <v>7858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6</v>
      </c>
      <c r="I36" s="9" t="s">
        <v>53</v>
      </c>
      <c r="J36" s="9" t="s">
        <v>32</v>
      </c>
      <c r="K36" s="6">
        <v>3017869</v>
      </c>
      <c r="L36" s="6">
        <v>1871547</v>
      </c>
      <c r="M36" s="6">
        <v>1749180</v>
      </c>
      <c r="N36" s="6">
        <v>1373976</v>
      </c>
      <c r="O36" s="6">
        <v>21218</v>
      </c>
      <c r="P36" s="6">
        <v>322769</v>
      </c>
      <c r="Q36" s="6">
        <v>31217</v>
      </c>
      <c r="R36" s="6">
        <v>122367</v>
      </c>
      <c r="S36" s="6">
        <v>658652</v>
      </c>
      <c r="T36" s="6">
        <v>18227</v>
      </c>
      <c r="U36" s="6">
        <v>574663</v>
      </c>
      <c r="V36" s="6">
        <v>65762</v>
      </c>
      <c r="W36" s="6">
        <v>487670</v>
      </c>
      <c r="X36" s="6">
        <v>1660577</v>
      </c>
      <c r="Y36" s="6">
        <v>1294758</v>
      </c>
      <c r="Z36" s="6">
        <v>18594</v>
      </c>
      <c r="AA36" s="6">
        <v>319031</v>
      </c>
      <c r="AB36" s="6">
        <v>28194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6</v>
      </c>
      <c r="I37" s="9" t="s">
        <v>53</v>
      </c>
      <c r="J37" s="9" t="s">
        <v>33</v>
      </c>
      <c r="K37" s="6">
        <v>3074087</v>
      </c>
      <c r="L37" s="6">
        <v>2377902</v>
      </c>
      <c r="M37" s="6">
        <v>2249992</v>
      </c>
      <c r="N37" s="6">
        <v>2189492</v>
      </c>
      <c r="O37" s="6">
        <v>15687</v>
      </c>
      <c r="P37" s="6">
        <v>19400</v>
      </c>
      <c r="Q37" s="6">
        <v>25413</v>
      </c>
      <c r="R37" s="6">
        <v>127910</v>
      </c>
      <c r="S37" s="6">
        <v>115045</v>
      </c>
      <c r="T37" s="6">
        <v>16086</v>
      </c>
      <c r="U37" s="6">
        <v>45675</v>
      </c>
      <c r="V37" s="6">
        <v>53284</v>
      </c>
      <c r="W37" s="6">
        <v>581140</v>
      </c>
      <c r="X37" s="6">
        <v>2113546</v>
      </c>
      <c r="Y37" s="6">
        <v>2061250</v>
      </c>
      <c r="Z37" s="6">
        <v>11906</v>
      </c>
      <c r="AA37" s="6">
        <v>18710</v>
      </c>
      <c r="AB37" s="6">
        <v>21680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6</v>
      </c>
      <c r="I38" s="9" t="s">
        <v>53</v>
      </c>
      <c r="J38" s="9" t="s">
        <v>34</v>
      </c>
      <c r="K38" s="6">
        <v>3297031</v>
      </c>
      <c r="L38" s="6">
        <v>2642450</v>
      </c>
      <c r="M38" s="6">
        <v>2522293</v>
      </c>
      <c r="N38" s="6">
        <v>2470047</v>
      </c>
      <c r="O38" s="6">
        <v>16774</v>
      </c>
      <c r="P38" s="6">
        <v>6654</v>
      </c>
      <c r="Q38" s="6">
        <v>28818</v>
      </c>
      <c r="R38" s="6">
        <v>120157</v>
      </c>
      <c r="S38" s="6">
        <v>88640</v>
      </c>
      <c r="T38" s="6">
        <v>20230</v>
      </c>
      <c r="U38" s="6">
        <v>10169</v>
      </c>
      <c r="V38" s="6">
        <v>58241</v>
      </c>
      <c r="W38" s="6">
        <v>565941</v>
      </c>
      <c r="X38" s="6">
        <v>2345644</v>
      </c>
      <c r="Y38" s="6">
        <v>2304291</v>
      </c>
      <c r="Z38" s="6">
        <v>11485</v>
      </c>
      <c r="AA38" s="6">
        <v>6291</v>
      </c>
      <c r="AB38" s="6">
        <v>23577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6</v>
      </c>
      <c r="I39" s="9" t="s">
        <v>53</v>
      </c>
      <c r="J39" s="9" t="s">
        <v>35</v>
      </c>
      <c r="K39" s="6">
        <v>3696855</v>
      </c>
      <c r="L39" s="6">
        <v>3006326</v>
      </c>
      <c r="M39" s="6">
        <v>2883380</v>
      </c>
      <c r="N39" s="6">
        <v>2831967</v>
      </c>
      <c r="O39" s="6">
        <v>17821</v>
      </c>
      <c r="P39" s="6">
        <v>2891</v>
      </c>
      <c r="Q39" s="6">
        <v>30701</v>
      </c>
      <c r="R39" s="6">
        <v>122946</v>
      </c>
      <c r="S39" s="6">
        <v>96703</v>
      </c>
      <c r="T39" s="6">
        <v>24179</v>
      </c>
      <c r="U39" s="6">
        <v>3836</v>
      </c>
      <c r="V39" s="6">
        <v>68688</v>
      </c>
      <c r="W39" s="6">
        <v>593826</v>
      </c>
      <c r="X39" s="6">
        <v>2627598</v>
      </c>
      <c r="Y39" s="6">
        <v>2590493</v>
      </c>
      <c r="Z39" s="6">
        <v>11306</v>
      </c>
      <c r="AA39" s="6">
        <v>2664</v>
      </c>
      <c r="AB39" s="6">
        <v>23135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6</v>
      </c>
      <c r="I40" s="9" t="s">
        <v>53</v>
      </c>
      <c r="J40" s="9" t="s">
        <v>36</v>
      </c>
      <c r="K40" s="6">
        <v>4189446</v>
      </c>
      <c r="L40" s="6">
        <v>3465451</v>
      </c>
      <c r="M40" s="6">
        <v>3335879</v>
      </c>
      <c r="N40" s="6">
        <v>3278534</v>
      </c>
      <c r="O40" s="6">
        <v>20491</v>
      </c>
      <c r="P40" s="6">
        <v>1536</v>
      </c>
      <c r="Q40" s="6">
        <v>35318</v>
      </c>
      <c r="R40" s="6">
        <v>129572</v>
      </c>
      <c r="S40" s="6">
        <v>116210</v>
      </c>
      <c r="T40" s="6">
        <v>29253</v>
      </c>
      <c r="U40" s="6">
        <v>2086</v>
      </c>
      <c r="V40" s="6">
        <v>84871</v>
      </c>
      <c r="W40" s="6">
        <v>607785</v>
      </c>
      <c r="X40" s="6">
        <v>2995016</v>
      </c>
      <c r="Y40" s="6">
        <v>2956967</v>
      </c>
      <c r="Z40" s="6">
        <v>12168</v>
      </c>
      <c r="AA40" s="6">
        <v>1300</v>
      </c>
      <c r="AB40" s="6">
        <v>24581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6</v>
      </c>
      <c r="I41" s="9" t="s">
        <v>53</v>
      </c>
      <c r="J41" s="9" t="s">
        <v>37</v>
      </c>
      <c r="K41" s="6">
        <v>4862990</v>
      </c>
      <c r="L41" s="6">
        <v>4060364</v>
      </c>
      <c r="M41" s="6">
        <v>3910236</v>
      </c>
      <c r="N41" s="6">
        <v>3838843</v>
      </c>
      <c r="O41" s="6">
        <v>23953</v>
      </c>
      <c r="P41" s="6">
        <v>1105</v>
      </c>
      <c r="Q41" s="6">
        <v>46335</v>
      </c>
      <c r="R41" s="6">
        <v>150128</v>
      </c>
      <c r="S41" s="6">
        <v>155712</v>
      </c>
      <c r="T41" s="6">
        <v>39925</v>
      </c>
      <c r="U41" s="6">
        <v>1594</v>
      </c>
      <c r="V41" s="6">
        <v>114193</v>
      </c>
      <c r="W41" s="6">
        <v>646914</v>
      </c>
      <c r="X41" s="6">
        <v>3488759</v>
      </c>
      <c r="Y41" s="6">
        <v>3443293</v>
      </c>
      <c r="Z41" s="6">
        <v>13745</v>
      </c>
      <c r="AA41" s="6">
        <v>915</v>
      </c>
      <c r="AB41" s="6">
        <v>30806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6</v>
      </c>
      <c r="I42" s="9" t="s">
        <v>53</v>
      </c>
      <c r="J42" s="9" t="s">
        <v>38</v>
      </c>
      <c r="K42" s="6">
        <v>4277003</v>
      </c>
      <c r="L42" s="6">
        <v>3580174</v>
      </c>
      <c r="M42" s="6">
        <v>3442070</v>
      </c>
      <c r="N42" s="6">
        <v>3367577</v>
      </c>
      <c r="O42" s="6">
        <v>24489</v>
      </c>
      <c r="P42" s="6">
        <v>730</v>
      </c>
      <c r="Q42" s="6">
        <v>49274</v>
      </c>
      <c r="R42" s="6">
        <v>138104</v>
      </c>
      <c r="S42" s="6">
        <v>165479</v>
      </c>
      <c r="T42" s="6">
        <v>45252</v>
      </c>
      <c r="U42" s="6">
        <v>958</v>
      </c>
      <c r="V42" s="6">
        <v>119269</v>
      </c>
      <c r="W42" s="6">
        <v>531350</v>
      </c>
      <c r="X42" s="6">
        <v>3043854</v>
      </c>
      <c r="Y42" s="6">
        <v>2998084</v>
      </c>
      <c r="Z42" s="6">
        <v>13383</v>
      </c>
      <c r="AA42" s="6">
        <v>588</v>
      </c>
      <c r="AB42" s="6">
        <v>31799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6</v>
      </c>
      <c r="I43" s="9" t="s">
        <v>53</v>
      </c>
      <c r="J43" s="9" t="s">
        <v>39</v>
      </c>
      <c r="K43" s="6">
        <v>3865303</v>
      </c>
      <c r="L43" s="6">
        <v>3288630</v>
      </c>
      <c r="M43" s="6">
        <v>3161054</v>
      </c>
      <c r="N43" s="6">
        <v>3077787</v>
      </c>
      <c r="O43" s="6">
        <v>28170</v>
      </c>
      <c r="P43" s="6">
        <v>555</v>
      </c>
      <c r="Q43" s="6">
        <v>54542</v>
      </c>
      <c r="R43" s="6">
        <v>127576</v>
      </c>
      <c r="S43" s="6">
        <v>199220</v>
      </c>
      <c r="T43" s="6">
        <v>56104</v>
      </c>
      <c r="U43" s="6">
        <v>832</v>
      </c>
      <c r="V43" s="6">
        <v>142284</v>
      </c>
      <c r="W43" s="6">
        <v>377453</v>
      </c>
      <c r="X43" s="6">
        <v>2774787</v>
      </c>
      <c r="Y43" s="6">
        <v>2723688</v>
      </c>
      <c r="Z43" s="6">
        <v>15103</v>
      </c>
      <c r="AA43" s="6">
        <v>445</v>
      </c>
      <c r="AB43" s="6">
        <v>35551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6</v>
      </c>
      <c r="I44" s="9" t="s">
        <v>53</v>
      </c>
      <c r="J44" s="9" t="s">
        <v>40</v>
      </c>
      <c r="K44" s="6">
        <v>3592903</v>
      </c>
      <c r="L44" s="6">
        <v>2884846</v>
      </c>
      <c r="M44" s="6">
        <v>2743770</v>
      </c>
      <c r="N44" s="6">
        <v>2623320</v>
      </c>
      <c r="O44" s="6">
        <v>56857</v>
      </c>
      <c r="P44" s="6">
        <v>496</v>
      </c>
      <c r="Q44" s="6">
        <v>63097</v>
      </c>
      <c r="R44" s="6">
        <v>141076</v>
      </c>
      <c r="S44" s="6">
        <v>451587</v>
      </c>
      <c r="T44" s="6">
        <v>111712</v>
      </c>
      <c r="U44" s="6">
        <v>893</v>
      </c>
      <c r="V44" s="6">
        <v>338982</v>
      </c>
      <c r="W44" s="6">
        <v>256470</v>
      </c>
      <c r="X44" s="6">
        <v>2301462</v>
      </c>
      <c r="Y44" s="6">
        <v>2229048</v>
      </c>
      <c r="Z44" s="6">
        <v>34623</v>
      </c>
      <c r="AA44" s="6">
        <v>381</v>
      </c>
      <c r="AB44" s="6">
        <v>37410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6</v>
      </c>
      <c r="I45" s="9" t="s">
        <v>53</v>
      </c>
      <c r="J45" s="9" t="s">
        <v>41</v>
      </c>
      <c r="K45" s="6">
        <v>3910060</v>
      </c>
      <c r="L45" s="6">
        <v>2331591</v>
      </c>
      <c r="M45" s="6">
        <v>2212215</v>
      </c>
      <c r="N45" s="6">
        <v>1975063</v>
      </c>
      <c r="O45" s="6">
        <v>141393</v>
      </c>
      <c r="P45" s="6">
        <v>496</v>
      </c>
      <c r="Q45" s="6">
        <v>95263</v>
      </c>
      <c r="R45" s="6">
        <v>119376</v>
      </c>
      <c r="S45" s="6">
        <v>1341251</v>
      </c>
      <c r="T45" s="6">
        <v>229650</v>
      </c>
      <c r="U45" s="6">
        <v>552</v>
      </c>
      <c r="V45" s="6">
        <v>1111049</v>
      </c>
      <c r="W45" s="6">
        <v>237218</v>
      </c>
      <c r="X45" s="6">
        <v>1620354</v>
      </c>
      <c r="Y45" s="6">
        <v>1478136</v>
      </c>
      <c r="Z45" s="6">
        <v>94178</v>
      </c>
      <c r="AA45" s="6">
        <v>363</v>
      </c>
      <c r="AB45" s="6">
        <v>47677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6</v>
      </c>
      <c r="I46" s="9" t="s">
        <v>53</v>
      </c>
      <c r="J46" s="9" t="s">
        <v>42</v>
      </c>
      <c r="K46" s="6">
        <v>4249286</v>
      </c>
      <c r="L46" s="6">
        <v>1765059</v>
      </c>
      <c r="M46" s="6">
        <v>1703070</v>
      </c>
      <c r="N46" s="6">
        <v>1426725</v>
      </c>
      <c r="O46" s="6">
        <v>164975</v>
      </c>
      <c r="P46" s="6">
        <v>342</v>
      </c>
      <c r="Q46" s="6">
        <v>111028</v>
      </c>
      <c r="R46" s="6">
        <v>61989</v>
      </c>
      <c r="S46" s="6">
        <v>2201635</v>
      </c>
      <c r="T46" s="6">
        <v>295798</v>
      </c>
      <c r="U46" s="6">
        <v>437</v>
      </c>
      <c r="V46" s="6">
        <v>1905400</v>
      </c>
      <c r="W46" s="6">
        <v>282592</v>
      </c>
      <c r="X46" s="6">
        <v>1072012</v>
      </c>
      <c r="Y46" s="6">
        <v>923966</v>
      </c>
      <c r="Z46" s="6">
        <v>100683</v>
      </c>
      <c r="AA46" s="6">
        <v>188</v>
      </c>
      <c r="AB46" s="6">
        <v>47175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6</v>
      </c>
      <c r="I47" s="9" t="s">
        <v>53</v>
      </c>
      <c r="J47" s="9" t="s">
        <v>43</v>
      </c>
      <c r="K47" s="6">
        <v>3092860</v>
      </c>
      <c r="L47" s="6">
        <v>755917</v>
      </c>
      <c r="M47" s="6">
        <v>734225</v>
      </c>
      <c r="N47" s="6">
        <v>573200</v>
      </c>
      <c r="O47" s="6">
        <v>93564</v>
      </c>
      <c r="P47" s="6">
        <v>233</v>
      </c>
      <c r="Q47" s="6">
        <v>67228</v>
      </c>
      <c r="R47" s="6">
        <v>21692</v>
      </c>
      <c r="S47" s="6">
        <v>2078892</v>
      </c>
      <c r="T47" s="6">
        <v>253839</v>
      </c>
      <c r="U47" s="6">
        <v>444</v>
      </c>
      <c r="V47" s="6">
        <v>1824609</v>
      </c>
      <c r="W47" s="6">
        <v>258051</v>
      </c>
      <c r="X47" s="6">
        <v>369683</v>
      </c>
      <c r="Y47" s="6">
        <v>302729</v>
      </c>
      <c r="Z47" s="6">
        <v>45952</v>
      </c>
      <c r="AA47" s="6">
        <v>116</v>
      </c>
      <c r="AB47" s="6">
        <v>20886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6</v>
      </c>
      <c r="I48" s="9" t="s">
        <v>53</v>
      </c>
      <c r="J48" s="9" t="s">
        <v>44</v>
      </c>
      <c r="K48" s="6">
        <v>2196093</v>
      </c>
      <c r="L48" s="6">
        <v>320527</v>
      </c>
      <c r="M48" s="6">
        <v>313955</v>
      </c>
      <c r="N48" s="6">
        <v>229478</v>
      </c>
      <c r="O48" s="6">
        <v>46103</v>
      </c>
      <c r="P48" s="6">
        <v>145</v>
      </c>
      <c r="Q48" s="6">
        <v>38229</v>
      </c>
      <c r="R48" s="6">
        <v>6572</v>
      </c>
      <c r="S48" s="6">
        <v>1662964</v>
      </c>
      <c r="T48" s="6">
        <v>179364</v>
      </c>
      <c r="U48" s="6">
        <v>346</v>
      </c>
      <c r="V48" s="6">
        <v>1483254</v>
      </c>
      <c r="W48" s="6">
        <v>212602</v>
      </c>
      <c r="X48" s="6">
        <v>110618</v>
      </c>
      <c r="Y48" s="6">
        <v>87101</v>
      </c>
      <c r="Z48" s="6">
        <v>15437</v>
      </c>
      <c r="AA48" s="6">
        <v>62</v>
      </c>
      <c r="AB48" s="6">
        <v>8018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6</v>
      </c>
      <c r="I49" s="9" t="s">
        <v>53</v>
      </c>
      <c r="J49" s="9" t="s">
        <v>45</v>
      </c>
      <c r="K49" s="6">
        <v>1303473</v>
      </c>
      <c r="L49" s="6">
        <v>114996</v>
      </c>
      <c r="M49" s="6">
        <v>113199</v>
      </c>
      <c r="N49" s="6">
        <v>77456</v>
      </c>
      <c r="O49" s="6">
        <v>18582</v>
      </c>
      <c r="P49" s="6">
        <v>62</v>
      </c>
      <c r="Q49" s="6">
        <v>17099</v>
      </c>
      <c r="R49" s="6">
        <v>1797</v>
      </c>
      <c r="S49" s="6">
        <v>1068232</v>
      </c>
      <c r="T49" s="6">
        <v>91371</v>
      </c>
      <c r="U49" s="6">
        <v>150</v>
      </c>
      <c r="V49" s="6">
        <v>976711</v>
      </c>
      <c r="W49" s="6">
        <v>120245</v>
      </c>
      <c r="X49" s="6">
        <v>31705</v>
      </c>
      <c r="Y49" s="6">
        <v>24174</v>
      </c>
      <c r="Z49" s="6">
        <v>4478</v>
      </c>
      <c r="AA49" s="6">
        <v>22</v>
      </c>
      <c r="AB49" s="6">
        <v>3031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6</v>
      </c>
      <c r="I50" s="9" t="s">
        <v>53</v>
      </c>
      <c r="J50" s="9" t="s">
        <v>46</v>
      </c>
      <c r="K50" s="6">
        <v>491303</v>
      </c>
      <c r="L50" s="6">
        <v>25596</v>
      </c>
      <c r="M50" s="6">
        <v>25168</v>
      </c>
      <c r="N50" s="6">
        <v>16013</v>
      </c>
      <c r="O50" s="6">
        <v>4625</v>
      </c>
      <c r="P50" s="6">
        <v>20</v>
      </c>
      <c r="Q50" s="6">
        <v>4510</v>
      </c>
      <c r="R50" s="6">
        <v>428</v>
      </c>
      <c r="S50" s="6">
        <v>429760</v>
      </c>
      <c r="T50" s="6">
        <v>25387</v>
      </c>
      <c r="U50" s="6">
        <v>62</v>
      </c>
      <c r="V50" s="6">
        <v>404311</v>
      </c>
      <c r="W50" s="6">
        <v>35947</v>
      </c>
      <c r="X50" s="6">
        <v>6770</v>
      </c>
      <c r="Y50" s="6">
        <v>4943</v>
      </c>
      <c r="Z50" s="6">
        <v>992</v>
      </c>
      <c r="AA50" s="6">
        <v>6</v>
      </c>
      <c r="AB50" s="6">
        <v>829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6</v>
      </c>
      <c r="I51" s="9" t="s">
        <v>53</v>
      </c>
      <c r="J51" s="9" t="s">
        <v>47</v>
      </c>
      <c r="K51" s="6">
        <v>101876</v>
      </c>
      <c r="L51" s="6">
        <v>2772</v>
      </c>
      <c r="M51" s="6">
        <v>2721</v>
      </c>
      <c r="N51" s="6">
        <v>1682</v>
      </c>
      <c r="O51" s="6">
        <v>497</v>
      </c>
      <c r="P51" s="6">
        <v>2</v>
      </c>
      <c r="Q51" s="6">
        <v>540</v>
      </c>
      <c r="R51" s="6">
        <v>51</v>
      </c>
      <c r="S51" s="6">
        <v>93689</v>
      </c>
      <c r="T51" s="6">
        <v>3221</v>
      </c>
      <c r="U51" s="6">
        <v>9</v>
      </c>
      <c r="V51" s="6">
        <v>90459</v>
      </c>
      <c r="W51" s="6">
        <v>5415</v>
      </c>
      <c r="X51" s="6">
        <v>802</v>
      </c>
      <c r="Y51" s="6">
        <v>568</v>
      </c>
      <c r="Z51" s="6">
        <v>103</v>
      </c>
      <c r="AA51" s="6">
        <v>2</v>
      </c>
      <c r="AB51" s="6">
        <v>129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6</v>
      </c>
      <c r="I52" s="9" t="s">
        <v>53</v>
      </c>
      <c r="J52" s="9" t="s">
        <v>48</v>
      </c>
      <c r="K52" s="6">
        <v>36753516</v>
      </c>
      <c r="L52" s="6">
        <v>27609467</v>
      </c>
      <c r="M52" s="6">
        <v>26396754</v>
      </c>
      <c r="N52" s="6">
        <v>25250315</v>
      </c>
      <c r="O52" s="6">
        <v>232419</v>
      </c>
      <c r="P52" s="6">
        <v>540589</v>
      </c>
      <c r="Q52" s="6">
        <v>373431</v>
      </c>
      <c r="R52" s="6">
        <v>1212713</v>
      </c>
      <c r="S52" s="6">
        <v>4193266</v>
      </c>
      <c r="T52" s="6">
        <v>370647</v>
      </c>
      <c r="U52" s="6">
        <v>2729071</v>
      </c>
      <c r="V52" s="6">
        <v>1093548</v>
      </c>
      <c r="W52" s="6">
        <v>4950783</v>
      </c>
      <c r="X52" s="6">
        <v>23733517</v>
      </c>
      <c r="Y52" s="6">
        <v>22787751</v>
      </c>
      <c r="Z52" s="6">
        <v>148574</v>
      </c>
      <c r="AA52" s="6">
        <v>532601</v>
      </c>
      <c r="AB52" s="6">
        <v>264591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6</v>
      </c>
      <c r="I53" s="9" t="s">
        <v>53</v>
      </c>
      <c r="J53" s="9" t="s">
        <v>49</v>
      </c>
      <c r="K53" s="6">
        <v>15344951</v>
      </c>
      <c r="L53" s="6">
        <v>5316458</v>
      </c>
      <c r="M53" s="6">
        <v>5104553</v>
      </c>
      <c r="N53" s="6">
        <v>4299617</v>
      </c>
      <c r="O53" s="6">
        <v>469739</v>
      </c>
      <c r="P53" s="6">
        <v>1300</v>
      </c>
      <c r="Q53" s="6">
        <v>333897</v>
      </c>
      <c r="R53" s="6">
        <v>211905</v>
      </c>
      <c r="S53" s="6">
        <v>8876423</v>
      </c>
      <c r="T53" s="6">
        <v>1078630</v>
      </c>
      <c r="U53" s="6">
        <v>2000</v>
      </c>
      <c r="V53" s="6">
        <v>7795793</v>
      </c>
      <c r="W53" s="6">
        <v>1152070</v>
      </c>
      <c r="X53" s="6">
        <v>3211944</v>
      </c>
      <c r="Y53" s="6">
        <v>2821617</v>
      </c>
      <c r="Z53" s="6">
        <v>261823</v>
      </c>
      <c r="AA53" s="6">
        <v>759</v>
      </c>
      <c r="AB53" s="6">
        <v>127745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6</v>
      </c>
      <c r="I54" s="9" t="s">
        <v>53</v>
      </c>
      <c r="J54" s="9" t="s">
        <v>50</v>
      </c>
      <c r="K54" s="6">
        <v>7185605</v>
      </c>
      <c r="L54" s="6">
        <v>1219808</v>
      </c>
      <c r="M54" s="6">
        <v>1189268</v>
      </c>
      <c r="N54" s="6">
        <v>897829</v>
      </c>
      <c r="O54" s="6">
        <v>163371</v>
      </c>
      <c r="P54" s="6">
        <v>462</v>
      </c>
      <c r="Q54" s="6">
        <v>127606</v>
      </c>
      <c r="R54" s="6">
        <v>30540</v>
      </c>
      <c r="S54" s="6">
        <v>5333537</v>
      </c>
      <c r="T54" s="6">
        <v>553182</v>
      </c>
      <c r="U54" s="6">
        <v>1011</v>
      </c>
      <c r="V54" s="6">
        <v>4779344</v>
      </c>
      <c r="W54" s="6">
        <v>632260</v>
      </c>
      <c r="X54" s="6">
        <v>519578</v>
      </c>
      <c r="Y54" s="6">
        <v>419515</v>
      </c>
      <c r="Z54" s="6">
        <v>66962</v>
      </c>
      <c r="AA54" s="6">
        <v>208</v>
      </c>
      <c r="AB54" s="6">
        <v>32893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6</v>
      </c>
      <c r="I55" s="9" t="s">
        <v>53</v>
      </c>
      <c r="J55" s="9" t="s">
        <v>51</v>
      </c>
      <c r="K55" s="6">
        <v>1896652</v>
      </c>
      <c r="L55" s="6">
        <v>143364</v>
      </c>
      <c r="M55" s="6">
        <v>141088</v>
      </c>
      <c r="N55" s="6">
        <v>95151</v>
      </c>
      <c r="O55" s="6">
        <v>23704</v>
      </c>
      <c r="P55" s="6">
        <v>84</v>
      </c>
      <c r="Q55" s="6">
        <v>22149</v>
      </c>
      <c r="R55" s="6">
        <v>2276</v>
      </c>
      <c r="S55" s="6">
        <v>1591681</v>
      </c>
      <c r="T55" s="6">
        <v>119979</v>
      </c>
      <c r="U55" s="6">
        <v>221</v>
      </c>
      <c r="V55" s="6">
        <v>1471481</v>
      </c>
      <c r="W55" s="6">
        <v>161607</v>
      </c>
      <c r="X55" s="6">
        <v>39277</v>
      </c>
      <c r="Y55" s="6">
        <v>29685</v>
      </c>
      <c r="Z55" s="6">
        <v>5573</v>
      </c>
      <c r="AA55" s="6">
        <v>30</v>
      </c>
      <c r="AB55" s="6">
        <v>3989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6</v>
      </c>
      <c r="I56" s="9" t="s">
        <v>53</v>
      </c>
      <c r="J56" s="9" t="s">
        <v>52</v>
      </c>
      <c r="K56" s="6">
        <v>37783547</v>
      </c>
      <c r="L56" s="6">
        <v>29509281</v>
      </c>
      <c r="M56" s="6">
        <v>28210069</v>
      </c>
      <c r="N56" s="6">
        <v>27026606</v>
      </c>
      <c r="O56" s="6">
        <v>366853</v>
      </c>
      <c r="P56" s="6">
        <v>356632</v>
      </c>
      <c r="Q56" s="6">
        <v>459978</v>
      </c>
      <c r="R56" s="6">
        <v>1299212</v>
      </c>
      <c r="S56" s="6">
        <v>3388499</v>
      </c>
      <c r="T56" s="6">
        <v>590618</v>
      </c>
      <c r="U56" s="6">
        <v>641258</v>
      </c>
      <c r="V56" s="6">
        <v>2156623</v>
      </c>
      <c r="W56" s="6">
        <v>4885767</v>
      </c>
      <c r="X56" s="6">
        <v>24971597</v>
      </c>
      <c r="Y56" s="6">
        <v>24080008</v>
      </c>
      <c r="Z56" s="6">
        <v>236491</v>
      </c>
      <c r="AA56" s="6">
        <v>350688</v>
      </c>
      <c r="AB56" s="6">
        <v>304410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6</v>
      </c>
      <c r="I57" s="9" t="s">
        <v>54</v>
      </c>
      <c r="J57" s="9" t="s">
        <v>30</v>
      </c>
      <c r="K57" s="6">
        <v>56160102</v>
      </c>
      <c r="L57" s="6">
        <v>27023842</v>
      </c>
      <c r="M57" s="6">
        <v>26141918</v>
      </c>
      <c r="N57" s="6">
        <v>18404579</v>
      </c>
      <c r="O57" s="6">
        <v>6405246</v>
      </c>
      <c r="P57" s="6">
        <v>563703</v>
      </c>
      <c r="Q57" s="6">
        <v>768390</v>
      </c>
      <c r="R57" s="6">
        <v>881924</v>
      </c>
      <c r="S57" s="6">
        <v>23534279</v>
      </c>
      <c r="T57" s="6">
        <v>11695139</v>
      </c>
      <c r="U57" s="6">
        <v>2545311</v>
      </c>
      <c r="V57" s="6">
        <v>9293829</v>
      </c>
      <c r="W57" s="6">
        <v>5601981</v>
      </c>
      <c r="X57" s="6">
        <v>23130959</v>
      </c>
      <c r="Y57" s="6">
        <v>16837374</v>
      </c>
      <c r="Z57" s="6">
        <v>5086048</v>
      </c>
      <c r="AA57" s="6">
        <v>557640</v>
      </c>
      <c r="AB57" s="6">
        <v>649897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6</v>
      </c>
      <c r="I58" s="9" t="s">
        <v>54</v>
      </c>
      <c r="J58" s="9" t="s">
        <v>31</v>
      </c>
      <c r="K58" s="6">
        <v>2737411</v>
      </c>
      <c r="L58" s="6">
        <v>411142</v>
      </c>
      <c r="M58" s="6">
        <v>387895</v>
      </c>
      <c r="N58" s="6">
        <v>128066</v>
      </c>
      <c r="O58" s="6">
        <v>12185</v>
      </c>
      <c r="P58" s="6">
        <v>238631</v>
      </c>
      <c r="Q58" s="6">
        <v>9013</v>
      </c>
      <c r="R58" s="6">
        <v>23247</v>
      </c>
      <c r="S58" s="6">
        <v>2037432</v>
      </c>
      <c r="T58" s="6">
        <v>20060</v>
      </c>
      <c r="U58" s="6">
        <v>1985495</v>
      </c>
      <c r="V58" s="6">
        <v>31877</v>
      </c>
      <c r="W58" s="6">
        <v>288837</v>
      </c>
      <c r="X58" s="6">
        <v>378365</v>
      </c>
      <c r="Y58" s="6">
        <v>121710</v>
      </c>
      <c r="Z58" s="6">
        <v>11296</v>
      </c>
      <c r="AA58" s="6">
        <v>236970</v>
      </c>
      <c r="AB58" s="6">
        <v>8389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6</v>
      </c>
      <c r="I59" s="9" t="s">
        <v>54</v>
      </c>
      <c r="J59" s="9" t="s">
        <v>32</v>
      </c>
      <c r="K59" s="6">
        <v>2913437</v>
      </c>
      <c r="L59" s="6">
        <v>1836990</v>
      </c>
      <c r="M59" s="6">
        <v>1739983</v>
      </c>
      <c r="N59" s="6">
        <v>1344488</v>
      </c>
      <c r="O59" s="6">
        <v>58657</v>
      </c>
      <c r="P59" s="6">
        <v>293335</v>
      </c>
      <c r="Q59" s="6">
        <v>43503</v>
      </c>
      <c r="R59" s="6">
        <v>97007</v>
      </c>
      <c r="S59" s="6">
        <v>638812</v>
      </c>
      <c r="T59" s="6">
        <v>98205</v>
      </c>
      <c r="U59" s="6">
        <v>499239</v>
      </c>
      <c r="V59" s="6">
        <v>41368</v>
      </c>
      <c r="W59" s="6">
        <v>437635</v>
      </c>
      <c r="X59" s="6">
        <v>1683564</v>
      </c>
      <c r="Y59" s="6">
        <v>1298334</v>
      </c>
      <c r="Z59" s="6">
        <v>52687</v>
      </c>
      <c r="AA59" s="6">
        <v>291379</v>
      </c>
      <c r="AB59" s="6">
        <v>41164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6</v>
      </c>
      <c r="I60" s="9" t="s">
        <v>54</v>
      </c>
      <c r="J60" s="9" t="s">
        <v>33</v>
      </c>
      <c r="K60" s="6">
        <v>2957877</v>
      </c>
      <c r="L60" s="6">
        <v>2139715</v>
      </c>
      <c r="M60" s="6">
        <v>2037971</v>
      </c>
      <c r="N60" s="6">
        <v>1797883</v>
      </c>
      <c r="O60" s="6">
        <v>129348</v>
      </c>
      <c r="P60" s="6">
        <v>13808</v>
      </c>
      <c r="Q60" s="6">
        <v>96932</v>
      </c>
      <c r="R60" s="6">
        <v>101744</v>
      </c>
      <c r="S60" s="6">
        <v>331655</v>
      </c>
      <c r="T60" s="6">
        <v>268765</v>
      </c>
      <c r="U60" s="6">
        <v>29866</v>
      </c>
      <c r="V60" s="6">
        <v>33024</v>
      </c>
      <c r="W60" s="6">
        <v>486507</v>
      </c>
      <c r="X60" s="6">
        <v>1953129</v>
      </c>
      <c r="Y60" s="6">
        <v>1734314</v>
      </c>
      <c r="Z60" s="6">
        <v>111979</v>
      </c>
      <c r="AA60" s="6">
        <v>13423</v>
      </c>
      <c r="AB60" s="6">
        <v>93413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6</v>
      </c>
      <c r="I61" s="9" t="s">
        <v>54</v>
      </c>
      <c r="J61" s="9" t="s">
        <v>34</v>
      </c>
      <c r="K61" s="6">
        <v>3187563</v>
      </c>
      <c r="L61" s="6">
        <v>2141724</v>
      </c>
      <c r="M61" s="6">
        <v>2054853</v>
      </c>
      <c r="N61" s="6">
        <v>1634362</v>
      </c>
      <c r="O61" s="6">
        <v>264711</v>
      </c>
      <c r="P61" s="6">
        <v>5642</v>
      </c>
      <c r="Q61" s="6">
        <v>150138</v>
      </c>
      <c r="R61" s="6">
        <v>86871</v>
      </c>
      <c r="S61" s="6">
        <v>565391</v>
      </c>
      <c r="T61" s="6">
        <v>517696</v>
      </c>
      <c r="U61" s="6">
        <v>10159</v>
      </c>
      <c r="V61" s="6">
        <v>37536</v>
      </c>
      <c r="W61" s="6">
        <v>480448</v>
      </c>
      <c r="X61" s="6">
        <v>1932254</v>
      </c>
      <c r="Y61" s="6">
        <v>1556606</v>
      </c>
      <c r="Z61" s="6">
        <v>224897</v>
      </c>
      <c r="AA61" s="6">
        <v>5344</v>
      </c>
      <c r="AB61" s="6">
        <v>145407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6</v>
      </c>
      <c r="I62" s="9" t="s">
        <v>54</v>
      </c>
      <c r="J62" s="9" t="s">
        <v>35</v>
      </c>
      <c r="K62" s="6">
        <v>3614712</v>
      </c>
      <c r="L62" s="6">
        <v>2427347</v>
      </c>
      <c r="M62" s="6">
        <v>2345266</v>
      </c>
      <c r="N62" s="6">
        <v>1777753</v>
      </c>
      <c r="O62" s="6">
        <v>452082</v>
      </c>
      <c r="P62" s="6">
        <v>3337</v>
      </c>
      <c r="Q62" s="6">
        <v>112094</v>
      </c>
      <c r="R62" s="6">
        <v>82081</v>
      </c>
      <c r="S62" s="6">
        <v>681596</v>
      </c>
      <c r="T62" s="6">
        <v>633277</v>
      </c>
      <c r="U62" s="6">
        <v>5820</v>
      </c>
      <c r="V62" s="6">
        <v>42499</v>
      </c>
      <c r="W62" s="6">
        <v>505769</v>
      </c>
      <c r="X62" s="6">
        <v>2173767</v>
      </c>
      <c r="Y62" s="6">
        <v>1675648</v>
      </c>
      <c r="Z62" s="6">
        <v>388155</v>
      </c>
      <c r="AA62" s="6">
        <v>3083</v>
      </c>
      <c r="AB62" s="6">
        <v>106881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6</v>
      </c>
      <c r="I63" s="9" t="s">
        <v>54</v>
      </c>
      <c r="J63" s="9" t="s">
        <v>36</v>
      </c>
      <c r="K63" s="6">
        <v>4101631</v>
      </c>
      <c r="L63" s="6">
        <v>2898117</v>
      </c>
      <c r="M63" s="6">
        <v>2810461</v>
      </c>
      <c r="N63" s="6">
        <v>2083386</v>
      </c>
      <c r="O63" s="6">
        <v>667938</v>
      </c>
      <c r="P63" s="6">
        <v>2701</v>
      </c>
      <c r="Q63" s="6">
        <v>56436</v>
      </c>
      <c r="R63" s="6">
        <v>87656</v>
      </c>
      <c r="S63" s="6">
        <v>688016</v>
      </c>
      <c r="T63" s="6">
        <v>634072</v>
      </c>
      <c r="U63" s="6">
        <v>4186</v>
      </c>
      <c r="V63" s="6">
        <v>49758</v>
      </c>
      <c r="W63" s="6">
        <v>515498</v>
      </c>
      <c r="X63" s="6">
        <v>2598476</v>
      </c>
      <c r="Y63" s="6">
        <v>1957135</v>
      </c>
      <c r="Z63" s="6">
        <v>587632</v>
      </c>
      <c r="AA63" s="6">
        <v>2462</v>
      </c>
      <c r="AB63" s="6">
        <v>51247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6</v>
      </c>
      <c r="I64" s="9" t="s">
        <v>54</v>
      </c>
      <c r="J64" s="9" t="s">
        <v>37</v>
      </c>
      <c r="K64" s="6">
        <v>4787303</v>
      </c>
      <c r="L64" s="6">
        <v>3484179</v>
      </c>
      <c r="M64" s="6">
        <v>3377650</v>
      </c>
      <c r="N64" s="6">
        <v>2449171</v>
      </c>
      <c r="O64" s="6">
        <v>882719</v>
      </c>
      <c r="P64" s="6">
        <v>2226</v>
      </c>
      <c r="Q64" s="6">
        <v>43534</v>
      </c>
      <c r="R64" s="6">
        <v>106529</v>
      </c>
      <c r="S64" s="6">
        <v>765135</v>
      </c>
      <c r="T64" s="6">
        <v>693340</v>
      </c>
      <c r="U64" s="6">
        <v>2967</v>
      </c>
      <c r="V64" s="6">
        <v>68828</v>
      </c>
      <c r="W64" s="6">
        <v>537989</v>
      </c>
      <c r="X64" s="6">
        <v>3124820</v>
      </c>
      <c r="Y64" s="6">
        <v>2297780</v>
      </c>
      <c r="Z64" s="6">
        <v>787850</v>
      </c>
      <c r="AA64" s="6">
        <v>1993</v>
      </c>
      <c r="AB64" s="6">
        <v>37197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6</v>
      </c>
      <c r="I65" s="9" t="s">
        <v>54</v>
      </c>
      <c r="J65" s="9" t="s">
        <v>38</v>
      </c>
      <c r="K65" s="6">
        <v>4262848</v>
      </c>
      <c r="L65" s="6">
        <v>3086608</v>
      </c>
      <c r="M65" s="6">
        <v>2992070</v>
      </c>
      <c r="N65" s="6">
        <v>2142924</v>
      </c>
      <c r="O65" s="6">
        <v>805722</v>
      </c>
      <c r="P65" s="6">
        <v>1351</v>
      </c>
      <c r="Q65" s="6">
        <v>42073</v>
      </c>
      <c r="R65" s="6">
        <v>94538</v>
      </c>
      <c r="S65" s="6">
        <v>763885</v>
      </c>
      <c r="T65" s="6">
        <v>689027</v>
      </c>
      <c r="U65" s="6">
        <v>1766</v>
      </c>
      <c r="V65" s="6">
        <v>73092</v>
      </c>
      <c r="W65" s="6">
        <v>412355</v>
      </c>
      <c r="X65" s="6">
        <v>2744336</v>
      </c>
      <c r="Y65" s="6">
        <v>1995948</v>
      </c>
      <c r="Z65" s="6">
        <v>711691</v>
      </c>
      <c r="AA65" s="6">
        <v>1159</v>
      </c>
      <c r="AB65" s="6">
        <v>35538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6</v>
      </c>
      <c r="I66" s="9" t="s">
        <v>54</v>
      </c>
      <c r="J66" s="9" t="s">
        <v>39</v>
      </c>
      <c r="K66" s="6">
        <v>3902179</v>
      </c>
      <c r="L66" s="6">
        <v>2731303</v>
      </c>
      <c r="M66" s="6">
        <v>2654190</v>
      </c>
      <c r="N66" s="6">
        <v>1877108</v>
      </c>
      <c r="O66" s="6">
        <v>735422</v>
      </c>
      <c r="P66" s="6">
        <v>815</v>
      </c>
      <c r="Q66" s="6">
        <v>40845</v>
      </c>
      <c r="R66" s="6">
        <v>77113</v>
      </c>
      <c r="S66" s="6">
        <v>895351</v>
      </c>
      <c r="T66" s="6">
        <v>804204</v>
      </c>
      <c r="U66" s="6">
        <v>1078</v>
      </c>
      <c r="V66" s="6">
        <v>90069</v>
      </c>
      <c r="W66" s="6">
        <v>275525</v>
      </c>
      <c r="X66" s="6">
        <v>2389937</v>
      </c>
      <c r="Y66" s="6">
        <v>1727746</v>
      </c>
      <c r="Z66" s="6">
        <v>627244</v>
      </c>
      <c r="AA66" s="6">
        <v>668</v>
      </c>
      <c r="AB66" s="6">
        <v>34279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6</v>
      </c>
      <c r="I67" s="9" t="s">
        <v>54</v>
      </c>
      <c r="J67" s="9" t="s">
        <v>40</v>
      </c>
      <c r="K67" s="6">
        <v>3704287</v>
      </c>
      <c r="L67" s="6">
        <v>2186100</v>
      </c>
      <c r="M67" s="6">
        <v>2121658</v>
      </c>
      <c r="N67" s="6">
        <v>1385742</v>
      </c>
      <c r="O67" s="6">
        <v>696893</v>
      </c>
      <c r="P67" s="6">
        <v>545</v>
      </c>
      <c r="Q67" s="6">
        <v>38478</v>
      </c>
      <c r="R67" s="6">
        <v>64442</v>
      </c>
      <c r="S67" s="6">
        <v>1329337</v>
      </c>
      <c r="T67" s="6">
        <v>1098291</v>
      </c>
      <c r="U67" s="6">
        <v>719</v>
      </c>
      <c r="V67" s="6">
        <v>230327</v>
      </c>
      <c r="W67" s="6">
        <v>188850</v>
      </c>
      <c r="X67" s="6">
        <v>1819098</v>
      </c>
      <c r="Y67" s="6">
        <v>1229508</v>
      </c>
      <c r="Z67" s="6">
        <v>558036</v>
      </c>
      <c r="AA67" s="6">
        <v>427</v>
      </c>
      <c r="AB67" s="6">
        <v>31127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6</v>
      </c>
      <c r="I68" s="9" t="s">
        <v>54</v>
      </c>
      <c r="J68" s="9" t="s">
        <v>41</v>
      </c>
      <c r="K68" s="6">
        <v>4165208</v>
      </c>
      <c r="L68" s="6">
        <v>1636477</v>
      </c>
      <c r="M68" s="6">
        <v>1602484</v>
      </c>
      <c r="N68" s="6">
        <v>868993</v>
      </c>
      <c r="O68" s="6">
        <v>693115</v>
      </c>
      <c r="P68" s="6">
        <v>426</v>
      </c>
      <c r="Q68" s="6">
        <v>39950</v>
      </c>
      <c r="R68" s="6">
        <v>33993</v>
      </c>
      <c r="S68" s="6">
        <v>2323012</v>
      </c>
      <c r="T68" s="6">
        <v>1549024</v>
      </c>
      <c r="U68" s="6">
        <v>619</v>
      </c>
      <c r="V68" s="6">
        <v>773369</v>
      </c>
      <c r="W68" s="6">
        <v>205719</v>
      </c>
      <c r="X68" s="6">
        <v>1222008</v>
      </c>
      <c r="Y68" s="6">
        <v>694488</v>
      </c>
      <c r="Z68" s="6">
        <v>498827</v>
      </c>
      <c r="AA68" s="6">
        <v>301</v>
      </c>
      <c r="AB68" s="6">
        <v>28392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6</v>
      </c>
      <c r="I69" s="9" t="s">
        <v>54</v>
      </c>
      <c r="J69" s="9" t="s">
        <v>42</v>
      </c>
      <c r="K69" s="6">
        <v>4762509</v>
      </c>
      <c r="L69" s="6">
        <v>1196651</v>
      </c>
      <c r="M69" s="6">
        <v>1179834</v>
      </c>
      <c r="N69" s="6">
        <v>568790</v>
      </c>
      <c r="O69" s="6">
        <v>569435</v>
      </c>
      <c r="P69" s="6">
        <v>360</v>
      </c>
      <c r="Q69" s="6">
        <v>41249</v>
      </c>
      <c r="R69" s="6">
        <v>16817</v>
      </c>
      <c r="S69" s="6">
        <v>3248964</v>
      </c>
      <c r="T69" s="6">
        <v>1785447</v>
      </c>
      <c r="U69" s="6">
        <v>837</v>
      </c>
      <c r="V69" s="6">
        <v>1462680</v>
      </c>
      <c r="W69" s="6">
        <v>316894</v>
      </c>
      <c r="X69" s="6">
        <v>764863</v>
      </c>
      <c r="Y69" s="6">
        <v>388954</v>
      </c>
      <c r="Z69" s="6">
        <v>353114</v>
      </c>
      <c r="AA69" s="6">
        <v>241</v>
      </c>
      <c r="AB69" s="6">
        <v>22554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6</v>
      </c>
      <c r="I70" s="9" t="s">
        <v>54</v>
      </c>
      <c r="J70" s="9" t="s">
        <v>43</v>
      </c>
      <c r="K70" s="6">
        <v>3838068</v>
      </c>
      <c r="L70" s="6">
        <v>517832</v>
      </c>
      <c r="M70" s="6">
        <v>511824</v>
      </c>
      <c r="N70" s="6">
        <v>222611</v>
      </c>
      <c r="O70" s="6">
        <v>262174</v>
      </c>
      <c r="P70" s="6">
        <v>230</v>
      </c>
      <c r="Q70" s="6">
        <v>26809</v>
      </c>
      <c r="R70" s="6">
        <v>6008</v>
      </c>
      <c r="S70" s="6">
        <v>2968197</v>
      </c>
      <c r="T70" s="6">
        <v>1321218</v>
      </c>
      <c r="U70" s="6">
        <v>894</v>
      </c>
      <c r="V70" s="6">
        <v>1646085</v>
      </c>
      <c r="W70" s="6">
        <v>352039</v>
      </c>
      <c r="X70" s="6">
        <v>247952</v>
      </c>
      <c r="Y70" s="6">
        <v>116565</v>
      </c>
      <c r="Z70" s="6">
        <v>122308</v>
      </c>
      <c r="AA70" s="6">
        <v>97</v>
      </c>
      <c r="AB70" s="6">
        <v>8982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6</v>
      </c>
      <c r="I71" s="9" t="s">
        <v>54</v>
      </c>
      <c r="J71" s="9" t="s">
        <v>44</v>
      </c>
      <c r="K71" s="6">
        <v>3100635</v>
      </c>
      <c r="L71" s="6">
        <v>219207</v>
      </c>
      <c r="M71" s="6">
        <v>216797</v>
      </c>
      <c r="N71" s="6">
        <v>85105</v>
      </c>
      <c r="O71" s="6">
        <v>115539</v>
      </c>
      <c r="P71" s="6">
        <v>176</v>
      </c>
      <c r="Q71" s="6">
        <v>15977</v>
      </c>
      <c r="R71" s="6">
        <v>2410</v>
      </c>
      <c r="S71" s="6">
        <v>2573927</v>
      </c>
      <c r="T71" s="6">
        <v>902329</v>
      </c>
      <c r="U71" s="6">
        <v>742</v>
      </c>
      <c r="V71" s="6">
        <v>1670856</v>
      </c>
      <c r="W71" s="6">
        <v>307501</v>
      </c>
      <c r="X71" s="6">
        <v>70503</v>
      </c>
      <c r="Y71" s="6">
        <v>31084</v>
      </c>
      <c r="Z71" s="6">
        <v>35988</v>
      </c>
      <c r="AA71" s="6">
        <v>62</v>
      </c>
      <c r="AB71" s="6">
        <v>3369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6</v>
      </c>
      <c r="I72" s="9" t="s">
        <v>54</v>
      </c>
      <c r="J72" s="9" t="s">
        <v>45</v>
      </c>
      <c r="K72" s="6">
        <v>2366350</v>
      </c>
      <c r="L72" s="6">
        <v>83723</v>
      </c>
      <c r="M72" s="6">
        <v>82720</v>
      </c>
      <c r="N72" s="6">
        <v>29314</v>
      </c>
      <c r="O72" s="6">
        <v>45651</v>
      </c>
      <c r="P72" s="6">
        <v>85</v>
      </c>
      <c r="Q72" s="6">
        <v>7670</v>
      </c>
      <c r="R72" s="6">
        <v>1003</v>
      </c>
      <c r="S72" s="6">
        <v>2085857</v>
      </c>
      <c r="T72" s="6">
        <v>504535</v>
      </c>
      <c r="U72" s="6">
        <v>510</v>
      </c>
      <c r="V72" s="6">
        <v>1580812</v>
      </c>
      <c r="W72" s="6">
        <v>196770</v>
      </c>
      <c r="X72" s="6">
        <v>21601</v>
      </c>
      <c r="Y72" s="6">
        <v>8906</v>
      </c>
      <c r="Z72" s="6">
        <v>11288</v>
      </c>
      <c r="AA72" s="6">
        <v>19</v>
      </c>
      <c r="AB72" s="6">
        <v>1388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6</v>
      </c>
      <c r="I73" s="9" t="s">
        <v>54</v>
      </c>
      <c r="J73" s="9" t="s">
        <v>46</v>
      </c>
      <c r="K73" s="6">
        <v>1287713</v>
      </c>
      <c r="L73" s="6">
        <v>23305</v>
      </c>
      <c r="M73" s="6">
        <v>22906</v>
      </c>
      <c r="N73" s="6">
        <v>7692</v>
      </c>
      <c r="O73" s="6">
        <v>12112</v>
      </c>
      <c r="P73" s="6">
        <v>32</v>
      </c>
      <c r="Q73" s="6">
        <v>3070</v>
      </c>
      <c r="R73" s="6">
        <v>399</v>
      </c>
      <c r="S73" s="6">
        <v>1188599</v>
      </c>
      <c r="T73" s="6">
        <v>152200</v>
      </c>
      <c r="U73" s="6">
        <v>340</v>
      </c>
      <c r="V73" s="6">
        <v>1036059</v>
      </c>
      <c r="W73" s="6">
        <v>75809</v>
      </c>
      <c r="X73" s="6">
        <v>5527</v>
      </c>
      <c r="Y73" s="6">
        <v>2294</v>
      </c>
      <c r="Z73" s="6">
        <v>2740</v>
      </c>
      <c r="AA73" s="6">
        <v>11</v>
      </c>
      <c r="AB73" s="6">
        <v>482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6</v>
      </c>
      <c r="I74" s="9" t="s">
        <v>54</v>
      </c>
      <c r="J74" s="9" t="s">
        <v>47</v>
      </c>
      <c r="K74" s="6">
        <v>470371</v>
      </c>
      <c r="L74" s="6">
        <v>3422</v>
      </c>
      <c r="M74" s="6">
        <v>3356</v>
      </c>
      <c r="N74" s="6">
        <v>1191</v>
      </c>
      <c r="O74" s="6">
        <v>1543</v>
      </c>
      <c r="P74" s="6">
        <v>3</v>
      </c>
      <c r="Q74" s="6">
        <v>619</v>
      </c>
      <c r="R74" s="6">
        <v>66</v>
      </c>
      <c r="S74" s="6">
        <v>449113</v>
      </c>
      <c r="T74" s="6">
        <v>23449</v>
      </c>
      <c r="U74" s="6">
        <v>74</v>
      </c>
      <c r="V74" s="6">
        <v>425590</v>
      </c>
      <c r="W74" s="6">
        <v>17836</v>
      </c>
      <c r="X74" s="6">
        <v>759</v>
      </c>
      <c r="Y74" s="6">
        <v>354</v>
      </c>
      <c r="Z74" s="6">
        <v>316</v>
      </c>
      <c r="AA74" s="6">
        <v>1</v>
      </c>
      <c r="AB74" s="6">
        <v>88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6</v>
      </c>
      <c r="I75" s="9" t="s">
        <v>54</v>
      </c>
      <c r="J75" s="9" t="s">
        <v>48</v>
      </c>
      <c r="K75" s="6">
        <v>36169248</v>
      </c>
      <c r="L75" s="6">
        <v>23343225</v>
      </c>
      <c r="M75" s="6">
        <v>22521997</v>
      </c>
      <c r="N75" s="6">
        <v>16620883</v>
      </c>
      <c r="O75" s="6">
        <v>4705677</v>
      </c>
      <c r="P75" s="6">
        <v>562391</v>
      </c>
      <c r="Q75" s="6">
        <v>633046</v>
      </c>
      <c r="R75" s="6">
        <v>821228</v>
      </c>
      <c r="S75" s="6">
        <v>8696610</v>
      </c>
      <c r="T75" s="6">
        <v>5456937</v>
      </c>
      <c r="U75" s="6">
        <v>2541295</v>
      </c>
      <c r="V75" s="6">
        <v>698378</v>
      </c>
      <c r="W75" s="6">
        <v>4129413</v>
      </c>
      <c r="X75" s="6">
        <v>20797746</v>
      </c>
      <c r="Y75" s="6">
        <v>15594729</v>
      </c>
      <c r="Z75" s="6">
        <v>4061467</v>
      </c>
      <c r="AA75" s="6">
        <v>556908</v>
      </c>
      <c r="AB75" s="6">
        <v>584642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6</v>
      </c>
      <c r="I76" s="9" t="s">
        <v>54</v>
      </c>
      <c r="J76" s="9" t="s">
        <v>49</v>
      </c>
      <c r="K76" s="6">
        <v>19990854</v>
      </c>
      <c r="L76" s="6">
        <v>3680617</v>
      </c>
      <c r="M76" s="6">
        <v>3619921</v>
      </c>
      <c r="N76" s="6">
        <v>1783696</v>
      </c>
      <c r="O76" s="6">
        <v>1699569</v>
      </c>
      <c r="P76" s="6">
        <v>1312</v>
      </c>
      <c r="Q76" s="6">
        <v>135344</v>
      </c>
      <c r="R76" s="6">
        <v>60696</v>
      </c>
      <c r="S76" s="6">
        <v>14837669</v>
      </c>
      <c r="T76" s="6">
        <v>6238202</v>
      </c>
      <c r="U76" s="6">
        <v>4016</v>
      </c>
      <c r="V76" s="6">
        <v>8595451</v>
      </c>
      <c r="W76" s="6">
        <v>1472568</v>
      </c>
      <c r="X76" s="6">
        <v>2333213</v>
      </c>
      <c r="Y76" s="6">
        <v>1242645</v>
      </c>
      <c r="Z76" s="6">
        <v>1024581</v>
      </c>
      <c r="AA76" s="6">
        <v>732</v>
      </c>
      <c r="AB76" s="6">
        <v>65255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6</v>
      </c>
      <c r="I77" s="9" t="s">
        <v>54</v>
      </c>
      <c r="J77" s="9" t="s">
        <v>50</v>
      </c>
      <c r="K77" s="6">
        <v>11063137</v>
      </c>
      <c r="L77" s="6">
        <v>847489</v>
      </c>
      <c r="M77" s="6">
        <v>837603</v>
      </c>
      <c r="N77" s="6">
        <v>345913</v>
      </c>
      <c r="O77" s="6">
        <v>437019</v>
      </c>
      <c r="P77" s="6">
        <v>526</v>
      </c>
      <c r="Q77" s="6">
        <v>54145</v>
      </c>
      <c r="R77" s="6">
        <v>9886</v>
      </c>
      <c r="S77" s="6">
        <v>9265693</v>
      </c>
      <c r="T77" s="6">
        <v>2903731</v>
      </c>
      <c r="U77" s="6">
        <v>2560</v>
      </c>
      <c r="V77" s="6">
        <v>6359402</v>
      </c>
      <c r="W77" s="6">
        <v>949955</v>
      </c>
      <c r="X77" s="6">
        <v>346342</v>
      </c>
      <c r="Y77" s="6">
        <v>159203</v>
      </c>
      <c r="Z77" s="6">
        <v>172640</v>
      </c>
      <c r="AA77" s="6">
        <v>190</v>
      </c>
      <c r="AB77" s="6">
        <v>14309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6</v>
      </c>
      <c r="I78" s="9" t="s">
        <v>54</v>
      </c>
      <c r="J78" s="9" t="s">
        <v>51</v>
      </c>
      <c r="K78" s="6">
        <v>4124434</v>
      </c>
      <c r="L78" s="6">
        <v>110450</v>
      </c>
      <c r="M78" s="6">
        <v>108982</v>
      </c>
      <c r="N78" s="6">
        <v>38197</v>
      </c>
      <c r="O78" s="6">
        <v>59306</v>
      </c>
      <c r="P78" s="6">
        <v>120</v>
      </c>
      <c r="Q78" s="6">
        <v>11359</v>
      </c>
      <c r="R78" s="6">
        <v>1468</v>
      </c>
      <c r="S78" s="6">
        <v>3723569</v>
      </c>
      <c r="T78" s="6">
        <v>680184</v>
      </c>
      <c r="U78" s="6">
        <v>924</v>
      </c>
      <c r="V78" s="6">
        <v>3042461</v>
      </c>
      <c r="W78" s="6">
        <v>290415</v>
      </c>
      <c r="X78" s="6">
        <v>27887</v>
      </c>
      <c r="Y78" s="6">
        <v>11554</v>
      </c>
      <c r="Z78" s="6">
        <v>14344</v>
      </c>
      <c r="AA78" s="6">
        <v>31</v>
      </c>
      <c r="AB78" s="6">
        <v>1958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6</v>
      </c>
      <c r="I79" s="9" t="s">
        <v>54</v>
      </c>
      <c r="J79" s="9" t="s">
        <v>52</v>
      </c>
      <c r="K79" s="6">
        <v>37597045</v>
      </c>
      <c r="L79" s="6">
        <v>24568560</v>
      </c>
      <c r="M79" s="6">
        <v>23736586</v>
      </c>
      <c r="N79" s="6">
        <v>17361810</v>
      </c>
      <c r="O79" s="6">
        <v>5386607</v>
      </c>
      <c r="P79" s="6">
        <v>324186</v>
      </c>
      <c r="Q79" s="6">
        <v>663983</v>
      </c>
      <c r="R79" s="6">
        <v>831974</v>
      </c>
      <c r="S79" s="6">
        <v>8982190</v>
      </c>
      <c r="T79" s="6">
        <v>6985901</v>
      </c>
      <c r="U79" s="6">
        <v>556419</v>
      </c>
      <c r="V79" s="6">
        <v>1439870</v>
      </c>
      <c r="W79" s="6">
        <v>4046295</v>
      </c>
      <c r="X79" s="6">
        <v>21641389</v>
      </c>
      <c r="Y79" s="6">
        <v>16167507</v>
      </c>
      <c r="Z79" s="6">
        <v>4548998</v>
      </c>
      <c r="AA79" s="6">
        <v>320239</v>
      </c>
      <c r="AB79" s="6">
        <v>604645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6</v>
      </c>
      <c r="I80" s="9" t="s">
        <v>6</v>
      </c>
      <c r="J80" s="9" t="s">
        <v>30</v>
      </c>
      <c r="K80" s="6">
        <v>1484736</v>
      </c>
      <c r="L80" s="6">
        <v>852575</v>
      </c>
      <c r="M80" s="6">
        <v>819259</v>
      </c>
      <c r="N80" s="6">
        <v>703349</v>
      </c>
      <c r="O80" s="6">
        <v>83509</v>
      </c>
      <c r="P80" s="6">
        <v>11667</v>
      </c>
      <c r="Q80" s="6">
        <v>20734</v>
      </c>
      <c r="R80" s="6">
        <v>33316</v>
      </c>
      <c r="S80" s="6">
        <v>545320</v>
      </c>
      <c r="T80" s="6">
        <v>167546</v>
      </c>
      <c r="U80" s="6">
        <v>76165</v>
      </c>
      <c r="V80" s="6">
        <v>301609</v>
      </c>
      <c r="W80" s="6">
        <v>86841</v>
      </c>
      <c r="X80" s="6">
        <v>678284</v>
      </c>
      <c r="Y80" s="6">
        <v>594087</v>
      </c>
      <c r="Z80" s="6">
        <v>57894</v>
      </c>
      <c r="AA80" s="6">
        <v>11511</v>
      </c>
      <c r="AB80" s="6">
        <v>14792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6</v>
      </c>
      <c r="I81" s="9" t="s">
        <v>6</v>
      </c>
      <c r="J81" s="9" t="s">
        <v>31</v>
      </c>
      <c r="K81" s="6">
        <v>79371</v>
      </c>
      <c r="L81" s="6">
        <v>11012</v>
      </c>
      <c r="M81" s="6">
        <v>10157</v>
      </c>
      <c r="N81" s="6">
        <v>5257</v>
      </c>
      <c r="O81" s="6">
        <v>220</v>
      </c>
      <c r="P81" s="6">
        <v>4453</v>
      </c>
      <c r="Q81" s="6">
        <v>227</v>
      </c>
      <c r="R81" s="6">
        <v>855</v>
      </c>
      <c r="S81" s="6">
        <v>63494</v>
      </c>
      <c r="T81" s="6">
        <v>387</v>
      </c>
      <c r="U81" s="6">
        <v>62102</v>
      </c>
      <c r="V81" s="6">
        <v>1005</v>
      </c>
      <c r="W81" s="6">
        <v>4865</v>
      </c>
      <c r="X81" s="6">
        <v>9839</v>
      </c>
      <c r="Y81" s="6">
        <v>5010</v>
      </c>
      <c r="Z81" s="6">
        <v>199</v>
      </c>
      <c r="AA81" s="6">
        <v>4417</v>
      </c>
      <c r="AB81" s="6">
        <v>213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6</v>
      </c>
      <c r="I82" s="9" t="s">
        <v>6</v>
      </c>
      <c r="J82" s="9" t="s">
        <v>32</v>
      </c>
      <c r="K82" s="6">
        <v>69827</v>
      </c>
      <c r="L82" s="6">
        <v>47835</v>
      </c>
      <c r="M82" s="6">
        <v>44791</v>
      </c>
      <c r="N82" s="6">
        <v>36485</v>
      </c>
      <c r="O82" s="6">
        <v>910</v>
      </c>
      <c r="P82" s="6">
        <v>6396</v>
      </c>
      <c r="Q82" s="6">
        <v>1000</v>
      </c>
      <c r="R82" s="6">
        <v>3044</v>
      </c>
      <c r="S82" s="6">
        <v>15444</v>
      </c>
      <c r="T82" s="6">
        <v>1595</v>
      </c>
      <c r="U82" s="6">
        <v>12586</v>
      </c>
      <c r="V82" s="6">
        <v>1263</v>
      </c>
      <c r="W82" s="6">
        <v>6548</v>
      </c>
      <c r="X82" s="6">
        <v>42896</v>
      </c>
      <c r="Y82" s="6">
        <v>34838</v>
      </c>
      <c r="Z82" s="6">
        <v>780</v>
      </c>
      <c r="AA82" s="6">
        <v>6340</v>
      </c>
      <c r="AB82" s="6">
        <v>938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6</v>
      </c>
      <c r="I83" s="9" t="s">
        <v>6</v>
      </c>
      <c r="J83" s="9" t="s">
        <v>33</v>
      </c>
      <c r="K83" s="6">
        <v>71763</v>
      </c>
      <c r="L83" s="6">
        <v>58972</v>
      </c>
      <c r="M83" s="6">
        <v>55866</v>
      </c>
      <c r="N83" s="6">
        <v>51651</v>
      </c>
      <c r="O83" s="6">
        <v>1958</v>
      </c>
      <c r="P83" s="6">
        <v>352</v>
      </c>
      <c r="Q83" s="6">
        <v>1905</v>
      </c>
      <c r="R83" s="6">
        <v>3106</v>
      </c>
      <c r="S83" s="6">
        <v>5450</v>
      </c>
      <c r="T83" s="6">
        <v>3513</v>
      </c>
      <c r="U83" s="6">
        <v>776</v>
      </c>
      <c r="V83" s="6">
        <v>1161</v>
      </c>
      <c r="W83" s="6">
        <v>7341</v>
      </c>
      <c r="X83" s="6">
        <v>52668</v>
      </c>
      <c r="Y83" s="6">
        <v>48878</v>
      </c>
      <c r="Z83" s="6">
        <v>1652</v>
      </c>
      <c r="AA83" s="6">
        <v>341</v>
      </c>
      <c r="AB83" s="6">
        <v>1797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6</v>
      </c>
      <c r="I84" s="9" t="s">
        <v>6</v>
      </c>
      <c r="J84" s="9" t="s">
        <v>34</v>
      </c>
      <c r="K84" s="6">
        <v>83016</v>
      </c>
      <c r="L84" s="6">
        <v>67883</v>
      </c>
      <c r="M84" s="6">
        <v>64940</v>
      </c>
      <c r="N84" s="6">
        <v>58472</v>
      </c>
      <c r="O84" s="6">
        <v>3736</v>
      </c>
      <c r="P84" s="6">
        <v>165</v>
      </c>
      <c r="Q84" s="6">
        <v>2567</v>
      </c>
      <c r="R84" s="6">
        <v>2943</v>
      </c>
      <c r="S84" s="6">
        <v>7503</v>
      </c>
      <c r="T84" s="6">
        <v>5935</v>
      </c>
      <c r="U84" s="6">
        <v>264</v>
      </c>
      <c r="V84" s="6">
        <v>1304</v>
      </c>
      <c r="W84" s="6">
        <v>7630</v>
      </c>
      <c r="X84" s="6">
        <v>59907</v>
      </c>
      <c r="Y84" s="6">
        <v>54210</v>
      </c>
      <c r="Z84" s="6">
        <v>3101</v>
      </c>
      <c r="AA84" s="6">
        <v>157</v>
      </c>
      <c r="AB84" s="6">
        <v>2439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6</v>
      </c>
      <c r="I85" s="9" t="s">
        <v>6</v>
      </c>
      <c r="J85" s="9" t="s">
        <v>35</v>
      </c>
      <c r="K85" s="6">
        <v>97054</v>
      </c>
      <c r="L85" s="6">
        <v>80455</v>
      </c>
      <c r="M85" s="6">
        <v>77411</v>
      </c>
      <c r="N85" s="6">
        <v>69597</v>
      </c>
      <c r="O85" s="6">
        <v>5702</v>
      </c>
      <c r="P85" s="6">
        <v>111</v>
      </c>
      <c r="Q85" s="6">
        <v>2001</v>
      </c>
      <c r="R85" s="6">
        <v>3044</v>
      </c>
      <c r="S85" s="6">
        <v>8755</v>
      </c>
      <c r="T85" s="6">
        <v>6952</v>
      </c>
      <c r="U85" s="6">
        <v>156</v>
      </c>
      <c r="V85" s="6">
        <v>1647</v>
      </c>
      <c r="W85" s="6">
        <v>7844</v>
      </c>
      <c r="X85" s="6">
        <v>69668</v>
      </c>
      <c r="Y85" s="6">
        <v>63077</v>
      </c>
      <c r="Z85" s="6">
        <v>4663</v>
      </c>
      <c r="AA85" s="6">
        <v>104</v>
      </c>
      <c r="AB85" s="6">
        <v>1824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6</v>
      </c>
      <c r="I86" s="9" t="s">
        <v>6</v>
      </c>
      <c r="J86" s="9" t="s">
        <v>36</v>
      </c>
      <c r="K86" s="6">
        <v>106373</v>
      </c>
      <c r="L86" s="6">
        <v>89911</v>
      </c>
      <c r="M86" s="6">
        <v>86839</v>
      </c>
      <c r="N86" s="6">
        <v>78342</v>
      </c>
      <c r="O86" s="6">
        <v>7245</v>
      </c>
      <c r="P86" s="6">
        <v>65</v>
      </c>
      <c r="Q86" s="6">
        <v>1187</v>
      </c>
      <c r="R86" s="6">
        <v>3072</v>
      </c>
      <c r="S86" s="6">
        <v>8601</v>
      </c>
      <c r="T86" s="6">
        <v>6650</v>
      </c>
      <c r="U86" s="6">
        <v>77</v>
      </c>
      <c r="V86" s="6">
        <v>1874</v>
      </c>
      <c r="W86" s="6">
        <v>7861</v>
      </c>
      <c r="X86" s="6">
        <v>77120</v>
      </c>
      <c r="Y86" s="6">
        <v>70071</v>
      </c>
      <c r="Z86" s="6">
        <v>5993</v>
      </c>
      <c r="AA86" s="6">
        <v>58</v>
      </c>
      <c r="AB86" s="6">
        <v>998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6</v>
      </c>
      <c r="I87" s="9" t="s">
        <v>6</v>
      </c>
      <c r="J87" s="9" t="s">
        <v>37</v>
      </c>
      <c r="K87" s="6">
        <v>112345</v>
      </c>
      <c r="L87" s="6">
        <v>95483</v>
      </c>
      <c r="M87" s="6">
        <v>92113</v>
      </c>
      <c r="N87" s="6">
        <v>82793</v>
      </c>
      <c r="O87" s="6">
        <v>8133</v>
      </c>
      <c r="P87" s="6">
        <v>38</v>
      </c>
      <c r="Q87" s="6">
        <v>1149</v>
      </c>
      <c r="R87" s="6">
        <v>3370</v>
      </c>
      <c r="S87" s="6">
        <v>9541</v>
      </c>
      <c r="T87" s="6">
        <v>7049</v>
      </c>
      <c r="U87" s="6">
        <v>69</v>
      </c>
      <c r="V87" s="6">
        <v>2423</v>
      </c>
      <c r="W87" s="6">
        <v>7321</v>
      </c>
      <c r="X87" s="6">
        <v>81772</v>
      </c>
      <c r="Y87" s="6">
        <v>74036</v>
      </c>
      <c r="Z87" s="6">
        <v>6803</v>
      </c>
      <c r="AA87" s="6">
        <v>36</v>
      </c>
      <c r="AB87" s="6">
        <v>897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6</v>
      </c>
      <c r="I88" s="9" t="s">
        <v>6</v>
      </c>
      <c r="J88" s="9" t="s">
        <v>38</v>
      </c>
      <c r="K88" s="6">
        <v>101844</v>
      </c>
      <c r="L88" s="6">
        <v>85731</v>
      </c>
      <c r="M88" s="6">
        <v>82601</v>
      </c>
      <c r="N88" s="6">
        <v>73812</v>
      </c>
      <c r="O88" s="6">
        <v>7619</v>
      </c>
      <c r="P88" s="6">
        <v>25</v>
      </c>
      <c r="Q88" s="6">
        <v>1145</v>
      </c>
      <c r="R88" s="6">
        <v>3130</v>
      </c>
      <c r="S88" s="6">
        <v>10483</v>
      </c>
      <c r="T88" s="6">
        <v>7766</v>
      </c>
      <c r="U88" s="6">
        <v>24</v>
      </c>
      <c r="V88" s="6">
        <v>2693</v>
      </c>
      <c r="W88" s="6">
        <v>5630</v>
      </c>
      <c r="X88" s="6">
        <v>71984</v>
      </c>
      <c r="Y88" s="6">
        <v>64889</v>
      </c>
      <c r="Z88" s="6">
        <v>6220</v>
      </c>
      <c r="AA88" s="6">
        <v>21</v>
      </c>
      <c r="AB88" s="6">
        <v>854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6</v>
      </c>
      <c r="I89" s="9" t="s">
        <v>6</v>
      </c>
      <c r="J89" s="9" t="s">
        <v>39</v>
      </c>
      <c r="K89" s="6">
        <v>106541</v>
      </c>
      <c r="L89" s="6">
        <v>87829</v>
      </c>
      <c r="M89" s="6">
        <v>84716</v>
      </c>
      <c r="N89" s="6">
        <v>74942</v>
      </c>
      <c r="O89" s="6">
        <v>8401</v>
      </c>
      <c r="P89" s="6">
        <v>15</v>
      </c>
      <c r="Q89" s="6">
        <v>1358</v>
      </c>
      <c r="R89" s="6">
        <v>3113</v>
      </c>
      <c r="S89" s="6">
        <v>14367</v>
      </c>
      <c r="T89" s="6">
        <v>10608</v>
      </c>
      <c r="U89" s="6">
        <v>18</v>
      </c>
      <c r="V89" s="6">
        <v>3741</v>
      </c>
      <c r="W89" s="6">
        <v>4345</v>
      </c>
      <c r="X89" s="6">
        <v>72261</v>
      </c>
      <c r="Y89" s="6">
        <v>64782</v>
      </c>
      <c r="Z89" s="6">
        <v>6501</v>
      </c>
      <c r="AA89" s="6">
        <v>10</v>
      </c>
      <c r="AB89" s="6">
        <v>968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6</v>
      </c>
      <c r="I90" s="9" t="s">
        <v>6</v>
      </c>
      <c r="J90" s="9" t="s">
        <v>40</v>
      </c>
      <c r="K90" s="6">
        <v>116064</v>
      </c>
      <c r="L90" s="6">
        <v>84217</v>
      </c>
      <c r="M90" s="6">
        <v>80459</v>
      </c>
      <c r="N90" s="6">
        <v>68630</v>
      </c>
      <c r="O90" s="6">
        <v>10093</v>
      </c>
      <c r="P90" s="6">
        <v>17</v>
      </c>
      <c r="Q90" s="6">
        <v>1719</v>
      </c>
      <c r="R90" s="6">
        <v>3758</v>
      </c>
      <c r="S90" s="6">
        <v>28266</v>
      </c>
      <c r="T90" s="6">
        <v>17929</v>
      </c>
      <c r="U90" s="6">
        <v>15</v>
      </c>
      <c r="V90" s="6">
        <v>10322</v>
      </c>
      <c r="W90" s="6">
        <v>3581</v>
      </c>
      <c r="X90" s="6">
        <v>64040</v>
      </c>
      <c r="Y90" s="6">
        <v>55717</v>
      </c>
      <c r="Z90" s="6">
        <v>7182</v>
      </c>
      <c r="AA90" s="6">
        <v>12</v>
      </c>
      <c r="AB90" s="6">
        <v>1129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6</v>
      </c>
      <c r="I91" s="9" t="s">
        <v>6</v>
      </c>
      <c r="J91" s="9" t="s">
        <v>41</v>
      </c>
      <c r="K91" s="6">
        <v>129764</v>
      </c>
      <c r="L91" s="6">
        <v>67183</v>
      </c>
      <c r="M91" s="6">
        <v>64742</v>
      </c>
      <c r="N91" s="6">
        <v>50651</v>
      </c>
      <c r="O91" s="6">
        <v>11692</v>
      </c>
      <c r="P91" s="6">
        <v>15</v>
      </c>
      <c r="Q91" s="6">
        <v>2384</v>
      </c>
      <c r="R91" s="6">
        <v>2441</v>
      </c>
      <c r="S91" s="6">
        <v>58581</v>
      </c>
      <c r="T91" s="6">
        <v>26499</v>
      </c>
      <c r="U91" s="6">
        <v>18</v>
      </c>
      <c r="V91" s="6">
        <v>32064</v>
      </c>
      <c r="W91" s="6">
        <v>4000</v>
      </c>
      <c r="X91" s="6">
        <v>43468</v>
      </c>
      <c r="Y91" s="6">
        <v>34731</v>
      </c>
      <c r="Z91" s="6">
        <v>7388</v>
      </c>
      <c r="AA91" s="6">
        <v>12</v>
      </c>
      <c r="AB91" s="6">
        <v>1337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6</v>
      </c>
      <c r="I92" s="9" t="s">
        <v>6</v>
      </c>
      <c r="J92" s="9" t="s">
        <v>42</v>
      </c>
      <c r="K92" s="6">
        <v>128314</v>
      </c>
      <c r="L92" s="6">
        <v>44830</v>
      </c>
      <c r="M92" s="6">
        <v>43822</v>
      </c>
      <c r="N92" s="6">
        <v>32264</v>
      </c>
      <c r="O92" s="6">
        <v>9486</v>
      </c>
      <c r="P92" s="6">
        <v>7</v>
      </c>
      <c r="Q92" s="6">
        <v>2065</v>
      </c>
      <c r="R92" s="6">
        <v>1008</v>
      </c>
      <c r="S92" s="6">
        <v>77992</v>
      </c>
      <c r="T92" s="6">
        <v>27405</v>
      </c>
      <c r="U92" s="6">
        <v>14</v>
      </c>
      <c r="V92" s="6">
        <v>50573</v>
      </c>
      <c r="W92" s="6">
        <v>5492</v>
      </c>
      <c r="X92" s="6">
        <v>23463</v>
      </c>
      <c r="Y92" s="6">
        <v>17454</v>
      </c>
      <c r="Z92" s="6">
        <v>5050</v>
      </c>
      <c r="AA92" s="6">
        <v>1</v>
      </c>
      <c r="AB92" s="6">
        <v>958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6</v>
      </c>
      <c r="I93" s="9" t="s">
        <v>6</v>
      </c>
      <c r="J93" s="9" t="s">
        <v>43</v>
      </c>
      <c r="K93" s="6">
        <v>92608</v>
      </c>
      <c r="L93" s="6">
        <v>18092</v>
      </c>
      <c r="M93" s="6">
        <v>17825</v>
      </c>
      <c r="N93" s="6">
        <v>12258</v>
      </c>
      <c r="O93" s="6">
        <v>4595</v>
      </c>
      <c r="P93" s="6">
        <v>4</v>
      </c>
      <c r="Q93" s="6">
        <v>968</v>
      </c>
      <c r="R93" s="6">
        <v>267</v>
      </c>
      <c r="S93" s="6">
        <v>69243</v>
      </c>
      <c r="T93" s="6">
        <v>19027</v>
      </c>
      <c r="U93" s="6">
        <v>14</v>
      </c>
      <c r="V93" s="6">
        <v>50202</v>
      </c>
      <c r="W93" s="6">
        <v>5273</v>
      </c>
      <c r="X93" s="6">
        <v>6409</v>
      </c>
      <c r="Y93" s="6">
        <v>4544</v>
      </c>
      <c r="Z93" s="6">
        <v>1585</v>
      </c>
      <c r="AA93" s="6">
        <v>2</v>
      </c>
      <c r="AB93" s="6">
        <v>278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6</v>
      </c>
      <c r="I94" s="9" t="s">
        <v>6</v>
      </c>
      <c r="J94" s="9" t="s">
        <v>44</v>
      </c>
      <c r="K94" s="6">
        <v>80999</v>
      </c>
      <c r="L94" s="6">
        <v>8997</v>
      </c>
      <c r="M94" s="6">
        <v>8888</v>
      </c>
      <c r="N94" s="6">
        <v>5812</v>
      </c>
      <c r="O94" s="6">
        <v>2442</v>
      </c>
      <c r="P94" s="6">
        <v>1</v>
      </c>
      <c r="Q94" s="6">
        <v>633</v>
      </c>
      <c r="R94" s="6">
        <v>109</v>
      </c>
      <c r="S94" s="6">
        <v>67300</v>
      </c>
      <c r="T94" s="6">
        <v>14617</v>
      </c>
      <c r="U94" s="6">
        <v>14</v>
      </c>
      <c r="V94" s="6">
        <v>52669</v>
      </c>
      <c r="W94" s="6">
        <v>4702</v>
      </c>
      <c r="X94" s="6">
        <v>1990</v>
      </c>
      <c r="Y94" s="6">
        <v>1344</v>
      </c>
      <c r="Z94" s="6">
        <v>541</v>
      </c>
      <c r="AA94" s="10" t="s">
        <v>55</v>
      </c>
      <c r="AB94" s="6">
        <v>105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6</v>
      </c>
      <c r="I95" s="9" t="s">
        <v>6</v>
      </c>
      <c r="J95" s="9" t="s">
        <v>45</v>
      </c>
      <c r="K95" s="6">
        <v>63319</v>
      </c>
      <c r="L95" s="6">
        <v>3337</v>
      </c>
      <c r="M95" s="6">
        <v>3289</v>
      </c>
      <c r="N95" s="6">
        <v>1946</v>
      </c>
      <c r="O95" s="6">
        <v>1028</v>
      </c>
      <c r="P95" s="6">
        <v>3</v>
      </c>
      <c r="Q95" s="6">
        <v>312</v>
      </c>
      <c r="R95" s="6">
        <v>48</v>
      </c>
      <c r="S95" s="6">
        <v>56971</v>
      </c>
      <c r="T95" s="6">
        <v>8588</v>
      </c>
      <c r="U95" s="6">
        <v>17</v>
      </c>
      <c r="V95" s="6">
        <v>48366</v>
      </c>
      <c r="W95" s="6">
        <v>3011</v>
      </c>
      <c r="X95" s="6">
        <v>621</v>
      </c>
      <c r="Y95" s="6">
        <v>387</v>
      </c>
      <c r="Z95" s="6">
        <v>190</v>
      </c>
      <c r="AA95" s="10" t="s">
        <v>55</v>
      </c>
      <c r="AB95" s="6">
        <v>44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6</v>
      </c>
      <c r="I96" s="9" t="s">
        <v>6</v>
      </c>
      <c r="J96" s="9" t="s">
        <v>46</v>
      </c>
      <c r="K96" s="6">
        <v>33610</v>
      </c>
      <c r="L96" s="6">
        <v>721</v>
      </c>
      <c r="M96" s="6">
        <v>715</v>
      </c>
      <c r="N96" s="6">
        <v>400</v>
      </c>
      <c r="O96" s="6">
        <v>222</v>
      </c>
      <c r="P96" s="10" t="s">
        <v>55</v>
      </c>
      <c r="Q96" s="6">
        <v>93</v>
      </c>
      <c r="R96" s="6">
        <v>6</v>
      </c>
      <c r="S96" s="6">
        <v>31723</v>
      </c>
      <c r="T96" s="6">
        <v>2628</v>
      </c>
      <c r="U96" s="6">
        <v>1</v>
      </c>
      <c r="V96" s="6">
        <v>29094</v>
      </c>
      <c r="W96" s="6">
        <v>1166</v>
      </c>
      <c r="X96" s="6">
        <v>156</v>
      </c>
      <c r="Y96" s="6">
        <v>105</v>
      </c>
      <c r="Z96" s="6">
        <v>39</v>
      </c>
      <c r="AA96" s="10" t="s">
        <v>55</v>
      </c>
      <c r="AB96" s="6">
        <v>12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6</v>
      </c>
      <c r="I97" s="9" t="s">
        <v>6</v>
      </c>
      <c r="J97" s="9" t="s">
        <v>47</v>
      </c>
      <c r="K97" s="6">
        <v>11924</v>
      </c>
      <c r="L97" s="6">
        <v>87</v>
      </c>
      <c r="M97" s="6">
        <v>85</v>
      </c>
      <c r="N97" s="6">
        <v>37</v>
      </c>
      <c r="O97" s="6">
        <v>27</v>
      </c>
      <c r="P97" s="10" t="s">
        <v>55</v>
      </c>
      <c r="Q97" s="6">
        <v>21</v>
      </c>
      <c r="R97" s="6">
        <v>2</v>
      </c>
      <c r="S97" s="6">
        <v>11606</v>
      </c>
      <c r="T97" s="6">
        <v>398</v>
      </c>
      <c r="U97" s="10" t="s">
        <v>55</v>
      </c>
      <c r="V97" s="6">
        <v>11208</v>
      </c>
      <c r="W97" s="6">
        <v>231</v>
      </c>
      <c r="X97" s="6">
        <v>22</v>
      </c>
      <c r="Y97" s="6">
        <v>14</v>
      </c>
      <c r="Z97" s="6">
        <v>7</v>
      </c>
      <c r="AA97" s="10" t="s">
        <v>55</v>
      </c>
      <c r="AB97" s="6">
        <v>1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6</v>
      </c>
      <c r="I98" s="9" t="s">
        <v>6</v>
      </c>
      <c r="J98" s="9" t="s">
        <v>48</v>
      </c>
      <c r="K98" s="6">
        <v>944198</v>
      </c>
      <c r="L98" s="6">
        <v>709328</v>
      </c>
      <c r="M98" s="6">
        <v>679893</v>
      </c>
      <c r="N98" s="6">
        <v>599981</v>
      </c>
      <c r="O98" s="6">
        <v>54017</v>
      </c>
      <c r="P98" s="6">
        <v>11637</v>
      </c>
      <c r="Q98" s="6">
        <v>14258</v>
      </c>
      <c r="R98" s="6">
        <v>29435</v>
      </c>
      <c r="S98" s="6">
        <v>171904</v>
      </c>
      <c r="T98" s="6">
        <v>68384</v>
      </c>
      <c r="U98" s="6">
        <v>76087</v>
      </c>
      <c r="V98" s="6">
        <v>27433</v>
      </c>
      <c r="W98" s="6">
        <v>62966</v>
      </c>
      <c r="X98" s="6">
        <v>602155</v>
      </c>
      <c r="Y98" s="6">
        <v>535508</v>
      </c>
      <c r="Z98" s="6">
        <v>43094</v>
      </c>
      <c r="AA98" s="6">
        <v>11496</v>
      </c>
      <c r="AB98" s="6">
        <v>12057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6</v>
      </c>
      <c r="I99" s="9" t="s">
        <v>6</v>
      </c>
      <c r="J99" s="9" t="s">
        <v>49</v>
      </c>
      <c r="K99" s="6">
        <v>540538</v>
      </c>
      <c r="L99" s="6">
        <v>143247</v>
      </c>
      <c r="M99" s="6">
        <v>139366</v>
      </c>
      <c r="N99" s="6">
        <v>103368</v>
      </c>
      <c r="O99" s="6">
        <v>29492</v>
      </c>
      <c r="P99" s="6">
        <v>30</v>
      </c>
      <c r="Q99" s="6">
        <v>6476</v>
      </c>
      <c r="R99" s="6">
        <v>3881</v>
      </c>
      <c r="S99" s="6">
        <v>373416</v>
      </c>
      <c r="T99" s="6">
        <v>99162</v>
      </c>
      <c r="U99" s="6">
        <v>78</v>
      </c>
      <c r="V99" s="6">
        <v>274176</v>
      </c>
      <c r="W99" s="6">
        <v>23875</v>
      </c>
      <c r="X99" s="6">
        <v>76129</v>
      </c>
      <c r="Y99" s="6">
        <v>58579</v>
      </c>
      <c r="Z99" s="6">
        <v>14800</v>
      </c>
      <c r="AA99" s="6">
        <v>15</v>
      </c>
      <c r="AB99" s="6">
        <v>2735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6</v>
      </c>
      <c r="I100" s="9" t="s">
        <v>6</v>
      </c>
      <c r="J100" s="9" t="s">
        <v>50</v>
      </c>
      <c r="K100" s="6">
        <v>282460</v>
      </c>
      <c r="L100" s="6">
        <v>31234</v>
      </c>
      <c r="M100" s="6">
        <v>30802</v>
      </c>
      <c r="N100" s="6">
        <v>20453</v>
      </c>
      <c r="O100" s="6">
        <v>8314</v>
      </c>
      <c r="P100" s="6">
        <v>8</v>
      </c>
      <c r="Q100" s="6">
        <v>2027</v>
      </c>
      <c r="R100" s="6">
        <v>432</v>
      </c>
      <c r="S100" s="6">
        <v>236843</v>
      </c>
      <c r="T100" s="6">
        <v>45258</v>
      </c>
      <c r="U100" s="6">
        <v>46</v>
      </c>
      <c r="V100" s="6">
        <v>191539</v>
      </c>
      <c r="W100" s="6">
        <v>14383</v>
      </c>
      <c r="X100" s="6">
        <v>9198</v>
      </c>
      <c r="Y100" s="6">
        <v>6394</v>
      </c>
      <c r="Z100" s="6">
        <v>2362</v>
      </c>
      <c r="AA100" s="6">
        <v>2</v>
      </c>
      <c r="AB100" s="6">
        <v>440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6</v>
      </c>
      <c r="I101" s="9" t="s">
        <v>6</v>
      </c>
      <c r="J101" s="9" t="s">
        <v>51</v>
      </c>
      <c r="K101" s="6">
        <v>108853</v>
      </c>
      <c r="L101" s="6">
        <v>4145</v>
      </c>
      <c r="M101" s="6">
        <v>4089</v>
      </c>
      <c r="N101" s="6">
        <v>2383</v>
      </c>
      <c r="O101" s="6">
        <v>1277</v>
      </c>
      <c r="P101" s="6">
        <v>3</v>
      </c>
      <c r="Q101" s="6">
        <v>426</v>
      </c>
      <c r="R101" s="6">
        <v>56</v>
      </c>
      <c r="S101" s="6">
        <v>100300</v>
      </c>
      <c r="T101" s="6">
        <v>11614</v>
      </c>
      <c r="U101" s="6">
        <v>18</v>
      </c>
      <c r="V101" s="6">
        <v>88668</v>
      </c>
      <c r="W101" s="6">
        <v>4408</v>
      </c>
      <c r="X101" s="6">
        <v>799</v>
      </c>
      <c r="Y101" s="6">
        <v>506</v>
      </c>
      <c r="Z101" s="6">
        <v>236</v>
      </c>
      <c r="AA101" s="10" t="s">
        <v>55</v>
      </c>
      <c r="AB101" s="6">
        <v>57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6</v>
      </c>
      <c r="I102" s="9" t="s">
        <v>6</v>
      </c>
      <c r="J102" s="9" t="s">
        <v>52</v>
      </c>
      <c r="K102" s="6">
        <v>994591</v>
      </c>
      <c r="L102" s="6">
        <v>765499</v>
      </c>
      <c r="M102" s="6">
        <v>734478</v>
      </c>
      <c r="N102" s="6">
        <v>645375</v>
      </c>
      <c r="O102" s="6">
        <v>65489</v>
      </c>
      <c r="P102" s="6">
        <v>7199</v>
      </c>
      <c r="Q102" s="6">
        <v>16415</v>
      </c>
      <c r="R102" s="6">
        <v>31021</v>
      </c>
      <c r="S102" s="6">
        <v>166991</v>
      </c>
      <c r="T102" s="6">
        <v>94496</v>
      </c>
      <c r="U102" s="6">
        <v>14003</v>
      </c>
      <c r="V102" s="6">
        <v>58492</v>
      </c>
      <c r="W102" s="6">
        <v>62101</v>
      </c>
      <c r="X102" s="6">
        <v>635784</v>
      </c>
      <c r="Y102" s="6">
        <v>565229</v>
      </c>
      <c r="Z102" s="6">
        <v>50283</v>
      </c>
      <c r="AA102" s="6">
        <v>7091</v>
      </c>
      <c r="AB102" s="6">
        <v>13181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6</v>
      </c>
      <c r="I103" s="9" t="s">
        <v>53</v>
      </c>
      <c r="J103" s="9" t="s">
        <v>30</v>
      </c>
      <c r="K103" s="6">
        <v>691836</v>
      </c>
      <c r="L103" s="6">
        <v>449787</v>
      </c>
      <c r="M103" s="6">
        <v>429368</v>
      </c>
      <c r="N103" s="6">
        <v>405315</v>
      </c>
      <c r="O103" s="6">
        <v>8961</v>
      </c>
      <c r="P103" s="6">
        <v>5705</v>
      </c>
      <c r="Q103" s="6">
        <v>9387</v>
      </c>
      <c r="R103" s="6">
        <v>20419</v>
      </c>
      <c r="S103" s="6">
        <v>198030</v>
      </c>
      <c r="T103" s="6">
        <v>19533</v>
      </c>
      <c r="U103" s="6">
        <v>39136</v>
      </c>
      <c r="V103" s="6">
        <v>139361</v>
      </c>
      <c r="W103" s="6">
        <v>44019</v>
      </c>
      <c r="X103" s="6">
        <v>344558</v>
      </c>
      <c r="Y103" s="6">
        <v>329422</v>
      </c>
      <c r="Z103" s="6">
        <v>4489</v>
      </c>
      <c r="AA103" s="6">
        <v>5614</v>
      </c>
      <c r="AB103" s="6">
        <v>5033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6</v>
      </c>
      <c r="I104" s="9" t="s">
        <v>53</v>
      </c>
      <c r="J104" s="9" t="s">
        <v>31</v>
      </c>
      <c r="K104" s="6">
        <v>40826</v>
      </c>
      <c r="L104" s="6">
        <v>5605</v>
      </c>
      <c r="M104" s="6">
        <v>5087</v>
      </c>
      <c r="N104" s="6">
        <v>2993</v>
      </c>
      <c r="O104" s="6">
        <v>84</v>
      </c>
      <c r="P104" s="6">
        <v>1907</v>
      </c>
      <c r="Q104" s="6">
        <v>103</v>
      </c>
      <c r="R104" s="6">
        <v>518</v>
      </c>
      <c r="S104" s="6">
        <v>32730</v>
      </c>
      <c r="T104" s="6">
        <v>104</v>
      </c>
      <c r="U104" s="6">
        <v>32009</v>
      </c>
      <c r="V104" s="6">
        <v>617</v>
      </c>
      <c r="W104" s="6">
        <v>2491</v>
      </c>
      <c r="X104" s="6">
        <v>4885</v>
      </c>
      <c r="Y104" s="6">
        <v>2832</v>
      </c>
      <c r="Z104" s="6">
        <v>75</v>
      </c>
      <c r="AA104" s="6">
        <v>1882</v>
      </c>
      <c r="AB104" s="6">
        <v>96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6</v>
      </c>
      <c r="I105" s="9" t="s">
        <v>53</v>
      </c>
      <c r="J105" s="9" t="s">
        <v>32</v>
      </c>
      <c r="K105" s="6">
        <v>34749</v>
      </c>
      <c r="L105" s="6">
        <v>23954</v>
      </c>
      <c r="M105" s="6">
        <v>22154</v>
      </c>
      <c r="N105" s="6">
        <v>18213</v>
      </c>
      <c r="O105" s="6">
        <v>214</v>
      </c>
      <c r="P105" s="6">
        <v>3388</v>
      </c>
      <c r="Q105" s="6">
        <v>339</v>
      </c>
      <c r="R105" s="6">
        <v>1800</v>
      </c>
      <c r="S105" s="6">
        <v>7280</v>
      </c>
      <c r="T105" s="6">
        <v>200</v>
      </c>
      <c r="U105" s="6">
        <v>6362</v>
      </c>
      <c r="V105" s="6">
        <v>718</v>
      </c>
      <c r="W105" s="6">
        <v>3515</v>
      </c>
      <c r="X105" s="6">
        <v>20927</v>
      </c>
      <c r="Y105" s="6">
        <v>17071</v>
      </c>
      <c r="Z105" s="6">
        <v>186</v>
      </c>
      <c r="AA105" s="6">
        <v>3356</v>
      </c>
      <c r="AB105" s="6">
        <v>314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6</v>
      </c>
      <c r="I106" s="9" t="s">
        <v>53</v>
      </c>
      <c r="J106" s="9" t="s">
        <v>33</v>
      </c>
      <c r="K106" s="6">
        <v>35403</v>
      </c>
      <c r="L106" s="6">
        <v>30060</v>
      </c>
      <c r="M106" s="6">
        <v>28296</v>
      </c>
      <c r="N106" s="6">
        <v>27598</v>
      </c>
      <c r="O106" s="6">
        <v>181</v>
      </c>
      <c r="P106" s="6">
        <v>217</v>
      </c>
      <c r="Q106" s="6">
        <v>300</v>
      </c>
      <c r="R106" s="6">
        <v>1764</v>
      </c>
      <c r="S106" s="6">
        <v>1352</v>
      </c>
      <c r="T106" s="6">
        <v>196</v>
      </c>
      <c r="U106" s="6">
        <v>480</v>
      </c>
      <c r="V106" s="6">
        <v>676</v>
      </c>
      <c r="W106" s="6">
        <v>3991</v>
      </c>
      <c r="X106" s="6">
        <v>26208</v>
      </c>
      <c r="Y106" s="6">
        <v>25623</v>
      </c>
      <c r="Z106" s="6">
        <v>128</v>
      </c>
      <c r="AA106" s="6">
        <v>214</v>
      </c>
      <c r="AB106" s="6">
        <v>243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6</v>
      </c>
      <c r="I107" s="9" t="s">
        <v>53</v>
      </c>
      <c r="J107" s="9" t="s">
        <v>34</v>
      </c>
      <c r="K107" s="6">
        <v>40814</v>
      </c>
      <c r="L107" s="6">
        <v>35640</v>
      </c>
      <c r="M107" s="6">
        <v>33937</v>
      </c>
      <c r="N107" s="6">
        <v>33318</v>
      </c>
      <c r="O107" s="6">
        <v>185</v>
      </c>
      <c r="P107" s="6">
        <v>83</v>
      </c>
      <c r="Q107" s="6">
        <v>351</v>
      </c>
      <c r="R107" s="6">
        <v>1703</v>
      </c>
      <c r="S107" s="6">
        <v>1143</v>
      </c>
      <c r="T107" s="6">
        <v>261</v>
      </c>
      <c r="U107" s="6">
        <v>116</v>
      </c>
      <c r="V107" s="6">
        <v>766</v>
      </c>
      <c r="W107" s="6">
        <v>4031</v>
      </c>
      <c r="X107" s="6">
        <v>30827</v>
      </c>
      <c r="Y107" s="6">
        <v>30349</v>
      </c>
      <c r="Z107" s="6">
        <v>118</v>
      </c>
      <c r="AA107" s="6">
        <v>77</v>
      </c>
      <c r="AB107" s="6">
        <v>283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6</v>
      </c>
      <c r="I108" s="9" t="s">
        <v>53</v>
      </c>
      <c r="J108" s="9" t="s">
        <v>35</v>
      </c>
      <c r="K108" s="6">
        <v>47873</v>
      </c>
      <c r="L108" s="6">
        <v>42293</v>
      </c>
      <c r="M108" s="6">
        <v>40450</v>
      </c>
      <c r="N108" s="6">
        <v>39795</v>
      </c>
      <c r="O108" s="6">
        <v>219</v>
      </c>
      <c r="P108" s="6">
        <v>44</v>
      </c>
      <c r="Q108" s="6">
        <v>392</v>
      </c>
      <c r="R108" s="6">
        <v>1843</v>
      </c>
      <c r="S108" s="6">
        <v>1375</v>
      </c>
      <c r="T108" s="6">
        <v>325</v>
      </c>
      <c r="U108" s="6">
        <v>70</v>
      </c>
      <c r="V108" s="6">
        <v>980</v>
      </c>
      <c r="W108" s="6">
        <v>4205</v>
      </c>
      <c r="X108" s="6">
        <v>35654</v>
      </c>
      <c r="Y108" s="6">
        <v>35209</v>
      </c>
      <c r="Z108" s="6">
        <v>122</v>
      </c>
      <c r="AA108" s="6">
        <v>40</v>
      </c>
      <c r="AB108" s="6">
        <v>283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6</v>
      </c>
      <c r="I109" s="9" t="s">
        <v>53</v>
      </c>
      <c r="J109" s="9" t="s">
        <v>36</v>
      </c>
      <c r="K109" s="6">
        <v>52642</v>
      </c>
      <c r="L109" s="6">
        <v>46909</v>
      </c>
      <c r="M109" s="6">
        <v>45072</v>
      </c>
      <c r="N109" s="6">
        <v>44397</v>
      </c>
      <c r="O109" s="6">
        <v>259</v>
      </c>
      <c r="P109" s="6">
        <v>21</v>
      </c>
      <c r="Q109" s="6">
        <v>395</v>
      </c>
      <c r="R109" s="6">
        <v>1837</v>
      </c>
      <c r="S109" s="6">
        <v>1559</v>
      </c>
      <c r="T109" s="6">
        <v>375</v>
      </c>
      <c r="U109" s="6">
        <v>28</v>
      </c>
      <c r="V109" s="6">
        <v>1156</v>
      </c>
      <c r="W109" s="6">
        <v>4174</v>
      </c>
      <c r="X109" s="6">
        <v>38933</v>
      </c>
      <c r="Y109" s="6">
        <v>38495</v>
      </c>
      <c r="Z109" s="6">
        <v>151</v>
      </c>
      <c r="AA109" s="6">
        <v>18</v>
      </c>
      <c r="AB109" s="6">
        <v>269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6</v>
      </c>
      <c r="I110" s="9" t="s">
        <v>53</v>
      </c>
      <c r="J110" s="9" t="s">
        <v>37</v>
      </c>
      <c r="K110" s="6">
        <v>55101</v>
      </c>
      <c r="L110" s="6">
        <v>49156</v>
      </c>
      <c r="M110" s="6">
        <v>47257</v>
      </c>
      <c r="N110" s="6">
        <v>46382</v>
      </c>
      <c r="O110" s="6">
        <v>278</v>
      </c>
      <c r="P110" s="6">
        <v>8</v>
      </c>
      <c r="Q110" s="6">
        <v>589</v>
      </c>
      <c r="R110" s="6">
        <v>1899</v>
      </c>
      <c r="S110" s="6">
        <v>2009</v>
      </c>
      <c r="T110" s="6">
        <v>477</v>
      </c>
      <c r="U110" s="6">
        <v>28</v>
      </c>
      <c r="V110" s="6">
        <v>1504</v>
      </c>
      <c r="W110" s="6">
        <v>3936</v>
      </c>
      <c r="X110" s="6">
        <v>40899</v>
      </c>
      <c r="Y110" s="6">
        <v>40341</v>
      </c>
      <c r="Z110" s="6">
        <v>149</v>
      </c>
      <c r="AA110" s="6">
        <v>8</v>
      </c>
      <c r="AB110" s="6">
        <v>401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6</v>
      </c>
      <c r="I111" s="9" t="s">
        <v>53</v>
      </c>
      <c r="J111" s="9" t="s">
        <v>38</v>
      </c>
      <c r="K111" s="6">
        <v>48527</v>
      </c>
      <c r="L111" s="6">
        <v>43142</v>
      </c>
      <c r="M111" s="6">
        <v>41369</v>
      </c>
      <c r="N111" s="6">
        <v>40441</v>
      </c>
      <c r="O111" s="6">
        <v>293</v>
      </c>
      <c r="P111" s="6">
        <v>9</v>
      </c>
      <c r="Q111" s="6">
        <v>626</v>
      </c>
      <c r="R111" s="6">
        <v>1773</v>
      </c>
      <c r="S111" s="6">
        <v>2207</v>
      </c>
      <c r="T111" s="6">
        <v>526</v>
      </c>
      <c r="U111" s="6">
        <v>9</v>
      </c>
      <c r="V111" s="6">
        <v>1672</v>
      </c>
      <c r="W111" s="6">
        <v>3178</v>
      </c>
      <c r="X111" s="6">
        <v>35065</v>
      </c>
      <c r="Y111" s="6">
        <v>34503</v>
      </c>
      <c r="Z111" s="6">
        <v>144</v>
      </c>
      <c r="AA111" s="6">
        <v>7</v>
      </c>
      <c r="AB111" s="6">
        <v>411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6</v>
      </c>
      <c r="I112" s="9" t="s">
        <v>53</v>
      </c>
      <c r="J112" s="9" t="s">
        <v>39</v>
      </c>
      <c r="K112" s="6">
        <v>50787</v>
      </c>
      <c r="L112" s="6">
        <v>45335</v>
      </c>
      <c r="M112" s="6">
        <v>43471</v>
      </c>
      <c r="N112" s="6">
        <v>42301</v>
      </c>
      <c r="O112" s="6">
        <v>409</v>
      </c>
      <c r="P112" s="6">
        <v>6</v>
      </c>
      <c r="Q112" s="6">
        <v>755</v>
      </c>
      <c r="R112" s="6">
        <v>1864</v>
      </c>
      <c r="S112" s="6">
        <v>3047</v>
      </c>
      <c r="T112" s="6">
        <v>750</v>
      </c>
      <c r="U112" s="6">
        <v>9</v>
      </c>
      <c r="V112" s="6">
        <v>2288</v>
      </c>
      <c r="W112" s="6">
        <v>2405</v>
      </c>
      <c r="X112" s="6">
        <v>36297</v>
      </c>
      <c r="Y112" s="6">
        <v>35626</v>
      </c>
      <c r="Z112" s="6">
        <v>203</v>
      </c>
      <c r="AA112" s="6">
        <v>2</v>
      </c>
      <c r="AB112" s="6">
        <v>466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6</v>
      </c>
      <c r="I113" s="9" t="s">
        <v>53</v>
      </c>
      <c r="J113" s="9" t="s">
        <v>40</v>
      </c>
      <c r="K113" s="6">
        <v>55927</v>
      </c>
      <c r="L113" s="6">
        <v>45844</v>
      </c>
      <c r="M113" s="6">
        <v>43358</v>
      </c>
      <c r="N113" s="6">
        <v>41385</v>
      </c>
      <c r="O113" s="6">
        <v>894</v>
      </c>
      <c r="P113" s="6">
        <v>10</v>
      </c>
      <c r="Q113" s="6">
        <v>1069</v>
      </c>
      <c r="R113" s="6">
        <v>2486</v>
      </c>
      <c r="S113" s="6">
        <v>8025</v>
      </c>
      <c r="T113" s="6">
        <v>1834</v>
      </c>
      <c r="U113" s="6">
        <v>4</v>
      </c>
      <c r="V113" s="6">
        <v>6187</v>
      </c>
      <c r="W113" s="6">
        <v>2058</v>
      </c>
      <c r="X113" s="6">
        <v>33586</v>
      </c>
      <c r="Y113" s="6">
        <v>32510</v>
      </c>
      <c r="Z113" s="6">
        <v>465</v>
      </c>
      <c r="AA113" s="6">
        <v>5</v>
      </c>
      <c r="AB113" s="6">
        <v>606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6</v>
      </c>
      <c r="I114" s="9" t="s">
        <v>53</v>
      </c>
      <c r="J114" s="9" t="s">
        <v>41</v>
      </c>
      <c r="K114" s="6">
        <v>62734</v>
      </c>
      <c r="L114" s="6">
        <v>38002</v>
      </c>
      <c r="M114" s="6">
        <v>36158</v>
      </c>
      <c r="N114" s="6">
        <v>32542</v>
      </c>
      <c r="O114" s="6">
        <v>1967</v>
      </c>
      <c r="P114" s="6">
        <v>5</v>
      </c>
      <c r="Q114" s="6">
        <v>1644</v>
      </c>
      <c r="R114" s="6">
        <v>1844</v>
      </c>
      <c r="S114" s="6">
        <v>22701</v>
      </c>
      <c r="T114" s="6">
        <v>3724</v>
      </c>
      <c r="U114" s="6">
        <v>5</v>
      </c>
      <c r="V114" s="6">
        <v>18972</v>
      </c>
      <c r="W114" s="6">
        <v>2031</v>
      </c>
      <c r="X114" s="6">
        <v>23297</v>
      </c>
      <c r="Y114" s="6">
        <v>21374</v>
      </c>
      <c r="Z114" s="6">
        <v>1133</v>
      </c>
      <c r="AA114" s="6">
        <v>4</v>
      </c>
      <c r="AB114" s="6">
        <v>786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6</v>
      </c>
      <c r="I115" s="9" t="s">
        <v>53</v>
      </c>
      <c r="J115" s="9" t="s">
        <v>42</v>
      </c>
      <c r="K115" s="6">
        <v>60885</v>
      </c>
      <c r="L115" s="6">
        <v>25955</v>
      </c>
      <c r="M115" s="6">
        <v>25179</v>
      </c>
      <c r="N115" s="6">
        <v>21754</v>
      </c>
      <c r="O115" s="6">
        <v>1957</v>
      </c>
      <c r="P115" s="6">
        <v>4</v>
      </c>
      <c r="Q115" s="6">
        <v>1464</v>
      </c>
      <c r="R115" s="6">
        <v>776</v>
      </c>
      <c r="S115" s="6">
        <v>32486</v>
      </c>
      <c r="T115" s="6">
        <v>3988</v>
      </c>
      <c r="U115" s="6">
        <v>4</v>
      </c>
      <c r="V115" s="6">
        <v>28494</v>
      </c>
      <c r="W115" s="6">
        <v>2444</v>
      </c>
      <c r="X115" s="6">
        <v>12884</v>
      </c>
      <c r="Y115" s="6">
        <v>11253</v>
      </c>
      <c r="Z115" s="6">
        <v>1022</v>
      </c>
      <c r="AA115" s="10" t="s">
        <v>55</v>
      </c>
      <c r="AB115" s="6">
        <v>609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6</v>
      </c>
      <c r="I116" s="9" t="s">
        <v>53</v>
      </c>
      <c r="J116" s="9" t="s">
        <v>43</v>
      </c>
      <c r="K116" s="6">
        <v>40059</v>
      </c>
      <c r="L116" s="6">
        <v>10250</v>
      </c>
      <c r="M116" s="6">
        <v>10053</v>
      </c>
      <c r="N116" s="6">
        <v>8353</v>
      </c>
      <c r="O116" s="6">
        <v>1035</v>
      </c>
      <c r="P116" s="6">
        <v>1</v>
      </c>
      <c r="Q116" s="6">
        <v>664</v>
      </c>
      <c r="R116" s="6">
        <v>197</v>
      </c>
      <c r="S116" s="6">
        <v>27708</v>
      </c>
      <c r="T116" s="6">
        <v>2901</v>
      </c>
      <c r="U116" s="6">
        <v>3</v>
      </c>
      <c r="V116" s="6">
        <v>24804</v>
      </c>
      <c r="W116" s="6">
        <v>2101</v>
      </c>
      <c r="X116" s="6">
        <v>3542</v>
      </c>
      <c r="Y116" s="6">
        <v>2996</v>
      </c>
      <c r="Z116" s="6">
        <v>377</v>
      </c>
      <c r="AA116" s="6">
        <v>1</v>
      </c>
      <c r="AB116" s="6">
        <v>168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6</v>
      </c>
      <c r="I117" s="9" t="s">
        <v>53</v>
      </c>
      <c r="J117" s="9" t="s">
        <v>44</v>
      </c>
      <c r="K117" s="6">
        <v>32217</v>
      </c>
      <c r="L117" s="6">
        <v>5232</v>
      </c>
      <c r="M117" s="6">
        <v>5156</v>
      </c>
      <c r="N117" s="6">
        <v>4098</v>
      </c>
      <c r="O117" s="6">
        <v>630</v>
      </c>
      <c r="P117" s="10" t="s">
        <v>55</v>
      </c>
      <c r="Q117" s="6">
        <v>428</v>
      </c>
      <c r="R117" s="6">
        <v>76</v>
      </c>
      <c r="S117" s="6">
        <v>25108</v>
      </c>
      <c r="T117" s="6">
        <v>2217</v>
      </c>
      <c r="U117" s="6">
        <v>4</v>
      </c>
      <c r="V117" s="6">
        <v>22887</v>
      </c>
      <c r="W117" s="6">
        <v>1877</v>
      </c>
      <c r="X117" s="6">
        <v>1100</v>
      </c>
      <c r="Y117" s="6">
        <v>887</v>
      </c>
      <c r="Z117" s="6">
        <v>151</v>
      </c>
      <c r="AA117" s="10" t="s">
        <v>55</v>
      </c>
      <c r="AB117" s="6">
        <v>62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6</v>
      </c>
      <c r="I118" s="9" t="s">
        <v>53</v>
      </c>
      <c r="J118" s="9" t="s">
        <v>45</v>
      </c>
      <c r="K118" s="6">
        <v>22066</v>
      </c>
      <c r="L118" s="6">
        <v>1964</v>
      </c>
      <c r="M118" s="6">
        <v>1928</v>
      </c>
      <c r="N118" s="6">
        <v>1439</v>
      </c>
      <c r="O118" s="6">
        <v>281</v>
      </c>
      <c r="P118" s="6">
        <v>2</v>
      </c>
      <c r="Q118" s="6">
        <v>206</v>
      </c>
      <c r="R118" s="6">
        <v>36</v>
      </c>
      <c r="S118" s="6">
        <v>18965</v>
      </c>
      <c r="T118" s="6">
        <v>1225</v>
      </c>
      <c r="U118" s="6">
        <v>5</v>
      </c>
      <c r="V118" s="6">
        <v>17735</v>
      </c>
      <c r="W118" s="6">
        <v>1137</v>
      </c>
      <c r="X118" s="6">
        <v>359</v>
      </c>
      <c r="Y118" s="6">
        <v>281</v>
      </c>
      <c r="Z118" s="6">
        <v>52</v>
      </c>
      <c r="AA118" s="10" t="s">
        <v>55</v>
      </c>
      <c r="AB118" s="6">
        <v>26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6</v>
      </c>
      <c r="I119" s="9" t="s">
        <v>53</v>
      </c>
      <c r="J119" s="9" t="s">
        <v>46</v>
      </c>
      <c r="K119" s="6">
        <v>9200</v>
      </c>
      <c r="L119" s="6">
        <v>412</v>
      </c>
      <c r="M119" s="6">
        <v>410</v>
      </c>
      <c r="N119" s="6">
        <v>287</v>
      </c>
      <c r="O119" s="6">
        <v>70</v>
      </c>
      <c r="P119" s="10" t="s">
        <v>55</v>
      </c>
      <c r="Q119" s="6">
        <v>53</v>
      </c>
      <c r="R119" s="6">
        <v>2</v>
      </c>
      <c r="S119" s="6">
        <v>8398</v>
      </c>
      <c r="T119" s="6">
        <v>395</v>
      </c>
      <c r="U119" s="10" t="s">
        <v>55</v>
      </c>
      <c r="V119" s="6">
        <v>8003</v>
      </c>
      <c r="W119" s="6">
        <v>390</v>
      </c>
      <c r="X119" s="6">
        <v>88</v>
      </c>
      <c r="Y119" s="6">
        <v>66</v>
      </c>
      <c r="Z119" s="6">
        <v>13</v>
      </c>
      <c r="AA119" s="10" t="s">
        <v>55</v>
      </c>
      <c r="AB119" s="6">
        <v>9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6</v>
      </c>
      <c r="I120" s="9" t="s">
        <v>53</v>
      </c>
      <c r="J120" s="9" t="s">
        <v>47</v>
      </c>
      <c r="K120" s="6">
        <v>2026</v>
      </c>
      <c r="L120" s="6">
        <v>34</v>
      </c>
      <c r="M120" s="6">
        <v>33</v>
      </c>
      <c r="N120" s="6">
        <v>19</v>
      </c>
      <c r="O120" s="6">
        <v>5</v>
      </c>
      <c r="P120" s="10" t="s">
        <v>55</v>
      </c>
      <c r="Q120" s="6">
        <v>9</v>
      </c>
      <c r="R120" s="6">
        <v>1</v>
      </c>
      <c r="S120" s="6">
        <v>1937</v>
      </c>
      <c r="T120" s="6">
        <v>35</v>
      </c>
      <c r="U120" s="10" t="s">
        <v>55</v>
      </c>
      <c r="V120" s="6">
        <v>1902</v>
      </c>
      <c r="W120" s="6">
        <v>55</v>
      </c>
      <c r="X120" s="6">
        <v>7</v>
      </c>
      <c r="Y120" s="6">
        <v>6</v>
      </c>
      <c r="Z120" s="10" t="s">
        <v>55</v>
      </c>
      <c r="AA120" s="10" t="s">
        <v>55</v>
      </c>
      <c r="AB120" s="6">
        <v>1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6</v>
      </c>
      <c r="I121" s="9" t="s">
        <v>53</v>
      </c>
      <c r="J121" s="9" t="s">
        <v>48</v>
      </c>
      <c r="K121" s="6">
        <v>462649</v>
      </c>
      <c r="L121" s="6">
        <v>367938</v>
      </c>
      <c r="M121" s="6">
        <v>350451</v>
      </c>
      <c r="N121" s="6">
        <v>336823</v>
      </c>
      <c r="O121" s="6">
        <v>3016</v>
      </c>
      <c r="P121" s="6">
        <v>5693</v>
      </c>
      <c r="Q121" s="6">
        <v>4919</v>
      </c>
      <c r="R121" s="6">
        <v>17487</v>
      </c>
      <c r="S121" s="6">
        <v>60727</v>
      </c>
      <c r="T121" s="6">
        <v>5048</v>
      </c>
      <c r="U121" s="6">
        <v>39115</v>
      </c>
      <c r="V121" s="6">
        <v>16564</v>
      </c>
      <c r="W121" s="6">
        <v>33984</v>
      </c>
      <c r="X121" s="6">
        <v>303281</v>
      </c>
      <c r="Y121" s="6">
        <v>292559</v>
      </c>
      <c r="Z121" s="6">
        <v>1741</v>
      </c>
      <c r="AA121" s="6">
        <v>5609</v>
      </c>
      <c r="AB121" s="6">
        <v>3372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6</v>
      </c>
      <c r="I122" s="9" t="s">
        <v>53</v>
      </c>
      <c r="J122" s="9" t="s">
        <v>49</v>
      </c>
      <c r="K122" s="6">
        <v>229187</v>
      </c>
      <c r="L122" s="6">
        <v>81849</v>
      </c>
      <c r="M122" s="6">
        <v>78917</v>
      </c>
      <c r="N122" s="6">
        <v>68492</v>
      </c>
      <c r="O122" s="6">
        <v>5945</v>
      </c>
      <c r="P122" s="6">
        <v>12</v>
      </c>
      <c r="Q122" s="6">
        <v>4468</v>
      </c>
      <c r="R122" s="6">
        <v>2932</v>
      </c>
      <c r="S122" s="6">
        <v>137303</v>
      </c>
      <c r="T122" s="6">
        <v>14485</v>
      </c>
      <c r="U122" s="6">
        <v>21</v>
      </c>
      <c r="V122" s="6">
        <v>122797</v>
      </c>
      <c r="W122" s="6">
        <v>10035</v>
      </c>
      <c r="X122" s="6">
        <v>41277</v>
      </c>
      <c r="Y122" s="6">
        <v>36863</v>
      </c>
      <c r="Z122" s="6">
        <v>2748</v>
      </c>
      <c r="AA122" s="6">
        <v>5</v>
      </c>
      <c r="AB122" s="6">
        <v>1661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6</v>
      </c>
      <c r="I123" s="9" t="s">
        <v>53</v>
      </c>
      <c r="J123" s="9" t="s">
        <v>50</v>
      </c>
      <c r="K123" s="6">
        <v>105568</v>
      </c>
      <c r="L123" s="6">
        <v>17892</v>
      </c>
      <c r="M123" s="6">
        <v>17580</v>
      </c>
      <c r="N123" s="6">
        <v>14196</v>
      </c>
      <c r="O123" s="6">
        <v>2021</v>
      </c>
      <c r="P123" s="6">
        <v>3</v>
      </c>
      <c r="Q123" s="6">
        <v>1360</v>
      </c>
      <c r="R123" s="6">
        <v>312</v>
      </c>
      <c r="S123" s="6">
        <v>82116</v>
      </c>
      <c r="T123" s="6">
        <v>6773</v>
      </c>
      <c r="U123" s="6">
        <v>12</v>
      </c>
      <c r="V123" s="6">
        <v>75331</v>
      </c>
      <c r="W123" s="6">
        <v>5560</v>
      </c>
      <c r="X123" s="6">
        <v>5096</v>
      </c>
      <c r="Y123" s="6">
        <v>4236</v>
      </c>
      <c r="Z123" s="6">
        <v>593</v>
      </c>
      <c r="AA123" s="6">
        <v>1</v>
      </c>
      <c r="AB123" s="6">
        <v>266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6</v>
      </c>
      <c r="I124" s="9" t="s">
        <v>53</v>
      </c>
      <c r="J124" s="9" t="s">
        <v>51</v>
      </c>
      <c r="K124" s="6">
        <v>33292</v>
      </c>
      <c r="L124" s="6">
        <v>2410</v>
      </c>
      <c r="M124" s="6">
        <v>2371</v>
      </c>
      <c r="N124" s="6">
        <v>1745</v>
      </c>
      <c r="O124" s="6">
        <v>356</v>
      </c>
      <c r="P124" s="6">
        <v>2</v>
      </c>
      <c r="Q124" s="6">
        <v>268</v>
      </c>
      <c r="R124" s="6">
        <v>39</v>
      </c>
      <c r="S124" s="6">
        <v>29300</v>
      </c>
      <c r="T124" s="6">
        <v>1655</v>
      </c>
      <c r="U124" s="6">
        <v>5</v>
      </c>
      <c r="V124" s="6">
        <v>27640</v>
      </c>
      <c r="W124" s="6">
        <v>1582</v>
      </c>
      <c r="X124" s="6">
        <v>454</v>
      </c>
      <c r="Y124" s="6">
        <v>353</v>
      </c>
      <c r="Z124" s="6">
        <v>65</v>
      </c>
      <c r="AA124" s="10" t="s">
        <v>55</v>
      </c>
      <c r="AB124" s="6">
        <v>36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6</v>
      </c>
      <c r="I125" s="9" t="s">
        <v>53</v>
      </c>
      <c r="J125" s="9" t="s">
        <v>52</v>
      </c>
      <c r="K125" s="6">
        <v>484557</v>
      </c>
      <c r="L125" s="6">
        <v>400335</v>
      </c>
      <c r="M125" s="6">
        <v>381522</v>
      </c>
      <c r="N125" s="6">
        <v>366372</v>
      </c>
      <c r="O125" s="6">
        <v>4899</v>
      </c>
      <c r="P125" s="6">
        <v>3791</v>
      </c>
      <c r="Q125" s="6">
        <v>6460</v>
      </c>
      <c r="R125" s="6">
        <v>18813</v>
      </c>
      <c r="S125" s="6">
        <v>50698</v>
      </c>
      <c r="T125" s="6">
        <v>8668</v>
      </c>
      <c r="U125" s="6">
        <v>7111</v>
      </c>
      <c r="V125" s="6">
        <v>34919</v>
      </c>
      <c r="W125" s="6">
        <v>33524</v>
      </c>
      <c r="X125" s="6">
        <v>321693</v>
      </c>
      <c r="Y125" s="6">
        <v>311101</v>
      </c>
      <c r="Z125" s="6">
        <v>2799</v>
      </c>
      <c r="AA125" s="6">
        <v>3731</v>
      </c>
      <c r="AB125" s="6">
        <v>4062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6</v>
      </c>
      <c r="I126" s="9" t="s">
        <v>54</v>
      </c>
      <c r="J126" s="9" t="s">
        <v>30</v>
      </c>
      <c r="K126" s="6">
        <v>792900</v>
      </c>
      <c r="L126" s="6">
        <v>402788</v>
      </c>
      <c r="M126" s="6">
        <v>389891</v>
      </c>
      <c r="N126" s="6">
        <v>298034</v>
      </c>
      <c r="O126" s="6">
        <v>74548</v>
      </c>
      <c r="P126" s="6">
        <v>5962</v>
      </c>
      <c r="Q126" s="6">
        <v>11347</v>
      </c>
      <c r="R126" s="6">
        <v>12897</v>
      </c>
      <c r="S126" s="6">
        <v>347290</v>
      </c>
      <c r="T126" s="6">
        <v>148013</v>
      </c>
      <c r="U126" s="6">
        <v>37029</v>
      </c>
      <c r="V126" s="6">
        <v>162248</v>
      </c>
      <c r="W126" s="6">
        <v>42822</v>
      </c>
      <c r="X126" s="6">
        <v>333726</v>
      </c>
      <c r="Y126" s="6">
        <v>264665</v>
      </c>
      <c r="Z126" s="6">
        <v>53405</v>
      </c>
      <c r="AA126" s="6">
        <v>5897</v>
      </c>
      <c r="AB126" s="6">
        <v>9759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6</v>
      </c>
      <c r="I127" s="9" t="s">
        <v>54</v>
      </c>
      <c r="J127" s="9" t="s">
        <v>31</v>
      </c>
      <c r="K127" s="6">
        <v>38545</v>
      </c>
      <c r="L127" s="6">
        <v>5407</v>
      </c>
      <c r="M127" s="6">
        <v>5070</v>
      </c>
      <c r="N127" s="6">
        <v>2264</v>
      </c>
      <c r="O127" s="6">
        <v>136</v>
      </c>
      <c r="P127" s="6">
        <v>2546</v>
      </c>
      <c r="Q127" s="6">
        <v>124</v>
      </c>
      <c r="R127" s="6">
        <v>337</v>
      </c>
      <c r="S127" s="6">
        <v>30764</v>
      </c>
      <c r="T127" s="6">
        <v>283</v>
      </c>
      <c r="U127" s="6">
        <v>30093</v>
      </c>
      <c r="V127" s="6">
        <v>388</v>
      </c>
      <c r="W127" s="6">
        <v>2374</v>
      </c>
      <c r="X127" s="6">
        <v>4954</v>
      </c>
      <c r="Y127" s="6">
        <v>2178</v>
      </c>
      <c r="Z127" s="6">
        <v>124</v>
      </c>
      <c r="AA127" s="6">
        <v>2535</v>
      </c>
      <c r="AB127" s="6">
        <v>117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6</v>
      </c>
      <c r="I128" s="9" t="s">
        <v>54</v>
      </c>
      <c r="J128" s="9" t="s">
        <v>32</v>
      </c>
      <c r="K128" s="6">
        <v>35078</v>
      </c>
      <c r="L128" s="6">
        <v>23881</v>
      </c>
      <c r="M128" s="6">
        <v>22637</v>
      </c>
      <c r="N128" s="6">
        <v>18272</v>
      </c>
      <c r="O128" s="6">
        <v>696</v>
      </c>
      <c r="P128" s="6">
        <v>3008</v>
      </c>
      <c r="Q128" s="6">
        <v>661</v>
      </c>
      <c r="R128" s="6">
        <v>1244</v>
      </c>
      <c r="S128" s="6">
        <v>8164</v>
      </c>
      <c r="T128" s="6">
        <v>1395</v>
      </c>
      <c r="U128" s="6">
        <v>6224</v>
      </c>
      <c r="V128" s="6">
        <v>545</v>
      </c>
      <c r="W128" s="6">
        <v>3033</v>
      </c>
      <c r="X128" s="6">
        <v>21969</v>
      </c>
      <c r="Y128" s="6">
        <v>17767</v>
      </c>
      <c r="Z128" s="6">
        <v>594</v>
      </c>
      <c r="AA128" s="6">
        <v>2984</v>
      </c>
      <c r="AB128" s="6">
        <v>624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6</v>
      </c>
      <c r="I129" s="9" t="s">
        <v>54</v>
      </c>
      <c r="J129" s="9" t="s">
        <v>33</v>
      </c>
      <c r="K129" s="6">
        <v>36360</v>
      </c>
      <c r="L129" s="6">
        <v>28912</v>
      </c>
      <c r="M129" s="6">
        <v>27570</v>
      </c>
      <c r="N129" s="6">
        <v>24053</v>
      </c>
      <c r="O129" s="6">
        <v>1777</v>
      </c>
      <c r="P129" s="6">
        <v>135</v>
      </c>
      <c r="Q129" s="6">
        <v>1605</v>
      </c>
      <c r="R129" s="6">
        <v>1342</v>
      </c>
      <c r="S129" s="6">
        <v>4098</v>
      </c>
      <c r="T129" s="6">
        <v>3317</v>
      </c>
      <c r="U129" s="6">
        <v>296</v>
      </c>
      <c r="V129" s="6">
        <v>485</v>
      </c>
      <c r="W129" s="6">
        <v>3350</v>
      </c>
      <c r="X129" s="6">
        <v>26460</v>
      </c>
      <c r="Y129" s="6">
        <v>23255</v>
      </c>
      <c r="Z129" s="6">
        <v>1524</v>
      </c>
      <c r="AA129" s="6">
        <v>127</v>
      </c>
      <c r="AB129" s="6">
        <v>1554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6</v>
      </c>
      <c r="I130" s="9" t="s">
        <v>54</v>
      </c>
      <c r="J130" s="9" t="s">
        <v>34</v>
      </c>
      <c r="K130" s="6">
        <v>42202</v>
      </c>
      <c r="L130" s="6">
        <v>32243</v>
      </c>
      <c r="M130" s="6">
        <v>31003</v>
      </c>
      <c r="N130" s="6">
        <v>25154</v>
      </c>
      <c r="O130" s="6">
        <v>3551</v>
      </c>
      <c r="P130" s="6">
        <v>82</v>
      </c>
      <c r="Q130" s="6">
        <v>2216</v>
      </c>
      <c r="R130" s="6">
        <v>1240</v>
      </c>
      <c r="S130" s="6">
        <v>6360</v>
      </c>
      <c r="T130" s="6">
        <v>5674</v>
      </c>
      <c r="U130" s="6">
        <v>148</v>
      </c>
      <c r="V130" s="6">
        <v>538</v>
      </c>
      <c r="W130" s="6">
        <v>3599</v>
      </c>
      <c r="X130" s="6">
        <v>29080</v>
      </c>
      <c r="Y130" s="6">
        <v>23861</v>
      </c>
      <c r="Z130" s="6">
        <v>2983</v>
      </c>
      <c r="AA130" s="6">
        <v>80</v>
      </c>
      <c r="AB130" s="6">
        <v>2156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6</v>
      </c>
      <c r="I131" s="9" t="s">
        <v>54</v>
      </c>
      <c r="J131" s="9" t="s">
        <v>35</v>
      </c>
      <c r="K131" s="6">
        <v>49181</v>
      </c>
      <c r="L131" s="6">
        <v>38162</v>
      </c>
      <c r="M131" s="6">
        <v>36961</v>
      </c>
      <c r="N131" s="6">
        <v>29802</v>
      </c>
      <c r="O131" s="6">
        <v>5483</v>
      </c>
      <c r="P131" s="6">
        <v>67</v>
      </c>
      <c r="Q131" s="6">
        <v>1609</v>
      </c>
      <c r="R131" s="6">
        <v>1201</v>
      </c>
      <c r="S131" s="6">
        <v>7380</v>
      </c>
      <c r="T131" s="6">
        <v>6627</v>
      </c>
      <c r="U131" s="6">
        <v>86</v>
      </c>
      <c r="V131" s="6">
        <v>667</v>
      </c>
      <c r="W131" s="6">
        <v>3639</v>
      </c>
      <c r="X131" s="6">
        <v>34014</v>
      </c>
      <c r="Y131" s="6">
        <v>27868</v>
      </c>
      <c r="Z131" s="6">
        <v>4541</v>
      </c>
      <c r="AA131" s="6">
        <v>64</v>
      </c>
      <c r="AB131" s="6">
        <v>1541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6</v>
      </c>
      <c r="I132" s="9" t="s">
        <v>54</v>
      </c>
      <c r="J132" s="9" t="s">
        <v>36</v>
      </c>
      <c r="K132" s="6">
        <v>53731</v>
      </c>
      <c r="L132" s="6">
        <v>43002</v>
      </c>
      <c r="M132" s="6">
        <v>41767</v>
      </c>
      <c r="N132" s="6">
        <v>33945</v>
      </c>
      <c r="O132" s="6">
        <v>6986</v>
      </c>
      <c r="P132" s="6">
        <v>44</v>
      </c>
      <c r="Q132" s="6">
        <v>792</v>
      </c>
      <c r="R132" s="6">
        <v>1235</v>
      </c>
      <c r="S132" s="6">
        <v>7042</v>
      </c>
      <c r="T132" s="6">
        <v>6275</v>
      </c>
      <c r="U132" s="6">
        <v>49</v>
      </c>
      <c r="V132" s="6">
        <v>718</v>
      </c>
      <c r="W132" s="6">
        <v>3687</v>
      </c>
      <c r="X132" s="6">
        <v>38187</v>
      </c>
      <c r="Y132" s="6">
        <v>31576</v>
      </c>
      <c r="Z132" s="6">
        <v>5842</v>
      </c>
      <c r="AA132" s="6">
        <v>40</v>
      </c>
      <c r="AB132" s="6">
        <v>729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6</v>
      </c>
      <c r="I133" s="9" t="s">
        <v>54</v>
      </c>
      <c r="J133" s="9" t="s">
        <v>37</v>
      </c>
      <c r="K133" s="6">
        <v>57244</v>
      </c>
      <c r="L133" s="6">
        <v>46327</v>
      </c>
      <c r="M133" s="6">
        <v>44856</v>
      </c>
      <c r="N133" s="6">
        <v>36411</v>
      </c>
      <c r="O133" s="6">
        <v>7855</v>
      </c>
      <c r="P133" s="6">
        <v>30</v>
      </c>
      <c r="Q133" s="6">
        <v>560</v>
      </c>
      <c r="R133" s="6">
        <v>1471</v>
      </c>
      <c r="S133" s="6">
        <v>7532</v>
      </c>
      <c r="T133" s="6">
        <v>6572</v>
      </c>
      <c r="U133" s="6">
        <v>41</v>
      </c>
      <c r="V133" s="6">
        <v>919</v>
      </c>
      <c r="W133" s="6">
        <v>3385</v>
      </c>
      <c r="X133" s="6">
        <v>40873</v>
      </c>
      <c r="Y133" s="6">
        <v>33695</v>
      </c>
      <c r="Z133" s="6">
        <v>6654</v>
      </c>
      <c r="AA133" s="6">
        <v>28</v>
      </c>
      <c r="AB133" s="6">
        <v>496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6</v>
      </c>
      <c r="I134" s="9" t="s">
        <v>54</v>
      </c>
      <c r="J134" s="9" t="s">
        <v>38</v>
      </c>
      <c r="K134" s="6">
        <v>53317</v>
      </c>
      <c r="L134" s="6">
        <v>42589</v>
      </c>
      <c r="M134" s="6">
        <v>41232</v>
      </c>
      <c r="N134" s="6">
        <v>33371</v>
      </c>
      <c r="O134" s="6">
        <v>7326</v>
      </c>
      <c r="P134" s="6">
        <v>16</v>
      </c>
      <c r="Q134" s="6">
        <v>519</v>
      </c>
      <c r="R134" s="6">
        <v>1357</v>
      </c>
      <c r="S134" s="6">
        <v>8276</v>
      </c>
      <c r="T134" s="6">
        <v>7240</v>
      </c>
      <c r="U134" s="6">
        <v>15</v>
      </c>
      <c r="V134" s="6">
        <v>1021</v>
      </c>
      <c r="W134" s="6">
        <v>2452</v>
      </c>
      <c r="X134" s="6">
        <v>36919</v>
      </c>
      <c r="Y134" s="6">
        <v>30386</v>
      </c>
      <c r="Z134" s="6">
        <v>6076</v>
      </c>
      <c r="AA134" s="6">
        <v>14</v>
      </c>
      <c r="AB134" s="6">
        <v>443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6</v>
      </c>
      <c r="I135" s="9" t="s">
        <v>54</v>
      </c>
      <c r="J135" s="9" t="s">
        <v>39</v>
      </c>
      <c r="K135" s="6">
        <v>55754</v>
      </c>
      <c r="L135" s="6">
        <v>42494</v>
      </c>
      <c r="M135" s="6">
        <v>41245</v>
      </c>
      <c r="N135" s="6">
        <v>32641</v>
      </c>
      <c r="O135" s="6">
        <v>7992</v>
      </c>
      <c r="P135" s="6">
        <v>9</v>
      </c>
      <c r="Q135" s="6">
        <v>603</v>
      </c>
      <c r="R135" s="6">
        <v>1249</v>
      </c>
      <c r="S135" s="6">
        <v>11320</v>
      </c>
      <c r="T135" s="6">
        <v>9858</v>
      </c>
      <c r="U135" s="6">
        <v>9</v>
      </c>
      <c r="V135" s="6">
        <v>1453</v>
      </c>
      <c r="W135" s="6">
        <v>1940</v>
      </c>
      <c r="X135" s="6">
        <v>35964</v>
      </c>
      <c r="Y135" s="6">
        <v>29156</v>
      </c>
      <c r="Z135" s="6">
        <v>6298</v>
      </c>
      <c r="AA135" s="6">
        <v>8</v>
      </c>
      <c r="AB135" s="6">
        <v>502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6</v>
      </c>
      <c r="I136" s="9" t="s">
        <v>54</v>
      </c>
      <c r="J136" s="9" t="s">
        <v>40</v>
      </c>
      <c r="K136" s="6">
        <v>60137</v>
      </c>
      <c r="L136" s="6">
        <v>38373</v>
      </c>
      <c r="M136" s="6">
        <v>37101</v>
      </c>
      <c r="N136" s="6">
        <v>27245</v>
      </c>
      <c r="O136" s="6">
        <v>9199</v>
      </c>
      <c r="P136" s="6">
        <v>7</v>
      </c>
      <c r="Q136" s="6">
        <v>650</v>
      </c>
      <c r="R136" s="6">
        <v>1272</v>
      </c>
      <c r="S136" s="6">
        <v>20241</v>
      </c>
      <c r="T136" s="6">
        <v>16095</v>
      </c>
      <c r="U136" s="6">
        <v>11</v>
      </c>
      <c r="V136" s="6">
        <v>4135</v>
      </c>
      <c r="W136" s="6">
        <v>1523</v>
      </c>
      <c r="X136" s="6">
        <v>30454</v>
      </c>
      <c r="Y136" s="6">
        <v>23207</v>
      </c>
      <c r="Z136" s="6">
        <v>6717</v>
      </c>
      <c r="AA136" s="6">
        <v>7</v>
      </c>
      <c r="AB136" s="6">
        <v>523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6</v>
      </c>
      <c r="I137" s="9" t="s">
        <v>54</v>
      </c>
      <c r="J137" s="9" t="s">
        <v>41</v>
      </c>
      <c r="K137" s="6">
        <v>67030</v>
      </c>
      <c r="L137" s="6">
        <v>29181</v>
      </c>
      <c r="M137" s="6">
        <v>28584</v>
      </c>
      <c r="N137" s="6">
        <v>18109</v>
      </c>
      <c r="O137" s="6">
        <v>9725</v>
      </c>
      <c r="P137" s="6">
        <v>10</v>
      </c>
      <c r="Q137" s="6">
        <v>740</v>
      </c>
      <c r="R137" s="6">
        <v>597</v>
      </c>
      <c r="S137" s="6">
        <v>35880</v>
      </c>
      <c r="T137" s="6">
        <v>22775</v>
      </c>
      <c r="U137" s="6">
        <v>13</v>
      </c>
      <c r="V137" s="6">
        <v>13092</v>
      </c>
      <c r="W137" s="6">
        <v>1969</v>
      </c>
      <c r="X137" s="6">
        <v>20171</v>
      </c>
      <c r="Y137" s="6">
        <v>13357</v>
      </c>
      <c r="Z137" s="6">
        <v>6255</v>
      </c>
      <c r="AA137" s="6">
        <v>8</v>
      </c>
      <c r="AB137" s="6">
        <v>551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6</v>
      </c>
      <c r="I138" s="9" t="s">
        <v>54</v>
      </c>
      <c r="J138" s="9" t="s">
        <v>42</v>
      </c>
      <c r="K138" s="6">
        <v>67429</v>
      </c>
      <c r="L138" s="6">
        <v>18875</v>
      </c>
      <c r="M138" s="6">
        <v>18643</v>
      </c>
      <c r="N138" s="6">
        <v>10510</v>
      </c>
      <c r="O138" s="6">
        <v>7529</v>
      </c>
      <c r="P138" s="6">
        <v>3</v>
      </c>
      <c r="Q138" s="6">
        <v>601</v>
      </c>
      <c r="R138" s="6">
        <v>232</v>
      </c>
      <c r="S138" s="6">
        <v>45506</v>
      </c>
      <c r="T138" s="6">
        <v>23417</v>
      </c>
      <c r="U138" s="6">
        <v>10</v>
      </c>
      <c r="V138" s="6">
        <v>22079</v>
      </c>
      <c r="W138" s="6">
        <v>3048</v>
      </c>
      <c r="X138" s="6">
        <v>10579</v>
      </c>
      <c r="Y138" s="6">
        <v>6201</v>
      </c>
      <c r="Z138" s="6">
        <v>4028</v>
      </c>
      <c r="AA138" s="6">
        <v>1</v>
      </c>
      <c r="AB138" s="6">
        <v>349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6</v>
      </c>
      <c r="I139" s="9" t="s">
        <v>54</v>
      </c>
      <c r="J139" s="9" t="s">
        <v>43</v>
      </c>
      <c r="K139" s="6">
        <v>52549</v>
      </c>
      <c r="L139" s="6">
        <v>7842</v>
      </c>
      <c r="M139" s="6">
        <v>7772</v>
      </c>
      <c r="N139" s="6">
        <v>3905</v>
      </c>
      <c r="O139" s="6">
        <v>3560</v>
      </c>
      <c r="P139" s="6">
        <v>3</v>
      </c>
      <c r="Q139" s="6">
        <v>304</v>
      </c>
      <c r="R139" s="6">
        <v>70</v>
      </c>
      <c r="S139" s="6">
        <v>41535</v>
      </c>
      <c r="T139" s="6">
        <v>16126</v>
      </c>
      <c r="U139" s="6">
        <v>11</v>
      </c>
      <c r="V139" s="6">
        <v>25398</v>
      </c>
      <c r="W139" s="6">
        <v>3172</v>
      </c>
      <c r="X139" s="6">
        <v>2867</v>
      </c>
      <c r="Y139" s="6">
        <v>1548</v>
      </c>
      <c r="Z139" s="6">
        <v>1208</v>
      </c>
      <c r="AA139" s="6">
        <v>1</v>
      </c>
      <c r="AB139" s="6">
        <v>110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6</v>
      </c>
      <c r="I140" s="9" t="s">
        <v>54</v>
      </c>
      <c r="J140" s="9" t="s">
        <v>44</v>
      </c>
      <c r="K140" s="6">
        <v>48782</v>
      </c>
      <c r="L140" s="6">
        <v>3765</v>
      </c>
      <c r="M140" s="6">
        <v>3732</v>
      </c>
      <c r="N140" s="6">
        <v>1714</v>
      </c>
      <c r="O140" s="6">
        <v>1812</v>
      </c>
      <c r="P140" s="6">
        <v>1</v>
      </c>
      <c r="Q140" s="6">
        <v>205</v>
      </c>
      <c r="R140" s="6">
        <v>33</v>
      </c>
      <c r="S140" s="6">
        <v>42192</v>
      </c>
      <c r="T140" s="6">
        <v>12400</v>
      </c>
      <c r="U140" s="6">
        <v>10</v>
      </c>
      <c r="V140" s="6">
        <v>29782</v>
      </c>
      <c r="W140" s="6">
        <v>2825</v>
      </c>
      <c r="X140" s="6">
        <v>890</v>
      </c>
      <c r="Y140" s="6">
        <v>457</v>
      </c>
      <c r="Z140" s="6">
        <v>390</v>
      </c>
      <c r="AA140" s="10" t="s">
        <v>55</v>
      </c>
      <c r="AB140" s="6">
        <v>43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6</v>
      </c>
      <c r="I141" s="9" t="s">
        <v>54</v>
      </c>
      <c r="J141" s="9" t="s">
        <v>45</v>
      </c>
      <c r="K141" s="6">
        <v>41253</v>
      </c>
      <c r="L141" s="6">
        <v>1373</v>
      </c>
      <c r="M141" s="6">
        <v>1361</v>
      </c>
      <c r="N141" s="6">
        <v>507</v>
      </c>
      <c r="O141" s="6">
        <v>747</v>
      </c>
      <c r="P141" s="6">
        <v>1</v>
      </c>
      <c r="Q141" s="6">
        <v>106</v>
      </c>
      <c r="R141" s="6">
        <v>12</v>
      </c>
      <c r="S141" s="6">
        <v>38006</v>
      </c>
      <c r="T141" s="6">
        <v>7363</v>
      </c>
      <c r="U141" s="6">
        <v>12</v>
      </c>
      <c r="V141" s="6">
        <v>30631</v>
      </c>
      <c r="W141" s="6">
        <v>1874</v>
      </c>
      <c r="X141" s="6">
        <v>262</v>
      </c>
      <c r="Y141" s="6">
        <v>106</v>
      </c>
      <c r="Z141" s="6">
        <v>138</v>
      </c>
      <c r="AA141" s="10" t="s">
        <v>55</v>
      </c>
      <c r="AB141" s="6">
        <v>18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6</v>
      </c>
      <c r="I142" s="9" t="s">
        <v>54</v>
      </c>
      <c r="J142" s="9" t="s">
        <v>46</v>
      </c>
      <c r="K142" s="6">
        <v>24410</v>
      </c>
      <c r="L142" s="6">
        <v>309</v>
      </c>
      <c r="M142" s="6">
        <v>305</v>
      </c>
      <c r="N142" s="6">
        <v>113</v>
      </c>
      <c r="O142" s="6">
        <v>152</v>
      </c>
      <c r="P142" s="10" t="s">
        <v>55</v>
      </c>
      <c r="Q142" s="6">
        <v>40</v>
      </c>
      <c r="R142" s="6">
        <v>4</v>
      </c>
      <c r="S142" s="6">
        <v>23325</v>
      </c>
      <c r="T142" s="6">
        <v>2233</v>
      </c>
      <c r="U142" s="6">
        <v>1</v>
      </c>
      <c r="V142" s="6">
        <v>21091</v>
      </c>
      <c r="W142" s="6">
        <v>776</v>
      </c>
      <c r="X142" s="6">
        <v>68</v>
      </c>
      <c r="Y142" s="6">
        <v>39</v>
      </c>
      <c r="Z142" s="6">
        <v>26</v>
      </c>
      <c r="AA142" s="10" t="s">
        <v>55</v>
      </c>
      <c r="AB142" s="6">
        <v>3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6</v>
      </c>
      <c r="I143" s="9" t="s">
        <v>54</v>
      </c>
      <c r="J143" s="9" t="s">
        <v>47</v>
      </c>
      <c r="K143" s="6">
        <v>9898</v>
      </c>
      <c r="L143" s="6">
        <v>53</v>
      </c>
      <c r="M143" s="6">
        <v>52</v>
      </c>
      <c r="N143" s="6">
        <v>18</v>
      </c>
      <c r="O143" s="6">
        <v>22</v>
      </c>
      <c r="P143" s="10" t="s">
        <v>55</v>
      </c>
      <c r="Q143" s="6">
        <v>12</v>
      </c>
      <c r="R143" s="6">
        <v>1</v>
      </c>
      <c r="S143" s="6">
        <v>9669</v>
      </c>
      <c r="T143" s="6">
        <v>363</v>
      </c>
      <c r="U143" s="10" t="s">
        <v>55</v>
      </c>
      <c r="V143" s="6">
        <v>9306</v>
      </c>
      <c r="W143" s="6">
        <v>176</v>
      </c>
      <c r="X143" s="6">
        <v>15</v>
      </c>
      <c r="Y143" s="6">
        <v>8</v>
      </c>
      <c r="Z143" s="6">
        <v>7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6</v>
      </c>
      <c r="I144" s="9" t="s">
        <v>54</v>
      </c>
      <c r="J144" s="9" t="s">
        <v>48</v>
      </c>
      <c r="K144" s="6">
        <v>481549</v>
      </c>
      <c r="L144" s="6">
        <v>341390</v>
      </c>
      <c r="M144" s="6">
        <v>329442</v>
      </c>
      <c r="N144" s="6">
        <v>263158</v>
      </c>
      <c r="O144" s="6">
        <v>51001</v>
      </c>
      <c r="P144" s="6">
        <v>5944</v>
      </c>
      <c r="Q144" s="6">
        <v>9339</v>
      </c>
      <c r="R144" s="6">
        <v>11948</v>
      </c>
      <c r="S144" s="6">
        <v>111177</v>
      </c>
      <c r="T144" s="6">
        <v>63336</v>
      </c>
      <c r="U144" s="6">
        <v>36972</v>
      </c>
      <c r="V144" s="6">
        <v>10869</v>
      </c>
      <c r="W144" s="6">
        <v>28982</v>
      </c>
      <c r="X144" s="6">
        <v>298874</v>
      </c>
      <c r="Y144" s="6">
        <v>242949</v>
      </c>
      <c r="Z144" s="6">
        <v>41353</v>
      </c>
      <c r="AA144" s="6">
        <v>5887</v>
      </c>
      <c r="AB144" s="6">
        <v>8685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6</v>
      </c>
      <c r="I145" s="9" t="s">
        <v>54</v>
      </c>
      <c r="J145" s="9" t="s">
        <v>49</v>
      </c>
      <c r="K145" s="6">
        <v>311351</v>
      </c>
      <c r="L145" s="6">
        <v>61398</v>
      </c>
      <c r="M145" s="6">
        <v>60449</v>
      </c>
      <c r="N145" s="6">
        <v>34876</v>
      </c>
      <c r="O145" s="6">
        <v>23547</v>
      </c>
      <c r="P145" s="6">
        <v>18</v>
      </c>
      <c r="Q145" s="6">
        <v>2008</v>
      </c>
      <c r="R145" s="6">
        <v>949</v>
      </c>
      <c r="S145" s="6">
        <v>236113</v>
      </c>
      <c r="T145" s="6">
        <v>84677</v>
      </c>
      <c r="U145" s="6">
        <v>57</v>
      </c>
      <c r="V145" s="6">
        <v>151379</v>
      </c>
      <c r="W145" s="6">
        <v>13840</v>
      </c>
      <c r="X145" s="6">
        <v>34852</v>
      </c>
      <c r="Y145" s="6">
        <v>21716</v>
      </c>
      <c r="Z145" s="6">
        <v>12052</v>
      </c>
      <c r="AA145" s="6">
        <v>10</v>
      </c>
      <c r="AB145" s="6">
        <v>1074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6</v>
      </c>
      <c r="I146" s="9" t="s">
        <v>54</v>
      </c>
      <c r="J146" s="9" t="s">
        <v>50</v>
      </c>
      <c r="K146" s="6">
        <v>176892</v>
      </c>
      <c r="L146" s="6">
        <v>13342</v>
      </c>
      <c r="M146" s="6">
        <v>13222</v>
      </c>
      <c r="N146" s="6">
        <v>6257</v>
      </c>
      <c r="O146" s="6">
        <v>6293</v>
      </c>
      <c r="P146" s="6">
        <v>5</v>
      </c>
      <c r="Q146" s="6">
        <v>667</v>
      </c>
      <c r="R146" s="6">
        <v>120</v>
      </c>
      <c r="S146" s="6">
        <v>154727</v>
      </c>
      <c r="T146" s="6">
        <v>38485</v>
      </c>
      <c r="U146" s="6">
        <v>34</v>
      </c>
      <c r="V146" s="6">
        <v>116208</v>
      </c>
      <c r="W146" s="6">
        <v>8823</v>
      </c>
      <c r="X146" s="6">
        <v>4102</v>
      </c>
      <c r="Y146" s="6">
        <v>2158</v>
      </c>
      <c r="Z146" s="6">
        <v>1769</v>
      </c>
      <c r="AA146" s="6">
        <v>1</v>
      </c>
      <c r="AB146" s="6">
        <v>174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6</v>
      </c>
      <c r="I147" s="9" t="s">
        <v>54</v>
      </c>
      <c r="J147" s="9" t="s">
        <v>51</v>
      </c>
      <c r="K147" s="6">
        <v>75561</v>
      </c>
      <c r="L147" s="6">
        <v>1735</v>
      </c>
      <c r="M147" s="6">
        <v>1718</v>
      </c>
      <c r="N147" s="6">
        <v>638</v>
      </c>
      <c r="O147" s="6">
        <v>921</v>
      </c>
      <c r="P147" s="6">
        <v>1</v>
      </c>
      <c r="Q147" s="6">
        <v>158</v>
      </c>
      <c r="R147" s="6">
        <v>17</v>
      </c>
      <c r="S147" s="6">
        <v>71000</v>
      </c>
      <c r="T147" s="6">
        <v>9959</v>
      </c>
      <c r="U147" s="6">
        <v>13</v>
      </c>
      <c r="V147" s="6">
        <v>61028</v>
      </c>
      <c r="W147" s="6">
        <v>2826</v>
      </c>
      <c r="X147" s="6">
        <v>345</v>
      </c>
      <c r="Y147" s="6">
        <v>153</v>
      </c>
      <c r="Z147" s="6">
        <v>171</v>
      </c>
      <c r="AA147" s="10" t="s">
        <v>55</v>
      </c>
      <c r="AB147" s="6">
        <v>21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6</v>
      </c>
      <c r="I148" s="9" t="s">
        <v>54</v>
      </c>
      <c r="J148" s="9" t="s">
        <v>52</v>
      </c>
      <c r="K148" s="6">
        <v>510034</v>
      </c>
      <c r="L148" s="6">
        <v>365164</v>
      </c>
      <c r="M148" s="6">
        <v>352956</v>
      </c>
      <c r="N148" s="6">
        <v>279003</v>
      </c>
      <c r="O148" s="6">
        <v>60590</v>
      </c>
      <c r="P148" s="6">
        <v>3408</v>
      </c>
      <c r="Q148" s="6">
        <v>9955</v>
      </c>
      <c r="R148" s="6">
        <v>12208</v>
      </c>
      <c r="S148" s="6">
        <v>116293</v>
      </c>
      <c r="T148" s="6">
        <v>85828</v>
      </c>
      <c r="U148" s="6">
        <v>6892</v>
      </c>
      <c r="V148" s="6">
        <v>23573</v>
      </c>
      <c r="W148" s="6">
        <v>28577</v>
      </c>
      <c r="X148" s="6">
        <v>314091</v>
      </c>
      <c r="Y148" s="6">
        <v>254128</v>
      </c>
      <c r="Z148" s="6">
        <v>47484</v>
      </c>
      <c r="AA148" s="6">
        <v>3360</v>
      </c>
      <c r="AB148" s="6">
        <v>9119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6</v>
      </c>
      <c r="I149" s="9" t="s">
        <v>6</v>
      </c>
      <c r="J149" s="9" t="s">
        <v>30</v>
      </c>
      <c r="K149" s="6">
        <v>107177</v>
      </c>
      <c r="L149" s="6">
        <v>59443</v>
      </c>
      <c r="M149" s="6">
        <v>56898</v>
      </c>
      <c r="N149" s="6">
        <v>49834</v>
      </c>
      <c r="O149" s="6">
        <v>5384</v>
      </c>
      <c r="P149" s="6">
        <v>374</v>
      </c>
      <c r="Q149" s="6">
        <v>1306</v>
      </c>
      <c r="R149" s="6">
        <v>2545</v>
      </c>
      <c r="S149" s="6">
        <v>42767</v>
      </c>
      <c r="T149" s="6">
        <v>11915</v>
      </c>
      <c r="U149" s="6">
        <v>5335</v>
      </c>
      <c r="V149" s="6">
        <v>25517</v>
      </c>
      <c r="W149" s="6">
        <v>4967</v>
      </c>
      <c r="X149" s="6">
        <v>46011</v>
      </c>
      <c r="Y149" s="6">
        <v>41021</v>
      </c>
      <c r="Z149" s="6">
        <v>3598</v>
      </c>
      <c r="AA149" s="6">
        <v>372</v>
      </c>
      <c r="AB149" s="6">
        <v>1020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6</v>
      </c>
      <c r="I150" s="9" t="s">
        <v>6</v>
      </c>
      <c r="J150" s="9" t="s">
        <v>31</v>
      </c>
      <c r="K150" s="6">
        <v>5769</v>
      </c>
      <c r="L150" s="6">
        <v>658</v>
      </c>
      <c r="M150" s="6">
        <v>603</v>
      </c>
      <c r="N150" s="6">
        <v>406</v>
      </c>
      <c r="O150" s="6">
        <v>11</v>
      </c>
      <c r="P150" s="6">
        <v>176</v>
      </c>
      <c r="Q150" s="6">
        <v>10</v>
      </c>
      <c r="R150" s="6">
        <v>55</v>
      </c>
      <c r="S150" s="6">
        <v>4763</v>
      </c>
      <c r="T150" s="6">
        <v>27</v>
      </c>
      <c r="U150" s="6">
        <v>4685</v>
      </c>
      <c r="V150" s="6">
        <v>51</v>
      </c>
      <c r="W150" s="6">
        <v>348</v>
      </c>
      <c r="X150" s="6">
        <v>584</v>
      </c>
      <c r="Y150" s="6">
        <v>388</v>
      </c>
      <c r="Z150" s="6">
        <v>11</v>
      </c>
      <c r="AA150" s="6">
        <v>176</v>
      </c>
      <c r="AB150" s="6">
        <v>9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6</v>
      </c>
      <c r="I151" s="9" t="s">
        <v>6</v>
      </c>
      <c r="J151" s="9" t="s">
        <v>32</v>
      </c>
      <c r="K151" s="6">
        <v>4392</v>
      </c>
      <c r="L151" s="6">
        <v>3233</v>
      </c>
      <c r="M151" s="6">
        <v>3023</v>
      </c>
      <c r="N151" s="6">
        <v>2759</v>
      </c>
      <c r="O151" s="6">
        <v>60</v>
      </c>
      <c r="P151" s="6">
        <v>149</v>
      </c>
      <c r="Q151" s="6">
        <v>55</v>
      </c>
      <c r="R151" s="6">
        <v>210</v>
      </c>
      <c r="S151" s="6">
        <v>775</v>
      </c>
      <c r="T151" s="6">
        <v>98</v>
      </c>
      <c r="U151" s="6">
        <v>598</v>
      </c>
      <c r="V151" s="6">
        <v>79</v>
      </c>
      <c r="W151" s="6">
        <v>384</v>
      </c>
      <c r="X151" s="6">
        <v>2863</v>
      </c>
      <c r="Y151" s="6">
        <v>2610</v>
      </c>
      <c r="Z151" s="6">
        <v>52</v>
      </c>
      <c r="AA151" s="6">
        <v>148</v>
      </c>
      <c r="AB151" s="6">
        <v>53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6</v>
      </c>
      <c r="I152" s="9" t="s">
        <v>6</v>
      </c>
      <c r="J152" s="9" t="s">
        <v>33</v>
      </c>
      <c r="K152" s="6">
        <v>4790</v>
      </c>
      <c r="L152" s="6">
        <v>4039</v>
      </c>
      <c r="M152" s="6">
        <v>3827</v>
      </c>
      <c r="N152" s="6">
        <v>3564</v>
      </c>
      <c r="O152" s="6">
        <v>136</v>
      </c>
      <c r="P152" s="6">
        <v>16</v>
      </c>
      <c r="Q152" s="6">
        <v>111</v>
      </c>
      <c r="R152" s="6">
        <v>212</v>
      </c>
      <c r="S152" s="6">
        <v>299</v>
      </c>
      <c r="T152" s="6">
        <v>204</v>
      </c>
      <c r="U152" s="6">
        <v>19</v>
      </c>
      <c r="V152" s="6">
        <v>76</v>
      </c>
      <c r="W152" s="6">
        <v>452</v>
      </c>
      <c r="X152" s="6">
        <v>3568</v>
      </c>
      <c r="Y152" s="6">
        <v>3335</v>
      </c>
      <c r="Z152" s="6">
        <v>111</v>
      </c>
      <c r="AA152" s="6">
        <v>16</v>
      </c>
      <c r="AB152" s="6">
        <v>106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6</v>
      </c>
      <c r="I153" s="9" t="s">
        <v>6</v>
      </c>
      <c r="J153" s="9" t="s">
        <v>34</v>
      </c>
      <c r="K153" s="6">
        <v>5519</v>
      </c>
      <c r="L153" s="6">
        <v>4579</v>
      </c>
      <c r="M153" s="6">
        <v>4356</v>
      </c>
      <c r="N153" s="6">
        <v>3961</v>
      </c>
      <c r="O153" s="6">
        <v>244</v>
      </c>
      <c r="P153" s="6">
        <v>12</v>
      </c>
      <c r="Q153" s="6">
        <v>139</v>
      </c>
      <c r="R153" s="6">
        <v>223</v>
      </c>
      <c r="S153" s="6">
        <v>437</v>
      </c>
      <c r="T153" s="6">
        <v>339</v>
      </c>
      <c r="U153" s="6">
        <v>8</v>
      </c>
      <c r="V153" s="6">
        <v>90</v>
      </c>
      <c r="W153" s="6">
        <v>503</v>
      </c>
      <c r="X153" s="6">
        <v>3959</v>
      </c>
      <c r="Y153" s="6">
        <v>3629</v>
      </c>
      <c r="Z153" s="6">
        <v>184</v>
      </c>
      <c r="AA153" s="6">
        <v>12</v>
      </c>
      <c r="AB153" s="6">
        <v>134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6</v>
      </c>
      <c r="I154" s="9" t="s">
        <v>6</v>
      </c>
      <c r="J154" s="9" t="s">
        <v>35</v>
      </c>
      <c r="K154" s="6">
        <v>6360</v>
      </c>
      <c r="L154" s="6">
        <v>5422</v>
      </c>
      <c r="M154" s="6">
        <v>5187</v>
      </c>
      <c r="N154" s="6">
        <v>4687</v>
      </c>
      <c r="O154" s="6">
        <v>359</v>
      </c>
      <c r="P154" s="6">
        <v>9</v>
      </c>
      <c r="Q154" s="6">
        <v>132</v>
      </c>
      <c r="R154" s="6">
        <v>235</v>
      </c>
      <c r="S154" s="6">
        <v>467</v>
      </c>
      <c r="T154" s="6">
        <v>367</v>
      </c>
      <c r="U154" s="6">
        <v>7</v>
      </c>
      <c r="V154" s="6">
        <v>93</v>
      </c>
      <c r="W154" s="6">
        <v>471</v>
      </c>
      <c r="X154" s="6">
        <v>4606</v>
      </c>
      <c r="Y154" s="6">
        <v>4175</v>
      </c>
      <c r="Z154" s="6">
        <v>297</v>
      </c>
      <c r="AA154" s="6">
        <v>9</v>
      </c>
      <c r="AB154" s="6">
        <v>125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6</v>
      </c>
      <c r="I155" s="9" t="s">
        <v>6</v>
      </c>
      <c r="J155" s="9" t="s">
        <v>36</v>
      </c>
      <c r="K155" s="6">
        <v>6914</v>
      </c>
      <c r="L155" s="6">
        <v>5912</v>
      </c>
      <c r="M155" s="6">
        <v>5690</v>
      </c>
      <c r="N155" s="6">
        <v>5228</v>
      </c>
      <c r="O155" s="6">
        <v>394</v>
      </c>
      <c r="P155" s="6">
        <v>5</v>
      </c>
      <c r="Q155" s="6">
        <v>63</v>
      </c>
      <c r="R155" s="6">
        <v>222</v>
      </c>
      <c r="S155" s="6">
        <v>468</v>
      </c>
      <c r="T155" s="6">
        <v>354</v>
      </c>
      <c r="U155" s="6">
        <v>2</v>
      </c>
      <c r="V155" s="6">
        <v>112</v>
      </c>
      <c r="W155" s="6">
        <v>534</v>
      </c>
      <c r="X155" s="6">
        <v>5023</v>
      </c>
      <c r="Y155" s="6">
        <v>4633</v>
      </c>
      <c r="Z155" s="6">
        <v>325</v>
      </c>
      <c r="AA155" s="6">
        <v>5</v>
      </c>
      <c r="AB155" s="6">
        <v>60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6</v>
      </c>
      <c r="I156" s="9" t="s">
        <v>6</v>
      </c>
      <c r="J156" s="9" t="s">
        <v>37</v>
      </c>
      <c r="K156" s="6">
        <v>7620</v>
      </c>
      <c r="L156" s="6">
        <v>6535</v>
      </c>
      <c r="M156" s="6">
        <v>6262</v>
      </c>
      <c r="N156" s="6">
        <v>5747</v>
      </c>
      <c r="O156" s="6">
        <v>453</v>
      </c>
      <c r="P156" s="6">
        <v>3</v>
      </c>
      <c r="Q156" s="6">
        <v>59</v>
      </c>
      <c r="R156" s="6">
        <v>273</v>
      </c>
      <c r="S156" s="6">
        <v>617</v>
      </c>
      <c r="T156" s="6">
        <v>442</v>
      </c>
      <c r="U156" s="6">
        <v>4</v>
      </c>
      <c r="V156" s="6">
        <v>171</v>
      </c>
      <c r="W156" s="6">
        <v>468</v>
      </c>
      <c r="X156" s="6">
        <v>5501</v>
      </c>
      <c r="Y156" s="6">
        <v>5070</v>
      </c>
      <c r="Z156" s="6">
        <v>376</v>
      </c>
      <c r="AA156" s="6">
        <v>2</v>
      </c>
      <c r="AB156" s="6">
        <v>53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6</v>
      </c>
      <c r="I157" s="9" t="s">
        <v>6</v>
      </c>
      <c r="J157" s="9" t="s">
        <v>38</v>
      </c>
      <c r="K157" s="6">
        <v>7331</v>
      </c>
      <c r="L157" s="6">
        <v>6205</v>
      </c>
      <c r="M157" s="6">
        <v>5948</v>
      </c>
      <c r="N157" s="6">
        <v>5398</v>
      </c>
      <c r="O157" s="6">
        <v>479</v>
      </c>
      <c r="P157" s="6">
        <v>1</v>
      </c>
      <c r="Q157" s="6">
        <v>70</v>
      </c>
      <c r="R157" s="6">
        <v>257</v>
      </c>
      <c r="S157" s="6">
        <v>757</v>
      </c>
      <c r="T157" s="6">
        <v>539</v>
      </c>
      <c r="U157" s="6">
        <v>1</v>
      </c>
      <c r="V157" s="6">
        <v>217</v>
      </c>
      <c r="W157" s="6">
        <v>369</v>
      </c>
      <c r="X157" s="6">
        <v>5064</v>
      </c>
      <c r="Y157" s="6">
        <v>4601</v>
      </c>
      <c r="Z157" s="6">
        <v>402</v>
      </c>
      <c r="AA157" s="6">
        <v>1</v>
      </c>
      <c r="AB157" s="6">
        <v>60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6</v>
      </c>
      <c r="I158" s="9" t="s">
        <v>6</v>
      </c>
      <c r="J158" s="9" t="s">
        <v>39</v>
      </c>
      <c r="K158" s="6">
        <v>7793</v>
      </c>
      <c r="L158" s="6">
        <v>6452</v>
      </c>
      <c r="M158" s="6">
        <v>6207</v>
      </c>
      <c r="N158" s="6">
        <v>5558</v>
      </c>
      <c r="O158" s="6">
        <v>546</v>
      </c>
      <c r="P158" s="6">
        <v>1</v>
      </c>
      <c r="Q158" s="6">
        <v>102</v>
      </c>
      <c r="R158" s="6">
        <v>245</v>
      </c>
      <c r="S158" s="6">
        <v>1042</v>
      </c>
      <c r="T158" s="6">
        <v>743</v>
      </c>
      <c r="U158" s="6">
        <v>2</v>
      </c>
      <c r="V158" s="6">
        <v>297</v>
      </c>
      <c r="W158" s="6">
        <v>299</v>
      </c>
      <c r="X158" s="6">
        <v>5156</v>
      </c>
      <c r="Y158" s="6">
        <v>4676</v>
      </c>
      <c r="Z158" s="6">
        <v>403</v>
      </c>
      <c r="AA158" s="6">
        <v>1</v>
      </c>
      <c r="AB158" s="6">
        <v>76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6</v>
      </c>
      <c r="I159" s="9" t="s">
        <v>6</v>
      </c>
      <c r="J159" s="9" t="s">
        <v>40</v>
      </c>
      <c r="K159" s="6">
        <v>8558</v>
      </c>
      <c r="L159" s="6">
        <v>6116</v>
      </c>
      <c r="M159" s="6">
        <v>5816</v>
      </c>
      <c r="N159" s="6">
        <v>5000</v>
      </c>
      <c r="O159" s="6">
        <v>682</v>
      </c>
      <c r="P159" s="10" t="s">
        <v>55</v>
      </c>
      <c r="Q159" s="6">
        <v>134</v>
      </c>
      <c r="R159" s="6">
        <v>300</v>
      </c>
      <c r="S159" s="6">
        <v>2181</v>
      </c>
      <c r="T159" s="6">
        <v>1272</v>
      </c>
      <c r="U159" s="10" t="s">
        <v>55</v>
      </c>
      <c r="V159" s="6">
        <v>909</v>
      </c>
      <c r="W159" s="6">
        <v>261</v>
      </c>
      <c r="X159" s="6">
        <v>4424</v>
      </c>
      <c r="Y159" s="6">
        <v>3861</v>
      </c>
      <c r="Z159" s="6">
        <v>463</v>
      </c>
      <c r="AA159" s="10" t="s">
        <v>55</v>
      </c>
      <c r="AB159" s="6">
        <v>100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6</v>
      </c>
      <c r="I160" s="9" t="s">
        <v>6</v>
      </c>
      <c r="J160" s="9" t="s">
        <v>41</v>
      </c>
      <c r="K160" s="6">
        <v>9712</v>
      </c>
      <c r="L160" s="6">
        <v>4894</v>
      </c>
      <c r="M160" s="6">
        <v>4706</v>
      </c>
      <c r="N160" s="6">
        <v>3722</v>
      </c>
      <c r="O160" s="6">
        <v>804</v>
      </c>
      <c r="P160" s="6">
        <v>1</v>
      </c>
      <c r="Q160" s="6">
        <v>179</v>
      </c>
      <c r="R160" s="6">
        <v>188</v>
      </c>
      <c r="S160" s="6">
        <v>4587</v>
      </c>
      <c r="T160" s="6">
        <v>1948</v>
      </c>
      <c r="U160" s="6">
        <v>1</v>
      </c>
      <c r="V160" s="6">
        <v>2638</v>
      </c>
      <c r="W160" s="6">
        <v>231</v>
      </c>
      <c r="X160" s="6">
        <v>2954</v>
      </c>
      <c r="Y160" s="6">
        <v>2358</v>
      </c>
      <c r="Z160" s="6">
        <v>478</v>
      </c>
      <c r="AA160" s="6">
        <v>1</v>
      </c>
      <c r="AB160" s="6">
        <v>117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6</v>
      </c>
      <c r="I161" s="9" t="s">
        <v>6</v>
      </c>
      <c r="J161" s="9" t="s">
        <v>42</v>
      </c>
      <c r="K161" s="6">
        <v>9800</v>
      </c>
      <c r="L161" s="6">
        <v>3285</v>
      </c>
      <c r="M161" s="6">
        <v>3195</v>
      </c>
      <c r="N161" s="6">
        <v>2393</v>
      </c>
      <c r="O161" s="6">
        <v>648</v>
      </c>
      <c r="P161" s="10" t="s">
        <v>55</v>
      </c>
      <c r="Q161" s="6">
        <v>154</v>
      </c>
      <c r="R161" s="6">
        <v>90</v>
      </c>
      <c r="S161" s="6">
        <v>6315</v>
      </c>
      <c r="T161" s="6">
        <v>2092</v>
      </c>
      <c r="U161" s="6">
        <v>1</v>
      </c>
      <c r="V161" s="6">
        <v>4222</v>
      </c>
      <c r="W161" s="6">
        <v>200</v>
      </c>
      <c r="X161" s="6">
        <v>1666</v>
      </c>
      <c r="Y161" s="6">
        <v>1240</v>
      </c>
      <c r="Z161" s="6">
        <v>332</v>
      </c>
      <c r="AA161" s="10" t="s">
        <v>55</v>
      </c>
      <c r="AB161" s="6">
        <v>94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6</v>
      </c>
      <c r="I162" s="9" t="s">
        <v>6</v>
      </c>
      <c r="J162" s="9" t="s">
        <v>43</v>
      </c>
      <c r="K162" s="6">
        <v>7564</v>
      </c>
      <c r="L162" s="6">
        <v>1268</v>
      </c>
      <c r="M162" s="6">
        <v>1241</v>
      </c>
      <c r="N162" s="6">
        <v>859</v>
      </c>
      <c r="O162" s="6">
        <v>330</v>
      </c>
      <c r="P162" s="6">
        <v>1</v>
      </c>
      <c r="Q162" s="6">
        <v>51</v>
      </c>
      <c r="R162" s="6">
        <v>27</v>
      </c>
      <c r="S162" s="6">
        <v>6147</v>
      </c>
      <c r="T162" s="6">
        <v>1531</v>
      </c>
      <c r="U162" s="6">
        <v>2</v>
      </c>
      <c r="V162" s="6">
        <v>4614</v>
      </c>
      <c r="W162" s="6">
        <v>149</v>
      </c>
      <c r="X162" s="6">
        <v>449</v>
      </c>
      <c r="Y162" s="6">
        <v>306</v>
      </c>
      <c r="Z162" s="6">
        <v>121</v>
      </c>
      <c r="AA162" s="6">
        <v>1</v>
      </c>
      <c r="AB162" s="6">
        <v>21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6</v>
      </c>
      <c r="I163" s="9" t="s">
        <v>6</v>
      </c>
      <c r="J163" s="9" t="s">
        <v>44</v>
      </c>
      <c r="K163" s="6">
        <v>6531</v>
      </c>
      <c r="L163" s="6">
        <v>608</v>
      </c>
      <c r="M163" s="6">
        <v>602</v>
      </c>
      <c r="N163" s="6">
        <v>406</v>
      </c>
      <c r="O163" s="6">
        <v>167</v>
      </c>
      <c r="P163" s="10" t="s">
        <v>55</v>
      </c>
      <c r="Q163" s="6">
        <v>29</v>
      </c>
      <c r="R163" s="6">
        <v>6</v>
      </c>
      <c r="S163" s="6">
        <v>5786</v>
      </c>
      <c r="T163" s="6">
        <v>1131</v>
      </c>
      <c r="U163" s="10" t="s">
        <v>55</v>
      </c>
      <c r="V163" s="6">
        <v>4655</v>
      </c>
      <c r="W163" s="6">
        <v>137</v>
      </c>
      <c r="X163" s="6">
        <v>145</v>
      </c>
      <c r="Y163" s="6">
        <v>106</v>
      </c>
      <c r="Z163" s="6">
        <v>29</v>
      </c>
      <c r="AA163" s="10" t="s">
        <v>55</v>
      </c>
      <c r="AB163" s="6">
        <v>10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6</v>
      </c>
      <c r="I164" s="9" t="s">
        <v>6</v>
      </c>
      <c r="J164" s="9" t="s">
        <v>45</v>
      </c>
      <c r="K164" s="6">
        <v>5155</v>
      </c>
      <c r="L164" s="6">
        <v>192</v>
      </c>
      <c r="M164" s="6">
        <v>190</v>
      </c>
      <c r="N164" s="6">
        <v>116</v>
      </c>
      <c r="O164" s="6">
        <v>59</v>
      </c>
      <c r="P164" s="10" t="s">
        <v>55</v>
      </c>
      <c r="Q164" s="6">
        <v>15</v>
      </c>
      <c r="R164" s="6">
        <v>2</v>
      </c>
      <c r="S164" s="6">
        <v>4850</v>
      </c>
      <c r="T164" s="6">
        <v>635</v>
      </c>
      <c r="U164" s="6">
        <v>4</v>
      </c>
      <c r="V164" s="6">
        <v>4211</v>
      </c>
      <c r="W164" s="6">
        <v>113</v>
      </c>
      <c r="X164" s="6">
        <v>36</v>
      </c>
      <c r="Y164" s="6">
        <v>21</v>
      </c>
      <c r="Z164" s="6">
        <v>13</v>
      </c>
      <c r="AA164" s="10" t="s">
        <v>55</v>
      </c>
      <c r="AB164" s="6">
        <v>2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6</v>
      </c>
      <c r="I165" s="9" t="s">
        <v>6</v>
      </c>
      <c r="J165" s="9" t="s">
        <v>46</v>
      </c>
      <c r="K165" s="6">
        <v>2579</v>
      </c>
      <c r="L165" s="6">
        <v>44</v>
      </c>
      <c r="M165" s="6">
        <v>44</v>
      </c>
      <c r="N165" s="6">
        <v>29</v>
      </c>
      <c r="O165" s="6">
        <v>12</v>
      </c>
      <c r="P165" s="10" t="s">
        <v>55</v>
      </c>
      <c r="Q165" s="6">
        <v>3</v>
      </c>
      <c r="R165" s="10" t="s">
        <v>55</v>
      </c>
      <c r="S165" s="6">
        <v>2491</v>
      </c>
      <c r="T165" s="6">
        <v>169</v>
      </c>
      <c r="U165" s="6">
        <v>1</v>
      </c>
      <c r="V165" s="6">
        <v>2321</v>
      </c>
      <c r="W165" s="6">
        <v>44</v>
      </c>
      <c r="X165" s="6">
        <v>12</v>
      </c>
      <c r="Y165" s="6">
        <v>11</v>
      </c>
      <c r="Z165" s="6">
        <v>1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6</v>
      </c>
      <c r="I166" s="9" t="s">
        <v>6</v>
      </c>
      <c r="J166" s="9" t="s">
        <v>47</v>
      </c>
      <c r="K166" s="6">
        <v>790</v>
      </c>
      <c r="L166" s="6">
        <v>1</v>
      </c>
      <c r="M166" s="6">
        <v>1</v>
      </c>
      <c r="N166" s="6">
        <v>1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785</v>
      </c>
      <c r="T166" s="6">
        <v>24</v>
      </c>
      <c r="U166" s="10" t="s">
        <v>55</v>
      </c>
      <c r="V166" s="6">
        <v>761</v>
      </c>
      <c r="W166" s="6">
        <v>4</v>
      </c>
      <c r="X166" s="6">
        <v>1</v>
      </c>
      <c r="Y166" s="6">
        <v>1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6</v>
      </c>
      <c r="I167" s="9" t="s">
        <v>6</v>
      </c>
      <c r="J167" s="9" t="s">
        <v>48</v>
      </c>
      <c r="K167" s="6">
        <v>65046</v>
      </c>
      <c r="L167" s="6">
        <v>49151</v>
      </c>
      <c r="M167" s="6">
        <v>46919</v>
      </c>
      <c r="N167" s="6">
        <v>42308</v>
      </c>
      <c r="O167" s="6">
        <v>3364</v>
      </c>
      <c r="P167" s="6">
        <v>372</v>
      </c>
      <c r="Q167" s="6">
        <v>875</v>
      </c>
      <c r="R167" s="6">
        <v>2232</v>
      </c>
      <c r="S167" s="6">
        <v>11806</v>
      </c>
      <c r="T167" s="6">
        <v>4385</v>
      </c>
      <c r="U167" s="6">
        <v>5326</v>
      </c>
      <c r="V167" s="6">
        <v>2095</v>
      </c>
      <c r="W167" s="6">
        <v>4089</v>
      </c>
      <c r="X167" s="6">
        <v>40748</v>
      </c>
      <c r="Y167" s="6">
        <v>36978</v>
      </c>
      <c r="Z167" s="6">
        <v>2624</v>
      </c>
      <c r="AA167" s="6">
        <v>370</v>
      </c>
      <c r="AB167" s="6">
        <v>776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6</v>
      </c>
      <c r="I168" s="9" t="s">
        <v>6</v>
      </c>
      <c r="J168" s="9" t="s">
        <v>49</v>
      </c>
      <c r="K168" s="6">
        <v>42131</v>
      </c>
      <c r="L168" s="6">
        <v>10292</v>
      </c>
      <c r="M168" s="6">
        <v>9979</v>
      </c>
      <c r="N168" s="6">
        <v>7526</v>
      </c>
      <c r="O168" s="6">
        <v>2020</v>
      </c>
      <c r="P168" s="6">
        <v>2</v>
      </c>
      <c r="Q168" s="6">
        <v>431</v>
      </c>
      <c r="R168" s="6">
        <v>313</v>
      </c>
      <c r="S168" s="6">
        <v>30961</v>
      </c>
      <c r="T168" s="6">
        <v>7530</v>
      </c>
      <c r="U168" s="6">
        <v>9</v>
      </c>
      <c r="V168" s="6">
        <v>23422</v>
      </c>
      <c r="W168" s="6">
        <v>878</v>
      </c>
      <c r="X168" s="6">
        <v>5263</v>
      </c>
      <c r="Y168" s="6">
        <v>4043</v>
      </c>
      <c r="Z168" s="6">
        <v>974</v>
      </c>
      <c r="AA168" s="6">
        <v>2</v>
      </c>
      <c r="AB168" s="6">
        <v>244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6</v>
      </c>
      <c r="I169" s="9" t="s">
        <v>6</v>
      </c>
      <c r="J169" s="9" t="s">
        <v>50</v>
      </c>
      <c r="K169" s="6">
        <v>22619</v>
      </c>
      <c r="L169" s="6">
        <v>2113</v>
      </c>
      <c r="M169" s="6">
        <v>2078</v>
      </c>
      <c r="N169" s="6">
        <v>1411</v>
      </c>
      <c r="O169" s="6">
        <v>568</v>
      </c>
      <c r="P169" s="6">
        <v>1</v>
      </c>
      <c r="Q169" s="6">
        <v>98</v>
      </c>
      <c r="R169" s="6">
        <v>35</v>
      </c>
      <c r="S169" s="6">
        <v>20059</v>
      </c>
      <c r="T169" s="6">
        <v>3490</v>
      </c>
      <c r="U169" s="6">
        <v>7</v>
      </c>
      <c r="V169" s="6">
        <v>16562</v>
      </c>
      <c r="W169" s="6">
        <v>447</v>
      </c>
      <c r="X169" s="6">
        <v>643</v>
      </c>
      <c r="Y169" s="6">
        <v>445</v>
      </c>
      <c r="Z169" s="6">
        <v>164</v>
      </c>
      <c r="AA169" s="6">
        <v>1</v>
      </c>
      <c r="AB169" s="6">
        <v>33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6</v>
      </c>
      <c r="I170" s="9" t="s">
        <v>6</v>
      </c>
      <c r="J170" s="9" t="s">
        <v>51</v>
      </c>
      <c r="K170" s="6">
        <v>8524</v>
      </c>
      <c r="L170" s="6">
        <v>237</v>
      </c>
      <c r="M170" s="6">
        <v>235</v>
      </c>
      <c r="N170" s="6">
        <v>146</v>
      </c>
      <c r="O170" s="6">
        <v>71</v>
      </c>
      <c r="P170" s="10" t="s">
        <v>55</v>
      </c>
      <c r="Q170" s="6">
        <v>18</v>
      </c>
      <c r="R170" s="6">
        <v>2</v>
      </c>
      <c r="S170" s="6">
        <v>8126</v>
      </c>
      <c r="T170" s="6">
        <v>828</v>
      </c>
      <c r="U170" s="6">
        <v>5</v>
      </c>
      <c r="V170" s="6">
        <v>7293</v>
      </c>
      <c r="W170" s="6">
        <v>161</v>
      </c>
      <c r="X170" s="6">
        <v>49</v>
      </c>
      <c r="Y170" s="6">
        <v>33</v>
      </c>
      <c r="Z170" s="6">
        <v>14</v>
      </c>
      <c r="AA170" s="10" t="s">
        <v>55</v>
      </c>
      <c r="AB170" s="6">
        <v>2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6</v>
      </c>
      <c r="I171" s="9" t="s">
        <v>6</v>
      </c>
      <c r="J171" s="9" t="s">
        <v>52</v>
      </c>
      <c r="K171" s="6">
        <v>68989</v>
      </c>
      <c r="L171" s="6">
        <v>53387</v>
      </c>
      <c r="M171" s="6">
        <v>51022</v>
      </c>
      <c r="N171" s="6">
        <v>45624</v>
      </c>
      <c r="O171" s="6">
        <v>4157</v>
      </c>
      <c r="P171" s="6">
        <v>197</v>
      </c>
      <c r="Q171" s="6">
        <v>1044</v>
      </c>
      <c r="R171" s="6">
        <v>2365</v>
      </c>
      <c r="S171" s="6">
        <v>11630</v>
      </c>
      <c r="T171" s="6">
        <v>6306</v>
      </c>
      <c r="U171" s="6">
        <v>642</v>
      </c>
      <c r="V171" s="6">
        <v>4682</v>
      </c>
      <c r="W171" s="6">
        <v>3972</v>
      </c>
      <c r="X171" s="6">
        <v>43118</v>
      </c>
      <c r="Y171" s="6">
        <v>38948</v>
      </c>
      <c r="Z171" s="6">
        <v>3091</v>
      </c>
      <c r="AA171" s="6">
        <v>195</v>
      </c>
      <c r="AB171" s="6">
        <v>884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6</v>
      </c>
      <c r="I172" s="9" t="s">
        <v>53</v>
      </c>
      <c r="J172" s="9" t="s">
        <v>30</v>
      </c>
      <c r="K172" s="6">
        <v>49213</v>
      </c>
      <c r="L172" s="6">
        <v>30776</v>
      </c>
      <c r="M172" s="6">
        <v>29154</v>
      </c>
      <c r="N172" s="6">
        <v>27858</v>
      </c>
      <c r="O172" s="6">
        <v>559</v>
      </c>
      <c r="P172" s="6">
        <v>149</v>
      </c>
      <c r="Q172" s="6">
        <v>588</v>
      </c>
      <c r="R172" s="6">
        <v>1622</v>
      </c>
      <c r="S172" s="6">
        <v>15911</v>
      </c>
      <c r="T172" s="6">
        <v>1508</v>
      </c>
      <c r="U172" s="6">
        <v>2687</v>
      </c>
      <c r="V172" s="6">
        <v>11716</v>
      </c>
      <c r="W172" s="6">
        <v>2526</v>
      </c>
      <c r="X172" s="6">
        <v>22828</v>
      </c>
      <c r="Y172" s="6">
        <v>22040</v>
      </c>
      <c r="Z172" s="6">
        <v>281</v>
      </c>
      <c r="AA172" s="6">
        <v>148</v>
      </c>
      <c r="AB172" s="6">
        <v>359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6</v>
      </c>
      <c r="I173" s="9" t="s">
        <v>53</v>
      </c>
      <c r="J173" s="9" t="s">
        <v>31</v>
      </c>
      <c r="K173" s="6">
        <v>2978</v>
      </c>
      <c r="L173" s="6">
        <v>363</v>
      </c>
      <c r="M173" s="6">
        <v>331</v>
      </c>
      <c r="N173" s="6">
        <v>259</v>
      </c>
      <c r="O173" s="6">
        <v>3</v>
      </c>
      <c r="P173" s="6">
        <v>67</v>
      </c>
      <c r="Q173" s="6">
        <v>2</v>
      </c>
      <c r="R173" s="6">
        <v>32</v>
      </c>
      <c r="S173" s="6">
        <v>2441</v>
      </c>
      <c r="T173" s="6">
        <v>6</v>
      </c>
      <c r="U173" s="6">
        <v>2407</v>
      </c>
      <c r="V173" s="6">
        <v>28</v>
      </c>
      <c r="W173" s="6">
        <v>174</v>
      </c>
      <c r="X173" s="6">
        <v>316</v>
      </c>
      <c r="Y173" s="6">
        <v>244</v>
      </c>
      <c r="Z173" s="6">
        <v>3</v>
      </c>
      <c r="AA173" s="6">
        <v>67</v>
      </c>
      <c r="AB173" s="6">
        <v>2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6</v>
      </c>
      <c r="I174" s="9" t="s">
        <v>53</v>
      </c>
      <c r="J174" s="9" t="s">
        <v>32</v>
      </c>
      <c r="K174" s="6">
        <v>2025</v>
      </c>
      <c r="L174" s="6">
        <v>1502</v>
      </c>
      <c r="M174" s="6">
        <v>1391</v>
      </c>
      <c r="N174" s="6">
        <v>1300</v>
      </c>
      <c r="O174" s="6">
        <v>9</v>
      </c>
      <c r="P174" s="6">
        <v>65</v>
      </c>
      <c r="Q174" s="6">
        <v>17</v>
      </c>
      <c r="R174" s="6">
        <v>111</v>
      </c>
      <c r="S174" s="6">
        <v>321</v>
      </c>
      <c r="T174" s="6">
        <v>13</v>
      </c>
      <c r="U174" s="6">
        <v>264</v>
      </c>
      <c r="V174" s="6">
        <v>44</v>
      </c>
      <c r="W174" s="6">
        <v>202</v>
      </c>
      <c r="X174" s="6">
        <v>1277</v>
      </c>
      <c r="Y174" s="6">
        <v>1190</v>
      </c>
      <c r="Z174" s="6">
        <v>7</v>
      </c>
      <c r="AA174" s="6">
        <v>64</v>
      </c>
      <c r="AB174" s="6">
        <v>16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6</v>
      </c>
      <c r="I175" s="9" t="s">
        <v>53</v>
      </c>
      <c r="J175" s="9" t="s">
        <v>33</v>
      </c>
      <c r="K175" s="6">
        <v>2260</v>
      </c>
      <c r="L175" s="6">
        <v>1967</v>
      </c>
      <c r="M175" s="6">
        <v>1834</v>
      </c>
      <c r="N175" s="6">
        <v>1794</v>
      </c>
      <c r="O175" s="6">
        <v>18</v>
      </c>
      <c r="P175" s="6">
        <v>5</v>
      </c>
      <c r="Q175" s="6">
        <v>17</v>
      </c>
      <c r="R175" s="6">
        <v>133</v>
      </c>
      <c r="S175" s="6">
        <v>63</v>
      </c>
      <c r="T175" s="6">
        <v>11</v>
      </c>
      <c r="U175" s="6">
        <v>8</v>
      </c>
      <c r="V175" s="6">
        <v>44</v>
      </c>
      <c r="W175" s="6">
        <v>230</v>
      </c>
      <c r="X175" s="6">
        <v>1665</v>
      </c>
      <c r="Y175" s="6">
        <v>1631</v>
      </c>
      <c r="Z175" s="6">
        <v>15</v>
      </c>
      <c r="AA175" s="6">
        <v>5</v>
      </c>
      <c r="AB175" s="6">
        <v>14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6</v>
      </c>
      <c r="I176" s="9" t="s">
        <v>53</v>
      </c>
      <c r="J176" s="9" t="s">
        <v>34</v>
      </c>
      <c r="K176" s="6">
        <v>2608</v>
      </c>
      <c r="L176" s="6">
        <v>2283</v>
      </c>
      <c r="M176" s="6">
        <v>2166</v>
      </c>
      <c r="N176" s="6">
        <v>2128</v>
      </c>
      <c r="O176" s="6">
        <v>12</v>
      </c>
      <c r="P176" s="6">
        <v>4</v>
      </c>
      <c r="Q176" s="6">
        <v>22</v>
      </c>
      <c r="R176" s="6">
        <v>117</v>
      </c>
      <c r="S176" s="6">
        <v>84</v>
      </c>
      <c r="T176" s="6">
        <v>22</v>
      </c>
      <c r="U176" s="6">
        <v>5</v>
      </c>
      <c r="V176" s="6">
        <v>57</v>
      </c>
      <c r="W176" s="6">
        <v>241</v>
      </c>
      <c r="X176" s="6">
        <v>1945</v>
      </c>
      <c r="Y176" s="6">
        <v>1914</v>
      </c>
      <c r="Z176" s="6">
        <v>7</v>
      </c>
      <c r="AA176" s="6">
        <v>4</v>
      </c>
      <c r="AB176" s="6">
        <v>20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6</v>
      </c>
      <c r="I177" s="9" t="s">
        <v>53</v>
      </c>
      <c r="J177" s="9" t="s">
        <v>35</v>
      </c>
      <c r="K177" s="6">
        <v>3096</v>
      </c>
      <c r="L177" s="6">
        <v>2759</v>
      </c>
      <c r="M177" s="6">
        <v>2600</v>
      </c>
      <c r="N177" s="6">
        <v>2554</v>
      </c>
      <c r="O177" s="6">
        <v>11</v>
      </c>
      <c r="P177" s="6">
        <v>3</v>
      </c>
      <c r="Q177" s="6">
        <v>32</v>
      </c>
      <c r="R177" s="6">
        <v>159</v>
      </c>
      <c r="S177" s="6">
        <v>82</v>
      </c>
      <c r="T177" s="6">
        <v>28</v>
      </c>
      <c r="U177" s="6">
        <v>1</v>
      </c>
      <c r="V177" s="6">
        <v>53</v>
      </c>
      <c r="W177" s="6">
        <v>255</v>
      </c>
      <c r="X177" s="6">
        <v>2243</v>
      </c>
      <c r="Y177" s="6">
        <v>2209</v>
      </c>
      <c r="Z177" s="6">
        <v>5</v>
      </c>
      <c r="AA177" s="6">
        <v>3</v>
      </c>
      <c r="AB177" s="6">
        <v>26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6</v>
      </c>
      <c r="I178" s="9" t="s">
        <v>53</v>
      </c>
      <c r="J178" s="9" t="s">
        <v>36</v>
      </c>
      <c r="K178" s="6">
        <v>3404</v>
      </c>
      <c r="L178" s="6">
        <v>3043</v>
      </c>
      <c r="M178" s="6">
        <v>2896</v>
      </c>
      <c r="N178" s="6">
        <v>2860</v>
      </c>
      <c r="O178" s="6">
        <v>15</v>
      </c>
      <c r="P178" s="6">
        <v>1</v>
      </c>
      <c r="Q178" s="6">
        <v>20</v>
      </c>
      <c r="R178" s="6">
        <v>147</v>
      </c>
      <c r="S178" s="6">
        <v>88</v>
      </c>
      <c r="T178" s="6">
        <v>17</v>
      </c>
      <c r="U178" s="6">
        <v>1</v>
      </c>
      <c r="V178" s="6">
        <v>70</v>
      </c>
      <c r="W178" s="6">
        <v>273</v>
      </c>
      <c r="X178" s="6">
        <v>2482</v>
      </c>
      <c r="Y178" s="6">
        <v>2455</v>
      </c>
      <c r="Z178" s="6">
        <v>9</v>
      </c>
      <c r="AA178" s="6">
        <v>1</v>
      </c>
      <c r="AB178" s="6">
        <v>17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6</v>
      </c>
      <c r="I179" s="9" t="s">
        <v>53</v>
      </c>
      <c r="J179" s="9" t="s">
        <v>37</v>
      </c>
      <c r="K179" s="6">
        <v>3711</v>
      </c>
      <c r="L179" s="6">
        <v>3335</v>
      </c>
      <c r="M179" s="6">
        <v>3181</v>
      </c>
      <c r="N179" s="6">
        <v>3140</v>
      </c>
      <c r="O179" s="6">
        <v>15</v>
      </c>
      <c r="P179" s="6">
        <v>1</v>
      </c>
      <c r="Q179" s="6">
        <v>25</v>
      </c>
      <c r="R179" s="6">
        <v>154</v>
      </c>
      <c r="S179" s="6">
        <v>141</v>
      </c>
      <c r="T179" s="6">
        <v>35</v>
      </c>
      <c r="U179" s="10" t="s">
        <v>55</v>
      </c>
      <c r="V179" s="6">
        <v>106</v>
      </c>
      <c r="W179" s="6">
        <v>235</v>
      </c>
      <c r="X179" s="6">
        <v>2714</v>
      </c>
      <c r="Y179" s="6">
        <v>2685</v>
      </c>
      <c r="Z179" s="6">
        <v>8</v>
      </c>
      <c r="AA179" s="6">
        <v>1</v>
      </c>
      <c r="AB179" s="6">
        <v>20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6</v>
      </c>
      <c r="I180" s="9" t="s">
        <v>53</v>
      </c>
      <c r="J180" s="9" t="s">
        <v>38</v>
      </c>
      <c r="K180" s="6">
        <v>3557</v>
      </c>
      <c r="L180" s="6">
        <v>3163</v>
      </c>
      <c r="M180" s="6">
        <v>2994</v>
      </c>
      <c r="N180" s="6">
        <v>2927</v>
      </c>
      <c r="O180" s="6">
        <v>28</v>
      </c>
      <c r="P180" s="6">
        <v>1</v>
      </c>
      <c r="Q180" s="6">
        <v>38</v>
      </c>
      <c r="R180" s="6">
        <v>169</v>
      </c>
      <c r="S180" s="6">
        <v>180</v>
      </c>
      <c r="T180" s="6">
        <v>45</v>
      </c>
      <c r="U180" s="10" t="s">
        <v>55</v>
      </c>
      <c r="V180" s="6">
        <v>135</v>
      </c>
      <c r="W180" s="6">
        <v>214</v>
      </c>
      <c r="X180" s="6">
        <v>2478</v>
      </c>
      <c r="Y180" s="6">
        <v>2434</v>
      </c>
      <c r="Z180" s="6">
        <v>14</v>
      </c>
      <c r="AA180" s="6">
        <v>1</v>
      </c>
      <c r="AB180" s="6">
        <v>29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6</v>
      </c>
      <c r="I181" s="9" t="s">
        <v>53</v>
      </c>
      <c r="J181" s="9" t="s">
        <v>39</v>
      </c>
      <c r="K181" s="6">
        <v>3769</v>
      </c>
      <c r="L181" s="6">
        <v>3348</v>
      </c>
      <c r="M181" s="6">
        <v>3185</v>
      </c>
      <c r="N181" s="6">
        <v>3097</v>
      </c>
      <c r="O181" s="6">
        <v>30</v>
      </c>
      <c r="P181" s="6">
        <v>1</v>
      </c>
      <c r="Q181" s="6">
        <v>57</v>
      </c>
      <c r="R181" s="6">
        <v>163</v>
      </c>
      <c r="S181" s="6">
        <v>261</v>
      </c>
      <c r="T181" s="6">
        <v>70</v>
      </c>
      <c r="U181" s="6">
        <v>1</v>
      </c>
      <c r="V181" s="6">
        <v>190</v>
      </c>
      <c r="W181" s="6">
        <v>160</v>
      </c>
      <c r="X181" s="6">
        <v>2610</v>
      </c>
      <c r="Y181" s="6">
        <v>2558</v>
      </c>
      <c r="Z181" s="6">
        <v>12</v>
      </c>
      <c r="AA181" s="6">
        <v>1</v>
      </c>
      <c r="AB181" s="6">
        <v>39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6</v>
      </c>
      <c r="I182" s="9" t="s">
        <v>53</v>
      </c>
      <c r="J182" s="9" t="s">
        <v>40</v>
      </c>
      <c r="K182" s="6">
        <v>4158</v>
      </c>
      <c r="L182" s="6">
        <v>3304</v>
      </c>
      <c r="M182" s="6">
        <v>3107</v>
      </c>
      <c r="N182" s="6">
        <v>2989</v>
      </c>
      <c r="O182" s="6">
        <v>48</v>
      </c>
      <c r="P182" s="10" t="s">
        <v>55</v>
      </c>
      <c r="Q182" s="6">
        <v>70</v>
      </c>
      <c r="R182" s="6">
        <v>197</v>
      </c>
      <c r="S182" s="6">
        <v>711</v>
      </c>
      <c r="T182" s="6">
        <v>140</v>
      </c>
      <c r="U182" s="10" t="s">
        <v>55</v>
      </c>
      <c r="V182" s="6">
        <v>571</v>
      </c>
      <c r="W182" s="6">
        <v>143</v>
      </c>
      <c r="X182" s="6">
        <v>2345</v>
      </c>
      <c r="Y182" s="6">
        <v>2280</v>
      </c>
      <c r="Z182" s="6">
        <v>23</v>
      </c>
      <c r="AA182" s="10" t="s">
        <v>55</v>
      </c>
      <c r="AB182" s="6">
        <v>42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6</v>
      </c>
      <c r="I183" s="9" t="s">
        <v>53</v>
      </c>
      <c r="J183" s="9" t="s">
        <v>41</v>
      </c>
      <c r="K183" s="6">
        <v>4667</v>
      </c>
      <c r="L183" s="6">
        <v>2668</v>
      </c>
      <c r="M183" s="6">
        <v>2521</v>
      </c>
      <c r="N183" s="6">
        <v>2286</v>
      </c>
      <c r="O183" s="6">
        <v>121</v>
      </c>
      <c r="P183" s="10" t="s">
        <v>55</v>
      </c>
      <c r="Q183" s="6">
        <v>114</v>
      </c>
      <c r="R183" s="6">
        <v>147</v>
      </c>
      <c r="S183" s="6">
        <v>1875</v>
      </c>
      <c r="T183" s="6">
        <v>317</v>
      </c>
      <c r="U183" s="10" t="s">
        <v>55</v>
      </c>
      <c r="V183" s="6">
        <v>1558</v>
      </c>
      <c r="W183" s="6">
        <v>124</v>
      </c>
      <c r="X183" s="6">
        <v>1522</v>
      </c>
      <c r="Y183" s="6">
        <v>1384</v>
      </c>
      <c r="Z183" s="6">
        <v>77</v>
      </c>
      <c r="AA183" s="10" t="s">
        <v>55</v>
      </c>
      <c r="AB183" s="6">
        <v>61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6</v>
      </c>
      <c r="I184" s="9" t="s">
        <v>53</v>
      </c>
      <c r="J184" s="9" t="s">
        <v>42</v>
      </c>
      <c r="K184" s="6">
        <v>4635</v>
      </c>
      <c r="L184" s="6">
        <v>1854</v>
      </c>
      <c r="M184" s="6">
        <v>1789</v>
      </c>
      <c r="N184" s="6">
        <v>1575</v>
      </c>
      <c r="O184" s="6">
        <v>114</v>
      </c>
      <c r="P184" s="10" t="s">
        <v>55</v>
      </c>
      <c r="Q184" s="6">
        <v>100</v>
      </c>
      <c r="R184" s="6">
        <v>65</v>
      </c>
      <c r="S184" s="6">
        <v>2677</v>
      </c>
      <c r="T184" s="6">
        <v>283</v>
      </c>
      <c r="U184" s="10" t="s">
        <v>55</v>
      </c>
      <c r="V184" s="6">
        <v>2394</v>
      </c>
      <c r="W184" s="6">
        <v>104</v>
      </c>
      <c r="X184" s="6">
        <v>886</v>
      </c>
      <c r="Y184" s="6">
        <v>771</v>
      </c>
      <c r="Z184" s="6">
        <v>62</v>
      </c>
      <c r="AA184" s="10" t="s">
        <v>55</v>
      </c>
      <c r="AB184" s="6">
        <v>53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6</v>
      </c>
      <c r="I185" s="9" t="s">
        <v>53</v>
      </c>
      <c r="J185" s="9" t="s">
        <v>43</v>
      </c>
      <c r="K185" s="6">
        <v>3209</v>
      </c>
      <c r="L185" s="6">
        <v>709</v>
      </c>
      <c r="M185" s="6">
        <v>689</v>
      </c>
      <c r="N185" s="6">
        <v>580</v>
      </c>
      <c r="O185" s="6">
        <v>72</v>
      </c>
      <c r="P185" s="6">
        <v>1</v>
      </c>
      <c r="Q185" s="6">
        <v>36</v>
      </c>
      <c r="R185" s="6">
        <v>20</v>
      </c>
      <c r="S185" s="6">
        <v>2431</v>
      </c>
      <c r="T185" s="6">
        <v>229</v>
      </c>
      <c r="U185" s="10" t="s">
        <v>55</v>
      </c>
      <c r="V185" s="6">
        <v>2202</v>
      </c>
      <c r="W185" s="6">
        <v>69</v>
      </c>
      <c r="X185" s="6">
        <v>239</v>
      </c>
      <c r="Y185" s="6">
        <v>198</v>
      </c>
      <c r="Z185" s="6">
        <v>30</v>
      </c>
      <c r="AA185" s="6">
        <v>1</v>
      </c>
      <c r="AB185" s="6">
        <v>10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6</v>
      </c>
      <c r="I186" s="9" t="s">
        <v>53</v>
      </c>
      <c r="J186" s="9" t="s">
        <v>44</v>
      </c>
      <c r="K186" s="6">
        <v>2532</v>
      </c>
      <c r="L186" s="6">
        <v>353</v>
      </c>
      <c r="M186" s="6">
        <v>347</v>
      </c>
      <c r="N186" s="6">
        <v>277</v>
      </c>
      <c r="O186" s="6">
        <v>47</v>
      </c>
      <c r="P186" s="10" t="s">
        <v>55</v>
      </c>
      <c r="Q186" s="6">
        <v>23</v>
      </c>
      <c r="R186" s="6">
        <v>6</v>
      </c>
      <c r="S186" s="6">
        <v>2127</v>
      </c>
      <c r="T186" s="6">
        <v>178</v>
      </c>
      <c r="U186" s="10" t="s">
        <v>55</v>
      </c>
      <c r="V186" s="6">
        <v>1949</v>
      </c>
      <c r="W186" s="6">
        <v>52</v>
      </c>
      <c r="X186" s="6">
        <v>82</v>
      </c>
      <c r="Y186" s="6">
        <v>67</v>
      </c>
      <c r="Z186" s="6">
        <v>6</v>
      </c>
      <c r="AA186" s="10" t="s">
        <v>55</v>
      </c>
      <c r="AB186" s="6">
        <v>9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6</v>
      </c>
      <c r="I187" s="9" t="s">
        <v>53</v>
      </c>
      <c r="J187" s="9" t="s">
        <v>45</v>
      </c>
      <c r="K187" s="6">
        <v>1771</v>
      </c>
      <c r="L187" s="6">
        <v>102</v>
      </c>
      <c r="M187" s="6">
        <v>100</v>
      </c>
      <c r="N187" s="6">
        <v>74</v>
      </c>
      <c r="O187" s="6">
        <v>14</v>
      </c>
      <c r="P187" s="10" t="s">
        <v>55</v>
      </c>
      <c r="Q187" s="6">
        <v>12</v>
      </c>
      <c r="R187" s="6">
        <v>2</v>
      </c>
      <c r="S187" s="6">
        <v>1632</v>
      </c>
      <c r="T187" s="6">
        <v>90</v>
      </c>
      <c r="U187" s="10" t="s">
        <v>55</v>
      </c>
      <c r="V187" s="6">
        <v>1542</v>
      </c>
      <c r="W187" s="6">
        <v>37</v>
      </c>
      <c r="X187" s="6">
        <v>18</v>
      </c>
      <c r="Y187" s="6">
        <v>14</v>
      </c>
      <c r="Z187" s="6">
        <v>3</v>
      </c>
      <c r="AA187" s="10" t="s">
        <v>55</v>
      </c>
      <c r="AB187" s="6">
        <v>1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6</v>
      </c>
      <c r="I188" s="9" t="s">
        <v>53</v>
      </c>
      <c r="J188" s="9" t="s">
        <v>46</v>
      </c>
      <c r="K188" s="6">
        <v>708</v>
      </c>
      <c r="L188" s="6">
        <v>23</v>
      </c>
      <c r="M188" s="6">
        <v>23</v>
      </c>
      <c r="N188" s="6">
        <v>18</v>
      </c>
      <c r="O188" s="6">
        <v>2</v>
      </c>
      <c r="P188" s="10" t="s">
        <v>55</v>
      </c>
      <c r="Q188" s="6">
        <v>3</v>
      </c>
      <c r="R188" s="10" t="s">
        <v>55</v>
      </c>
      <c r="S188" s="6">
        <v>672</v>
      </c>
      <c r="T188" s="6">
        <v>21</v>
      </c>
      <c r="U188" s="10" t="s">
        <v>55</v>
      </c>
      <c r="V188" s="6">
        <v>651</v>
      </c>
      <c r="W188" s="6">
        <v>13</v>
      </c>
      <c r="X188" s="6">
        <v>6</v>
      </c>
      <c r="Y188" s="6">
        <v>6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6</v>
      </c>
      <c r="I189" s="9" t="s">
        <v>53</v>
      </c>
      <c r="J189" s="9" t="s">
        <v>47</v>
      </c>
      <c r="K189" s="6">
        <v>125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6">
        <v>125</v>
      </c>
      <c r="T189" s="6">
        <v>3</v>
      </c>
      <c r="U189" s="10" t="s">
        <v>55</v>
      </c>
      <c r="V189" s="6">
        <v>122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6</v>
      </c>
      <c r="I190" s="9" t="s">
        <v>53</v>
      </c>
      <c r="J190" s="9" t="s">
        <v>48</v>
      </c>
      <c r="K190" s="6">
        <v>31566</v>
      </c>
      <c r="L190" s="6">
        <v>25067</v>
      </c>
      <c r="M190" s="6">
        <v>23685</v>
      </c>
      <c r="N190" s="6">
        <v>23048</v>
      </c>
      <c r="O190" s="6">
        <v>189</v>
      </c>
      <c r="P190" s="6">
        <v>148</v>
      </c>
      <c r="Q190" s="6">
        <v>300</v>
      </c>
      <c r="R190" s="6">
        <v>1382</v>
      </c>
      <c r="S190" s="6">
        <v>4372</v>
      </c>
      <c r="T190" s="6">
        <v>387</v>
      </c>
      <c r="U190" s="6">
        <v>2687</v>
      </c>
      <c r="V190" s="6">
        <v>1298</v>
      </c>
      <c r="W190" s="6">
        <v>2127</v>
      </c>
      <c r="X190" s="6">
        <v>20075</v>
      </c>
      <c r="Y190" s="6">
        <v>19600</v>
      </c>
      <c r="Z190" s="6">
        <v>103</v>
      </c>
      <c r="AA190" s="6">
        <v>147</v>
      </c>
      <c r="AB190" s="6">
        <v>225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6</v>
      </c>
      <c r="I191" s="9" t="s">
        <v>53</v>
      </c>
      <c r="J191" s="9" t="s">
        <v>49</v>
      </c>
      <c r="K191" s="6">
        <v>17647</v>
      </c>
      <c r="L191" s="6">
        <v>5709</v>
      </c>
      <c r="M191" s="6">
        <v>5469</v>
      </c>
      <c r="N191" s="6">
        <v>4810</v>
      </c>
      <c r="O191" s="6">
        <v>370</v>
      </c>
      <c r="P191" s="6">
        <v>1</v>
      </c>
      <c r="Q191" s="6">
        <v>288</v>
      </c>
      <c r="R191" s="6">
        <v>240</v>
      </c>
      <c r="S191" s="6">
        <v>11539</v>
      </c>
      <c r="T191" s="6">
        <v>1121</v>
      </c>
      <c r="U191" s="10" t="s">
        <v>55</v>
      </c>
      <c r="V191" s="6">
        <v>10418</v>
      </c>
      <c r="W191" s="6">
        <v>399</v>
      </c>
      <c r="X191" s="6">
        <v>2753</v>
      </c>
      <c r="Y191" s="6">
        <v>2440</v>
      </c>
      <c r="Z191" s="6">
        <v>178</v>
      </c>
      <c r="AA191" s="6">
        <v>1</v>
      </c>
      <c r="AB191" s="6">
        <v>134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6</v>
      </c>
      <c r="I192" s="9" t="s">
        <v>53</v>
      </c>
      <c r="J192" s="9" t="s">
        <v>50</v>
      </c>
      <c r="K192" s="6">
        <v>8345</v>
      </c>
      <c r="L192" s="6">
        <v>1187</v>
      </c>
      <c r="M192" s="6">
        <v>1159</v>
      </c>
      <c r="N192" s="6">
        <v>949</v>
      </c>
      <c r="O192" s="6">
        <v>135</v>
      </c>
      <c r="P192" s="6">
        <v>1</v>
      </c>
      <c r="Q192" s="6">
        <v>74</v>
      </c>
      <c r="R192" s="6">
        <v>28</v>
      </c>
      <c r="S192" s="6">
        <v>6987</v>
      </c>
      <c r="T192" s="6">
        <v>521</v>
      </c>
      <c r="U192" s="10" t="s">
        <v>55</v>
      </c>
      <c r="V192" s="6">
        <v>6466</v>
      </c>
      <c r="W192" s="6">
        <v>171</v>
      </c>
      <c r="X192" s="6">
        <v>345</v>
      </c>
      <c r="Y192" s="6">
        <v>285</v>
      </c>
      <c r="Z192" s="6">
        <v>39</v>
      </c>
      <c r="AA192" s="6">
        <v>1</v>
      </c>
      <c r="AB192" s="6">
        <v>20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6</v>
      </c>
      <c r="I193" s="9" t="s">
        <v>53</v>
      </c>
      <c r="J193" s="9" t="s">
        <v>51</v>
      </c>
      <c r="K193" s="6">
        <v>2604</v>
      </c>
      <c r="L193" s="6">
        <v>125</v>
      </c>
      <c r="M193" s="6">
        <v>123</v>
      </c>
      <c r="N193" s="6">
        <v>92</v>
      </c>
      <c r="O193" s="6">
        <v>16</v>
      </c>
      <c r="P193" s="10" t="s">
        <v>55</v>
      </c>
      <c r="Q193" s="6">
        <v>15</v>
      </c>
      <c r="R193" s="6">
        <v>2</v>
      </c>
      <c r="S193" s="6">
        <v>2429</v>
      </c>
      <c r="T193" s="6">
        <v>114</v>
      </c>
      <c r="U193" s="10" t="s">
        <v>55</v>
      </c>
      <c r="V193" s="6">
        <v>2315</v>
      </c>
      <c r="W193" s="6">
        <v>50</v>
      </c>
      <c r="X193" s="6">
        <v>24</v>
      </c>
      <c r="Y193" s="6">
        <v>20</v>
      </c>
      <c r="Z193" s="6">
        <v>3</v>
      </c>
      <c r="AA193" s="10" t="s">
        <v>55</v>
      </c>
      <c r="AB193" s="6">
        <v>1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6</v>
      </c>
      <c r="I194" s="9" t="s">
        <v>53</v>
      </c>
      <c r="J194" s="9" t="s">
        <v>52</v>
      </c>
      <c r="K194" s="6">
        <v>33255</v>
      </c>
      <c r="L194" s="6">
        <v>27372</v>
      </c>
      <c r="M194" s="6">
        <v>25875</v>
      </c>
      <c r="N194" s="6">
        <v>25075</v>
      </c>
      <c r="O194" s="6">
        <v>307</v>
      </c>
      <c r="P194" s="6">
        <v>81</v>
      </c>
      <c r="Q194" s="6">
        <v>412</v>
      </c>
      <c r="R194" s="6">
        <v>1497</v>
      </c>
      <c r="S194" s="6">
        <v>3806</v>
      </c>
      <c r="T194" s="6">
        <v>698</v>
      </c>
      <c r="U194" s="6">
        <v>280</v>
      </c>
      <c r="V194" s="6">
        <v>2828</v>
      </c>
      <c r="W194" s="6">
        <v>2077</v>
      </c>
      <c r="X194" s="6">
        <v>21281</v>
      </c>
      <c r="Y194" s="6">
        <v>20740</v>
      </c>
      <c r="Z194" s="6">
        <v>177</v>
      </c>
      <c r="AA194" s="6">
        <v>80</v>
      </c>
      <c r="AB194" s="6">
        <v>284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6</v>
      </c>
      <c r="I195" s="9" t="s">
        <v>54</v>
      </c>
      <c r="J195" s="9" t="s">
        <v>30</v>
      </c>
      <c r="K195" s="6">
        <v>57964</v>
      </c>
      <c r="L195" s="6">
        <v>28667</v>
      </c>
      <c r="M195" s="6">
        <v>27744</v>
      </c>
      <c r="N195" s="6">
        <v>21976</v>
      </c>
      <c r="O195" s="6">
        <v>4825</v>
      </c>
      <c r="P195" s="6">
        <v>225</v>
      </c>
      <c r="Q195" s="6">
        <v>718</v>
      </c>
      <c r="R195" s="6">
        <v>923</v>
      </c>
      <c r="S195" s="6">
        <v>26856</v>
      </c>
      <c r="T195" s="6">
        <v>10407</v>
      </c>
      <c r="U195" s="6">
        <v>2648</v>
      </c>
      <c r="V195" s="6">
        <v>13801</v>
      </c>
      <c r="W195" s="6">
        <v>2441</v>
      </c>
      <c r="X195" s="6">
        <v>23183</v>
      </c>
      <c r="Y195" s="6">
        <v>18981</v>
      </c>
      <c r="Z195" s="6">
        <v>3317</v>
      </c>
      <c r="AA195" s="6">
        <v>224</v>
      </c>
      <c r="AB195" s="6">
        <v>661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6</v>
      </c>
      <c r="I196" s="9" t="s">
        <v>54</v>
      </c>
      <c r="J196" s="9" t="s">
        <v>31</v>
      </c>
      <c r="K196" s="6">
        <v>2791</v>
      </c>
      <c r="L196" s="6">
        <v>295</v>
      </c>
      <c r="M196" s="6">
        <v>272</v>
      </c>
      <c r="N196" s="6">
        <v>147</v>
      </c>
      <c r="O196" s="6">
        <v>8</v>
      </c>
      <c r="P196" s="6">
        <v>109</v>
      </c>
      <c r="Q196" s="6">
        <v>8</v>
      </c>
      <c r="R196" s="6">
        <v>23</v>
      </c>
      <c r="S196" s="6">
        <v>2322</v>
      </c>
      <c r="T196" s="6">
        <v>21</v>
      </c>
      <c r="U196" s="6">
        <v>2278</v>
      </c>
      <c r="V196" s="6">
        <v>23</v>
      </c>
      <c r="W196" s="6">
        <v>174</v>
      </c>
      <c r="X196" s="6">
        <v>268</v>
      </c>
      <c r="Y196" s="6">
        <v>144</v>
      </c>
      <c r="Z196" s="6">
        <v>8</v>
      </c>
      <c r="AA196" s="6">
        <v>109</v>
      </c>
      <c r="AB196" s="6">
        <v>7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6</v>
      </c>
      <c r="I197" s="9" t="s">
        <v>54</v>
      </c>
      <c r="J197" s="9" t="s">
        <v>32</v>
      </c>
      <c r="K197" s="6">
        <v>2367</v>
      </c>
      <c r="L197" s="6">
        <v>1731</v>
      </c>
      <c r="M197" s="6">
        <v>1632</v>
      </c>
      <c r="N197" s="6">
        <v>1459</v>
      </c>
      <c r="O197" s="6">
        <v>51</v>
      </c>
      <c r="P197" s="6">
        <v>84</v>
      </c>
      <c r="Q197" s="6">
        <v>38</v>
      </c>
      <c r="R197" s="6">
        <v>99</v>
      </c>
      <c r="S197" s="6">
        <v>454</v>
      </c>
      <c r="T197" s="6">
        <v>85</v>
      </c>
      <c r="U197" s="6">
        <v>334</v>
      </c>
      <c r="V197" s="6">
        <v>35</v>
      </c>
      <c r="W197" s="6">
        <v>182</v>
      </c>
      <c r="X197" s="6">
        <v>1586</v>
      </c>
      <c r="Y197" s="6">
        <v>1420</v>
      </c>
      <c r="Z197" s="6">
        <v>45</v>
      </c>
      <c r="AA197" s="6">
        <v>84</v>
      </c>
      <c r="AB197" s="6">
        <v>37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6</v>
      </c>
      <c r="I198" s="9" t="s">
        <v>54</v>
      </c>
      <c r="J198" s="9" t="s">
        <v>33</v>
      </c>
      <c r="K198" s="6">
        <v>2530</v>
      </c>
      <c r="L198" s="6">
        <v>2072</v>
      </c>
      <c r="M198" s="6">
        <v>1993</v>
      </c>
      <c r="N198" s="6">
        <v>1770</v>
      </c>
      <c r="O198" s="6">
        <v>118</v>
      </c>
      <c r="P198" s="6">
        <v>11</v>
      </c>
      <c r="Q198" s="6">
        <v>94</v>
      </c>
      <c r="R198" s="6">
        <v>79</v>
      </c>
      <c r="S198" s="6">
        <v>236</v>
      </c>
      <c r="T198" s="6">
        <v>193</v>
      </c>
      <c r="U198" s="6">
        <v>11</v>
      </c>
      <c r="V198" s="6">
        <v>32</v>
      </c>
      <c r="W198" s="6">
        <v>222</v>
      </c>
      <c r="X198" s="6">
        <v>1903</v>
      </c>
      <c r="Y198" s="6">
        <v>1704</v>
      </c>
      <c r="Z198" s="6">
        <v>96</v>
      </c>
      <c r="AA198" s="6">
        <v>11</v>
      </c>
      <c r="AB198" s="6">
        <v>92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6</v>
      </c>
      <c r="I199" s="9" t="s">
        <v>54</v>
      </c>
      <c r="J199" s="9" t="s">
        <v>34</v>
      </c>
      <c r="K199" s="6">
        <v>2911</v>
      </c>
      <c r="L199" s="6">
        <v>2296</v>
      </c>
      <c r="M199" s="6">
        <v>2190</v>
      </c>
      <c r="N199" s="6">
        <v>1833</v>
      </c>
      <c r="O199" s="6">
        <v>232</v>
      </c>
      <c r="P199" s="6">
        <v>8</v>
      </c>
      <c r="Q199" s="6">
        <v>117</v>
      </c>
      <c r="R199" s="6">
        <v>106</v>
      </c>
      <c r="S199" s="6">
        <v>353</v>
      </c>
      <c r="T199" s="6">
        <v>317</v>
      </c>
      <c r="U199" s="6">
        <v>3</v>
      </c>
      <c r="V199" s="6">
        <v>33</v>
      </c>
      <c r="W199" s="6">
        <v>262</v>
      </c>
      <c r="X199" s="6">
        <v>2014</v>
      </c>
      <c r="Y199" s="6">
        <v>1715</v>
      </c>
      <c r="Z199" s="6">
        <v>177</v>
      </c>
      <c r="AA199" s="6">
        <v>8</v>
      </c>
      <c r="AB199" s="6">
        <v>114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6</v>
      </c>
      <c r="I200" s="9" t="s">
        <v>54</v>
      </c>
      <c r="J200" s="9" t="s">
        <v>35</v>
      </c>
      <c r="K200" s="6">
        <v>3264</v>
      </c>
      <c r="L200" s="6">
        <v>2663</v>
      </c>
      <c r="M200" s="6">
        <v>2587</v>
      </c>
      <c r="N200" s="6">
        <v>2133</v>
      </c>
      <c r="O200" s="6">
        <v>348</v>
      </c>
      <c r="P200" s="6">
        <v>6</v>
      </c>
      <c r="Q200" s="6">
        <v>100</v>
      </c>
      <c r="R200" s="6">
        <v>76</v>
      </c>
      <c r="S200" s="6">
        <v>385</v>
      </c>
      <c r="T200" s="6">
        <v>339</v>
      </c>
      <c r="U200" s="6">
        <v>6</v>
      </c>
      <c r="V200" s="6">
        <v>40</v>
      </c>
      <c r="W200" s="6">
        <v>216</v>
      </c>
      <c r="X200" s="6">
        <v>2363</v>
      </c>
      <c r="Y200" s="6">
        <v>1966</v>
      </c>
      <c r="Z200" s="6">
        <v>292</v>
      </c>
      <c r="AA200" s="6">
        <v>6</v>
      </c>
      <c r="AB200" s="6">
        <v>99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6</v>
      </c>
      <c r="I201" s="9" t="s">
        <v>54</v>
      </c>
      <c r="J201" s="9" t="s">
        <v>36</v>
      </c>
      <c r="K201" s="6">
        <v>3510</v>
      </c>
      <c r="L201" s="6">
        <v>2869</v>
      </c>
      <c r="M201" s="6">
        <v>2794</v>
      </c>
      <c r="N201" s="6">
        <v>2368</v>
      </c>
      <c r="O201" s="6">
        <v>379</v>
      </c>
      <c r="P201" s="6">
        <v>4</v>
      </c>
      <c r="Q201" s="6">
        <v>43</v>
      </c>
      <c r="R201" s="6">
        <v>75</v>
      </c>
      <c r="S201" s="6">
        <v>380</v>
      </c>
      <c r="T201" s="6">
        <v>337</v>
      </c>
      <c r="U201" s="6">
        <v>1</v>
      </c>
      <c r="V201" s="6">
        <v>42</v>
      </c>
      <c r="W201" s="6">
        <v>261</v>
      </c>
      <c r="X201" s="6">
        <v>2541</v>
      </c>
      <c r="Y201" s="6">
        <v>2178</v>
      </c>
      <c r="Z201" s="6">
        <v>316</v>
      </c>
      <c r="AA201" s="6">
        <v>4</v>
      </c>
      <c r="AB201" s="6">
        <v>43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6</v>
      </c>
      <c r="I202" s="9" t="s">
        <v>54</v>
      </c>
      <c r="J202" s="9" t="s">
        <v>37</v>
      </c>
      <c r="K202" s="6">
        <v>3909</v>
      </c>
      <c r="L202" s="6">
        <v>3200</v>
      </c>
      <c r="M202" s="6">
        <v>3081</v>
      </c>
      <c r="N202" s="6">
        <v>2607</v>
      </c>
      <c r="O202" s="6">
        <v>438</v>
      </c>
      <c r="P202" s="6">
        <v>2</v>
      </c>
      <c r="Q202" s="6">
        <v>34</v>
      </c>
      <c r="R202" s="6">
        <v>119</v>
      </c>
      <c r="S202" s="6">
        <v>476</v>
      </c>
      <c r="T202" s="6">
        <v>407</v>
      </c>
      <c r="U202" s="6">
        <v>4</v>
      </c>
      <c r="V202" s="6">
        <v>65</v>
      </c>
      <c r="W202" s="6">
        <v>233</v>
      </c>
      <c r="X202" s="6">
        <v>2787</v>
      </c>
      <c r="Y202" s="6">
        <v>2385</v>
      </c>
      <c r="Z202" s="6">
        <v>368</v>
      </c>
      <c r="AA202" s="6">
        <v>1</v>
      </c>
      <c r="AB202" s="6">
        <v>33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6</v>
      </c>
      <c r="I203" s="9" t="s">
        <v>54</v>
      </c>
      <c r="J203" s="9" t="s">
        <v>38</v>
      </c>
      <c r="K203" s="6">
        <v>3774</v>
      </c>
      <c r="L203" s="6">
        <v>3042</v>
      </c>
      <c r="M203" s="6">
        <v>2954</v>
      </c>
      <c r="N203" s="6">
        <v>2471</v>
      </c>
      <c r="O203" s="6">
        <v>451</v>
      </c>
      <c r="P203" s="10" t="s">
        <v>55</v>
      </c>
      <c r="Q203" s="6">
        <v>32</v>
      </c>
      <c r="R203" s="6">
        <v>88</v>
      </c>
      <c r="S203" s="6">
        <v>577</v>
      </c>
      <c r="T203" s="6">
        <v>494</v>
      </c>
      <c r="U203" s="6">
        <v>1</v>
      </c>
      <c r="V203" s="6">
        <v>82</v>
      </c>
      <c r="W203" s="6">
        <v>155</v>
      </c>
      <c r="X203" s="6">
        <v>2586</v>
      </c>
      <c r="Y203" s="6">
        <v>2167</v>
      </c>
      <c r="Z203" s="6">
        <v>388</v>
      </c>
      <c r="AA203" s="10" t="s">
        <v>55</v>
      </c>
      <c r="AB203" s="6">
        <v>31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6</v>
      </c>
      <c r="I204" s="9" t="s">
        <v>54</v>
      </c>
      <c r="J204" s="9" t="s">
        <v>39</v>
      </c>
      <c r="K204" s="6">
        <v>4024</v>
      </c>
      <c r="L204" s="6">
        <v>3104</v>
      </c>
      <c r="M204" s="6">
        <v>3022</v>
      </c>
      <c r="N204" s="6">
        <v>2461</v>
      </c>
      <c r="O204" s="6">
        <v>516</v>
      </c>
      <c r="P204" s="10" t="s">
        <v>55</v>
      </c>
      <c r="Q204" s="6">
        <v>45</v>
      </c>
      <c r="R204" s="6">
        <v>82</v>
      </c>
      <c r="S204" s="6">
        <v>781</v>
      </c>
      <c r="T204" s="6">
        <v>673</v>
      </c>
      <c r="U204" s="6">
        <v>1</v>
      </c>
      <c r="V204" s="6">
        <v>107</v>
      </c>
      <c r="W204" s="6">
        <v>139</v>
      </c>
      <c r="X204" s="6">
        <v>2546</v>
      </c>
      <c r="Y204" s="6">
        <v>2118</v>
      </c>
      <c r="Z204" s="6">
        <v>391</v>
      </c>
      <c r="AA204" s="10" t="s">
        <v>55</v>
      </c>
      <c r="AB204" s="6">
        <v>37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6</v>
      </c>
      <c r="I205" s="9" t="s">
        <v>54</v>
      </c>
      <c r="J205" s="9" t="s">
        <v>40</v>
      </c>
      <c r="K205" s="6">
        <v>4400</v>
      </c>
      <c r="L205" s="6">
        <v>2812</v>
      </c>
      <c r="M205" s="6">
        <v>2709</v>
      </c>
      <c r="N205" s="6">
        <v>2011</v>
      </c>
      <c r="O205" s="6">
        <v>634</v>
      </c>
      <c r="P205" s="10" t="s">
        <v>55</v>
      </c>
      <c r="Q205" s="6">
        <v>64</v>
      </c>
      <c r="R205" s="6">
        <v>103</v>
      </c>
      <c r="S205" s="6">
        <v>1470</v>
      </c>
      <c r="T205" s="6">
        <v>1132</v>
      </c>
      <c r="U205" s="10" t="s">
        <v>55</v>
      </c>
      <c r="V205" s="6">
        <v>338</v>
      </c>
      <c r="W205" s="6">
        <v>118</v>
      </c>
      <c r="X205" s="6">
        <v>2079</v>
      </c>
      <c r="Y205" s="6">
        <v>1581</v>
      </c>
      <c r="Z205" s="6">
        <v>440</v>
      </c>
      <c r="AA205" s="10" t="s">
        <v>55</v>
      </c>
      <c r="AB205" s="6">
        <v>58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6</v>
      </c>
      <c r="I206" s="9" t="s">
        <v>54</v>
      </c>
      <c r="J206" s="9" t="s">
        <v>41</v>
      </c>
      <c r="K206" s="6">
        <v>5045</v>
      </c>
      <c r="L206" s="6">
        <v>2226</v>
      </c>
      <c r="M206" s="6">
        <v>2185</v>
      </c>
      <c r="N206" s="6">
        <v>1436</v>
      </c>
      <c r="O206" s="6">
        <v>683</v>
      </c>
      <c r="P206" s="6">
        <v>1</v>
      </c>
      <c r="Q206" s="6">
        <v>65</v>
      </c>
      <c r="R206" s="6">
        <v>41</v>
      </c>
      <c r="S206" s="6">
        <v>2712</v>
      </c>
      <c r="T206" s="6">
        <v>1631</v>
      </c>
      <c r="U206" s="6">
        <v>1</v>
      </c>
      <c r="V206" s="6">
        <v>1080</v>
      </c>
      <c r="W206" s="6">
        <v>107</v>
      </c>
      <c r="X206" s="6">
        <v>1432</v>
      </c>
      <c r="Y206" s="6">
        <v>974</v>
      </c>
      <c r="Z206" s="6">
        <v>401</v>
      </c>
      <c r="AA206" s="6">
        <v>1</v>
      </c>
      <c r="AB206" s="6">
        <v>56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6</v>
      </c>
      <c r="I207" s="9" t="s">
        <v>54</v>
      </c>
      <c r="J207" s="9" t="s">
        <v>42</v>
      </c>
      <c r="K207" s="6">
        <v>5165</v>
      </c>
      <c r="L207" s="6">
        <v>1431</v>
      </c>
      <c r="M207" s="6">
        <v>1406</v>
      </c>
      <c r="N207" s="6">
        <v>818</v>
      </c>
      <c r="O207" s="6">
        <v>534</v>
      </c>
      <c r="P207" s="10" t="s">
        <v>55</v>
      </c>
      <c r="Q207" s="6">
        <v>54</v>
      </c>
      <c r="R207" s="6">
        <v>25</v>
      </c>
      <c r="S207" s="6">
        <v>3638</v>
      </c>
      <c r="T207" s="6">
        <v>1809</v>
      </c>
      <c r="U207" s="6">
        <v>1</v>
      </c>
      <c r="V207" s="6">
        <v>1828</v>
      </c>
      <c r="W207" s="6">
        <v>96</v>
      </c>
      <c r="X207" s="6">
        <v>780</v>
      </c>
      <c r="Y207" s="6">
        <v>469</v>
      </c>
      <c r="Z207" s="6">
        <v>270</v>
      </c>
      <c r="AA207" s="10" t="s">
        <v>55</v>
      </c>
      <c r="AB207" s="6">
        <v>41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6</v>
      </c>
      <c r="I208" s="9" t="s">
        <v>54</v>
      </c>
      <c r="J208" s="9" t="s">
        <v>43</v>
      </c>
      <c r="K208" s="6">
        <v>4355</v>
      </c>
      <c r="L208" s="6">
        <v>559</v>
      </c>
      <c r="M208" s="6">
        <v>552</v>
      </c>
      <c r="N208" s="6">
        <v>279</v>
      </c>
      <c r="O208" s="6">
        <v>258</v>
      </c>
      <c r="P208" s="10" t="s">
        <v>55</v>
      </c>
      <c r="Q208" s="6">
        <v>15</v>
      </c>
      <c r="R208" s="6">
        <v>7</v>
      </c>
      <c r="S208" s="6">
        <v>3716</v>
      </c>
      <c r="T208" s="6">
        <v>1302</v>
      </c>
      <c r="U208" s="6">
        <v>2</v>
      </c>
      <c r="V208" s="6">
        <v>2412</v>
      </c>
      <c r="W208" s="6">
        <v>80</v>
      </c>
      <c r="X208" s="6">
        <v>210</v>
      </c>
      <c r="Y208" s="6">
        <v>108</v>
      </c>
      <c r="Z208" s="6">
        <v>91</v>
      </c>
      <c r="AA208" s="10" t="s">
        <v>55</v>
      </c>
      <c r="AB208" s="6">
        <v>11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6</v>
      </c>
      <c r="I209" s="9" t="s">
        <v>54</v>
      </c>
      <c r="J209" s="9" t="s">
        <v>44</v>
      </c>
      <c r="K209" s="6">
        <v>3999</v>
      </c>
      <c r="L209" s="6">
        <v>255</v>
      </c>
      <c r="M209" s="6">
        <v>255</v>
      </c>
      <c r="N209" s="6">
        <v>129</v>
      </c>
      <c r="O209" s="6">
        <v>120</v>
      </c>
      <c r="P209" s="10" t="s">
        <v>55</v>
      </c>
      <c r="Q209" s="6">
        <v>6</v>
      </c>
      <c r="R209" s="10" t="s">
        <v>55</v>
      </c>
      <c r="S209" s="6">
        <v>3659</v>
      </c>
      <c r="T209" s="6">
        <v>953</v>
      </c>
      <c r="U209" s="10" t="s">
        <v>55</v>
      </c>
      <c r="V209" s="6">
        <v>2706</v>
      </c>
      <c r="W209" s="6">
        <v>85</v>
      </c>
      <c r="X209" s="6">
        <v>63</v>
      </c>
      <c r="Y209" s="6">
        <v>39</v>
      </c>
      <c r="Z209" s="6">
        <v>23</v>
      </c>
      <c r="AA209" s="10" t="s">
        <v>55</v>
      </c>
      <c r="AB209" s="6">
        <v>1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6</v>
      </c>
      <c r="I210" s="9" t="s">
        <v>54</v>
      </c>
      <c r="J210" s="9" t="s">
        <v>45</v>
      </c>
      <c r="K210" s="6">
        <v>3384</v>
      </c>
      <c r="L210" s="6">
        <v>90</v>
      </c>
      <c r="M210" s="6">
        <v>90</v>
      </c>
      <c r="N210" s="6">
        <v>42</v>
      </c>
      <c r="O210" s="6">
        <v>45</v>
      </c>
      <c r="P210" s="10" t="s">
        <v>55</v>
      </c>
      <c r="Q210" s="6">
        <v>3</v>
      </c>
      <c r="R210" s="10" t="s">
        <v>55</v>
      </c>
      <c r="S210" s="6">
        <v>3218</v>
      </c>
      <c r="T210" s="6">
        <v>545</v>
      </c>
      <c r="U210" s="6">
        <v>4</v>
      </c>
      <c r="V210" s="6">
        <v>2669</v>
      </c>
      <c r="W210" s="6">
        <v>76</v>
      </c>
      <c r="X210" s="6">
        <v>18</v>
      </c>
      <c r="Y210" s="6">
        <v>7</v>
      </c>
      <c r="Z210" s="6">
        <v>10</v>
      </c>
      <c r="AA210" s="10" t="s">
        <v>55</v>
      </c>
      <c r="AB210" s="6">
        <v>1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6</v>
      </c>
      <c r="I211" s="9" t="s">
        <v>54</v>
      </c>
      <c r="J211" s="9" t="s">
        <v>46</v>
      </c>
      <c r="K211" s="6">
        <v>1871</v>
      </c>
      <c r="L211" s="6">
        <v>21</v>
      </c>
      <c r="M211" s="6">
        <v>21</v>
      </c>
      <c r="N211" s="6">
        <v>11</v>
      </c>
      <c r="O211" s="6">
        <v>10</v>
      </c>
      <c r="P211" s="10" t="s">
        <v>55</v>
      </c>
      <c r="Q211" s="10" t="s">
        <v>55</v>
      </c>
      <c r="R211" s="10" t="s">
        <v>55</v>
      </c>
      <c r="S211" s="6">
        <v>1819</v>
      </c>
      <c r="T211" s="6">
        <v>148</v>
      </c>
      <c r="U211" s="6">
        <v>1</v>
      </c>
      <c r="V211" s="6">
        <v>1670</v>
      </c>
      <c r="W211" s="6">
        <v>31</v>
      </c>
      <c r="X211" s="6">
        <v>6</v>
      </c>
      <c r="Y211" s="6">
        <v>5</v>
      </c>
      <c r="Z211" s="6">
        <v>1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6</v>
      </c>
      <c r="I212" s="9" t="s">
        <v>54</v>
      </c>
      <c r="J212" s="9" t="s">
        <v>47</v>
      </c>
      <c r="K212" s="6">
        <v>665</v>
      </c>
      <c r="L212" s="6">
        <v>1</v>
      </c>
      <c r="M212" s="6">
        <v>1</v>
      </c>
      <c r="N212" s="6">
        <v>1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660</v>
      </c>
      <c r="T212" s="6">
        <v>21</v>
      </c>
      <c r="U212" s="10" t="s">
        <v>55</v>
      </c>
      <c r="V212" s="6">
        <v>639</v>
      </c>
      <c r="W212" s="6">
        <v>4</v>
      </c>
      <c r="X212" s="6">
        <v>1</v>
      </c>
      <c r="Y212" s="6">
        <v>1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6</v>
      </c>
      <c r="I213" s="9" t="s">
        <v>54</v>
      </c>
      <c r="J213" s="9" t="s">
        <v>48</v>
      </c>
      <c r="K213" s="6">
        <v>33480</v>
      </c>
      <c r="L213" s="6">
        <v>24084</v>
      </c>
      <c r="M213" s="6">
        <v>23234</v>
      </c>
      <c r="N213" s="6">
        <v>19260</v>
      </c>
      <c r="O213" s="6">
        <v>3175</v>
      </c>
      <c r="P213" s="6">
        <v>224</v>
      </c>
      <c r="Q213" s="6">
        <v>575</v>
      </c>
      <c r="R213" s="6">
        <v>850</v>
      </c>
      <c r="S213" s="6">
        <v>7434</v>
      </c>
      <c r="T213" s="6">
        <v>3998</v>
      </c>
      <c r="U213" s="6">
        <v>2639</v>
      </c>
      <c r="V213" s="6">
        <v>797</v>
      </c>
      <c r="W213" s="6">
        <v>1962</v>
      </c>
      <c r="X213" s="6">
        <v>20673</v>
      </c>
      <c r="Y213" s="6">
        <v>17378</v>
      </c>
      <c r="Z213" s="6">
        <v>2521</v>
      </c>
      <c r="AA213" s="6">
        <v>223</v>
      </c>
      <c r="AB213" s="6">
        <v>551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6</v>
      </c>
      <c r="I214" s="9" t="s">
        <v>54</v>
      </c>
      <c r="J214" s="9" t="s">
        <v>49</v>
      </c>
      <c r="K214" s="6">
        <v>24484</v>
      </c>
      <c r="L214" s="6">
        <v>4583</v>
      </c>
      <c r="M214" s="6">
        <v>4510</v>
      </c>
      <c r="N214" s="6">
        <v>2716</v>
      </c>
      <c r="O214" s="6">
        <v>1650</v>
      </c>
      <c r="P214" s="6">
        <v>1</v>
      </c>
      <c r="Q214" s="6">
        <v>143</v>
      </c>
      <c r="R214" s="6">
        <v>73</v>
      </c>
      <c r="S214" s="6">
        <v>19422</v>
      </c>
      <c r="T214" s="6">
        <v>6409</v>
      </c>
      <c r="U214" s="6">
        <v>9</v>
      </c>
      <c r="V214" s="6">
        <v>13004</v>
      </c>
      <c r="W214" s="6">
        <v>479</v>
      </c>
      <c r="X214" s="6">
        <v>2510</v>
      </c>
      <c r="Y214" s="6">
        <v>1603</v>
      </c>
      <c r="Z214" s="6">
        <v>796</v>
      </c>
      <c r="AA214" s="6">
        <v>1</v>
      </c>
      <c r="AB214" s="6">
        <v>110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6</v>
      </c>
      <c r="I215" s="9" t="s">
        <v>54</v>
      </c>
      <c r="J215" s="9" t="s">
        <v>50</v>
      </c>
      <c r="K215" s="6">
        <v>14274</v>
      </c>
      <c r="L215" s="6">
        <v>926</v>
      </c>
      <c r="M215" s="6">
        <v>919</v>
      </c>
      <c r="N215" s="6">
        <v>462</v>
      </c>
      <c r="O215" s="6">
        <v>433</v>
      </c>
      <c r="P215" s="10" t="s">
        <v>55</v>
      </c>
      <c r="Q215" s="6">
        <v>24</v>
      </c>
      <c r="R215" s="6">
        <v>7</v>
      </c>
      <c r="S215" s="6">
        <v>13072</v>
      </c>
      <c r="T215" s="6">
        <v>2969</v>
      </c>
      <c r="U215" s="6">
        <v>7</v>
      </c>
      <c r="V215" s="6">
        <v>10096</v>
      </c>
      <c r="W215" s="6">
        <v>276</v>
      </c>
      <c r="X215" s="6">
        <v>298</v>
      </c>
      <c r="Y215" s="6">
        <v>160</v>
      </c>
      <c r="Z215" s="6">
        <v>125</v>
      </c>
      <c r="AA215" s="10" t="s">
        <v>55</v>
      </c>
      <c r="AB215" s="6">
        <v>13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6</v>
      </c>
      <c r="I216" s="9" t="s">
        <v>54</v>
      </c>
      <c r="J216" s="9" t="s">
        <v>51</v>
      </c>
      <c r="K216" s="6">
        <v>5920</v>
      </c>
      <c r="L216" s="6">
        <v>112</v>
      </c>
      <c r="M216" s="6">
        <v>112</v>
      </c>
      <c r="N216" s="6">
        <v>54</v>
      </c>
      <c r="O216" s="6">
        <v>55</v>
      </c>
      <c r="P216" s="10" t="s">
        <v>55</v>
      </c>
      <c r="Q216" s="6">
        <v>3</v>
      </c>
      <c r="R216" s="10" t="s">
        <v>55</v>
      </c>
      <c r="S216" s="6">
        <v>5697</v>
      </c>
      <c r="T216" s="6">
        <v>714</v>
      </c>
      <c r="U216" s="6">
        <v>5</v>
      </c>
      <c r="V216" s="6">
        <v>4978</v>
      </c>
      <c r="W216" s="6">
        <v>111</v>
      </c>
      <c r="X216" s="6">
        <v>25</v>
      </c>
      <c r="Y216" s="6">
        <v>13</v>
      </c>
      <c r="Z216" s="6">
        <v>11</v>
      </c>
      <c r="AA216" s="10" t="s">
        <v>55</v>
      </c>
      <c r="AB216" s="6">
        <v>1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6</v>
      </c>
      <c r="I217" s="9" t="s">
        <v>54</v>
      </c>
      <c r="J217" s="9" t="s">
        <v>52</v>
      </c>
      <c r="K217" s="6">
        <v>35734</v>
      </c>
      <c r="L217" s="6">
        <v>26015</v>
      </c>
      <c r="M217" s="6">
        <v>25147</v>
      </c>
      <c r="N217" s="6">
        <v>20549</v>
      </c>
      <c r="O217" s="6">
        <v>3850</v>
      </c>
      <c r="P217" s="6">
        <v>116</v>
      </c>
      <c r="Q217" s="6">
        <v>632</v>
      </c>
      <c r="R217" s="6">
        <v>868</v>
      </c>
      <c r="S217" s="6">
        <v>7824</v>
      </c>
      <c r="T217" s="6">
        <v>5608</v>
      </c>
      <c r="U217" s="6">
        <v>362</v>
      </c>
      <c r="V217" s="6">
        <v>1854</v>
      </c>
      <c r="W217" s="6">
        <v>1895</v>
      </c>
      <c r="X217" s="6">
        <v>21837</v>
      </c>
      <c r="Y217" s="6">
        <v>18208</v>
      </c>
      <c r="Z217" s="6">
        <v>2914</v>
      </c>
      <c r="AA217" s="6">
        <v>115</v>
      </c>
      <c r="AB217" s="6">
        <v>600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6</v>
      </c>
      <c r="I218" s="9" t="s">
        <v>6</v>
      </c>
      <c r="J218" s="9" t="s">
        <v>30</v>
      </c>
      <c r="K218" s="6">
        <v>83915</v>
      </c>
      <c r="L218" s="6">
        <v>46248</v>
      </c>
      <c r="M218" s="6">
        <v>44241</v>
      </c>
      <c r="N218" s="6">
        <v>38771</v>
      </c>
      <c r="O218" s="6">
        <v>4120</v>
      </c>
      <c r="P218" s="6">
        <v>319</v>
      </c>
      <c r="Q218" s="6">
        <v>1031</v>
      </c>
      <c r="R218" s="6">
        <v>2007</v>
      </c>
      <c r="S218" s="6">
        <v>33341</v>
      </c>
      <c r="T218" s="6">
        <v>9263</v>
      </c>
      <c r="U218" s="6">
        <v>4421</v>
      </c>
      <c r="V218" s="6">
        <v>19657</v>
      </c>
      <c r="W218" s="6">
        <v>4326</v>
      </c>
      <c r="X218" s="6">
        <v>36659</v>
      </c>
      <c r="Y218" s="6">
        <v>32647</v>
      </c>
      <c r="Z218" s="6">
        <v>2877</v>
      </c>
      <c r="AA218" s="6">
        <v>317</v>
      </c>
      <c r="AB218" s="6">
        <v>818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6</v>
      </c>
      <c r="I219" s="9" t="s">
        <v>6</v>
      </c>
      <c r="J219" s="9" t="s">
        <v>31</v>
      </c>
      <c r="K219" s="6">
        <v>4779</v>
      </c>
      <c r="L219" s="6">
        <v>540</v>
      </c>
      <c r="M219" s="6">
        <v>494</v>
      </c>
      <c r="N219" s="6">
        <v>322</v>
      </c>
      <c r="O219" s="6">
        <v>11</v>
      </c>
      <c r="P219" s="6">
        <v>153</v>
      </c>
      <c r="Q219" s="6">
        <v>8</v>
      </c>
      <c r="R219" s="6">
        <v>46</v>
      </c>
      <c r="S219" s="6">
        <v>3937</v>
      </c>
      <c r="T219" s="6">
        <v>23</v>
      </c>
      <c r="U219" s="6">
        <v>3869</v>
      </c>
      <c r="V219" s="6">
        <v>45</v>
      </c>
      <c r="W219" s="6">
        <v>302</v>
      </c>
      <c r="X219" s="6">
        <v>480</v>
      </c>
      <c r="Y219" s="6">
        <v>309</v>
      </c>
      <c r="Z219" s="6">
        <v>11</v>
      </c>
      <c r="AA219" s="6">
        <v>153</v>
      </c>
      <c r="AB219" s="6">
        <v>7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6</v>
      </c>
      <c r="I220" s="9" t="s">
        <v>6</v>
      </c>
      <c r="J220" s="9" t="s">
        <v>32</v>
      </c>
      <c r="K220" s="6">
        <v>3560</v>
      </c>
      <c r="L220" s="6">
        <v>2562</v>
      </c>
      <c r="M220" s="6">
        <v>2398</v>
      </c>
      <c r="N220" s="6">
        <v>2180</v>
      </c>
      <c r="O220" s="6">
        <v>46</v>
      </c>
      <c r="P220" s="6">
        <v>124</v>
      </c>
      <c r="Q220" s="6">
        <v>48</v>
      </c>
      <c r="R220" s="6">
        <v>164</v>
      </c>
      <c r="S220" s="6">
        <v>660</v>
      </c>
      <c r="T220" s="6">
        <v>83</v>
      </c>
      <c r="U220" s="6">
        <v>507</v>
      </c>
      <c r="V220" s="6">
        <v>70</v>
      </c>
      <c r="W220" s="6">
        <v>338</v>
      </c>
      <c r="X220" s="6">
        <v>2273</v>
      </c>
      <c r="Y220" s="6">
        <v>2062</v>
      </c>
      <c r="Z220" s="6">
        <v>41</v>
      </c>
      <c r="AA220" s="6">
        <v>123</v>
      </c>
      <c r="AB220" s="6">
        <v>47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6</v>
      </c>
      <c r="I221" s="9" t="s">
        <v>6</v>
      </c>
      <c r="J221" s="9" t="s">
        <v>33</v>
      </c>
      <c r="K221" s="6">
        <v>3952</v>
      </c>
      <c r="L221" s="6">
        <v>3293</v>
      </c>
      <c r="M221" s="6">
        <v>3120</v>
      </c>
      <c r="N221" s="6">
        <v>2898</v>
      </c>
      <c r="O221" s="6">
        <v>110</v>
      </c>
      <c r="P221" s="6">
        <v>14</v>
      </c>
      <c r="Q221" s="6">
        <v>98</v>
      </c>
      <c r="R221" s="6">
        <v>173</v>
      </c>
      <c r="S221" s="6">
        <v>247</v>
      </c>
      <c r="T221" s="6">
        <v>168</v>
      </c>
      <c r="U221" s="6">
        <v>16</v>
      </c>
      <c r="V221" s="6">
        <v>63</v>
      </c>
      <c r="W221" s="6">
        <v>412</v>
      </c>
      <c r="X221" s="6">
        <v>2917</v>
      </c>
      <c r="Y221" s="6">
        <v>2720</v>
      </c>
      <c r="Z221" s="6">
        <v>90</v>
      </c>
      <c r="AA221" s="6">
        <v>14</v>
      </c>
      <c r="AB221" s="6">
        <v>93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6</v>
      </c>
      <c r="I222" s="9" t="s">
        <v>6</v>
      </c>
      <c r="J222" s="9" t="s">
        <v>34</v>
      </c>
      <c r="K222" s="6">
        <v>4433</v>
      </c>
      <c r="L222" s="6">
        <v>3622</v>
      </c>
      <c r="M222" s="6">
        <v>3440</v>
      </c>
      <c r="N222" s="6">
        <v>3134</v>
      </c>
      <c r="O222" s="6">
        <v>180</v>
      </c>
      <c r="P222" s="6">
        <v>12</v>
      </c>
      <c r="Q222" s="6">
        <v>114</v>
      </c>
      <c r="R222" s="6">
        <v>182</v>
      </c>
      <c r="S222" s="6">
        <v>372</v>
      </c>
      <c r="T222" s="6">
        <v>292</v>
      </c>
      <c r="U222" s="6">
        <v>8</v>
      </c>
      <c r="V222" s="6">
        <v>72</v>
      </c>
      <c r="W222" s="6">
        <v>439</v>
      </c>
      <c r="X222" s="6">
        <v>3133</v>
      </c>
      <c r="Y222" s="6">
        <v>2876</v>
      </c>
      <c r="Z222" s="6">
        <v>136</v>
      </c>
      <c r="AA222" s="6">
        <v>12</v>
      </c>
      <c r="AB222" s="6">
        <v>109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6</v>
      </c>
      <c r="I223" s="9" t="s">
        <v>6</v>
      </c>
      <c r="J223" s="9" t="s">
        <v>35</v>
      </c>
      <c r="K223" s="6">
        <v>5091</v>
      </c>
      <c r="L223" s="6">
        <v>4294</v>
      </c>
      <c r="M223" s="6">
        <v>4112</v>
      </c>
      <c r="N223" s="6">
        <v>3709</v>
      </c>
      <c r="O223" s="6">
        <v>288</v>
      </c>
      <c r="P223" s="6">
        <v>6</v>
      </c>
      <c r="Q223" s="6">
        <v>109</v>
      </c>
      <c r="R223" s="6">
        <v>182</v>
      </c>
      <c r="S223" s="6">
        <v>390</v>
      </c>
      <c r="T223" s="6">
        <v>302</v>
      </c>
      <c r="U223" s="6">
        <v>5</v>
      </c>
      <c r="V223" s="6">
        <v>83</v>
      </c>
      <c r="W223" s="6">
        <v>407</v>
      </c>
      <c r="X223" s="6">
        <v>3706</v>
      </c>
      <c r="Y223" s="6">
        <v>3349</v>
      </c>
      <c r="Z223" s="6">
        <v>248</v>
      </c>
      <c r="AA223" s="6">
        <v>6</v>
      </c>
      <c r="AB223" s="6">
        <v>103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6</v>
      </c>
      <c r="I224" s="9" t="s">
        <v>6</v>
      </c>
      <c r="J224" s="9" t="s">
        <v>36</v>
      </c>
      <c r="K224" s="6">
        <v>5555</v>
      </c>
      <c r="L224" s="6">
        <v>4697</v>
      </c>
      <c r="M224" s="6">
        <v>4513</v>
      </c>
      <c r="N224" s="6">
        <v>4145</v>
      </c>
      <c r="O224" s="6">
        <v>313</v>
      </c>
      <c r="P224" s="6">
        <v>4</v>
      </c>
      <c r="Q224" s="6">
        <v>51</v>
      </c>
      <c r="R224" s="6">
        <v>184</v>
      </c>
      <c r="S224" s="6">
        <v>386</v>
      </c>
      <c r="T224" s="6">
        <v>294</v>
      </c>
      <c r="U224" s="6">
        <v>2</v>
      </c>
      <c r="V224" s="6">
        <v>90</v>
      </c>
      <c r="W224" s="6">
        <v>472</v>
      </c>
      <c r="X224" s="6">
        <v>4011</v>
      </c>
      <c r="Y224" s="6">
        <v>3698</v>
      </c>
      <c r="Z224" s="6">
        <v>260</v>
      </c>
      <c r="AA224" s="6">
        <v>4</v>
      </c>
      <c r="AB224" s="6">
        <v>49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6</v>
      </c>
      <c r="I225" s="9" t="s">
        <v>6</v>
      </c>
      <c r="J225" s="9" t="s">
        <v>37</v>
      </c>
      <c r="K225" s="6">
        <v>6154</v>
      </c>
      <c r="L225" s="6">
        <v>5223</v>
      </c>
      <c r="M225" s="6">
        <v>5011</v>
      </c>
      <c r="N225" s="6">
        <v>4584</v>
      </c>
      <c r="O225" s="6">
        <v>374</v>
      </c>
      <c r="P225" s="6">
        <v>3</v>
      </c>
      <c r="Q225" s="6">
        <v>50</v>
      </c>
      <c r="R225" s="6">
        <v>212</v>
      </c>
      <c r="S225" s="6">
        <v>516</v>
      </c>
      <c r="T225" s="6">
        <v>366</v>
      </c>
      <c r="U225" s="6">
        <v>4</v>
      </c>
      <c r="V225" s="6">
        <v>146</v>
      </c>
      <c r="W225" s="6">
        <v>415</v>
      </c>
      <c r="X225" s="6">
        <v>4457</v>
      </c>
      <c r="Y225" s="6">
        <v>4098</v>
      </c>
      <c r="Z225" s="6">
        <v>313</v>
      </c>
      <c r="AA225" s="6">
        <v>2</v>
      </c>
      <c r="AB225" s="6">
        <v>44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6</v>
      </c>
      <c r="I226" s="9" t="s">
        <v>6</v>
      </c>
      <c r="J226" s="9" t="s">
        <v>38</v>
      </c>
      <c r="K226" s="6">
        <v>5830</v>
      </c>
      <c r="L226" s="6">
        <v>4871</v>
      </c>
      <c r="M226" s="6">
        <v>4665</v>
      </c>
      <c r="N226" s="6">
        <v>4223</v>
      </c>
      <c r="O226" s="6">
        <v>382</v>
      </c>
      <c r="P226" s="6">
        <v>1</v>
      </c>
      <c r="Q226" s="6">
        <v>59</v>
      </c>
      <c r="R226" s="6">
        <v>206</v>
      </c>
      <c r="S226" s="6">
        <v>630</v>
      </c>
      <c r="T226" s="6">
        <v>440</v>
      </c>
      <c r="U226" s="6">
        <v>1</v>
      </c>
      <c r="V226" s="6">
        <v>189</v>
      </c>
      <c r="W226" s="6">
        <v>329</v>
      </c>
      <c r="X226" s="6">
        <v>4042</v>
      </c>
      <c r="Y226" s="6">
        <v>3667</v>
      </c>
      <c r="Z226" s="6">
        <v>323</v>
      </c>
      <c r="AA226" s="6">
        <v>1</v>
      </c>
      <c r="AB226" s="6">
        <v>51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6</v>
      </c>
      <c r="I227" s="9" t="s">
        <v>6</v>
      </c>
      <c r="J227" s="9" t="s">
        <v>39</v>
      </c>
      <c r="K227" s="6">
        <v>6040</v>
      </c>
      <c r="L227" s="6">
        <v>4931</v>
      </c>
      <c r="M227" s="6">
        <v>4743</v>
      </c>
      <c r="N227" s="6">
        <v>4241</v>
      </c>
      <c r="O227" s="6">
        <v>415</v>
      </c>
      <c r="P227" s="6">
        <v>1</v>
      </c>
      <c r="Q227" s="6">
        <v>86</v>
      </c>
      <c r="R227" s="6">
        <v>188</v>
      </c>
      <c r="S227" s="6">
        <v>850</v>
      </c>
      <c r="T227" s="6">
        <v>600</v>
      </c>
      <c r="U227" s="6">
        <v>2</v>
      </c>
      <c r="V227" s="6">
        <v>248</v>
      </c>
      <c r="W227" s="6">
        <v>259</v>
      </c>
      <c r="X227" s="6">
        <v>4045</v>
      </c>
      <c r="Y227" s="6">
        <v>3660</v>
      </c>
      <c r="Z227" s="6">
        <v>319</v>
      </c>
      <c r="AA227" s="6">
        <v>1</v>
      </c>
      <c r="AB227" s="6">
        <v>65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6</v>
      </c>
      <c r="I228" s="9" t="s">
        <v>6</v>
      </c>
      <c r="J228" s="9" t="s">
        <v>40</v>
      </c>
      <c r="K228" s="6">
        <v>6538</v>
      </c>
      <c r="L228" s="6">
        <v>4575</v>
      </c>
      <c r="M228" s="6">
        <v>4340</v>
      </c>
      <c r="N228" s="6">
        <v>3743</v>
      </c>
      <c r="O228" s="6">
        <v>507</v>
      </c>
      <c r="P228" s="10" t="s">
        <v>55</v>
      </c>
      <c r="Q228" s="6">
        <v>90</v>
      </c>
      <c r="R228" s="6">
        <v>235</v>
      </c>
      <c r="S228" s="6">
        <v>1735</v>
      </c>
      <c r="T228" s="6">
        <v>1013</v>
      </c>
      <c r="U228" s="10" t="s">
        <v>55</v>
      </c>
      <c r="V228" s="6">
        <v>722</v>
      </c>
      <c r="W228" s="6">
        <v>228</v>
      </c>
      <c r="X228" s="6">
        <v>3430</v>
      </c>
      <c r="Y228" s="6">
        <v>2996</v>
      </c>
      <c r="Z228" s="6">
        <v>364</v>
      </c>
      <c r="AA228" s="10" t="s">
        <v>55</v>
      </c>
      <c r="AB228" s="6">
        <v>70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6</v>
      </c>
      <c r="I229" s="9" t="s">
        <v>6</v>
      </c>
      <c r="J229" s="9" t="s">
        <v>41</v>
      </c>
      <c r="K229" s="6">
        <v>7475</v>
      </c>
      <c r="L229" s="6">
        <v>3651</v>
      </c>
      <c r="M229" s="6">
        <v>3509</v>
      </c>
      <c r="N229" s="6">
        <v>2782</v>
      </c>
      <c r="O229" s="6">
        <v>595</v>
      </c>
      <c r="P229" s="6">
        <v>1</v>
      </c>
      <c r="Q229" s="6">
        <v>131</v>
      </c>
      <c r="R229" s="6">
        <v>142</v>
      </c>
      <c r="S229" s="6">
        <v>3630</v>
      </c>
      <c r="T229" s="6">
        <v>1530</v>
      </c>
      <c r="U229" s="10" t="s">
        <v>55</v>
      </c>
      <c r="V229" s="6">
        <v>2100</v>
      </c>
      <c r="W229" s="6">
        <v>194</v>
      </c>
      <c r="X229" s="6">
        <v>2318</v>
      </c>
      <c r="Y229" s="6">
        <v>1864</v>
      </c>
      <c r="Z229" s="6">
        <v>366</v>
      </c>
      <c r="AA229" s="6">
        <v>1</v>
      </c>
      <c r="AB229" s="6">
        <v>87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6</v>
      </c>
      <c r="I230" s="9" t="s">
        <v>6</v>
      </c>
      <c r="J230" s="9" t="s">
        <v>42</v>
      </c>
      <c r="K230" s="6">
        <v>7554</v>
      </c>
      <c r="L230" s="6">
        <v>2462</v>
      </c>
      <c r="M230" s="6">
        <v>2392</v>
      </c>
      <c r="N230" s="6">
        <v>1774</v>
      </c>
      <c r="O230" s="6">
        <v>501</v>
      </c>
      <c r="P230" s="10" t="s">
        <v>55</v>
      </c>
      <c r="Q230" s="6">
        <v>117</v>
      </c>
      <c r="R230" s="6">
        <v>70</v>
      </c>
      <c r="S230" s="6">
        <v>4920</v>
      </c>
      <c r="T230" s="6">
        <v>1606</v>
      </c>
      <c r="U230" s="6">
        <v>1</v>
      </c>
      <c r="V230" s="6">
        <v>3313</v>
      </c>
      <c r="W230" s="6">
        <v>172</v>
      </c>
      <c r="X230" s="6">
        <v>1326</v>
      </c>
      <c r="Y230" s="6">
        <v>982</v>
      </c>
      <c r="Z230" s="6">
        <v>272</v>
      </c>
      <c r="AA230" s="10" t="s">
        <v>55</v>
      </c>
      <c r="AB230" s="6">
        <v>72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6</v>
      </c>
      <c r="I231" s="9" t="s">
        <v>6</v>
      </c>
      <c r="J231" s="9" t="s">
        <v>43</v>
      </c>
      <c r="K231" s="6">
        <v>5707</v>
      </c>
      <c r="L231" s="6">
        <v>940</v>
      </c>
      <c r="M231" s="6">
        <v>922</v>
      </c>
      <c r="N231" s="6">
        <v>645</v>
      </c>
      <c r="O231" s="6">
        <v>242</v>
      </c>
      <c r="P231" s="10" t="s">
        <v>55</v>
      </c>
      <c r="Q231" s="6">
        <v>35</v>
      </c>
      <c r="R231" s="6">
        <v>18</v>
      </c>
      <c r="S231" s="6">
        <v>4644</v>
      </c>
      <c r="T231" s="6">
        <v>1116</v>
      </c>
      <c r="U231" s="6">
        <v>1</v>
      </c>
      <c r="V231" s="6">
        <v>3527</v>
      </c>
      <c r="W231" s="6">
        <v>123</v>
      </c>
      <c r="X231" s="6">
        <v>367</v>
      </c>
      <c r="Y231" s="6">
        <v>254</v>
      </c>
      <c r="Z231" s="6">
        <v>100</v>
      </c>
      <c r="AA231" s="10" t="s">
        <v>55</v>
      </c>
      <c r="AB231" s="6">
        <v>13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6</v>
      </c>
      <c r="I232" s="9" t="s">
        <v>6</v>
      </c>
      <c r="J232" s="9" t="s">
        <v>44</v>
      </c>
      <c r="K232" s="6">
        <v>4819</v>
      </c>
      <c r="L232" s="6">
        <v>408</v>
      </c>
      <c r="M232" s="6">
        <v>405</v>
      </c>
      <c r="N232" s="6">
        <v>277</v>
      </c>
      <c r="O232" s="6">
        <v>107</v>
      </c>
      <c r="P232" s="10" t="s">
        <v>55</v>
      </c>
      <c r="Q232" s="6">
        <v>21</v>
      </c>
      <c r="R232" s="6">
        <v>3</v>
      </c>
      <c r="S232" s="6">
        <v>4310</v>
      </c>
      <c r="T232" s="6">
        <v>847</v>
      </c>
      <c r="U232" s="10" t="s">
        <v>55</v>
      </c>
      <c r="V232" s="6">
        <v>3463</v>
      </c>
      <c r="W232" s="6">
        <v>101</v>
      </c>
      <c r="X232" s="6">
        <v>114</v>
      </c>
      <c r="Y232" s="6">
        <v>85</v>
      </c>
      <c r="Z232" s="6">
        <v>23</v>
      </c>
      <c r="AA232" s="10" t="s">
        <v>55</v>
      </c>
      <c r="AB232" s="6">
        <v>6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6</v>
      </c>
      <c r="I233" s="9" t="s">
        <v>6</v>
      </c>
      <c r="J233" s="9" t="s">
        <v>45</v>
      </c>
      <c r="K233" s="6">
        <v>3874</v>
      </c>
      <c r="L233" s="6">
        <v>147</v>
      </c>
      <c r="M233" s="6">
        <v>145</v>
      </c>
      <c r="N233" s="6">
        <v>93</v>
      </c>
      <c r="O233" s="6">
        <v>40</v>
      </c>
      <c r="P233" s="10" t="s">
        <v>55</v>
      </c>
      <c r="Q233" s="6">
        <v>12</v>
      </c>
      <c r="R233" s="6">
        <v>2</v>
      </c>
      <c r="S233" s="6">
        <v>3631</v>
      </c>
      <c r="T233" s="6">
        <v>453</v>
      </c>
      <c r="U233" s="6">
        <v>4</v>
      </c>
      <c r="V233" s="6">
        <v>3174</v>
      </c>
      <c r="W233" s="6">
        <v>96</v>
      </c>
      <c r="X233" s="6">
        <v>30</v>
      </c>
      <c r="Y233" s="6">
        <v>18</v>
      </c>
      <c r="Z233" s="6">
        <v>10</v>
      </c>
      <c r="AA233" s="10" t="s">
        <v>55</v>
      </c>
      <c r="AB233" s="6">
        <v>2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6</v>
      </c>
      <c r="I234" s="9" t="s">
        <v>6</v>
      </c>
      <c r="J234" s="9" t="s">
        <v>46</v>
      </c>
      <c r="K234" s="6">
        <v>1954</v>
      </c>
      <c r="L234" s="6">
        <v>31</v>
      </c>
      <c r="M234" s="6">
        <v>31</v>
      </c>
      <c r="N234" s="6">
        <v>20</v>
      </c>
      <c r="O234" s="6">
        <v>9</v>
      </c>
      <c r="P234" s="10" t="s">
        <v>55</v>
      </c>
      <c r="Q234" s="6">
        <v>2</v>
      </c>
      <c r="R234" s="10" t="s">
        <v>55</v>
      </c>
      <c r="S234" s="6">
        <v>1888</v>
      </c>
      <c r="T234" s="6">
        <v>115</v>
      </c>
      <c r="U234" s="6">
        <v>1</v>
      </c>
      <c r="V234" s="6">
        <v>1772</v>
      </c>
      <c r="W234" s="6">
        <v>35</v>
      </c>
      <c r="X234" s="6">
        <v>9</v>
      </c>
      <c r="Y234" s="6">
        <v>8</v>
      </c>
      <c r="Z234" s="6">
        <v>1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6</v>
      </c>
      <c r="I235" s="9" t="s">
        <v>6</v>
      </c>
      <c r="J235" s="9" t="s">
        <v>47</v>
      </c>
      <c r="K235" s="6">
        <v>600</v>
      </c>
      <c r="L235" s="6">
        <v>1</v>
      </c>
      <c r="M235" s="6">
        <v>1</v>
      </c>
      <c r="N235" s="6">
        <v>1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595</v>
      </c>
      <c r="T235" s="6">
        <v>15</v>
      </c>
      <c r="U235" s="10" t="s">
        <v>55</v>
      </c>
      <c r="V235" s="6">
        <v>580</v>
      </c>
      <c r="W235" s="6">
        <v>4</v>
      </c>
      <c r="X235" s="6">
        <v>1</v>
      </c>
      <c r="Y235" s="6">
        <v>1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6</v>
      </c>
      <c r="I236" s="9" t="s">
        <v>6</v>
      </c>
      <c r="J236" s="9" t="s">
        <v>48</v>
      </c>
      <c r="K236" s="6">
        <v>51932</v>
      </c>
      <c r="L236" s="6">
        <v>38608</v>
      </c>
      <c r="M236" s="6">
        <v>36836</v>
      </c>
      <c r="N236" s="6">
        <v>33179</v>
      </c>
      <c r="O236" s="6">
        <v>2626</v>
      </c>
      <c r="P236" s="6">
        <v>318</v>
      </c>
      <c r="Q236" s="6">
        <v>713</v>
      </c>
      <c r="R236" s="6">
        <v>1772</v>
      </c>
      <c r="S236" s="6">
        <v>9723</v>
      </c>
      <c r="T236" s="6">
        <v>3581</v>
      </c>
      <c r="U236" s="6">
        <v>4414</v>
      </c>
      <c r="V236" s="6">
        <v>1728</v>
      </c>
      <c r="W236" s="6">
        <v>3601</v>
      </c>
      <c r="X236" s="6">
        <v>32494</v>
      </c>
      <c r="Y236" s="6">
        <v>29435</v>
      </c>
      <c r="Z236" s="6">
        <v>2105</v>
      </c>
      <c r="AA236" s="6">
        <v>316</v>
      </c>
      <c r="AB236" s="6">
        <v>638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6</v>
      </c>
      <c r="I237" s="9" t="s">
        <v>6</v>
      </c>
      <c r="J237" s="9" t="s">
        <v>49</v>
      </c>
      <c r="K237" s="6">
        <v>31983</v>
      </c>
      <c r="L237" s="6">
        <v>7640</v>
      </c>
      <c r="M237" s="6">
        <v>7405</v>
      </c>
      <c r="N237" s="6">
        <v>5592</v>
      </c>
      <c r="O237" s="6">
        <v>1494</v>
      </c>
      <c r="P237" s="6">
        <v>1</v>
      </c>
      <c r="Q237" s="6">
        <v>318</v>
      </c>
      <c r="R237" s="6">
        <v>235</v>
      </c>
      <c r="S237" s="6">
        <v>23618</v>
      </c>
      <c r="T237" s="6">
        <v>5682</v>
      </c>
      <c r="U237" s="6">
        <v>7</v>
      </c>
      <c r="V237" s="6">
        <v>17929</v>
      </c>
      <c r="W237" s="6">
        <v>725</v>
      </c>
      <c r="X237" s="6">
        <v>4165</v>
      </c>
      <c r="Y237" s="6">
        <v>3212</v>
      </c>
      <c r="Z237" s="6">
        <v>772</v>
      </c>
      <c r="AA237" s="6">
        <v>1</v>
      </c>
      <c r="AB237" s="6">
        <v>180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6</v>
      </c>
      <c r="I238" s="9" t="s">
        <v>6</v>
      </c>
      <c r="J238" s="9" t="s">
        <v>50</v>
      </c>
      <c r="K238" s="6">
        <v>16954</v>
      </c>
      <c r="L238" s="6">
        <v>1527</v>
      </c>
      <c r="M238" s="6">
        <v>1504</v>
      </c>
      <c r="N238" s="6">
        <v>1036</v>
      </c>
      <c r="O238" s="6">
        <v>398</v>
      </c>
      <c r="P238" s="10" t="s">
        <v>55</v>
      </c>
      <c r="Q238" s="6">
        <v>70</v>
      </c>
      <c r="R238" s="6">
        <v>23</v>
      </c>
      <c r="S238" s="6">
        <v>15068</v>
      </c>
      <c r="T238" s="6">
        <v>2546</v>
      </c>
      <c r="U238" s="6">
        <v>6</v>
      </c>
      <c r="V238" s="6">
        <v>12516</v>
      </c>
      <c r="W238" s="6">
        <v>359</v>
      </c>
      <c r="X238" s="6">
        <v>521</v>
      </c>
      <c r="Y238" s="6">
        <v>366</v>
      </c>
      <c r="Z238" s="6">
        <v>134</v>
      </c>
      <c r="AA238" s="10" t="s">
        <v>55</v>
      </c>
      <c r="AB238" s="6">
        <v>21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6</v>
      </c>
      <c r="I239" s="9" t="s">
        <v>6</v>
      </c>
      <c r="J239" s="9" t="s">
        <v>51</v>
      </c>
      <c r="K239" s="6">
        <v>6428</v>
      </c>
      <c r="L239" s="6">
        <v>179</v>
      </c>
      <c r="M239" s="6">
        <v>177</v>
      </c>
      <c r="N239" s="6">
        <v>114</v>
      </c>
      <c r="O239" s="6">
        <v>49</v>
      </c>
      <c r="P239" s="10" t="s">
        <v>55</v>
      </c>
      <c r="Q239" s="6">
        <v>14</v>
      </c>
      <c r="R239" s="6">
        <v>2</v>
      </c>
      <c r="S239" s="6">
        <v>6114</v>
      </c>
      <c r="T239" s="6">
        <v>583</v>
      </c>
      <c r="U239" s="6">
        <v>5</v>
      </c>
      <c r="V239" s="6">
        <v>5526</v>
      </c>
      <c r="W239" s="6">
        <v>135</v>
      </c>
      <c r="X239" s="6">
        <v>40</v>
      </c>
      <c r="Y239" s="6">
        <v>27</v>
      </c>
      <c r="Z239" s="6">
        <v>11</v>
      </c>
      <c r="AA239" s="10" t="s">
        <v>55</v>
      </c>
      <c r="AB239" s="6">
        <v>2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6</v>
      </c>
      <c r="I240" s="9" t="s">
        <v>6</v>
      </c>
      <c r="J240" s="9" t="s">
        <v>52</v>
      </c>
      <c r="K240" s="6">
        <v>54628</v>
      </c>
      <c r="L240" s="6">
        <v>41719</v>
      </c>
      <c r="M240" s="6">
        <v>39851</v>
      </c>
      <c r="N240" s="6">
        <v>35639</v>
      </c>
      <c r="O240" s="6">
        <v>3210</v>
      </c>
      <c r="P240" s="6">
        <v>166</v>
      </c>
      <c r="Q240" s="6">
        <v>836</v>
      </c>
      <c r="R240" s="6">
        <v>1868</v>
      </c>
      <c r="S240" s="6">
        <v>9416</v>
      </c>
      <c r="T240" s="6">
        <v>5088</v>
      </c>
      <c r="U240" s="6">
        <v>545</v>
      </c>
      <c r="V240" s="6">
        <v>3783</v>
      </c>
      <c r="W240" s="6">
        <v>3493</v>
      </c>
      <c r="X240" s="6">
        <v>34332</v>
      </c>
      <c r="Y240" s="6">
        <v>30990</v>
      </c>
      <c r="Z240" s="6">
        <v>2460</v>
      </c>
      <c r="AA240" s="6">
        <v>164</v>
      </c>
      <c r="AB240" s="6">
        <v>718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6</v>
      </c>
      <c r="I241" s="9" t="s">
        <v>53</v>
      </c>
      <c r="J241" s="9" t="s">
        <v>30</v>
      </c>
      <c r="K241" s="6">
        <v>38508</v>
      </c>
      <c r="L241" s="6">
        <v>23905</v>
      </c>
      <c r="M241" s="6">
        <v>22640</v>
      </c>
      <c r="N241" s="6">
        <v>21652</v>
      </c>
      <c r="O241" s="6">
        <v>421</v>
      </c>
      <c r="P241" s="6">
        <v>124</v>
      </c>
      <c r="Q241" s="6">
        <v>443</v>
      </c>
      <c r="R241" s="6">
        <v>1265</v>
      </c>
      <c r="S241" s="6">
        <v>12387</v>
      </c>
      <c r="T241" s="6">
        <v>1128</v>
      </c>
      <c r="U241" s="6">
        <v>2241</v>
      </c>
      <c r="V241" s="6">
        <v>9018</v>
      </c>
      <c r="W241" s="6">
        <v>2216</v>
      </c>
      <c r="X241" s="6">
        <v>18256</v>
      </c>
      <c r="Y241" s="6">
        <v>17633</v>
      </c>
      <c r="Z241" s="6">
        <v>217</v>
      </c>
      <c r="AA241" s="6">
        <v>123</v>
      </c>
      <c r="AB241" s="6">
        <v>283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6</v>
      </c>
      <c r="I242" s="9" t="s">
        <v>53</v>
      </c>
      <c r="J242" s="9" t="s">
        <v>31</v>
      </c>
      <c r="K242" s="6">
        <v>2470</v>
      </c>
      <c r="L242" s="6">
        <v>295</v>
      </c>
      <c r="M242" s="6">
        <v>269</v>
      </c>
      <c r="N242" s="6">
        <v>205</v>
      </c>
      <c r="O242" s="6">
        <v>3</v>
      </c>
      <c r="P242" s="6">
        <v>59</v>
      </c>
      <c r="Q242" s="6">
        <v>2</v>
      </c>
      <c r="R242" s="6">
        <v>26</v>
      </c>
      <c r="S242" s="6">
        <v>2026</v>
      </c>
      <c r="T242" s="6">
        <v>4</v>
      </c>
      <c r="U242" s="6">
        <v>2000</v>
      </c>
      <c r="V242" s="6">
        <v>22</v>
      </c>
      <c r="W242" s="6">
        <v>149</v>
      </c>
      <c r="X242" s="6">
        <v>257</v>
      </c>
      <c r="Y242" s="6">
        <v>193</v>
      </c>
      <c r="Z242" s="6">
        <v>3</v>
      </c>
      <c r="AA242" s="6">
        <v>59</v>
      </c>
      <c r="AB242" s="6">
        <v>2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6</v>
      </c>
      <c r="I243" s="9" t="s">
        <v>53</v>
      </c>
      <c r="J243" s="9" t="s">
        <v>32</v>
      </c>
      <c r="K243" s="6">
        <v>1662</v>
      </c>
      <c r="L243" s="6">
        <v>1204</v>
      </c>
      <c r="M243" s="6">
        <v>1118</v>
      </c>
      <c r="N243" s="6">
        <v>1045</v>
      </c>
      <c r="O243" s="6">
        <v>6</v>
      </c>
      <c r="P243" s="6">
        <v>52</v>
      </c>
      <c r="Q243" s="6">
        <v>15</v>
      </c>
      <c r="R243" s="6">
        <v>86</v>
      </c>
      <c r="S243" s="6">
        <v>278</v>
      </c>
      <c r="T243" s="6">
        <v>12</v>
      </c>
      <c r="U243" s="6">
        <v>226</v>
      </c>
      <c r="V243" s="6">
        <v>40</v>
      </c>
      <c r="W243" s="6">
        <v>180</v>
      </c>
      <c r="X243" s="6">
        <v>1027</v>
      </c>
      <c r="Y243" s="6">
        <v>956</v>
      </c>
      <c r="Z243" s="6">
        <v>5</v>
      </c>
      <c r="AA243" s="6">
        <v>51</v>
      </c>
      <c r="AB243" s="6">
        <v>15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6</v>
      </c>
      <c r="I244" s="9" t="s">
        <v>53</v>
      </c>
      <c r="J244" s="9" t="s">
        <v>33</v>
      </c>
      <c r="K244" s="6">
        <v>1857</v>
      </c>
      <c r="L244" s="6">
        <v>1595</v>
      </c>
      <c r="M244" s="6">
        <v>1486</v>
      </c>
      <c r="N244" s="6">
        <v>1451</v>
      </c>
      <c r="O244" s="6">
        <v>15</v>
      </c>
      <c r="P244" s="6">
        <v>4</v>
      </c>
      <c r="Q244" s="6">
        <v>16</v>
      </c>
      <c r="R244" s="6">
        <v>109</v>
      </c>
      <c r="S244" s="6">
        <v>52</v>
      </c>
      <c r="T244" s="6">
        <v>8</v>
      </c>
      <c r="U244" s="6">
        <v>7</v>
      </c>
      <c r="V244" s="6">
        <v>37</v>
      </c>
      <c r="W244" s="6">
        <v>210</v>
      </c>
      <c r="X244" s="6">
        <v>1353</v>
      </c>
      <c r="Y244" s="6">
        <v>1324</v>
      </c>
      <c r="Z244" s="6">
        <v>12</v>
      </c>
      <c r="AA244" s="6">
        <v>4</v>
      </c>
      <c r="AB244" s="6">
        <v>13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6</v>
      </c>
      <c r="I245" s="9" t="s">
        <v>53</v>
      </c>
      <c r="J245" s="9" t="s">
        <v>34</v>
      </c>
      <c r="K245" s="6">
        <v>2109</v>
      </c>
      <c r="L245" s="6">
        <v>1822</v>
      </c>
      <c r="M245" s="6">
        <v>1727</v>
      </c>
      <c r="N245" s="6">
        <v>1694</v>
      </c>
      <c r="O245" s="6">
        <v>11</v>
      </c>
      <c r="P245" s="6">
        <v>4</v>
      </c>
      <c r="Q245" s="6">
        <v>18</v>
      </c>
      <c r="R245" s="6">
        <v>95</v>
      </c>
      <c r="S245" s="6">
        <v>73</v>
      </c>
      <c r="T245" s="6">
        <v>19</v>
      </c>
      <c r="U245" s="6">
        <v>5</v>
      </c>
      <c r="V245" s="6">
        <v>49</v>
      </c>
      <c r="W245" s="6">
        <v>214</v>
      </c>
      <c r="X245" s="6">
        <v>1559</v>
      </c>
      <c r="Y245" s="6">
        <v>1533</v>
      </c>
      <c r="Z245" s="6">
        <v>6</v>
      </c>
      <c r="AA245" s="6">
        <v>4</v>
      </c>
      <c r="AB245" s="6">
        <v>16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6</v>
      </c>
      <c r="I246" s="9" t="s">
        <v>53</v>
      </c>
      <c r="J246" s="9" t="s">
        <v>35</v>
      </c>
      <c r="K246" s="6">
        <v>2478</v>
      </c>
      <c r="L246" s="6">
        <v>2188</v>
      </c>
      <c r="M246" s="6">
        <v>2068</v>
      </c>
      <c r="N246" s="6">
        <v>2026</v>
      </c>
      <c r="O246" s="6">
        <v>10</v>
      </c>
      <c r="P246" s="6">
        <v>2</v>
      </c>
      <c r="Q246" s="6">
        <v>30</v>
      </c>
      <c r="R246" s="6">
        <v>120</v>
      </c>
      <c r="S246" s="6">
        <v>69</v>
      </c>
      <c r="T246" s="6">
        <v>19</v>
      </c>
      <c r="U246" s="6">
        <v>1</v>
      </c>
      <c r="V246" s="6">
        <v>49</v>
      </c>
      <c r="W246" s="6">
        <v>221</v>
      </c>
      <c r="X246" s="6">
        <v>1818</v>
      </c>
      <c r="Y246" s="6">
        <v>1786</v>
      </c>
      <c r="Z246" s="6">
        <v>5</v>
      </c>
      <c r="AA246" s="6">
        <v>2</v>
      </c>
      <c r="AB246" s="6">
        <v>25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6</v>
      </c>
      <c r="I247" s="9" t="s">
        <v>53</v>
      </c>
      <c r="J247" s="9" t="s">
        <v>36</v>
      </c>
      <c r="K247" s="6">
        <v>2731</v>
      </c>
      <c r="L247" s="6">
        <v>2412</v>
      </c>
      <c r="M247" s="6">
        <v>2294</v>
      </c>
      <c r="N247" s="6">
        <v>2267</v>
      </c>
      <c r="O247" s="6">
        <v>11</v>
      </c>
      <c r="P247" s="10" t="s">
        <v>55</v>
      </c>
      <c r="Q247" s="6">
        <v>16</v>
      </c>
      <c r="R247" s="6">
        <v>118</v>
      </c>
      <c r="S247" s="6">
        <v>72</v>
      </c>
      <c r="T247" s="6">
        <v>14</v>
      </c>
      <c r="U247" s="6">
        <v>1</v>
      </c>
      <c r="V247" s="6">
        <v>57</v>
      </c>
      <c r="W247" s="6">
        <v>247</v>
      </c>
      <c r="X247" s="6">
        <v>1990</v>
      </c>
      <c r="Y247" s="6">
        <v>1970</v>
      </c>
      <c r="Z247" s="6">
        <v>6</v>
      </c>
      <c r="AA247" s="10" t="s">
        <v>55</v>
      </c>
      <c r="AB247" s="6">
        <v>14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6</v>
      </c>
      <c r="I248" s="9" t="s">
        <v>53</v>
      </c>
      <c r="J248" s="9" t="s">
        <v>37</v>
      </c>
      <c r="K248" s="6">
        <v>3007</v>
      </c>
      <c r="L248" s="6">
        <v>2690</v>
      </c>
      <c r="M248" s="6">
        <v>2569</v>
      </c>
      <c r="N248" s="6">
        <v>2539</v>
      </c>
      <c r="O248" s="6">
        <v>10</v>
      </c>
      <c r="P248" s="6">
        <v>1</v>
      </c>
      <c r="Q248" s="6">
        <v>19</v>
      </c>
      <c r="R248" s="6">
        <v>121</v>
      </c>
      <c r="S248" s="6">
        <v>112</v>
      </c>
      <c r="T248" s="6">
        <v>27</v>
      </c>
      <c r="U248" s="10" t="s">
        <v>55</v>
      </c>
      <c r="V248" s="6">
        <v>85</v>
      </c>
      <c r="W248" s="6">
        <v>205</v>
      </c>
      <c r="X248" s="6">
        <v>2232</v>
      </c>
      <c r="Y248" s="6">
        <v>2212</v>
      </c>
      <c r="Z248" s="6">
        <v>5</v>
      </c>
      <c r="AA248" s="6">
        <v>1</v>
      </c>
      <c r="AB248" s="6">
        <v>14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6</v>
      </c>
      <c r="I249" s="9" t="s">
        <v>53</v>
      </c>
      <c r="J249" s="9" t="s">
        <v>38</v>
      </c>
      <c r="K249" s="6">
        <v>2785</v>
      </c>
      <c r="L249" s="6">
        <v>2445</v>
      </c>
      <c r="M249" s="6">
        <v>2314</v>
      </c>
      <c r="N249" s="6">
        <v>2260</v>
      </c>
      <c r="O249" s="6">
        <v>22</v>
      </c>
      <c r="P249" s="6">
        <v>1</v>
      </c>
      <c r="Q249" s="6">
        <v>31</v>
      </c>
      <c r="R249" s="6">
        <v>131</v>
      </c>
      <c r="S249" s="6">
        <v>148</v>
      </c>
      <c r="T249" s="6">
        <v>33</v>
      </c>
      <c r="U249" s="10" t="s">
        <v>55</v>
      </c>
      <c r="V249" s="6">
        <v>115</v>
      </c>
      <c r="W249" s="6">
        <v>192</v>
      </c>
      <c r="X249" s="6">
        <v>1952</v>
      </c>
      <c r="Y249" s="6">
        <v>1917</v>
      </c>
      <c r="Z249" s="6">
        <v>10</v>
      </c>
      <c r="AA249" s="6">
        <v>1</v>
      </c>
      <c r="AB249" s="6">
        <v>24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6</v>
      </c>
      <c r="I250" s="9" t="s">
        <v>53</v>
      </c>
      <c r="J250" s="9" t="s">
        <v>39</v>
      </c>
      <c r="K250" s="6">
        <v>2894</v>
      </c>
      <c r="L250" s="6">
        <v>2550</v>
      </c>
      <c r="M250" s="6">
        <v>2426</v>
      </c>
      <c r="N250" s="6">
        <v>2358</v>
      </c>
      <c r="O250" s="6">
        <v>20</v>
      </c>
      <c r="P250" s="6">
        <v>1</v>
      </c>
      <c r="Q250" s="6">
        <v>47</v>
      </c>
      <c r="R250" s="6">
        <v>124</v>
      </c>
      <c r="S250" s="6">
        <v>205</v>
      </c>
      <c r="T250" s="6">
        <v>51</v>
      </c>
      <c r="U250" s="6">
        <v>1</v>
      </c>
      <c r="V250" s="6">
        <v>153</v>
      </c>
      <c r="W250" s="6">
        <v>139</v>
      </c>
      <c r="X250" s="6">
        <v>2059</v>
      </c>
      <c r="Y250" s="6">
        <v>2017</v>
      </c>
      <c r="Z250" s="6">
        <v>8</v>
      </c>
      <c r="AA250" s="6">
        <v>1</v>
      </c>
      <c r="AB250" s="6">
        <v>33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6</v>
      </c>
      <c r="I251" s="9" t="s">
        <v>53</v>
      </c>
      <c r="J251" s="9" t="s">
        <v>40</v>
      </c>
      <c r="K251" s="6">
        <v>3156</v>
      </c>
      <c r="L251" s="6">
        <v>2493</v>
      </c>
      <c r="M251" s="6">
        <v>2333</v>
      </c>
      <c r="N251" s="6">
        <v>2252</v>
      </c>
      <c r="O251" s="6">
        <v>38</v>
      </c>
      <c r="P251" s="10" t="s">
        <v>55</v>
      </c>
      <c r="Q251" s="6">
        <v>43</v>
      </c>
      <c r="R251" s="6">
        <v>160</v>
      </c>
      <c r="S251" s="6">
        <v>539</v>
      </c>
      <c r="T251" s="6">
        <v>104</v>
      </c>
      <c r="U251" s="10" t="s">
        <v>55</v>
      </c>
      <c r="V251" s="6">
        <v>435</v>
      </c>
      <c r="W251" s="6">
        <v>124</v>
      </c>
      <c r="X251" s="6">
        <v>1826</v>
      </c>
      <c r="Y251" s="6">
        <v>1781</v>
      </c>
      <c r="Z251" s="6">
        <v>16</v>
      </c>
      <c r="AA251" s="10" t="s">
        <v>55</v>
      </c>
      <c r="AB251" s="6">
        <v>29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6</v>
      </c>
      <c r="I252" s="9" t="s">
        <v>53</v>
      </c>
      <c r="J252" s="9" t="s">
        <v>41</v>
      </c>
      <c r="K252" s="6">
        <v>3558</v>
      </c>
      <c r="L252" s="6">
        <v>1977</v>
      </c>
      <c r="M252" s="6">
        <v>1872</v>
      </c>
      <c r="N252" s="6">
        <v>1700</v>
      </c>
      <c r="O252" s="6">
        <v>91</v>
      </c>
      <c r="P252" s="10" t="s">
        <v>55</v>
      </c>
      <c r="Q252" s="6">
        <v>81</v>
      </c>
      <c r="R252" s="6">
        <v>105</v>
      </c>
      <c r="S252" s="6">
        <v>1477</v>
      </c>
      <c r="T252" s="6">
        <v>235</v>
      </c>
      <c r="U252" s="10" t="s">
        <v>55</v>
      </c>
      <c r="V252" s="6">
        <v>1242</v>
      </c>
      <c r="W252" s="6">
        <v>104</v>
      </c>
      <c r="X252" s="6">
        <v>1203</v>
      </c>
      <c r="Y252" s="6">
        <v>1101</v>
      </c>
      <c r="Z252" s="6">
        <v>57</v>
      </c>
      <c r="AA252" s="10" t="s">
        <v>55</v>
      </c>
      <c r="AB252" s="6">
        <v>45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6</v>
      </c>
      <c r="I253" s="9" t="s">
        <v>53</v>
      </c>
      <c r="J253" s="9" t="s">
        <v>42</v>
      </c>
      <c r="K253" s="6">
        <v>3533</v>
      </c>
      <c r="L253" s="6">
        <v>1375</v>
      </c>
      <c r="M253" s="6">
        <v>1323</v>
      </c>
      <c r="N253" s="6">
        <v>1158</v>
      </c>
      <c r="O253" s="6">
        <v>92</v>
      </c>
      <c r="P253" s="10" t="s">
        <v>55</v>
      </c>
      <c r="Q253" s="6">
        <v>73</v>
      </c>
      <c r="R253" s="6">
        <v>52</v>
      </c>
      <c r="S253" s="6">
        <v>2067</v>
      </c>
      <c r="T253" s="6">
        <v>215</v>
      </c>
      <c r="U253" s="10" t="s">
        <v>55</v>
      </c>
      <c r="V253" s="6">
        <v>1852</v>
      </c>
      <c r="W253" s="6">
        <v>91</v>
      </c>
      <c r="X253" s="6">
        <v>701</v>
      </c>
      <c r="Y253" s="6">
        <v>606</v>
      </c>
      <c r="Z253" s="6">
        <v>55</v>
      </c>
      <c r="AA253" s="10" t="s">
        <v>55</v>
      </c>
      <c r="AB253" s="6">
        <v>40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6</v>
      </c>
      <c r="I254" s="9" t="s">
        <v>53</v>
      </c>
      <c r="J254" s="9" t="s">
        <v>43</v>
      </c>
      <c r="K254" s="6">
        <v>2441</v>
      </c>
      <c r="L254" s="6">
        <v>528</v>
      </c>
      <c r="M254" s="6">
        <v>515</v>
      </c>
      <c r="N254" s="6">
        <v>438</v>
      </c>
      <c r="O254" s="6">
        <v>51</v>
      </c>
      <c r="P254" s="10" t="s">
        <v>55</v>
      </c>
      <c r="Q254" s="6">
        <v>26</v>
      </c>
      <c r="R254" s="6">
        <v>13</v>
      </c>
      <c r="S254" s="6">
        <v>1855</v>
      </c>
      <c r="T254" s="6">
        <v>176</v>
      </c>
      <c r="U254" s="10" t="s">
        <v>55</v>
      </c>
      <c r="V254" s="6">
        <v>1679</v>
      </c>
      <c r="W254" s="6">
        <v>58</v>
      </c>
      <c r="X254" s="6">
        <v>197</v>
      </c>
      <c r="Y254" s="6">
        <v>166</v>
      </c>
      <c r="Z254" s="6">
        <v>24</v>
      </c>
      <c r="AA254" s="10" t="s">
        <v>55</v>
      </c>
      <c r="AB254" s="6">
        <v>7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6</v>
      </c>
      <c r="I255" s="9" t="s">
        <v>53</v>
      </c>
      <c r="J255" s="9" t="s">
        <v>44</v>
      </c>
      <c r="K255" s="6">
        <v>1867</v>
      </c>
      <c r="L255" s="6">
        <v>236</v>
      </c>
      <c r="M255" s="6">
        <v>233</v>
      </c>
      <c r="N255" s="6">
        <v>189</v>
      </c>
      <c r="O255" s="6">
        <v>29</v>
      </c>
      <c r="P255" s="10" t="s">
        <v>55</v>
      </c>
      <c r="Q255" s="6">
        <v>15</v>
      </c>
      <c r="R255" s="6">
        <v>3</v>
      </c>
      <c r="S255" s="6">
        <v>1592</v>
      </c>
      <c r="T255" s="6">
        <v>135</v>
      </c>
      <c r="U255" s="10" t="s">
        <v>55</v>
      </c>
      <c r="V255" s="6">
        <v>1457</v>
      </c>
      <c r="W255" s="6">
        <v>39</v>
      </c>
      <c r="X255" s="6">
        <v>62</v>
      </c>
      <c r="Y255" s="6">
        <v>54</v>
      </c>
      <c r="Z255" s="6">
        <v>3</v>
      </c>
      <c r="AA255" s="10" t="s">
        <v>55</v>
      </c>
      <c r="AB255" s="6">
        <v>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6</v>
      </c>
      <c r="I256" s="9" t="s">
        <v>53</v>
      </c>
      <c r="J256" s="9" t="s">
        <v>45</v>
      </c>
      <c r="K256" s="6">
        <v>1318</v>
      </c>
      <c r="L256" s="6">
        <v>79</v>
      </c>
      <c r="M256" s="6">
        <v>77</v>
      </c>
      <c r="N256" s="6">
        <v>58</v>
      </c>
      <c r="O256" s="6">
        <v>10</v>
      </c>
      <c r="P256" s="10" t="s">
        <v>55</v>
      </c>
      <c r="Q256" s="6">
        <v>9</v>
      </c>
      <c r="R256" s="6">
        <v>2</v>
      </c>
      <c r="S256" s="6">
        <v>1206</v>
      </c>
      <c r="T256" s="6">
        <v>61</v>
      </c>
      <c r="U256" s="10" t="s">
        <v>55</v>
      </c>
      <c r="V256" s="6">
        <v>1145</v>
      </c>
      <c r="W256" s="6">
        <v>33</v>
      </c>
      <c r="X256" s="6">
        <v>15</v>
      </c>
      <c r="Y256" s="6">
        <v>12</v>
      </c>
      <c r="Z256" s="6">
        <v>2</v>
      </c>
      <c r="AA256" s="10" t="s">
        <v>55</v>
      </c>
      <c r="AB256" s="6">
        <v>1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6</v>
      </c>
      <c r="I257" s="9" t="s">
        <v>53</v>
      </c>
      <c r="J257" s="9" t="s">
        <v>46</v>
      </c>
      <c r="K257" s="6">
        <v>538</v>
      </c>
      <c r="L257" s="6">
        <v>16</v>
      </c>
      <c r="M257" s="6">
        <v>16</v>
      </c>
      <c r="N257" s="6">
        <v>12</v>
      </c>
      <c r="O257" s="6">
        <v>2</v>
      </c>
      <c r="P257" s="10" t="s">
        <v>55</v>
      </c>
      <c r="Q257" s="6">
        <v>2</v>
      </c>
      <c r="R257" s="10" t="s">
        <v>55</v>
      </c>
      <c r="S257" s="6">
        <v>512</v>
      </c>
      <c r="T257" s="6">
        <v>14</v>
      </c>
      <c r="U257" s="10" t="s">
        <v>55</v>
      </c>
      <c r="V257" s="6">
        <v>498</v>
      </c>
      <c r="W257" s="6">
        <v>10</v>
      </c>
      <c r="X257" s="6">
        <v>5</v>
      </c>
      <c r="Y257" s="6">
        <v>5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6</v>
      </c>
      <c r="I258" s="9" t="s">
        <v>53</v>
      </c>
      <c r="J258" s="9" t="s">
        <v>47</v>
      </c>
      <c r="K258" s="6">
        <v>104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6">
        <v>104</v>
      </c>
      <c r="T258" s="6">
        <v>1</v>
      </c>
      <c r="U258" s="10" t="s">
        <v>55</v>
      </c>
      <c r="V258" s="6">
        <v>103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6</v>
      </c>
      <c r="I259" s="9" t="s">
        <v>53</v>
      </c>
      <c r="J259" s="9" t="s">
        <v>48</v>
      </c>
      <c r="K259" s="6">
        <v>25149</v>
      </c>
      <c r="L259" s="6">
        <v>19694</v>
      </c>
      <c r="M259" s="6">
        <v>18604</v>
      </c>
      <c r="N259" s="6">
        <v>18097</v>
      </c>
      <c r="O259" s="6">
        <v>146</v>
      </c>
      <c r="P259" s="6">
        <v>124</v>
      </c>
      <c r="Q259" s="6">
        <v>237</v>
      </c>
      <c r="R259" s="6">
        <v>1090</v>
      </c>
      <c r="S259" s="6">
        <v>3574</v>
      </c>
      <c r="T259" s="6">
        <v>291</v>
      </c>
      <c r="U259" s="6">
        <v>2241</v>
      </c>
      <c r="V259" s="6">
        <v>1042</v>
      </c>
      <c r="W259" s="6">
        <v>1881</v>
      </c>
      <c r="X259" s="6">
        <v>16073</v>
      </c>
      <c r="Y259" s="6">
        <v>15689</v>
      </c>
      <c r="Z259" s="6">
        <v>76</v>
      </c>
      <c r="AA259" s="6">
        <v>123</v>
      </c>
      <c r="AB259" s="6">
        <v>185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6</v>
      </c>
      <c r="I260" s="9" t="s">
        <v>53</v>
      </c>
      <c r="J260" s="9" t="s">
        <v>49</v>
      </c>
      <c r="K260" s="6">
        <v>13359</v>
      </c>
      <c r="L260" s="6">
        <v>4211</v>
      </c>
      <c r="M260" s="6">
        <v>4036</v>
      </c>
      <c r="N260" s="6">
        <v>3555</v>
      </c>
      <c r="O260" s="6">
        <v>275</v>
      </c>
      <c r="P260" s="10" t="s">
        <v>55</v>
      </c>
      <c r="Q260" s="6">
        <v>206</v>
      </c>
      <c r="R260" s="6">
        <v>175</v>
      </c>
      <c r="S260" s="6">
        <v>8813</v>
      </c>
      <c r="T260" s="6">
        <v>837</v>
      </c>
      <c r="U260" s="10" t="s">
        <v>55</v>
      </c>
      <c r="V260" s="6">
        <v>7976</v>
      </c>
      <c r="W260" s="6">
        <v>335</v>
      </c>
      <c r="X260" s="6">
        <v>2183</v>
      </c>
      <c r="Y260" s="6">
        <v>1944</v>
      </c>
      <c r="Z260" s="6">
        <v>141</v>
      </c>
      <c r="AA260" s="10" t="s">
        <v>55</v>
      </c>
      <c r="AB260" s="6">
        <v>98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6</v>
      </c>
      <c r="I261" s="9" t="s">
        <v>53</v>
      </c>
      <c r="J261" s="9" t="s">
        <v>50</v>
      </c>
      <c r="K261" s="6">
        <v>6268</v>
      </c>
      <c r="L261" s="6">
        <v>859</v>
      </c>
      <c r="M261" s="6">
        <v>841</v>
      </c>
      <c r="N261" s="6">
        <v>697</v>
      </c>
      <c r="O261" s="6">
        <v>92</v>
      </c>
      <c r="P261" s="10" t="s">
        <v>55</v>
      </c>
      <c r="Q261" s="6">
        <v>52</v>
      </c>
      <c r="R261" s="6">
        <v>18</v>
      </c>
      <c r="S261" s="6">
        <v>5269</v>
      </c>
      <c r="T261" s="6">
        <v>387</v>
      </c>
      <c r="U261" s="10" t="s">
        <v>55</v>
      </c>
      <c r="V261" s="6">
        <v>4882</v>
      </c>
      <c r="W261" s="6">
        <v>140</v>
      </c>
      <c r="X261" s="6">
        <v>279</v>
      </c>
      <c r="Y261" s="6">
        <v>237</v>
      </c>
      <c r="Z261" s="6">
        <v>29</v>
      </c>
      <c r="AA261" s="10" t="s">
        <v>55</v>
      </c>
      <c r="AB261" s="6">
        <v>13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6</v>
      </c>
      <c r="I262" s="9" t="s">
        <v>53</v>
      </c>
      <c r="J262" s="9" t="s">
        <v>51</v>
      </c>
      <c r="K262" s="6">
        <v>1960</v>
      </c>
      <c r="L262" s="6">
        <v>95</v>
      </c>
      <c r="M262" s="6">
        <v>93</v>
      </c>
      <c r="N262" s="6">
        <v>70</v>
      </c>
      <c r="O262" s="6">
        <v>12</v>
      </c>
      <c r="P262" s="10" t="s">
        <v>55</v>
      </c>
      <c r="Q262" s="6">
        <v>11</v>
      </c>
      <c r="R262" s="6">
        <v>2</v>
      </c>
      <c r="S262" s="6">
        <v>1822</v>
      </c>
      <c r="T262" s="6">
        <v>76</v>
      </c>
      <c r="U262" s="10" t="s">
        <v>55</v>
      </c>
      <c r="V262" s="6">
        <v>1746</v>
      </c>
      <c r="W262" s="6">
        <v>43</v>
      </c>
      <c r="X262" s="6">
        <v>20</v>
      </c>
      <c r="Y262" s="6">
        <v>17</v>
      </c>
      <c r="Z262" s="6">
        <v>2</v>
      </c>
      <c r="AA262" s="10" t="s">
        <v>55</v>
      </c>
      <c r="AB262" s="6">
        <v>1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6</v>
      </c>
      <c r="I263" s="9" t="s">
        <v>53</v>
      </c>
      <c r="J263" s="9" t="s">
        <v>52</v>
      </c>
      <c r="K263" s="6">
        <v>26237</v>
      </c>
      <c r="L263" s="6">
        <v>21376</v>
      </c>
      <c r="M263" s="6">
        <v>20207</v>
      </c>
      <c r="N263" s="6">
        <v>19592</v>
      </c>
      <c r="O263" s="6">
        <v>234</v>
      </c>
      <c r="P263" s="6">
        <v>65</v>
      </c>
      <c r="Q263" s="6">
        <v>316</v>
      </c>
      <c r="R263" s="6">
        <v>1169</v>
      </c>
      <c r="S263" s="6">
        <v>3025</v>
      </c>
      <c r="T263" s="6">
        <v>522</v>
      </c>
      <c r="U263" s="6">
        <v>241</v>
      </c>
      <c r="V263" s="6">
        <v>2262</v>
      </c>
      <c r="W263" s="6">
        <v>1836</v>
      </c>
      <c r="X263" s="6">
        <v>17019</v>
      </c>
      <c r="Y263" s="6">
        <v>16597</v>
      </c>
      <c r="Z263" s="6">
        <v>130</v>
      </c>
      <c r="AA263" s="6">
        <v>64</v>
      </c>
      <c r="AB263" s="6">
        <v>228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6</v>
      </c>
      <c r="I264" s="9" t="s">
        <v>54</v>
      </c>
      <c r="J264" s="9" t="s">
        <v>30</v>
      </c>
      <c r="K264" s="6">
        <v>45407</v>
      </c>
      <c r="L264" s="6">
        <v>22343</v>
      </c>
      <c r="M264" s="6">
        <v>21601</v>
      </c>
      <c r="N264" s="6">
        <v>17119</v>
      </c>
      <c r="O264" s="6">
        <v>3699</v>
      </c>
      <c r="P264" s="6">
        <v>195</v>
      </c>
      <c r="Q264" s="6">
        <v>588</v>
      </c>
      <c r="R264" s="6">
        <v>742</v>
      </c>
      <c r="S264" s="6">
        <v>20954</v>
      </c>
      <c r="T264" s="6">
        <v>8135</v>
      </c>
      <c r="U264" s="6">
        <v>2180</v>
      </c>
      <c r="V264" s="6">
        <v>10639</v>
      </c>
      <c r="W264" s="6">
        <v>2110</v>
      </c>
      <c r="X264" s="6">
        <v>18403</v>
      </c>
      <c r="Y264" s="6">
        <v>15014</v>
      </c>
      <c r="Z264" s="6">
        <v>2660</v>
      </c>
      <c r="AA264" s="6">
        <v>194</v>
      </c>
      <c r="AB264" s="6">
        <v>535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6</v>
      </c>
      <c r="I265" s="9" t="s">
        <v>54</v>
      </c>
      <c r="J265" s="9" t="s">
        <v>31</v>
      </c>
      <c r="K265" s="6">
        <v>2309</v>
      </c>
      <c r="L265" s="6">
        <v>245</v>
      </c>
      <c r="M265" s="6">
        <v>225</v>
      </c>
      <c r="N265" s="6">
        <v>117</v>
      </c>
      <c r="O265" s="6">
        <v>8</v>
      </c>
      <c r="P265" s="6">
        <v>94</v>
      </c>
      <c r="Q265" s="6">
        <v>6</v>
      </c>
      <c r="R265" s="6">
        <v>20</v>
      </c>
      <c r="S265" s="6">
        <v>1911</v>
      </c>
      <c r="T265" s="6">
        <v>19</v>
      </c>
      <c r="U265" s="6">
        <v>1869</v>
      </c>
      <c r="V265" s="6">
        <v>23</v>
      </c>
      <c r="W265" s="6">
        <v>153</v>
      </c>
      <c r="X265" s="6">
        <v>223</v>
      </c>
      <c r="Y265" s="6">
        <v>116</v>
      </c>
      <c r="Z265" s="6">
        <v>8</v>
      </c>
      <c r="AA265" s="6">
        <v>94</v>
      </c>
      <c r="AB265" s="6">
        <v>5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6</v>
      </c>
      <c r="I266" s="9" t="s">
        <v>54</v>
      </c>
      <c r="J266" s="9" t="s">
        <v>32</v>
      </c>
      <c r="K266" s="6">
        <v>1898</v>
      </c>
      <c r="L266" s="6">
        <v>1358</v>
      </c>
      <c r="M266" s="6">
        <v>1280</v>
      </c>
      <c r="N266" s="6">
        <v>1135</v>
      </c>
      <c r="O266" s="6">
        <v>40</v>
      </c>
      <c r="P266" s="6">
        <v>72</v>
      </c>
      <c r="Q266" s="6">
        <v>33</v>
      </c>
      <c r="R266" s="6">
        <v>78</v>
      </c>
      <c r="S266" s="6">
        <v>382</v>
      </c>
      <c r="T266" s="6">
        <v>71</v>
      </c>
      <c r="U266" s="6">
        <v>281</v>
      </c>
      <c r="V266" s="6">
        <v>30</v>
      </c>
      <c r="W266" s="6">
        <v>158</v>
      </c>
      <c r="X266" s="6">
        <v>1246</v>
      </c>
      <c r="Y266" s="6">
        <v>1106</v>
      </c>
      <c r="Z266" s="6">
        <v>36</v>
      </c>
      <c r="AA266" s="6">
        <v>72</v>
      </c>
      <c r="AB266" s="6">
        <v>32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6</v>
      </c>
      <c r="I267" s="9" t="s">
        <v>54</v>
      </c>
      <c r="J267" s="9" t="s">
        <v>33</v>
      </c>
      <c r="K267" s="6">
        <v>2095</v>
      </c>
      <c r="L267" s="6">
        <v>1698</v>
      </c>
      <c r="M267" s="6">
        <v>1634</v>
      </c>
      <c r="N267" s="6">
        <v>1447</v>
      </c>
      <c r="O267" s="6">
        <v>95</v>
      </c>
      <c r="P267" s="6">
        <v>10</v>
      </c>
      <c r="Q267" s="6">
        <v>82</v>
      </c>
      <c r="R267" s="6">
        <v>64</v>
      </c>
      <c r="S267" s="6">
        <v>195</v>
      </c>
      <c r="T267" s="6">
        <v>160</v>
      </c>
      <c r="U267" s="6">
        <v>9</v>
      </c>
      <c r="V267" s="6">
        <v>26</v>
      </c>
      <c r="W267" s="6">
        <v>202</v>
      </c>
      <c r="X267" s="6">
        <v>1564</v>
      </c>
      <c r="Y267" s="6">
        <v>1396</v>
      </c>
      <c r="Z267" s="6">
        <v>78</v>
      </c>
      <c r="AA267" s="6">
        <v>10</v>
      </c>
      <c r="AB267" s="6">
        <v>80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6</v>
      </c>
      <c r="I268" s="9" t="s">
        <v>54</v>
      </c>
      <c r="J268" s="9" t="s">
        <v>34</v>
      </c>
      <c r="K268" s="6">
        <v>2324</v>
      </c>
      <c r="L268" s="6">
        <v>1800</v>
      </c>
      <c r="M268" s="6">
        <v>1713</v>
      </c>
      <c r="N268" s="6">
        <v>1440</v>
      </c>
      <c r="O268" s="6">
        <v>169</v>
      </c>
      <c r="P268" s="6">
        <v>8</v>
      </c>
      <c r="Q268" s="6">
        <v>96</v>
      </c>
      <c r="R268" s="6">
        <v>87</v>
      </c>
      <c r="S268" s="6">
        <v>299</v>
      </c>
      <c r="T268" s="6">
        <v>273</v>
      </c>
      <c r="U268" s="6">
        <v>3</v>
      </c>
      <c r="V268" s="6">
        <v>23</v>
      </c>
      <c r="W268" s="6">
        <v>225</v>
      </c>
      <c r="X268" s="6">
        <v>1574</v>
      </c>
      <c r="Y268" s="6">
        <v>1343</v>
      </c>
      <c r="Z268" s="6">
        <v>130</v>
      </c>
      <c r="AA268" s="6">
        <v>8</v>
      </c>
      <c r="AB268" s="6">
        <v>93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6</v>
      </c>
      <c r="I269" s="9" t="s">
        <v>54</v>
      </c>
      <c r="J269" s="9" t="s">
        <v>35</v>
      </c>
      <c r="K269" s="6">
        <v>2613</v>
      </c>
      <c r="L269" s="6">
        <v>2106</v>
      </c>
      <c r="M269" s="6">
        <v>2044</v>
      </c>
      <c r="N269" s="6">
        <v>1683</v>
      </c>
      <c r="O269" s="6">
        <v>278</v>
      </c>
      <c r="P269" s="6">
        <v>4</v>
      </c>
      <c r="Q269" s="6">
        <v>79</v>
      </c>
      <c r="R269" s="6">
        <v>62</v>
      </c>
      <c r="S269" s="6">
        <v>321</v>
      </c>
      <c r="T269" s="6">
        <v>283</v>
      </c>
      <c r="U269" s="6">
        <v>4</v>
      </c>
      <c r="V269" s="6">
        <v>34</v>
      </c>
      <c r="W269" s="6">
        <v>186</v>
      </c>
      <c r="X269" s="6">
        <v>1888</v>
      </c>
      <c r="Y269" s="6">
        <v>1563</v>
      </c>
      <c r="Z269" s="6">
        <v>243</v>
      </c>
      <c r="AA269" s="6">
        <v>4</v>
      </c>
      <c r="AB269" s="6">
        <v>78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6</v>
      </c>
      <c r="I270" s="9" t="s">
        <v>54</v>
      </c>
      <c r="J270" s="9" t="s">
        <v>36</v>
      </c>
      <c r="K270" s="6">
        <v>2824</v>
      </c>
      <c r="L270" s="6">
        <v>2285</v>
      </c>
      <c r="M270" s="6">
        <v>2219</v>
      </c>
      <c r="N270" s="6">
        <v>1878</v>
      </c>
      <c r="O270" s="6">
        <v>302</v>
      </c>
      <c r="P270" s="6">
        <v>4</v>
      </c>
      <c r="Q270" s="6">
        <v>35</v>
      </c>
      <c r="R270" s="6">
        <v>66</v>
      </c>
      <c r="S270" s="6">
        <v>314</v>
      </c>
      <c r="T270" s="6">
        <v>280</v>
      </c>
      <c r="U270" s="6">
        <v>1</v>
      </c>
      <c r="V270" s="6">
        <v>33</v>
      </c>
      <c r="W270" s="6">
        <v>225</v>
      </c>
      <c r="X270" s="6">
        <v>2021</v>
      </c>
      <c r="Y270" s="6">
        <v>1728</v>
      </c>
      <c r="Z270" s="6">
        <v>254</v>
      </c>
      <c r="AA270" s="6">
        <v>4</v>
      </c>
      <c r="AB270" s="6">
        <v>35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6</v>
      </c>
      <c r="I271" s="9" t="s">
        <v>54</v>
      </c>
      <c r="J271" s="9" t="s">
        <v>37</v>
      </c>
      <c r="K271" s="6">
        <v>3147</v>
      </c>
      <c r="L271" s="6">
        <v>2533</v>
      </c>
      <c r="M271" s="6">
        <v>2442</v>
      </c>
      <c r="N271" s="6">
        <v>2045</v>
      </c>
      <c r="O271" s="6">
        <v>364</v>
      </c>
      <c r="P271" s="6">
        <v>2</v>
      </c>
      <c r="Q271" s="6">
        <v>31</v>
      </c>
      <c r="R271" s="6">
        <v>91</v>
      </c>
      <c r="S271" s="6">
        <v>404</v>
      </c>
      <c r="T271" s="6">
        <v>339</v>
      </c>
      <c r="U271" s="6">
        <v>4</v>
      </c>
      <c r="V271" s="6">
        <v>61</v>
      </c>
      <c r="W271" s="6">
        <v>210</v>
      </c>
      <c r="X271" s="6">
        <v>2225</v>
      </c>
      <c r="Y271" s="6">
        <v>1886</v>
      </c>
      <c r="Z271" s="6">
        <v>308</v>
      </c>
      <c r="AA271" s="6">
        <v>1</v>
      </c>
      <c r="AB271" s="6">
        <v>30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6</v>
      </c>
      <c r="I272" s="9" t="s">
        <v>54</v>
      </c>
      <c r="J272" s="9" t="s">
        <v>38</v>
      </c>
      <c r="K272" s="6">
        <v>3045</v>
      </c>
      <c r="L272" s="6">
        <v>2426</v>
      </c>
      <c r="M272" s="6">
        <v>2351</v>
      </c>
      <c r="N272" s="6">
        <v>1963</v>
      </c>
      <c r="O272" s="6">
        <v>360</v>
      </c>
      <c r="P272" s="10" t="s">
        <v>55</v>
      </c>
      <c r="Q272" s="6">
        <v>28</v>
      </c>
      <c r="R272" s="6">
        <v>75</v>
      </c>
      <c r="S272" s="6">
        <v>482</v>
      </c>
      <c r="T272" s="6">
        <v>407</v>
      </c>
      <c r="U272" s="6">
        <v>1</v>
      </c>
      <c r="V272" s="6">
        <v>74</v>
      </c>
      <c r="W272" s="6">
        <v>137</v>
      </c>
      <c r="X272" s="6">
        <v>2090</v>
      </c>
      <c r="Y272" s="6">
        <v>1750</v>
      </c>
      <c r="Z272" s="6">
        <v>313</v>
      </c>
      <c r="AA272" s="10" t="s">
        <v>55</v>
      </c>
      <c r="AB272" s="6">
        <v>27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6</v>
      </c>
      <c r="I273" s="9" t="s">
        <v>54</v>
      </c>
      <c r="J273" s="9" t="s">
        <v>39</v>
      </c>
      <c r="K273" s="6">
        <v>3146</v>
      </c>
      <c r="L273" s="6">
        <v>2381</v>
      </c>
      <c r="M273" s="6">
        <v>2317</v>
      </c>
      <c r="N273" s="6">
        <v>1883</v>
      </c>
      <c r="O273" s="6">
        <v>395</v>
      </c>
      <c r="P273" s="10" t="s">
        <v>55</v>
      </c>
      <c r="Q273" s="6">
        <v>39</v>
      </c>
      <c r="R273" s="6">
        <v>64</v>
      </c>
      <c r="S273" s="6">
        <v>645</v>
      </c>
      <c r="T273" s="6">
        <v>549</v>
      </c>
      <c r="U273" s="6">
        <v>1</v>
      </c>
      <c r="V273" s="6">
        <v>95</v>
      </c>
      <c r="W273" s="6">
        <v>120</v>
      </c>
      <c r="X273" s="6">
        <v>1986</v>
      </c>
      <c r="Y273" s="6">
        <v>1643</v>
      </c>
      <c r="Z273" s="6">
        <v>311</v>
      </c>
      <c r="AA273" s="10" t="s">
        <v>55</v>
      </c>
      <c r="AB273" s="6">
        <v>32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6</v>
      </c>
      <c r="I274" s="9" t="s">
        <v>54</v>
      </c>
      <c r="J274" s="9" t="s">
        <v>40</v>
      </c>
      <c r="K274" s="6">
        <v>3382</v>
      </c>
      <c r="L274" s="6">
        <v>2082</v>
      </c>
      <c r="M274" s="6">
        <v>2007</v>
      </c>
      <c r="N274" s="6">
        <v>1491</v>
      </c>
      <c r="O274" s="6">
        <v>469</v>
      </c>
      <c r="P274" s="10" t="s">
        <v>55</v>
      </c>
      <c r="Q274" s="6">
        <v>47</v>
      </c>
      <c r="R274" s="6">
        <v>75</v>
      </c>
      <c r="S274" s="6">
        <v>1196</v>
      </c>
      <c r="T274" s="6">
        <v>909</v>
      </c>
      <c r="U274" s="10" t="s">
        <v>55</v>
      </c>
      <c r="V274" s="6">
        <v>287</v>
      </c>
      <c r="W274" s="6">
        <v>104</v>
      </c>
      <c r="X274" s="6">
        <v>1604</v>
      </c>
      <c r="Y274" s="6">
        <v>1215</v>
      </c>
      <c r="Z274" s="6">
        <v>348</v>
      </c>
      <c r="AA274" s="10" t="s">
        <v>55</v>
      </c>
      <c r="AB274" s="6">
        <v>41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6</v>
      </c>
      <c r="I275" s="9" t="s">
        <v>54</v>
      </c>
      <c r="J275" s="9" t="s">
        <v>41</v>
      </c>
      <c r="K275" s="6">
        <v>3917</v>
      </c>
      <c r="L275" s="6">
        <v>1674</v>
      </c>
      <c r="M275" s="6">
        <v>1637</v>
      </c>
      <c r="N275" s="6">
        <v>1082</v>
      </c>
      <c r="O275" s="6">
        <v>504</v>
      </c>
      <c r="P275" s="6">
        <v>1</v>
      </c>
      <c r="Q275" s="6">
        <v>50</v>
      </c>
      <c r="R275" s="6">
        <v>37</v>
      </c>
      <c r="S275" s="6">
        <v>2153</v>
      </c>
      <c r="T275" s="6">
        <v>1295</v>
      </c>
      <c r="U275" s="10" t="s">
        <v>55</v>
      </c>
      <c r="V275" s="6">
        <v>858</v>
      </c>
      <c r="W275" s="6">
        <v>90</v>
      </c>
      <c r="X275" s="6">
        <v>1115</v>
      </c>
      <c r="Y275" s="6">
        <v>763</v>
      </c>
      <c r="Z275" s="6">
        <v>309</v>
      </c>
      <c r="AA275" s="6">
        <v>1</v>
      </c>
      <c r="AB275" s="6">
        <v>42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6</v>
      </c>
      <c r="I276" s="9" t="s">
        <v>54</v>
      </c>
      <c r="J276" s="9" t="s">
        <v>42</v>
      </c>
      <c r="K276" s="6">
        <v>4021</v>
      </c>
      <c r="L276" s="6">
        <v>1087</v>
      </c>
      <c r="M276" s="6">
        <v>1069</v>
      </c>
      <c r="N276" s="6">
        <v>616</v>
      </c>
      <c r="O276" s="6">
        <v>409</v>
      </c>
      <c r="P276" s="10" t="s">
        <v>55</v>
      </c>
      <c r="Q276" s="6">
        <v>44</v>
      </c>
      <c r="R276" s="6">
        <v>18</v>
      </c>
      <c r="S276" s="6">
        <v>2853</v>
      </c>
      <c r="T276" s="6">
        <v>1391</v>
      </c>
      <c r="U276" s="6">
        <v>1</v>
      </c>
      <c r="V276" s="6">
        <v>1461</v>
      </c>
      <c r="W276" s="6">
        <v>81</v>
      </c>
      <c r="X276" s="6">
        <v>625</v>
      </c>
      <c r="Y276" s="6">
        <v>376</v>
      </c>
      <c r="Z276" s="6">
        <v>217</v>
      </c>
      <c r="AA276" s="10" t="s">
        <v>55</v>
      </c>
      <c r="AB276" s="6">
        <v>32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6</v>
      </c>
      <c r="I277" s="9" t="s">
        <v>54</v>
      </c>
      <c r="J277" s="9" t="s">
        <v>43</v>
      </c>
      <c r="K277" s="6">
        <v>3266</v>
      </c>
      <c r="L277" s="6">
        <v>412</v>
      </c>
      <c r="M277" s="6">
        <v>407</v>
      </c>
      <c r="N277" s="6">
        <v>207</v>
      </c>
      <c r="O277" s="6">
        <v>191</v>
      </c>
      <c r="P277" s="10" t="s">
        <v>55</v>
      </c>
      <c r="Q277" s="6">
        <v>9</v>
      </c>
      <c r="R277" s="6">
        <v>5</v>
      </c>
      <c r="S277" s="6">
        <v>2789</v>
      </c>
      <c r="T277" s="6">
        <v>940</v>
      </c>
      <c r="U277" s="6">
        <v>1</v>
      </c>
      <c r="V277" s="6">
        <v>1848</v>
      </c>
      <c r="W277" s="6">
        <v>65</v>
      </c>
      <c r="X277" s="6">
        <v>170</v>
      </c>
      <c r="Y277" s="6">
        <v>88</v>
      </c>
      <c r="Z277" s="6">
        <v>76</v>
      </c>
      <c r="AA277" s="10" t="s">
        <v>55</v>
      </c>
      <c r="AB277" s="6">
        <v>6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6</v>
      </c>
      <c r="I278" s="9" t="s">
        <v>54</v>
      </c>
      <c r="J278" s="9" t="s">
        <v>44</v>
      </c>
      <c r="K278" s="6">
        <v>2952</v>
      </c>
      <c r="L278" s="6">
        <v>172</v>
      </c>
      <c r="M278" s="6">
        <v>172</v>
      </c>
      <c r="N278" s="6">
        <v>88</v>
      </c>
      <c r="O278" s="6">
        <v>78</v>
      </c>
      <c r="P278" s="10" t="s">
        <v>55</v>
      </c>
      <c r="Q278" s="6">
        <v>6</v>
      </c>
      <c r="R278" s="10" t="s">
        <v>55</v>
      </c>
      <c r="S278" s="6">
        <v>2718</v>
      </c>
      <c r="T278" s="6">
        <v>712</v>
      </c>
      <c r="U278" s="10" t="s">
        <v>55</v>
      </c>
      <c r="V278" s="6">
        <v>2006</v>
      </c>
      <c r="W278" s="6">
        <v>62</v>
      </c>
      <c r="X278" s="6">
        <v>52</v>
      </c>
      <c r="Y278" s="6">
        <v>31</v>
      </c>
      <c r="Z278" s="6">
        <v>20</v>
      </c>
      <c r="AA278" s="10" t="s">
        <v>55</v>
      </c>
      <c r="AB278" s="6">
        <v>1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6</v>
      </c>
      <c r="I279" s="9" t="s">
        <v>54</v>
      </c>
      <c r="J279" s="9" t="s">
        <v>45</v>
      </c>
      <c r="K279" s="6">
        <v>2556</v>
      </c>
      <c r="L279" s="6">
        <v>68</v>
      </c>
      <c r="M279" s="6">
        <v>68</v>
      </c>
      <c r="N279" s="6">
        <v>35</v>
      </c>
      <c r="O279" s="6">
        <v>30</v>
      </c>
      <c r="P279" s="10" t="s">
        <v>55</v>
      </c>
      <c r="Q279" s="6">
        <v>3</v>
      </c>
      <c r="R279" s="10" t="s">
        <v>55</v>
      </c>
      <c r="S279" s="6">
        <v>2425</v>
      </c>
      <c r="T279" s="6">
        <v>392</v>
      </c>
      <c r="U279" s="6">
        <v>4</v>
      </c>
      <c r="V279" s="6">
        <v>2029</v>
      </c>
      <c r="W279" s="6">
        <v>63</v>
      </c>
      <c r="X279" s="6">
        <v>15</v>
      </c>
      <c r="Y279" s="6">
        <v>6</v>
      </c>
      <c r="Z279" s="6">
        <v>8</v>
      </c>
      <c r="AA279" s="10" t="s">
        <v>55</v>
      </c>
      <c r="AB279" s="6">
        <v>1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6</v>
      </c>
      <c r="I280" s="9" t="s">
        <v>54</v>
      </c>
      <c r="J280" s="9" t="s">
        <v>46</v>
      </c>
      <c r="K280" s="6">
        <v>1416</v>
      </c>
      <c r="L280" s="6">
        <v>15</v>
      </c>
      <c r="M280" s="6">
        <v>15</v>
      </c>
      <c r="N280" s="6">
        <v>8</v>
      </c>
      <c r="O280" s="6">
        <v>7</v>
      </c>
      <c r="P280" s="10" t="s">
        <v>55</v>
      </c>
      <c r="Q280" s="10" t="s">
        <v>55</v>
      </c>
      <c r="R280" s="10" t="s">
        <v>55</v>
      </c>
      <c r="S280" s="6">
        <v>1376</v>
      </c>
      <c r="T280" s="6">
        <v>101</v>
      </c>
      <c r="U280" s="6">
        <v>1</v>
      </c>
      <c r="V280" s="6">
        <v>1274</v>
      </c>
      <c r="W280" s="6">
        <v>25</v>
      </c>
      <c r="X280" s="6">
        <v>4</v>
      </c>
      <c r="Y280" s="6">
        <v>3</v>
      </c>
      <c r="Z280" s="6">
        <v>1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6</v>
      </c>
      <c r="I281" s="9" t="s">
        <v>54</v>
      </c>
      <c r="J281" s="9" t="s">
        <v>47</v>
      </c>
      <c r="K281" s="6">
        <v>496</v>
      </c>
      <c r="L281" s="6">
        <v>1</v>
      </c>
      <c r="M281" s="6">
        <v>1</v>
      </c>
      <c r="N281" s="6">
        <v>1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491</v>
      </c>
      <c r="T281" s="6">
        <v>14</v>
      </c>
      <c r="U281" s="10" t="s">
        <v>55</v>
      </c>
      <c r="V281" s="6">
        <v>477</v>
      </c>
      <c r="W281" s="6">
        <v>4</v>
      </c>
      <c r="X281" s="6">
        <v>1</v>
      </c>
      <c r="Y281" s="6">
        <v>1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6</v>
      </c>
      <c r="I282" s="9" t="s">
        <v>54</v>
      </c>
      <c r="J282" s="9" t="s">
        <v>48</v>
      </c>
      <c r="K282" s="6">
        <v>26783</v>
      </c>
      <c r="L282" s="6">
        <v>18914</v>
      </c>
      <c r="M282" s="6">
        <v>18232</v>
      </c>
      <c r="N282" s="6">
        <v>15082</v>
      </c>
      <c r="O282" s="6">
        <v>2480</v>
      </c>
      <c r="P282" s="6">
        <v>194</v>
      </c>
      <c r="Q282" s="6">
        <v>476</v>
      </c>
      <c r="R282" s="6">
        <v>682</v>
      </c>
      <c r="S282" s="6">
        <v>6149</v>
      </c>
      <c r="T282" s="6">
        <v>3290</v>
      </c>
      <c r="U282" s="6">
        <v>2173</v>
      </c>
      <c r="V282" s="6">
        <v>686</v>
      </c>
      <c r="W282" s="6">
        <v>1720</v>
      </c>
      <c r="X282" s="6">
        <v>16421</v>
      </c>
      <c r="Y282" s="6">
        <v>13746</v>
      </c>
      <c r="Z282" s="6">
        <v>2029</v>
      </c>
      <c r="AA282" s="6">
        <v>193</v>
      </c>
      <c r="AB282" s="6">
        <v>453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6</v>
      </c>
      <c r="I283" s="9" t="s">
        <v>54</v>
      </c>
      <c r="J283" s="9" t="s">
        <v>49</v>
      </c>
      <c r="K283" s="6">
        <v>18624</v>
      </c>
      <c r="L283" s="6">
        <v>3429</v>
      </c>
      <c r="M283" s="6">
        <v>3369</v>
      </c>
      <c r="N283" s="6">
        <v>2037</v>
      </c>
      <c r="O283" s="6">
        <v>1219</v>
      </c>
      <c r="P283" s="6">
        <v>1</v>
      </c>
      <c r="Q283" s="6">
        <v>112</v>
      </c>
      <c r="R283" s="6">
        <v>60</v>
      </c>
      <c r="S283" s="6">
        <v>14805</v>
      </c>
      <c r="T283" s="6">
        <v>4845</v>
      </c>
      <c r="U283" s="6">
        <v>7</v>
      </c>
      <c r="V283" s="6">
        <v>9953</v>
      </c>
      <c r="W283" s="6">
        <v>390</v>
      </c>
      <c r="X283" s="6">
        <v>1982</v>
      </c>
      <c r="Y283" s="6">
        <v>1268</v>
      </c>
      <c r="Z283" s="6">
        <v>631</v>
      </c>
      <c r="AA283" s="6">
        <v>1</v>
      </c>
      <c r="AB283" s="6">
        <v>82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6</v>
      </c>
      <c r="I284" s="9" t="s">
        <v>54</v>
      </c>
      <c r="J284" s="9" t="s">
        <v>50</v>
      </c>
      <c r="K284" s="6">
        <v>10686</v>
      </c>
      <c r="L284" s="6">
        <v>668</v>
      </c>
      <c r="M284" s="6">
        <v>663</v>
      </c>
      <c r="N284" s="6">
        <v>339</v>
      </c>
      <c r="O284" s="6">
        <v>306</v>
      </c>
      <c r="P284" s="10" t="s">
        <v>55</v>
      </c>
      <c r="Q284" s="6">
        <v>18</v>
      </c>
      <c r="R284" s="6">
        <v>5</v>
      </c>
      <c r="S284" s="6">
        <v>9799</v>
      </c>
      <c r="T284" s="6">
        <v>2159</v>
      </c>
      <c r="U284" s="6">
        <v>6</v>
      </c>
      <c r="V284" s="6">
        <v>7634</v>
      </c>
      <c r="W284" s="6">
        <v>219</v>
      </c>
      <c r="X284" s="6">
        <v>242</v>
      </c>
      <c r="Y284" s="6">
        <v>129</v>
      </c>
      <c r="Z284" s="6">
        <v>105</v>
      </c>
      <c r="AA284" s="10" t="s">
        <v>55</v>
      </c>
      <c r="AB284" s="6">
        <v>8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6</v>
      </c>
      <c r="I285" s="9" t="s">
        <v>54</v>
      </c>
      <c r="J285" s="9" t="s">
        <v>51</v>
      </c>
      <c r="K285" s="6">
        <v>4468</v>
      </c>
      <c r="L285" s="6">
        <v>84</v>
      </c>
      <c r="M285" s="6">
        <v>84</v>
      </c>
      <c r="N285" s="6">
        <v>44</v>
      </c>
      <c r="O285" s="6">
        <v>37</v>
      </c>
      <c r="P285" s="10" t="s">
        <v>55</v>
      </c>
      <c r="Q285" s="6">
        <v>3</v>
      </c>
      <c r="R285" s="10" t="s">
        <v>55</v>
      </c>
      <c r="S285" s="6">
        <v>4292</v>
      </c>
      <c r="T285" s="6">
        <v>507</v>
      </c>
      <c r="U285" s="6">
        <v>5</v>
      </c>
      <c r="V285" s="6">
        <v>3780</v>
      </c>
      <c r="W285" s="6">
        <v>92</v>
      </c>
      <c r="X285" s="6">
        <v>20</v>
      </c>
      <c r="Y285" s="6">
        <v>10</v>
      </c>
      <c r="Z285" s="6">
        <v>9</v>
      </c>
      <c r="AA285" s="10" t="s">
        <v>55</v>
      </c>
      <c r="AB285" s="6">
        <v>1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6</v>
      </c>
      <c r="I286" s="9" t="s">
        <v>54</v>
      </c>
      <c r="J286" s="9" t="s">
        <v>52</v>
      </c>
      <c r="K286" s="6">
        <v>28391</v>
      </c>
      <c r="L286" s="6">
        <v>20343</v>
      </c>
      <c r="M286" s="6">
        <v>19644</v>
      </c>
      <c r="N286" s="6">
        <v>16047</v>
      </c>
      <c r="O286" s="6">
        <v>2976</v>
      </c>
      <c r="P286" s="6">
        <v>101</v>
      </c>
      <c r="Q286" s="6">
        <v>520</v>
      </c>
      <c r="R286" s="6">
        <v>699</v>
      </c>
      <c r="S286" s="6">
        <v>6391</v>
      </c>
      <c r="T286" s="6">
        <v>4566</v>
      </c>
      <c r="U286" s="6">
        <v>304</v>
      </c>
      <c r="V286" s="6">
        <v>1521</v>
      </c>
      <c r="W286" s="6">
        <v>1657</v>
      </c>
      <c r="X286" s="6">
        <v>17313</v>
      </c>
      <c r="Y286" s="6">
        <v>14393</v>
      </c>
      <c r="Z286" s="6">
        <v>2330</v>
      </c>
      <c r="AA286" s="6">
        <v>100</v>
      </c>
      <c r="AB286" s="6">
        <v>490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6</v>
      </c>
      <c r="I287" s="9" t="s">
        <v>6</v>
      </c>
      <c r="J287" s="9" t="s">
        <v>30</v>
      </c>
      <c r="K287" s="6">
        <v>2227</v>
      </c>
      <c r="L287" s="6">
        <v>892</v>
      </c>
      <c r="M287" s="6">
        <v>835</v>
      </c>
      <c r="N287" s="6">
        <v>698</v>
      </c>
      <c r="O287" s="6">
        <v>96</v>
      </c>
      <c r="P287" s="10" t="s">
        <v>55</v>
      </c>
      <c r="Q287" s="6">
        <v>41</v>
      </c>
      <c r="R287" s="6">
        <v>57</v>
      </c>
      <c r="S287" s="6">
        <v>1319</v>
      </c>
      <c r="T287" s="6">
        <v>441</v>
      </c>
      <c r="U287" s="6">
        <v>43</v>
      </c>
      <c r="V287" s="6">
        <v>835</v>
      </c>
      <c r="W287" s="6">
        <v>16</v>
      </c>
      <c r="X287" s="6">
        <v>657</v>
      </c>
      <c r="Y287" s="6">
        <v>580</v>
      </c>
      <c r="Z287" s="6">
        <v>54</v>
      </c>
      <c r="AA287" s="10" t="s">
        <v>55</v>
      </c>
      <c r="AB287" s="6">
        <v>23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6</v>
      </c>
      <c r="I288" s="9" t="s">
        <v>6</v>
      </c>
      <c r="J288" s="9" t="s">
        <v>31</v>
      </c>
      <c r="K288" s="6">
        <v>40</v>
      </c>
      <c r="L288" s="6">
        <v>2</v>
      </c>
      <c r="M288" s="6">
        <v>2</v>
      </c>
      <c r="N288" s="6">
        <v>1</v>
      </c>
      <c r="O288" s="10" t="s">
        <v>55</v>
      </c>
      <c r="P288" s="10" t="s">
        <v>55</v>
      </c>
      <c r="Q288" s="6">
        <v>1</v>
      </c>
      <c r="R288" s="10" t="s">
        <v>55</v>
      </c>
      <c r="S288" s="6">
        <v>38</v>
      </c>
      <c r="T288" s="10" t="s">
        <v>55</v>
      </c>
      <c r="U288" s="6">
        <v>38</v>
      </c>
      <c r="V288" s="10" t="s">
        <v>55</v>
      </c>
      <c r="W288" s="10" t="s">
        <v>55</v>
      </c>
      <c r="X288" s="6">
        <v>2</v>
      </c>
      <c r="Y288" s="6">
        <v>1</v>
      </c>
      <c r="Z288" s="10" t="s">
        <v>55</v>
      </c>
      <c r="AA288" s="10" t="s">
        <v>55</v>
      </c>
      <c r="AB288" s="6">
        <v>1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6</v>
      </c>
      <c r="I289" s="9" t="s">
        <v>6</v>
      </c>
      <c r="J289" s="9" t="s">
        <v>32</v>
      </c>
      <c r="K289" s="6">
        <v>35</v>
      </c>
      <c r="L289" s="6">
        <v>27</v>
      </c>
      <c r="M289" s="6">
        <v>26</v>
      </c>
      <c r="N289" s="6">
        <v>26</v>
      </c>
      <c r="O289" s="10" t="s">
        <v>55</v>
      </c>
      <c r="P289" s="10" t="s">
        <v>55</v>
      </c>
      <c r="Q289" s="10" t="s">
        <v>55</v>
      </c>
      <c r="R289" s="6">
        <v>1</v>
      </c>
      <c r="S289" s="6">
        <v>8</v>
      </c>
      <c r="T289" s="6">
        <v>2</v>
      </c>
      <c r="U289" s="6">
        <v>4</v>
      </c>
      <c r="V289" s="6">
        <v>2</v>
      </c>
      <c r="W289" s="10" t="s">
        <v>55</v>
      </c>
      <c r="X289" s="6">
        <v>23</v>
      </c>
      <c r="Y289" s="6">
        <v>23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6</v>
      </c>
      <c r="I290" s="9" t="s">
        <v>6</v>
      </c>
      <c r="J290" s="9" t="s">
        <v>33</v>
      </c>
      <c r="K290" s="6">
        <v>43</v>
      </c>
      <c r="L290" s="6">
        <v>37</v>
      </c>
      <c r="M290" s="6">
        <v>32</v>
      </c>
      <c r="N290" s="6">
        <v>32</v>
      </c>
      <c r="O290" s="10" t="s">
        <v>55</v>
      </c>
      <c r="P290" s="10" t="s">
        <v>55</v>
      </c>
      <c r="Q290" s="10" t="s">
        <v>55</v>
      </c>
      <c r="R290" s="6">
        <v>5</v>
      </c>
      <c r="S290" s="6">
        <v>6</v>
      </c>
      <c r="T290" s="6">
        <v>5</v>
      </c>
      <c r="U290" s="10" t="s">
        <v>55</v>
      </c>
      <c r="V290" s="6">
        <v>1</v>
      </c>
      <c r="W290" s="10" t="s">
        <v>55</v>
      </c>
      <c r="X290" s="6">
        <v>30</v>
      </c>
      <c r="Y290" s="6">
        <v>30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6</v>
      </c>
      <c r="I291" s="9" t="s">
        <v>6</v>
      </c>
      <c r="J291" s="9" t="s">
        <v>34</v>
      </c>
      <c r="K291" s="6">
        <v>47</v>
      </c>
      <c r="L291" s="6">
        <v>40</v>
      </c>
      <c r="M291" s="6">
        <v>39</v>
      </c>
      <c r="N291" s="6">
        <v>36</v>
      </c>
      <c r="O291" s="6">
        <v>3</v>
      </c>
      <c r="P291" s="10" t="s">
        <v>55</v>
      </c>
      <c r="Q291" s="10" t="s">
        <v>55</v>
      </c>
      <c r="R291" s="6">
        <v>1</v>
      </c>
      <c r="S291" s="6">
        <v>5</v>
      </c>
      <c r="T291" s="6">
        <v>3</v>
      </c>
      <c r="U291" s="10" t="s">
        <v>55</v>
      </c>
      <c r="V291" s="6">
        <v>2</v>
      </c>
      <c r="W291" s="6">
        <v>2</v>
      </c>
      <c r="X291" s="6">
        <v>37</v>
      </c>
      <c r="Y291" s="6">
        <v>34</v>
      </c>
      <c r="Z291" s="6">
        <v>3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6</v>
      </c>
      <c r="I292" s="9" t="s">
        <v>6</v>
      </c>
      <c r="J292" s="9" t="s">
        <v>35</v>
      </c>
      <c r="K292" s="6">
        <v>57</v>
      </c>
      <c r="L292" s="6">
        <v>52</v>
      </c>
      <c r="M292" s="6">
        <v>46</v>
      </c>
      <c r="N292" s="6">
        <v>44</v>
      </c>
      <c r="O292" s="10" t="s">
        <v>55</v>
      </c>
      <c r="P292" s="10" t="s">
        <v>55</v>
      </c>
      <c r="Q292" s="6">
        <v>2</v>
      </c>
      <c r="R292" s="6">
        <v>6</v>
      </c>
      <c r="S292" s="6">
        <v>5</v>
      </c>
      <c r="T292" s="6">
        <v>5</v>
      </c>
      <c r="U292" s="10" t="s">
        <v>55</v>
      </c>
      <c r="V292" s="10" t="s">
        <v>55</v>
      </c>
      <c r="W292" s="10" t="s">
        <v>55</v>
      </c>
      <c r="X292" s="6">
        <v>43</v>
      </c>
      <c r="Y292" s="6">
        <v>42</v>
      </c>
      <c r="Z292" s="10" t="s">
        <v>55</v>
      </c>
      <c r="AA292" s="10" t="s">
        <v>55</v>
      </c>
      <c r="AB292" s="6">
        <v>1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6</v>
      </c>
      <c r="I293" s="9" t="s">
        <v>6</v>
      </c>
      <c r="J293" s="9" t="s">
        <v>36</v>
      </c>
      <c r="K293" s="6">
        <v>71</v>
      </c>
      <c r="L293" s="6">
        <v>65</v>
      </c>
      <c r="M293" s="6">
        <v>61</v>
      </c>
      <c r="N293" s="6">
        <v>57</v>
      </c>
      <c r="O293" s="6">
        <v>3</v>
      </c>
      <c r="P293" s="10" t="s">
        <v>55</v>
      </c>
      <c r="Q293" s="6">
        <v>1</v>
      </c>
      <c r="R293" s="6">
        <v>4</v>
      </c>
      <c r="S293" s="6">
        <v>5</v>
      </c>
      <c r="T293" s="6">
        <v>3</v>
      </c>
      <c r="U293" s="10" t="s">
        <v>55</v>
      </c>
      <c r="V293" s="6">
        <v>2</v>
      </c>
      <c r="W293" s="6">
        <v>1</v>
      </c>
      <c r="X293" s="6">
        <v>55</v>
      </c>
      <c r="Y293" s="6">
        <v>52</v>
      </c>
      <c r="Z293" s="6">
        <v>3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6</v>
      </c>
      <c r="I294" s="9" t="s">
        <v>6</v>
      </c>
      <c r="J294" s="9" t="s">
        <v>37</v>
      </c>
      <c r="K294" s="6">
        <v>70</v>
      </c>
      <c r="L294" s="6">
        <v>61</v>
      </c>
      <c r="M294" s="6">
        <v>54</v>
      </c>
      <c r="N294" s="6">
        <v>48</v>
      </c>
      <c r="O294" s="6">
        <v>4</v>
      </c>
      <c r="P294" s="10" t="s">
        <v>55</v>
      </c>
      <c r="Q294" s="6">
        <v>2</v>
      </c>
      <c r="R294" s="6">
        <v>7</v>
      </c>
      <c r="S294" s="6">
        <v>8</v>
      </c>
      <c r="T294" s="6">
        <v>6</v>
      </c>
      <c r="U294" s="10" t="s">
        <v>55</v>
      </c>
      <c r="V294" s="6">
        <v>2</v>
      </c>
      <c r="W294" s="6">
        <v>1</v>
      </c>
      <c r="X294" s="6">
        <v>46</v>
      </c>
      <c r="Y294" s="6">
        <v>41</v>
      </c>
      <c r="Z294" s="6">
        <v>3</v>
      </c>
      <c r="AA294" s="10" t="s">
        <v>55</v>
      </c>
      <c r="AB294" s="6">
        <v>2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6</v>
      </c>
      <c r="I295" s="9" t="s">
        <v>6</v>
      </c>
      <c r="J295" s="9" t="s">
        <v>38</v>
      </c>
      <c r="K295" s="6">
        <v>101</v>
      </c>
      <c r="L295" s="6">
        <v>86</v>
      </c>
      <c r="M295" s="6">
        <v>81</v>
      </c>
      <c r="N295" s="6">
        <v>73</v>
      </c>
      <c r="O295" s="6">
        <v>7</v>
      </c>
      <c r="P295" s="10" t="s">
        <v>55</v>
      </c>
      <c r="Q295" s="6">
        <v>1</v>
      </c>
      <c r="R295" s="6">
        <v>5</v>
      </c>
      <c r="S295" s="6">
        <v>15</v>
      </c>
      <c r="T295" s="6">
        <v>14</v>
      </c>
      <c r="U295" s="10" t="s">
        <v>55</v>
      </c>
      <c r="V295" s="6">
        <v>1</v>
      </c>
      <c r="W295" s="10" t="s">
        <v>55</v>
      </c>
      <c r="X295" s="6">
        <v>74</v>
      </c>
      <c r="Y295" s="6">
        <v>66</v>
      </c>
      <c r="Z295" s="6">
        <v>7</v>
      </c>
      <c r="AA295" s="10" t="s">
        <v>55</v>
      </c>
      <c r="AB295" s="6">
        <v>1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6</v>
      </c>
      <c r="I296" s="9" t="s">
        <v>6</v>
      </c>
      <c r="J296" s="9" t="s">
        <v>39</v>
      </c>
      <c r="K296" s="6">
        <v>153</v>
      </c>
      <c r="L296" s="6">
        <v>129</v>
      </c>
      <c r="M296" s="6">
        <v>121</v>
      </c>
      <c r="N296" s="6">
        <v>109</v>
      </c>
      <c r="O296" s="6">
        <v>9</v>
      </c>
      <c r="P296" s="10" t="s">
        <v>55</v>
      </c>
      <c r="Q296" s="6">
        <v>3</v>
      </c>
      <c r="R296" s="6">
        <v>8</v>
      </c>
      <c r="S296" s="6">
        <v>23</v>
      </c>
      <c r="T296" s="6">
        <v>20</v>
      </c>
      <c r="U296" s="10" t="s">
        <v>55</v>
      </c>
      <c r="V296" s="6">
        <v>3</v>
      </c>
      <c r="W296" s="6">
        <v>1</v>
      </c>
      <c r="X296" s="6">
        <v>112</v>
      </c>
      <c r="Y296" s="6">
        <v>103</v>
      </c>
      <c r="Z296" s="6">
        <v>6</v>
      </c>
      <c r="AA296" s="10" t="s">
        <v>55</v>
      </c>
      <c r="AB296" s="6">
        <v>3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6</v>
      </c>
      <c r="I297" s="9" t="s">
        <v>6</v>
      </c>
      <c r="J297" s="9" t="s">
        <v>40</v>
      </c>
      <c r="K297" s="6">
        <v>222</v>
      </c>
      <c r="L297" s="6">
        <v>151</v>
      </c>
      <c r="M297" s="6">
        <v>140</v>
      </c>
      <c r="N297" s="6">
        <v>119</v>
      </c>
      <c r="O297" s="6">
        <v>15</v>
      </c>
      <c r="P297" s="10" t="s">
        <v>55</v>
      </c>
      <c r="Q297" s="6">
        <v>6</v>
      </c>
      <c r="R297" s="6">
        <v>11</v>
      </c>
      <c r="S297" s="6">
        <v>68</v>
      </c>
      <c r="T297" s="6">
        <v>39</v>
      </c>
      <c r="U297" s="10" t="s">
        <v>55</v>
      </c>
      <c r="V297" s="6">
        <v>29</v>
      </c>
      <c r="W297" s="6">
        <v>3</v>
      </c>
      <c r="X297" s="6">
        <v>124</v>
      </c>
      <c r="Y297" s="6">
        <v>109</v>
      </c>
      <c r="Z297" s="6">
        <v>12</v>
      </c>
      <c r="AA297" s="10" t="s">
        <v>55</v>
      </c>
      <c r="AB297" s="6">
        <v>3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6</v>
      </c>
      <c r="I298" s="9" t="s">
        <v>6</v>
      </c>
      <c r="J298" s="9" t="s">
        <v>41</v>
      </c>
      <c r="K298" s="6">
        <v>280</v>
      </c>
      <c r="L298" s="6">
        <v>116</v>
      </c>
      <c r="M298" s="6">
        <v>112</v>
      </c>
      <c r="N298" s="6">
        <v>77</v>
      </c>
      <c r="O298" s="6">
        <v>24</v>
      </c>
      <c r="P298" s="10" t="s">
        <v>55</v>
      </c>
      <c r="Q298" s="6">
        <v>11</v>
      </c>
      <c r="R298" s="6">
        <v>4</v>
      </c>
      <c r="S298" s="6">
        <v>161</v>
      </c>
      <c r="T298" s="6">
        <v>67</v>
      </c>
      <c r="U298" s="6">
        <v>1</v>
      </c>
      <c r="V298" s="6">
        <v>93</v>
      </c>
      <c r="W298" s="6">
        <v>3</v>
      </c>
      <c r="X298" s="6">
        <v>63</v>
      </c>
      <c r="Y298" s="6">
        <v>49</v>
      </c>
      <c r="Z298" s="6">
        <v>9</v>
      </c>
      <c r="AA298" s="10" t="s">
        <v>55</v>
      </c>
      <c r="AB298" s="6">
        <v>5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6</v>
      </c>
      <c r="I299" s="9" t="s">
        <v>6</v>
      </c>
      <c r="J299" s="9" t="s">
        <v>42</v>
      </c>
      <c r="K299" s="6">
        <v>289</v>
      </c>
      <c r="L299" s="6">
        <v>73</v>
      </c>
      <c r="M299" s="6">
        <v>70</v>
      </c>
      <c r="N299" s="6">
        <v>49</v>
      </c>
      <c r="O299" s="6">
        <v>14</v>
      </c>
      <c r="P299" s="10" t="s">
        <v>55</v>
      </c>
      <c r="Q299" s="6">
        <v>7</v>
      </c>
      <c r="R299" s="6">
        <v>3</v>
      </c>
      <c r="S299" s="6">
        <v>216</v>
      </c>
      <c r="T299" s="6">
        <v>87</v>
      </c>
      <c r="U299" s="10" t="s">
        <v>55</v>
      </c>
      <c r="V299" s="6">
        <v>129</v>
      </c>
      <c r="W299" s="10" t="s">
        <v>55</v>
      </c>
      <c r="X299" s="6">
        <v>40</v>
      </c>
      <c r="Y299" s="6">
        <v>27</v>
      </c>
      <c r="Z299" s="6">
        <v>9</v>
      </c>
      <c r="AA299" s="10" t="s">
        <v>55</v>
      </c>
      <c r="AB299" s="6">
        <v>4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6</v>
      </c>
      <c r="I300" s="9" t="s">
        <v>6</v>
      </c>
      <c r="J300" s="9" t="s">
        <v>43</v>
      </c>
      <c r="K300" s="6">
        <v>224</v>
      </c>
      <c r="L300" s="6">
        <v>31</v>
      </c>
      <c r="M300" s="6">
        <v>29</v>
      </c>
      <c r="N300" s="6">
        <v>14</v>
      </c>
      <c r="O300" s="6">
        <v>10</v>
      </c>
      <c r="P300" s="10" t="s">
        <v>55</v>
      </c>
      <c r="Q300" s="6">
        <v>5</v>
      </c>
      <c r="R300" s="6">
        <v>2</v>
      </c>
      <c r="S300" s="6">
        <v>191</v>
      </c>
      <c r="T300" s="6">
        <v>62</v>
      </c>
      <c r="U300" s="10" t="s">
        <v>55</v>
      </c>
      <c r="V300" s="6">
        <v>129</v>
      </c>
      <c r="W300" s="6">
        <v>2</v>
      </c>
      <c r="X300" s="6">
        <v>6</v>
      </c>
      <c r="Y300" s="6">
        <v>2</v>
      </c>
      <c r="Z300" s="6">
        <v>1</v>
      </c>
      <c r="AA300" s="10" t="s">
        <v>55</v>
      </c>
      <c r="AB300" s="6">
        <v>3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6</v>
      </c>
      <c r="I301" s="9" t="s">
        <v>6</v>
      </c>
      <c r="J301" s="9" t="s">
        <v>44</v>
      </c>
      <c r="K301" s="6">
        <v>265</v>
      </c>
      <c r="L301" s="6">
        <v>20</v>
      </c>
      <c r="M301" s="6">
        <v>20</v>
      </c>
      <c r="N301" s="6">
        <v>13</v>
      </c>
      <c r="O301" s="6">
        <v>5</v>
      </c>
      <c r="P301" s="10" t="s">
        <v>55</v>
      </c>
      <c r="Q301" s="6">
        <v>2</v>
      </c>
      <c r="R301" s="10" t="s">
        <v>55</v>
      </c>
      <c r="S301" s="6">
        <v>244</v>
      </c>
      <c r="T301" s="6">
        <v>65</v>
      </c>
      <c r="U301" s="10" t="s">
        <v>55</v>
      </c>
      <c r="V301" s="6">
        <v>179</v>
      </c>
      <c r="W301" s="6">
        <v>1</v>
      </c>
      <c r="X301" s="6">
        <v>1</v>
      </c>
      <c r="Y301" s="6">
        <v>1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6</v>
      </c>
      <c r="I302" s="9" t="s">
        <v>6</v>
      </c>
      <c r="J302" s="9" t="s">
        <v>45</v>
      </c>
      <c r="K302" s="6">
        <v>194</v>
      </c>
      <c r="L302" s="6">
        <v>2</v>
      </c>
      <c r="M302" s="6">
        <v>2</v>
      </c>
      <c r="N302" s="10" t="s">
        <v>55</v>
      </c>
      <c r="O302" s="6">
        <v>2</v>
      </c>
      <c r="P302" s="10" t="s">
        <v>55</v>
      </c>
      <c r="Q302" s="10" t="s">
        <v>55</v>
      </c>
      <c r="R302" s="10" t="s">
        <v>55</v>
      </c>
      <c r="S302" s="6">
        <v>191</v>
      </c>
      <c r="T302" s="6">
        <v>43</v>
      </c>
      <c r="U302" s="10" t="s">
        <v>55</v>
      </c>
      <c r="V302" s="6">
        <v>148</v>
      </c>
      <c r="W302" s="6">
        <v>1</v>
      </c>
      <c r="X302" s="6">
        <v>1</v>
      </c>
      <c r="Y302" s="10" t="s">
        <v>55</v>
      </c>
      <c r="Z302" s="6">
        <v>1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6</v>
      </c>
      <c r="I303" s="9" t="s">
        <v>6</v>
      </c>
      <c r="J303" s="9" t="s">
        <v>46</v>
      </c>
      <c r="K303" s="6">
        <v>103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6">
        <v>102</v>
      </c>
      <c r="T303" s="6">
        <v>16</v>
      </c>
      <c r="U303" s="10" t="s">
        <v>55</v>
      </c>
      <c r="V303" s="6">
        <v>86</v>
      </c>
      <c r="W303" s="6">
        <v>1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6</v>
      </c>
      <c r="I304" s="9" t="s">
        <v>6</v>
      </c>
      <c r="J304" s="9" t="s">
        <v>47</v>
      </c>
      <c r="K304" s="6">
        <v>33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6">
        <v>33</v>
      </c>
      <c r="T304" s="6">
        <v>4</v>
      </c>
      <c r="U304" s="10" t="s">
        <v>55</v>
      </c>
      <c r="V304" s="6">
        <v>29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6</v>
      </c>
      <c r="I305" s="9" t="s">
        <v>6</v>
      </c>
      <c r="J305" s="9" t="s">
        <v>48</v>
      </c>
      <c r="K305" s="6">
        <v>839</v>
      </c>
      <c r="L305" s="6">
        <v>650</v>
      </c>
      <c r="M305" s="6">
        <v>602</v>
      </c>
      <c r="N305" s="6">
        <v>545</v>
      </c>
      <c r="O305" s="6">
        <v>41</v>
      </c>
      <c r="P305" s="10" t="s">
        <v>55</v>
      </c>
      <c r="Q305" s="6">
        <v>16</v>
      </c>
      <c r="R305" s="6">
        <v>48</v>
      </c>
      <c r="S305" s="6">
        <v>181</v>
      </c>
      <c r="T305" s="6">
        <v>97</v>
      </c>
      <c r="U305" s="6">
        <v>42</v>
      </c>
      <c r="V305" s="6">
        <v>42</v>
      </c>
      <c r="W305" s="6">
        <v>8</v>
      </c>
      <c r="X305" s="6">
        <v>546</v>
      </c>
      <c r="Y305" s="6">
        <v>501</v>
      </c>
      <c r="Z305" s="6">
        <v>34</v>
      </c>
      <c r="AA305" s="10" t="s">
        <v>55</v>
      </c>
      <c r="AB305" s="6">
        <v>11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6</v>
      </c>
      <c r="I306" s="9" t="s">
        <v>6</v>
      </c>
      <c r="J306" s="9" t="s">
        <v>49</v>
      </c>
      <c r="K306" s="6">
        <v>1388</v>
      </c>
      <c r="L306" s="6">
        <v>242</v>
      </c>
      <c r="M306" s="6">
        <v>233</v>
      </c>
      <c r="N306" s="6">
        <v>153</v>
      </c>
      <c r="O306" s="6">
        <v>55</v>
      </c>
      <c r="P306" s="10" t="s">
        <v>55</v>
      </c>
      <c r="Q306" s="6">
        <v>25</v>
      </c>
      <c r="R306" s="6">
        <v>9</v>
      </c>
      <c r="S306" s="6">
        <v>1138</v>
      </c>
      <c r="T306" s="6">
        <v>344</v>
      </c>
      <c r="U306" s="6">
        <v>1</v>
      </c>
      <c r="V306" s="6">
        <v>793</v>
      </c>
      <c r="W306" s="6">
        <v>8</v>
      </c>
      <c r="X306" s="6">
        <v>111</v>
      </c>
      <c r="Y306" s="6">
        <v>79</v>
      </c>
      <c r="Z306" s="6">
        <v>20</v>
      </c>
      <c r="AA306" s="10" t="s">
        <v>55</v>
      </c>
      <c r="AB306" s="6">
        <v>12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6</v>
      </c>
      <c r="I307" s="9" t="s">
        <v>6</v>
      </c>
      <c r="J307" s="9" t="s">
        <v>50</v>
      </c>
      <c r="K307" s="6">
        <v>819</v>
      </c>
      <c r="L307" s="6">
        <v>53</v>
      </c>
      <c r="M307" s="6">
        <v>51</v>
      </c>
      <c r="N307" s="6">
        <v>27</v>
      </c>
      <c r="O307" s="6">
        <v>17</v>
      </c>
      <c r="P307" s="10" t="s">
        <v>55</v>
      </c>
      <c r="Q307" s="6">
        <v>7</v>
      </c>
      <c r="R307" s="6">
        <v>2</v>
      </c>
      <c r="S307" s="6">
        <v>761</v>
      </c>
      <c r="T307" s="6">
        <v>190</v>
      </c>
      <c r="U307" s="10" t="s">
        <v>55</v>
      </c>
      <c r="V307" s="6">
        <v>571</v>
      </c>
      <c r="W307" s="6">
        <v>5</v>
      </c>
      <c r="X307" s="6">
        <v>8</v>
      </c>
      <c r="Y307" s="6">
        <v>3</v>
      </c>
      <c r="Z307" s="6">
        <v>2</v>
      </c>
      <c r="AA307" s="10" t="s">
        <v>55</v>
      </c>
      <c r="AB307" s="6">
        <v>3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6</v>
      </c>
      <c r="I308" s="9" t="s">
        <v>6</v>
      </c>
      <c r="J308" s="9" t="s">
        <v>51</v>
      </c>
      <c r="K308" s="6">
        <v>330</v>
      </c>
      <c r="L308" s="6">
        <v>2</v>
      </c>
      <c r="M308" s="6">
        <v>2</v>
      </c>
      <c r="N308" s="10" t="s">
        <v>55</v>
      </c>
      <c r="O308" s="6">
        <v>2</v>
      </c>
      <c r="P308" s="10" t="s">
        <v>55</v>
      </c>
      <c r="Q308" s="10" t="s">
        <v>55</v>
      </c>
      <c r="R308" s="10" t="s">
        <v>55</v>
      </c>
      <c r="S308" s="6">
        <v>326</v>
      </c>
      <c r="T308" s="6">
        <v>63</v>
      </c>
      <c r="U308" s="10" t="s">
        <v>55</v>
      </c>
      <c r="V308" s="6">
        <v>263</v>
      </c>
      <c r="W308" s="6">
        <v>2</v>
      </c>
      <c r="X308" s="6">
        <v>1</v>
      </c>
      <c r="Y308" s="10" t="s">
        <v>55</v>
      </c>
      <c r="Z308" s="6">
        <v>1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6</v>
      </c>
      <c r="I309" s="9" t="s">
        <v>6</v>
      </c>
      <c r="J309" s="9" t="s">
        <v>52</v>
      </c>
      <c r="K309" s="6">
        <v>1079</v>
      </c>
      <c r="L309" s="6">
        <v>764</v>
      </c>
      <c r="M309" s="6">
        <v>712</v>
      </c>
      <c r="N309" s="6">
        <v>621</v>
      </c>
      <c r="O309" s="6">
        <v>65</v>
      </c>
      <c r="P309" s="10" t="s">
        <v>55</v>
      </c>
      <c r="Q309" s="6">
        <v>26</v>
      </c>
      <c r="R309" s="6">
        <v>52</v>
      </c>
      <c r="S309" s="6">
        <v>304</v>
      </c>
      <c r="T309" s="6">
        <v>164</v>
      </c>
      <c r="U309" s="6">
        <v>5</v>
      </c>
      <c r="V309" s="6">
        <v>135</v>
      </c>
      <c r="W309" s="6">
        <v>11</v>
      </c>
      <c r="X309" s="6">
        <v>607</v>
      </c>
      <c r="Y309" s="6">
        <v>549</v>
      </c>
      <c r="Z309" s="6">
        <v>43</v>
      </c>
      <c r="AA309" s="10" t="s">
        <v>55</v>
      </c>
      <c r="AB309" s="6">
        <v>15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6</v>
      </c>
      <c r="I310" s="9" t="s">
        <v>53</v>
      </c>
      <c r="J310" s="9" t="s">
        <v>30</v>
      </c>
      <c r="K310" s="6">
        <v>1032</v>
      </c>
      <c r="L310" s="6">
        <v>518</v>
      </c>
      <c r="M310" s="6">
        <v>476</v>
      </c>
      <c r="N310" s="6">
        <v>427</v>
      </c>
      <c r="O310" s="6">
        <v>22</v>
      </c>
      <c r="P310" s="10" t="s">
        <v>55</v>
      </c>
      <c r="Q310" s="6">
        <v>27</v>
      </c>
      <c r="R310" s="6">
        <v>42</v>
      </c>
      <c r="S310" s="6">
        <v>506</v>
      </c>
      <c r="T310" s="6">
        <v>98</v>
      </c>
      <c r="U310" s="6">
        <v>18</v>
      </c>
      <c r="V310" s="6">
        <v>390</v>
      </c>
      <c r="W310" s="6">
        <v>8</v>
      </c>
      <c r="X310" s="6">
        <v>359</v>
      </c>
      <c r="Y310" s="6">
        <v>336</v>
      </c>
      <c r="Z310" s="6">
        <v>13</v>
      </c>
      <c r="AA310" s="10" t="s">
        <v>55</v>
      </c>
      <c r="AB310" s="6">
        <v>10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6</v>
      </c>
      <c r="I311" s="9" t="s">
        <v>53</v>
      </c>
      <c r="J311" s="9" t="s">
        <v>31</v>
      </c>
      <c r="K311" s="6">
        <v>17</v>
      </c>
      <c r="L311" s="6">
        <v>1</v>
      </c>
      <c r="M311" s="6">
        <v>1</v>
      </c>
      <c r="N311" s="6">
        <v>1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6">
        <v>16</v>
      </c>
      <c r="T311" s="10" t="s">
        <v>55</v>
      </c>
      <c r="U311" s="6">
        <v>16</v>
      </c>
      <c r="V311" s="10" t="s">
        <v>55</v>
      </c>
      <c r="W311" s="10" t="s">
        <v>55</v>
      </c>
      <c r="X311" s="6">
        <v>1</v>
      </c>
      <c r="Y311" s="6">
        <v>1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6</v>
      </c>
      <c r="I312" s="9" t="s">
        <v>53</v>
      </c>
      <c r="J312" s="9" t="s">
        <v>32</v>
      </c>
      <c r="K312" s="6">
        <v>15</v>
      </c>
      <c r="L312" s="6">
        <v>12</v>
      </c>
      <c r="M312" s="6">
        <v>12</v>
      </c>
      <c r="N312" s="6">
        <v>12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6">
        <v>3</v>
      </c>
      <c r="T312" s="10" t="s">
        <v>55</v>
      </c>
      <c r="U312" s="6">
        <v>2</v>
      </c>
      <c r="V312" s="6">
        <v>1</v>
      </c>
      <c r="W312" s="10" t="s">
        <v>55</v>
      </c>
      <c r="X312" s="6">
        <v>11</v>
      </c>
      <c r="Y312" s="6">
        <v>11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6</v>
      </c>
      <c r="I313" s="9" t="s">
        <v>53</v>
      </c>
      <c r="J313" s="9" t="s">
        <v>33</v>
      </c>
      <c r="K313" s="6">
        <v>27</v>
      </c>
      <c r="L313" s="6">
        <v>23</v>
      </c>
      <c r="M313" s="6">
        <v>20</v>
      </c>
      <c r="N313" s="6">
        <v>20</v>
      </c>
      <c r="O313" s="10" t="s">
        <v>55</v>
      </c>
      <c r="P313" s="10" t="s">
        <v>55</v>
      </c>
      <c r="Q313" s="10" t="s">
        <v>55</v>
      </c>
      <c r="R313" s="6">
        <v>3</v>
      </c>
      <c r="S313" s="6">
        <v>4</v>
      </c>
      <c r="T313" s="6">
        <v>3</v>
      </c>
      <c r="U313" s="10" t="s">
        <v>55</v>
      </c>
      <c r="V313" s="6">
        <v>1</v>
      </c>
      <c r="W313" s="10" t="s">
        <v>55</v>
      </c>
      <c r="X313" s="6">
        <v>18</v>
      </c>
      <c r="Y313" s="6">
        <v>18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6</v>
      </c>
      <c r="I314" s="9" t="s">
        <v>53</v>
      </c>
      <c r="J314" s="9" t="s">
        <v>34</v>
      </c>
      <c r="K314" s="6">
        <v>24</v>
      </c>
      <c r="L314" s="6">
        <v>21</v>
      </c>
      <c r="M314" s="6">
        <v>20</v>
      </c>
      <c r="N314" s="6">
        <v>19</v>
      </c>
      <c r="O314" s="6">
        <v>1</v>
      </c>
      <c r="P314" s="10" t="s">
        <v>55</v>
      </c>
      <c r="Q314" s="10" t="s">
        <v>55</v>
      </c>
      <c r="R314" s="6">
        <v>1</v>
      </c>
      <c r="S314" s="6">
        <v>2</v>
      </c>
      <c r="T314" s="10" t="s">
        <v>55</v>
      </c>
      <c r="U314" s="10" t="s">
        <v>55</v>
      </c>
      <c r="V314" s="6">
        <v>2</v>
      </c>
      <c r="W314" s="6">
        <v>1</v>
      </c>
      <c r="X314" s="6">
        <v>19</v>
      </c>
      <c r="Y314" s="6">
        <v>18</v>
      </c>
      <c r="Z314" s="6">
        <v>1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6</v>
      </c>
      <c r="I315" s="9" t="s">
        <v>53</v>
      </c>
      <c r="J315" s="9" t="s">
        <v>35</v>
      </c>
      <c r="K315" s="6">
        <v>33</v>
      </c>
      <c r="L315" s="6">
        <v>32</v>
      </c>
      <c r="M315" s="6">
        <v>28</v>
      </c>
      <c r="N315" s="6">
        <v>27</v>
      </c>
      <c r="O315" s="10" t="s">
        <v>55</v>
      </c>
      <c r="P315" s="10" t="s">
        <v>55</v>
      </c>
      <c r="Q315" s="6">
        <v>1</v>
      </c>
      <c r="R315" s="6">
        <v>4</v>
      </c>
      <c r="S315" s="6">
        <v>1</v>
      </c>
      <c r="T315" s="6">
        <v>1</v>
      </c>
      <c r="U315" s="10" t="s">
        <v>55</v>
      </c>
      <c r="V315" s="10" t="s">
        <v>55</v>
      </c>
      <c r="W315" s="10" t="s">
        <v>55</v>
      </c>
      <c r="X315" s="6">
        <v>25</v>
      </c>
      <c r="Y315" s="6">
        <v>25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6</v>
      </c>
      <c r="I316" s="9" t="s">
        <v>53</v>
      </c>
      <c r="J316" s="9" t="s">
        <v>36</v>
      </c>
      <c r="K316" s="6">
        <v>39</v>
      </c>
      <c r="L316" s="6">
        <v>36</v>
      </c>
      <c r="M316" s="6">
        <v>32</v>
      </c>
      <c r="N316" s="6">
        <v>31</v>
      </c>
      <c r="O316" s="10" t="s">
        <v>55</v>
      </c>
      <c r="P316" s="10" t="s">
        <v>55</v>
      </c>
      <c r="Q316" s="6">
        <v>1</v>
      </c>
      <c r="R316" s="6">
        <v>4</v>
      </c>
      <c r="S316" s="6">
        <v>3</v>
      </c>
      <c r="T316" s="6">
        <v>1</v>
      </c>
      <c r="U316" s="10" t="s">
        <v>55</v>
      </c>
      <c r="V316" s="6">
        <v>2</v>
      </c>
      <c r="W316" s="10" t="s">
        <v>55</v>
      </c>
      <c r="X316" s="6">
        <v>27</v>
      </c>
      <c r="Y316" s="6">
        <v>27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6</v>
      </c>
      <c r="I317" s="9" t="s">
        <v>53</v>
      </c>
      <c r="J317" s="9" t="s">
        <v>37</v>
      </c>
      <c r="K317" s="6">
        <v>34</v>
      </c>
      <c r="L317" s="6">
        <v>32</v>
      </c>
      <c r="M317" s="6">
        <v>29</v>
      </c>
      <c r="N317" s="6">
        <v>27</v>
      </c>
      <c r="O317" s="10" t="s">
        <v>55</v>
      </c>
      <c r="P317" s="10" t="s">
        <v>55</v>
      </c>
      <c r="Q317" s="6">
        <v>2</v>
      </c>
      <c r="R317" s="6">
        <v>3</v>
      </c>
      <c r="S317" s="6">
        <v>2</v>
      </c>
      <c r="T317" s="10" t="s">
        <v>55</v>
      </c>
      <c r="U317" s="10" t="s">
        <v>55</v>
      </c>
      <c r="V317" s="6">
        <v>2</v>
      </c>
      <c r="W317" s="10" t="s">
        <v>55</v>
      </c>
      <c r="X317" s="6">
        <v>24</v>
      </c>
      <c r="Y317" s="6">
        <v>22</v>
      </c>
      <c r="Z317" s="10" t="s">
        <v>55</v>
      </c>
      <c r="AA317" s="10" t="s">
        <v>55</v>
      </c>
      <c r="AB317" s="6">
        <v>2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6</v>
      </c>
      <c r="I318" s="9" t="s">
        <v>53</v>
      </c>
      <c r="J318" s="9" t="s">
        <v>38</v>
      </c>
      <c r="K318" s="6">
        <v>49</v>
      </c>
      <c r="L318" s="6">
        <v>48</v>
      </c>
      <c r="M318" s="6">
        <v>44</v>
      </c>
      <c r="N318" s="6">
        <v>43</v>
      </c>
      <c r="O318" s="6">
        <v>1</v>
      </c>
      <c r="P318" s="10" t="s">
        <v>55</v>
      </c>
      <c r="Q318" s="10" t="s">
        <v>55</v>
      </c>
      <c r="R318" s="6">
        <v>4</v>
      </c>
      <c r="S318" s="6">
        <v>1</v>
      </c>
      <c r="T318" s="10" t="s">
        <v>55</v>
      </c>
      <c r="U318" s="10" t="s">
        <v>55</v>
      </c>
      <c r="V318" s="6">
        <v>1</v>
      </c>
      <c r="W318" s="10" t="s">
        <v>55</v>
      </c>
      <c r="X318" s="6">
        <v>39</v>
      </c>
      <c r="Y318" s="6">
        <v>38</v>
      </c>
      <c r="Z318" s="6">
        <v>1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6</v>
      </c>
      <c r="I319" s="9" t="s">
        <v>53</v>
      </c>
      <c r="J319" s="9" t="s">
        <v>39</v>
      </c>
      <c r="K319" s="6">
        <v>80</v>
      </c>
      <c r="L319" s="6">
        <v>73</v>
      </c>
      <c r="M319" s="6">
        <v>68</v>
      </c>
      <c r="N319" s="6">
        <v>65</v>
      </c>
      <c r="O319" s="6">
        <v>1</v>
      </c>
      <c r="P319" s="10" t="s">
        <v>55</v>
      </c>
      <c r="Q319" s="6">
        <v>2</v>
      </c>
      <c r="R319" s="6">
        <v>5</v>
      </c>
      <c r="S319" s="6">
        <v>7</v>
      </c>
      <c r="T319" s="6">
        <v>4</v>
      </c>
      <c r="U319" s="10" t="s">
        <v>55</v>
      </c>
      <c r="V319" s="6">
        <v>3</v>
      </c>
      <c r="W319" s="10" t="s">
        <v>55</v>
      </c>
      <c r="X319" s="6">
        <v>61</v>
      </c>
      <c r="Y319" s="6">
        <v>59</v>
      </c>
      <c r="Z319" s="10" t="s">
        <v>55</v>
      </c>
      <c r="AA319" s="10" t="s">
        <v>55</v>
      </c>
      <c r="AB319" s="6">
        <v>2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6</v>
      </c>
      <c r="I320" s="9" t="s">
        <v>53</v>
      </c>
      <c r="J320" s="9" t="s">
        <v>40</v>
      </c>
      <c r="K320" s="6">
        <v>116</v>
      </c>
      <c r="L320" s="6">
        <v>84</v>
      </c>
      <c r="M320" s="6">
        <v>75</v>
      </c>
      <c r="N320" s="6">
        <v>68</v>
      </c>
      <c r="O320" s="6">
        <v>4</v>
      </c>
      <c r="P320" s="10" t="s">
        <v>55</v>
      </c>
      <c r="Q320" s="6">
        <v>3</v>
      </c>
      <c r="R320" s="6">
        <v>9</v>
      </c>
      <c r="S320" s="6">
        <v>29</v>
      </c>
      <c r="T320" s="6">
        <v>10</v>
      </c>
      <c r="U320" s="10" t="s">
        <v>55</v>
      </c>
      <c r="V320" s="6">
        <v>19</v>
      </c>
      <c r="W320" s="6">
        <v>3</v>
      </c>
      <c r="X320" s="6">
        <v>67</v>
      </c>
      <c r="Y320" s="6">
        <v>63</v>
      </c>
      <c r="Z320" s="6">
        <v>4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6</v>
      </c>
      <c r="I321" s="9" t="s">
        <v>53</v>
      </c>
      <c r="J321" s="9" t="s">
        <v>41</v>
      </c>
      <c r="K321" s="6">
        <v>152</v>
      </c>
      <c r="L321" s="6">
        <v>72</v>
      </c>
      <c r="M321" s="6">
        <v>68</v>
      </c>
      <c r="N321" s="6">
        <v>54</v>
      </c>
      <c r="O321" s="6">
        <v>6</v>
      </c>
      <c r="P321" s="10" t="s">
        <v>55</v>
      </c>
      <c r="Q321" s="6">
        <v>8</v>
      </c>
      <c r="R321" s="6">
        <v>4</v>
      </c>
      <c r="S321" s="6">
        <v>78</v>
      </c>
      <c r="T321" s="6">
        <v>20</v>
      </c>
      <c r="U321" s="10" t="s">
        <v>55</v>
      </c>
      <c r="V321" s="6">
        <v>58</v>
      </c>
      <c r="W321" s="6">
        <v>2</v>
      </c>
      <c r="X321" s="6">
        <v>39</v>
      </c>
      <c r="Y321" s="6">
        <v>31</v>
      </c>
      <c r="Z321" s="6">
        <v>5</v>
      </c>
      <c r="AA321" s="10" t="s">
        <v>55</v>
      </c>
      <c r="AB321" s="6">
        <v>3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6</v>
      </c>
      <c r="I322" s="9" t="s">
        <v>53</v>
      </c>
      <c r="J322" s="9" t="s">
        <v>42</v>
      </c>
      <c r="K322" s="6">
        <v>149</v>
      </c>
      <c r="L322" s="6">
        <v>52</v>
      </c>
      <c r="M322" s="6">
        <v>49</v>
      </c>
      <c r="N322" s="6">
        <v>40</v>
      </c>
      <c r="O322" s="6">
        <v>4</v>
      </c>
      <c r="P322" s="10" t="s">
        <v>55</v>
      </c>
      <c r="Q322" s="6">
        <v>5</v>
      </c>
      <c r="R322" s="6">
        <v>3</v>
      </c>
      <c r="S322" s="6">
        <v>97</v>
      </c>
      <c r="T322" s="6">
        <v>18</v>
      </c>
      <c r="U322" s="10" t="s">
        <v>55</v>
      </c>
      <c r="V322" s="6">
        <v>79</v>
      </c>
      <c r="W322" s="10" t="s">
        <v>55</v>
      </c>
      <c r="X322" s="6">
        <v>25</v>
      </c>
      <c r="Y322" s="6">
        <v>22</v>
      </c>
      <c r="Z322" s="6">
        <v>1</v>
      </c>
      <c r="AA322" s="10" t="s">
        <v>55</v>
      </c>
      <c r="AB322" s="6">
        <v>2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6</v>
      </c>
      <c r="I323" s="9" t="s">
        <v>53</v>
      </c>
      <c r="J323" s="9" t="s">
        <v>43</v>
      </c>
      <c r="K323" s="6">
        <v>91</v>
      </c>
      <c r="L323" s="6">
        <v>16</v>
      </c>
      <c r="M323" s="6">
        <v>14</v>
      </c>
      <c r="N323" s="6">
        <v>9</v>
      </c>
      <c r="O323" s="6">
        <v>2</v>
      </c>
      <c r="P323" s="10" t="s">
        <v>55</v>
      </c>
      <c r="Q323" s="6">
        <v>3</v>
      </c>
      <c r="R323" s="6">
        <v>2</v>
      </c>
      <c r="S323" s="6">
        <v>74</v>
      </c>
      <c r="T323" s="6">
        <v>16</v>
      </c>
      <c r="U323" s="10" t="s">
        <v>55</v>
      </c>
      <c r="V323" s="6">
        <v>58</v>
      </c>
      <c r="W323" s="6">
        <v>1</v>
      </c>
      <c r="X323" s="6">
        <v>1</v>
      </c>
      <c r="Y323" s="10" t="s">
        <v>55</v>
      </c>
      <c r="Z323" s="10" t="s">
        <v>55</v>
      </c>
      <c r="AA323" s="10" t="s">
        <v>55</v>
      </c>
      <c r="AB323" s="6">
        <v>1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6</v>
      </c>
      <c r="I324" s="9" t="s">
        <v>53</v>
      </c>
      <c r="J324" s="9" t="s">
        <v>44</v>
      </c>
      <c r="K324" s="6">
        <v>103</v>
      </c>
      <c r="L324" s="6">
        <v>15</v>
      </c>
      <c r="M324" s="6">
        <v>15</v>
      </c>
      <c r="N324" s="6">
        <v>11</v>
      </c>
      <c r="O324" s="6">
        <v>2</v>
      </c>
      <c r="P324" s="10" t="s">
        <v>55</v>
      </c>
      <c r="Q324" s="6">
        <v>2</v>
      </c>
      <c r="R324" s="10" t="s">
        <v>55</v>
      </c>
      <c r="S324" s="6">
        <v>88</v>
      </c>
      <c r="T324" s="6">
        <v>13</v>
      </c>
      <c r="U324" s="10" t="s">
        <v>55</v>
      </c>
      <c r="V324" s="6">
        <v>75</v>
      </c>
      <c r="W324" s="10" t="s">
        <v>55</v>
      </c>
      <c r="X324" s="6">
        <v>1</v>
      </c>
      <c r="Y324" s="6">
        <v>1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6</v>
      </c>
      <c r="I325" s="9" t="s">
        <v>53</v>
      </c>
      <c r="J325" s="9" t="s">
        <v>45</v>
      </c>
      <c r="K325" s="6">
        <v>65</v>
      </c>
      <c r="L325" s="6">
        <v>1</v>
      </c>
      <c r="M325" s="6">
        <v>1</v>
      </c>
      <c r="N325" s="10" t="s">
        <v>55</v>
      </c>
      <c r="O325" s="6">
        <v>1</v>
      </c>
      <c r="P325" s="10" t="s">
        <v>55</v>
      </c>
      <c r="Q325" s="10" t="s">
        <v>55</v>
      </c>
      <c r="R325" s="10" t="s">
        <v>55</v>
      </c>
      <c r="S325" s="6">
        <v>64</v>
      </c>
      <c r="T325" s="6">
        <v>7</v>
      </c>
      <c r="U325" s="10" t="s">
        <v>55</v>
      </c>
      <c r="V325" s="6">
        <v>57</v>
      </c>
      <c r="W325" s="10" t="s">
        <v>55</v>
      </c>
      <c r="X325" s="6">
        <v>1</v>
      </c>
      <c r="Y325" s="10" t="s">
        <v>55</v>
      </c>
      <c r="Z325" s="6">
        <v>1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6</v>
      </c>
      <c r="I326" s="9" t="s">
        <v>53</v>
      </c>
      <c r="J326" s="9" t="s">
        <v>46</v>
      </c>
      <c r="K326" s="6">
        <v>35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6">
        <v>34</v>
      </c>
      <c r="T326" s="6">
        <v>4</v>
      </c>
      <c r="U326" s="10" t="s">
        <v>55</v>
      </c>
      <c r="V326" s="6">
        <v>30</v>
      </c>
      <c r="W326" s="6">
        <v>1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6</v>
      </c>
      <c r="I327" s="9" t="s">
        <v>53</v>
      </c>
      <c r="J327" s="9" t="s">
        <v>47</v>
      </c>
      <c r="K327" s="6">
        <v>3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6">
        <v>3</v>
      </c>
      <c r="T327" s="6">
        <v>1</v>
      </c>
      <c r="U327" s="10" t="s">
        <v>55</v>
      </c>
      <c r="V327" s="6">
        <v>2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6</v>
      </c>
      <c r="I328" s="9" t="s">
        <v>53</v>
      </c>
      <c r="J328" s="9" t="s">
        <v>48</v>
      </c>
      <c r="K328" s="6">
        <v>434</v>
      </c>
      <c r="L328" s="6">
        <v>362</v>
      </c>
      <c r="M328" s="6">
        <v>329</v>
      </c>
      <c r="N328" s="6">
        <v>313</v>
      </c>
      <c r="O328" s="6">
        <v>7</v>
      </c>
      <c r="P328" s="10" t="s">
        <v>55</v>
      </c>
      <c r="Q328" s="6">
        <v>9</v>
      </c>
      <c r="R328" s="6">
        <v>33</v>
      </c>
      <c r="S328" s="6">
        <v>68</v>
      </c>
      <c r="T328" s="6">
        <v>19</v>
      </c>
      <c r="U328" s="6">
        <v>18</v>
      </c>
      <c r="V328" s="6">
        <v>31</v>
      </c>
      <c r="W328" s="6">
        <v>4</v>
      </c>
      <c r="X328" s="6">
        <v>292</v>
      </c>
      <c r="Y328" s="6">
        <v>282</v>
      </c>
      <c r="Z328" s="6">
        <v>6</v>
      </c>
      <c r="AA328" s="10" t="s">
        <v>55</v>
      </c>
      <c r="AB328" s="6">
        <v>4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6</v>
      </c>
      <c r="I329" s="9" t="s">
        <v>53</v>
      </c>
      <c r="J329" s="9" t="s">
        <v>49</v>
      </c>
      <c r="K329" s="6">
        <v>598</v>
      </c>
      <c r="L329" s="6">
        <v>156</v>
      </c>
      <c r="M329" s="6">
        <v>147</v>
      </c>
      <c r="N329" s="6">
        <v>114</v>
      </c>
      <c r="O329" s="6">
        <v>15</v>
      </c>
      <c r="P329" s="10" t="s">
        <v>55</v>
      </c>
      <c r="Q329" s="6">
        <v>18</v>
      </c>
      <c r="R329" s="6">
        <v>9</v>
      </c>
      <c r="S329" s="6">
        <v>438</v>
      </c>
      <c r="T329" s="6">
        <v>79</v>
      </c>
      <c r="U329" s="10" t="s">
        <v>55</v>
      </c>
      <c r="V329" s="6">
        <v>359</v>
      </c>
      <c r="W329" s="6">
        <v>4</v>
      </c>
      <c r="X329" s="6">
        <v>67</v>
      </c>
      <c r="Y329" s="6">
        <v>54</v>
      </c>
      <c r="Z329" s="6">
        <v>7</v>
      </c>
      <c r="AA329" s="10" t="s">
        <v>55</v>
      </c>
      <c r="AB329" s="6">
        <v>6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6</v>
      </c>
      <c r="I330" s="9" t="s">
        <v>53</v>
      </c>
      <c r="J330" s="9" t="s">
        <v>50</v>
      </c>
      <c r="K330" s="6">
        <v>297</v>
      </c>
      <c r="L330" s="6">
        <v>32</v>
      </c>
      <c r="M330" s="6">
        <v>30</v>
      </c>
      <c r="N330" s="6">
        <v>20</v>
      </c>
      <c r="O330" s="6">
        <v>5</v>
      </c>
      <c r="P330" s="10" t="s">
        <v>55</v>
      </c>
      <c r="Q330" s="6">
        <v>5</v>
      </c>
      <c r="R330" s="6">
        <v>2</v>
      </c>
      <c r="S330" s="6">
        <v>263</v>
      </c>
      <c r="T330" s="6">
        <v>41</v>
      </c>
      <c r="U330" s="10" t="s">
        <v>55</v>
      </c>
      <c r="V330" s="6">
        <v>222</v>
      </c>
      <c r="W330" s="6">
        <v>2</v>
      </c>
      <c r="X330" s="6">
        <v>3</v>
      </c>
      <c r="Y330" s="6">
        <v>1</v>
      </c>
      <c r="Z330" s="6">
        <v>1</v>
      </c>
      <c r="AA330" s="10" t="s">
        <v>55</v>
      </c>
      <c r="AB330" s="6">
        <v>1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6</v>
      </c>
      <c r="I331" s="9" t="s">
        <v>53</v>
      </c>
      <c r="J331" s="9" t="s">
        <v>51</v>
      </c>
      <c r="K331" s="6">
        <v>103</v>
      </c>
      <c r="L331" s="6">
        <v>1</v>
      </c>
      <c r="M331" s="6">
        <v>1</v>
      </c>
      <c r="N331" s="10" t="s">
        <v>55</v>
      </c>
      <c r="O331" s="6">
        <v>1</v>
      </c>
      <c r="P331" s="10" t="s">
        <v>55</v>
      </c>
      <c r="Q331" s="10" t="s">
        <v>55</v>
      </c>
      <c r="R331" s="10" t="s">
        <v>55</v>
      </c>
      <c r="S331" s="6">
        <v>101</v>
      </c>
      <c r="T331" s="6">
        <v>12</v>
      </c>
      <c r="U331" s="10" t="s">
        <v>55</v>
      </c>
      <c r="V331" s="6">
        <v>89</v>
      </c>
      <c r="W331" s="6">
        <v>1</v>
      </c>
      <c r="X331" s="6">
        <v>1</v>
      </c>
      <c r="Y331" s="10" t="s">
        <v>55</v>
      </c>
      <c r="Z331" s="6">
        <v>1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6</v>
      </c>
      <c r="I332" s="9" t="s">
        <v>53</v>
      </c>
      <c r="J332" s="9" t="s">
        <v>52</v>
      </c>
      <c r="K332" s="6">
        <v>569</v>
      </c>
      <c r="L332" s="6">
        <v>433</v>
      </c>
      <c r="M332" s="6">
        <v>396</v>
      </c>
      <c r="N332" s="6">
        <v>366</v>
      </c>
      <c r="O332" s="6">
        <v>13</v>
      </c>
      <c r="P332" s="10" t="s">
        <v>55</v>
      </c>
      <c r="Q332" s="6">
        <v>17</v>
      </c>
      <c r="R332" s="6">
        <v>37</v>
      </c>
      <c r="S332" s="6">
        <v>130</v>
      </c>
      <c r="T332" s="6">
        <v>39</v>
      </c>
      <c r="U332" s="6">
        <v>2</v>
      </c>
      <c r="V332" s="6">
        <v>89</v>
      </c>
      <c r="W332" s="6">
        <v>6</v>
      </c>
      <c r="X332" s="6">
        <v>330</v>
      </c>
      <c r="Y332" s="6">
        <v>312</v>
      </c>
      <c r="Z332" s="6">
        <v>11</v>
      </c>
      <c r="AA332" s="10" t="s">
        <v>55</v>
      </c>
      <c r="AB332" s="6">
        <v>7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6</v>
      </c>
      <c r="I333" s="9" t="s">
        <v>54</v>
      </c>
      <c r="J333" s="9" t="s">
        <v>30</v>
      </c>
      <c r="K333" s="6">
        <v>1195</v>
      </c>
      <c r="L333" s="6">
        <v>374</v>
      </c>
      <c r="M333" s="6">
        <v>359</v>
      </c>
      <c r="N333" s="6">
        <v>271</v>
      </c>
      <c r="O333" s="6">
        <v>74</v>
      </c>
      <c r="P333" s="10" t="s">
        <v>55</v>
      </c>
      <c r="Q333" s="6">
        <v>14</v>
      </c>
      <c r="R333" s="6">
        <v>15</v>
      </c>
      <c r="S333" s="6">
        <v>813</v>
      </c>
      <c r="T333" s="6">
        <v>343</v>
      </c>
      <c r="U333" s="6">
        <v>25</v>
      </c>
      <c r="V333" s="6">
        <v>445</v>
      </c>
      <c r="W333" s="6">
        <v>8</v>
      </c>
      <c r="X333" s="6">
        <v>298</v>
      </c>
      <c r="Y333" s="6">
        <v>244</v>
      </c>
      <c r="Z333" s="6">
        <v>41</v>
      </c>
      <c r="AA333" s="10" t="s">
        <v>55</v>
      </c>
      <c r="AB333" s="6">
        <v>13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6</v>
      </c>
      <c r="I334" s="9" t="s">
        <v>54</v>
      </c>
      <c r="J334" s="9" t="s">
        <v>31</v>
      </c>
      <c r="K334" s="6">
        <v>23</v>
      </c>
      <c r="L334" s="6">
        <v>1</v>
      </c>
      <c r="M334" s="6">
        <v>1</v>
      </c>
      <c r="N334" s="10" t="s">
        <v>55</v>
      </c>
      <c r="O334" s="10" t="s">
        <v>55</v>
      </c>
      <c r="P334" s="10" t="s">
        <v>55</v>
      </c>
      <c r="Q334" s="6">
        <v>1</v>
      </c>
      <c r="R334" s="10" t="s">
        <v>55</v>
      </c>
      <c r="S334" s="6">
        <v>22</v>
      </c>
      <c r="T334" s="10" t="s">
        <v>55</v>
      </c>
      <c r="U334" s="6">
        <v>22</v>
      </c>
      <c r="V334" s="10" t="s">
        <v>55</v>
      </c>
      <c r="W334" s="10" t="s">
        <v>55</v>
      </c>
      <c r="X334" s="6">
        <v>1</v>
      </c>
      <c r="Y334" s="10" t="s">
        <v>55</v>
      </c>
      <c r="Z334" s="10" t="s">
        <v>55</v>
      </c>
      <c r="AA334" s="10" t="s">
        <v>55</v>
      </c>
      <c r="AB334" s="6">
        <v>1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6</v>
      </c>
      <c r="I335" s="9" t="s">
        <v>54</v>
      </c>
      <c r="J335" s="9" t="s">
        <v>32</v>
      </c>
      <c r="K335" s="6">
        <v>20</v>
      </c>
      <c r="L335" s="6">
        <v>15</v>
      </c>
      <c r="M335" s="6">
        <v>14</v>
      </c>
      <c r="N335" s="6">
        <v>14</v>
      </c>
      <c r="O335" s="10" t="s">
        <v>55</v>
      </c>
      <c r="P335" s="10" t="s">
        <v>55</v>
      </c>
      <c r="Q335" s="10" t="s">
        <v>55</v>
      </c>
      <c r="R335" s="6">
        <v>1</v>
      </c>
      <c r="S335" s="6">
        <v>5</v>
      </c>
      <c r="T335" s="6">
        <v>2</v>
      </c>
      <c r="U335" s="6">
        <v>2</v>
      </c>
      <c r="V335" s="6">
        <v>1</v>
      </c>
      <c r="W335" s="10" t="s">
        <v>55</v>
      </c>
      <c r="X335" s="6">
        <v>12</v>
      </c>
      <c r="Y335" s="6">
        <v>12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6</v>
      </c>
      <c r="I336" s="9" t="s">
        <v>54</v>
      </c>
      <c r="J336" s="9" t="s">
        <v>33</v>
      </c>
      <c r="K336" s="6">
        <v>16</v>
      </c>
      <c r="L336" s="6">
        <v>14</v>
      </c>
      <c r="M336" s="6">
        <v>12</v>
      </c>
      <c r="N336" s="6">
        <v>12</v>
      </c>
      <c r="O336" s="10" t="s">
        <v>55</v>
      </c>
      <c r="P336" s="10" t="s">
        <v>55</v>
      </c>
      <c r="Q336" s="10" t="s">
        <v>55</v>
      </c>
      <c r="R336" s="6">
        <v>2</v>
      </c>
      <c r="S336" s="6">
        <v>2</v>
      </c>
      <c r="T336" s="6">
        <v>2</v>
      </c>
      <c r="U336" s="10" t="s">
        <v>55</v>
      </c>
      <c r="V336" s="10" t="s">
        <v>55</v>
      </c>
      <c r="W336" s="10" t="s">
        <v>55</v>
      </c>
      <c r="X336" s="6">
        <v>12</v>
      </c>
      <c r="Y336" s="6">
        <v>12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6</v>
      </c>
      <c r="I337" s="9" t="s">
        <v>54</v>
      </c>
      <c r="J337" s="9" t="s">
        <v>34</v>
      </c>
      <c r="K337" s="6">
        <v>23</v>
      </c>
      <c r="L337" s="6">
        <v>19</v>
      </c>
      <c r="M337" s="6">
        <v>19</v>
      </c>
      <c r="N337" s="6">
        <v>17</v>
      </c>
      <c r="O337" s="6">
        <v>2</v>
      </c>
      <c r="P337" s="10" t="s">
        <v>55</v>
      </c>
      <c r="Q337" s="10" t="s">
        <v>55</v>
      </c>
      <c r="R337" s="10" t="s">
        <v>55</v>
      </c>
      <c r="S337" s="6">
        <v>3</v>
      </c>
      <c r="T337" s="6">
        <v>3</v>
      </c>
      <c r="U337" s="10" t="s">
        <v>55</v>
      </c>
      <c r="V337" s="10" t="s">
        <v>55</v>
      </c>
      <c r="W337" s="6">
        <v>1</v>
      </c>
      <c r="X337" s="6">
        <v>18</v>
      </c>
      <c r="Y337" s="6">
        <v>16</v>
      </c>
      <c r="Z337" s="6">
        <v>2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6</v>
      </c>
      <c r="I338" s="9" t="s">
        <v>54</v>
      </c>
      <c r="J338" s="9" t="s">
        <v>35</v>
      </c>
      <c r="K338" s="6">
        <v>24</v>
      </c>
      <c r="L338" s="6">
        <v>20</v>
      </c>
      <c r="M338" s="6">
        <v>18</v>
      </c>
      <c r="N338" s="6">
        <v>17</v>
      </c>
      <c r="O338" s="10" t="s">
        <v>55</v>
      </c>
      <c r="P338" s="10" t="s">
        <v>55</v>
      </c>
      <c r="Q338" s="6">
        <v>1</v>
      </c>
      <c r="R338" s="6">
        <v>2</v>
      </c>
      <c r="S338" s="6">
        <v>4</v>
      </c>
      <c r="T338" s="6">
        <v>4</v>
      </c>
      <c r="U338" s="10" t="s">
        <v>55</v>
      </c>
      <c r="V338" s="10" t="s">
        <v>55</v>
      </c>
      <c r="W338" s="10" t="s">
        <v>55</v>
      </c>
      <c r="X338" s="6">
        <v>18</v>
      </c>
      <c r="Y338" s="6">
        <v>17</v>
      </c>
      <c r="Z338" s="10" t="s">
        <v>55</v>
      </c>
      <c r="AA338" s="10" t="s">
        <v>55</v>
      </c>
      <c r="AB338" s="6">
        <v>1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6</v>
      </c>
      <c r="I339" s="9" t="s">
        <v>54</v>
      </c>
      <c r="J339" s="9" t="s">
        <v>36</v>
      </c>
      <c r="K339" s="6">
        <v>32</v>
      </c>
      <c r="L339" s="6">
        <v>29</v>
      </c>
      <c r="M339" s="6">
        <v>29</v>
      </c>
      <c r="N339" s="6">
        <v>26</v>
      </c>
      <c r="O339" s="6">
        <v>3</v>
      </c>
      <c r="P339" s="10" t="s">
        <v>55</v>
      </c>
      <c r="Q339" s="10" t="s">
        <v>55</v>
      </c>
      <c r="R339" s="10" t="s">
        <v>55</v>
      </c>
      <c r="S339" s="6">
        <v>2</v>
      </c>
      <c r="T339" s="6">
        <v>2</v>
      </c>
      <c r="U339" s="10" t="s">
        <v>55</v>
      </c>
      <c r="V339" s="10" t="s">
        <v>55</v>
      </c>
      <c r="W339" s="6">
        <v>1</v>
      </c>
      <c r="X339" s="6">
        <v>28</v>
      </c>
      <c r="Y339" s="6">
        <v>25</v>
      </c>
      <c r="Z339" s="6">
        <v>3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6</v>
      </c>
      <c r="I340" s="9" t="s">
        <v>54</v>
      </c>
      <c r="J340" s="9" t="s">
        <v>37</v>
      </c>
      <c r="K340" s="6">
        <v>36</v>
      </c>
      <c r="L340" s="6">
        <v>29</v>
      </c>
      <c r="M340" s="6">
        <v>25</v>
      </c>
      <c r="N340" s="6">
        <v>21</v>
      </c>
      <c r="O340" s="6">
        <v>4</v>
      </c>
      <c r="P340" s="10" t="s">
        <v>55</v>
      </c>
      <c r="Q340" s="10" t="s">
        <v>55</v>
      </c>
      <c r="R340" s="6">
        <v>4</v>
      </c>
      <c r="S340" s="6">
        <v>6</v>
      </c>
      <c r="T340" s="6">
        <v>6</v>
      </c>
      <c r="U340" s="10" t="s">
        <v>55</v>
      </c>
      <c r="V340" s="10" t="s">
        <v>55</v>
      </c>
      <c r="W340" s="6">
        <v>1</v>
      </c>
      <c r="X340" s="6">
        <v>22</v>
      </c>
      <c r="Y340" s="6">
        <v>19</v>
      </c>
      <c r="Z340" s="6">
        <v>3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6</v>
      </c>
      <c r="I341" s="9" t="s">
        <v>54</v>
      </c>
      <c r="J341" s="9" t="s">
        <v>38</v>
      </c>
      <c r="K341" s="6">
        <v>52</v>
      </c>
      <c r="L341" s="6">
        <v>38</v>
      </c>
      <c r="M341" s="6">
        <v>37</v>
      </c>
      <c r="N341" s="6">
        <v>30</v>
      </c>
      <c r="O341" s="6">
        <v>6</v>
      </c>
      <c r="P341" s="10" t="s">
        <v>55</v>
      </c>
      <c r="Q341" s="6">
        <v>1</v>
      </c>
      <c r="R341" s="6">
        <v>1</v>
      </c>
      <c r="S341" s="6">
        <v>14</v>
      </c>
      <c r="T341" s="6">
        <v>14</v>
      </c>
      <c r="U341" s="10" t="s">
        <v>55</v>
      </c>
      <c r="V341" s="10" t="s">
        <v>55</v>
      </c>
      <c r="W341" s="10" t="s">
        <v>55</v>
      </c>
      <c r="X341" s="6">
        <v>35</v>
      </c>
      <c r="Y341" s="6">
        <v>28</v>
      </c>
      <c r="Z341" s="6">
        <v>6</v>
      </c>
      <c r="AA341" s="10" t="s">
        <v>55</v>
      </c>
      <c r="AB341" s="6">
        <v>1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6</v>
      </c>
      <c r="I342" s="9" t="s">
        <v>54</v>
      </c>
      <c r="J342" s="9" t="s">
        <v>39</v>
      </c>
      <c r="K342" s="6">
        <v>73</v>
      </c>
      <c r="L342" s="6">
        <v>56</v>
      </c>
      <c r="M342" s="6">
        <v>53</v>
      </c>
      <c r="N342" s="6">
        <v>44</v>
      </c>
      <c r="O342" s="6">
        <v>8</v>
      </c>
      <c r="P342" s="10" t="s">
        <v>55</v>
      </c>
      <c r="Q342" s="6">
        <v>1</v>
      </c>
      <c r="R342" s="6">
        <v>3</v>
      </c>
      <c r="S342" s="6">
        <v>16</v>
      </c>
      <c r="T342" s="6">
        <v>16</v>
      </c>
      <c r="U342" s="10" t="s">
        <v>55</v>
      </c>
      <c r="V342" s="10" t="s">
        <v>55</v>
      </c>
      <c r="W342" s="6">
        <v>1</v>
      </c>
      <c r="X342" s="6">
        <v>51</v>
      </c>
      <c r="Y342" s="6">
        <v>44</v>
      </c>
      <c r="Z342" s="6">
        <v>6</v>
      </c>
      <c r="AA342" s="10" t="s">
        <v>55</v>
      </c>
      <c r="AB342" s="6">
        <v>1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6</v>
      </c>
      <c r="I343" s="9" t="s">
        <v>54</v>
      </c>
      <c r="J343" s="9" t="s">
        <v>40</v>
      </c>
      <c r="K343" s="6">
        <v>106</v>
      </c>
      <c r="L343" s="6">
        <v>67</v>
      </c>
      <c r="M343" s="6">
        <v>65</v>
      </c>
      <c r="N343" s="6">
        <v>51</v>
      </c>
      <c r="O343" s="6">
        <v>11</v>
      </c>
      <c r="P343" s="10" t="s">
        <v>55</v>
      </c>
      <c r="Q343" s="6">
        <v>3</v>
      </c>
      <c r="R343" s="6">
        <v>2</v>
      </c>
      <c r="S343" s="6">
        <v>39</v>
      </c>
      <c r="T343" s="6">
        <v>29</v>
      </c>
      <c r="U343" s="10" t="s">
        <v>55</v>
      </c>
      <c r="V343" s="6">
        <v>10</v>
      </c>
      <c r="W343" s="10" t="s">
        <v>55</v>
      </c>
      <c r="X343" s="6">
        <v>57</v>
      </c>
      <c r="Y343" s="6">
        <v>46</v>
      </c>
      <c r="Z343" s="6">
        <v>8</v>
      </c>
      <c r="AA343" s="10" t="s">
        <v>55</v>
      </c>
      <c r="AB343" s="6">
        <v>3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6</v>
      </c>
      <c r="I344" s="9" t="s">
        <v>54</v>
      </c>
      <c r="J344" s="9" t="s">
        <v>41</v>
      </c>
      <c r="K344" s="6">
        <v>128</v>
      </c>
      <c r="L344" s="6">
        <v>44</v>
      </c>
      <c r="M344" s="6">
        <v>44</v>
      </c>
      <c r="N344" s="6">
        <v>23</v>
      </c>
      <c r="O344" s="6">
        <v>18</v>
      </c>
      <c r="P344" s="10" t="s">
        <v>55</v>
      </c>
      <c r="Q344" s="6">
        <v>3</v>
      </c>
      <c r="R344" s="10" t="s">
        <v>55</v>
      </c>
      <c r="S344" s="6">
        <v>83</v>
      </c>
      <c r="T344" s="6">
        <v>47</v>
      </c>
      <c r="U344" s="6">
        <v>1</v>
      </c>
      <c r="V344" s="6">
        <v>35</v>
      </c>
      <c r="W344" s="6">
        <v>1</v>
      </c>
      <c r="X344" s="6">
        <v>24</v>
      </c>
      <c r="Y344" s="6">
        <v>18</v>
      </c>
      <c r="Z344" s="6">
        <v>4</v>
      </c>
      <c r="AA344" s="10" t="s">
        <v>55</v>
      </c>
      <c r="AB344" s="6">
        <v>2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6</v>
      </c>
      <c r="I345" s="9" t="s">
        <v>54</v>
      </c>
      <c r="J345" s="9" t="s">
        <v>42</v>
      </c>
      <c r="K345" s="6">
        <v>140</v>
      </c>
      <c r="L345" s="6">
        <v>21</v>
      </c>
      <c r="M345" s="6">
        <v>21</v>
      </c>
      <c r="N345" s="6">
        <v>9</v>
      </c>
      <c r="O345" s="6">
        <v>10</v>
      </c>
      <c r="P345" s="10" t="s">
        <v>55</v>
      </c>
      <c r="Q345" s="6">
        <v>2</v>
      </c>
      <c r="R345" s="10" t="s">
        <v>55</v>
      </c>
      <c r="S345" s="6">
        <v>119</v>
      </c>
      <c r="T345" s="6">
        <v>69</v>
      </c>
      <c r="U345" s="10" t="s">
        <v>55</v>
      </c>
      <c r="V345" s="6">
        <v>50</v>
      </c>
      <c r="W345" s="10" t="s">
        <v>55</v>
      </c>
      <c r="X345" s="6">
        <v>15</v>
      </c>
      <c r="Y345" s="6">
        <v>5</v>
      </c>
      <c r="Z345" s="6">
        <v>8</v>
      </c>
      <c r="AA345" s="10" t="s">
        <v>55</v>
      </c>
      <c r="AB345" s="6">
        <v>2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6</v>
      </c>
      <c r="I346" s="9" t="s">
        <v>54</v>
      </c>
      <c r="J346" s="9" t="s">
        <v>43</v>
      </c>
      <c r="K346" s="6">
        <v>133</v>
      </c>
      <c r="L346" s="6">
        <v>15</v>
      </c>
      <c r="M346" s="6">
        <v>15</v>
      </c>
      <c r="N346" s="6">
        <v>5</v>
      </c>
      <c r="O346" s="6">
        <v>8</v>
      </c>
      <c r="P346" s="10" t="s">
        <v>55</v>
      </c>
      <c r="Q346" s="6">
        <v>2</v>
      </c>
      <c r="R346" s="10" t="s">
        <v>55</v>
      </c>
      <c r="S346" s="6">
        <v>117</v>
      </c>
      <c r="T346" s="6">
        <v>46</v>
      </c>
      <c r="U346" s="10" t="s">
        <v>55</v>
      </c>
      <c r="V346" s="6">
        <v>71</v>
      </c>
      <c r="W346" s="6">
        <v>1</v>
      </c>
      <c r="X346" s="6">
        <v>5</v>
      </c>
      <c r="Y346" s="6">
        <v>2</v>
      </c>
      <c r="Z346" s="6">
        <v>1</v>
      </c>
      <c r="AA346" s="10" t="s">
        <v>55</v>
      </c>
      <c r="AB346" s="6">
        <v>2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6</v>
      </c>
      <c r="I347" s="9" t="s">
        <v>54</v>
      </c>
      <c r="J347" s="9" t="s">
        <v>44</v>
      </c>
      <c r="K347" s="6">
        <v>162</v>
      </c>
      <c r="L347" s="6">
        <v>5</v>
      </c>
      <c r="M347" s="6">
        <v>5</v>
      </c>
      <c r="N347" s="6">
        <v>2</v>
      </c>
      <c r="O347" s="6">
        <v>3</v>
      </c>
      <c r="P347" s="10" t="s">
        <v>55</v>
      </c>
      <c r="Q347" s="10" t="s">
        <v>55</v>
      </c>
      <c r="R347" s="10" t="s">
        <v>55</v>
      </c>
      <c r="S347" s="6">
        <v>156</v>
      </c>
      <c r="T347" s="6">
        <v>52</v>
      </c>
      <c r="U347" s="10" t="s">
        <v>55</v>
      </c>
      <c r="V347" s="6">
        <v>104</v>
      </c>
      <c r="W347" s="6">
        <v>1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6</v>
      </c>
      <c r="I348" s="9" t="s">
        <v>54</v>
      </c>
      <c r="J348" s="9" t="s">
        <v>45</v>
      </c>
      <c r="K348" s="6">
        <v>129</v>
      </c>
      <c r="L348" s="6">
        <v>1</v>
      </c>
      <c r="M348" s="6">
        <v>1</v>
      </c>
      <c r="N348" s="10" t="s">
        <v>55</v>
      </c>
      <c r="O348" s="6">
        <v>1</v>
      </c>
      <c r="P348" s="10" t="s">
        <v>55</v>
      </c>
      <c r="Q348" s="10" t="s">
        <v>55</v>
      </c>
      <c r="R348" s="10" t="s">
        <v>55</v>
      </c>
      <c r="S348" s="6">
        <v>127</v>
      </c>
      <c r="T348" s="6">
        <v>36</v>
      </c>
      <c r="U348" s="10" t="s">
        <v>55</v>
      </c>
      <c r="V348" s="6">
        <v>91</v>
      </c>
      <c r="W348" s="6">
        <v>1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6</v>
      </c>
      <c r="I349" s="9" t="s">
        <v>54</v>
      </c>
      <c r="J349" s="9" t="s">
        <v>46</v>
      </c>
      <c r="K349" s="6">
        <v>68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6">
        <v>68</v>
      </c>
      <c r="T349" s="6">
        <v>12</v>
      </c>
      <c r="U349" s="10" t="s">
        <v>55</v>
      </c>
      <c r="V349" s="6">
        <v>56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6</v>
      </c>
      <c r="I350" s="9" t="s">
        <v>54</v>
      </c>
      <c r="J350" s="9" t="s">
        <v>47</v>
      </c>
      <c r="K350" s="6">
        <v>30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6">
        <v>30</v>
      </c>
      <c r="T350" s="6">
        <v>3</v>
      </c>
      <c r="U350" s="10" t="s">
        <v>55</v>
      </c>
      <c r="V350" s="6">
        <v>27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6</v>
      </c>
      <c r="I351" s="9" t="s">
        <v>54</v>
      </c>
      <c r="J351" s="9" t="s">
        <v>48</v>
      </c>
      <c r="K351" s="6">
        <v>405</v>
      </c>
      <c r="L351" s="6">
        <v>288</v>
      </c>
      <c r="M351" s="6">
        <v>273</v>
      </c>
      <c r="N351" s="6">
        <v>232</v>
      </c>
      <c r="O351" s="6">
        <v>34</v>
      </c>
      <c r="P351" s="10" t="s">
        <v>55</v>
      </c>
      <c r="Q351" s="6">
        <v>7</v>
      </c>
      <c r="R351" s="6">
        <v>15</v>
      </c>
      <c r="S351" s="6">
        <v>113</v>
      </c>
      <c r="T351" s="6">
        <v>78</v>
      </c>
      <c r="U351" s="6">
        <v>24</v>
      </c>
      <c r="V351" s="6">
        <v>11</v>
      </c>
      <c r="W351" s="6">
        <v>4</v>
      </c>
      <c r="X351" s="6">
        <v>254</v>
      </c>
      <c r="Y351" s="6">
        <v>219</v>
      </c>
      <c r="Z351" s="6">
        <v>28</v>
      </c>
      <c r="AA351" s="10" t="s">
        <v>55</v>
      </c>
      <c r="AB351" s="6">
        <v>7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6</v>
      </c>
      <c r="I352" s="9" t="s">
        <v>54</v>
      </c>
      <c r="J352" s="9" t="s">
        <v>49</v>
      </c>
      <c r="K352" s="6">
        <v>790</v>
      </c>
      <c r="L352" s="6">
        <v>86</v>
      </c>
      <c r="M352" s="6">
        <v>86</v>
      </c>
      <c r="N352" s="6">
        <v>39</v>
      </c>
      <c r="O352" s="6">
        <v>40</v>
      </c>
      <c r="P352" s="10" t="s">
        <v>55</v>
      </c>
      <c r="Q352" s="6">
        <v>7</v>
      </c>
      <c r="R352" s="10" t="s">
        <v>55</v>
      </c>
      <c r="S352" s="6">
        <v>700</v>
      </c>
      <c r="T352" s="6">
        <v>265</v>
      </c>
      <c r="U352" s="6">
        <v>1</v>
      </c>
      <c r="V352" s="6">
        <v>434</v>
      </c>
      <c r="W352" s="6">
        <v>4</v>
      </c>
      <c r="X352" s="6">
        <v>44</v>
      </c>
      <c r="Y352" s="6">
        <v>25</v>
      </c>
      <c r="Z352" s="6">
        <v>13</v>
      </c>
      <c r="AA352" s="10" t="s">
        <v>55</v>
      </c>
      <c r="AB352" s="6">
        <v>6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6</v>
      </c>
      <c r="I353" s="9" t="s">
        <v>54</v>
      </c>
      <c r="J353" s="9" t="s">
        <v>50</v>
      </c>
      <c r="K353" s="6">
        <v>522</v>
      </c>
      <c r="L353" s="6">
        <v>21</v>
      </c>
      <c r="M353" s="6">
        <v>21</v>
      </c>
      <c r="N353" s="6">
        <v>7</v>
      </c>
      <c r="O353" s="6">
        <v>12</v>
      </c>
      <c r="P353" s="10" t="s">
        <v>55</v>
      </c>
      <c r="Q353" s="6">
        <v>2</v>
      </c>
      <c r="R353" s="10" t="s">
        <v>55</v>
      </c>
      <c r="S353" s="6">
        <v>498</v>
      </c>
      <c r="T353" s="6">
        <v>149</v>
      </c>
      <c r="U353" s="10" t="s">
        <v>55</v>
      </c>
      <c r="V353" s="6">
        <v>349</v>
      </c>
      <c r="W353" s="6">
        <v>3</v>
      </c>
      <c r="X353" s="6">
        <v>5</v>
      </c>
      <c r="Y353" s="6">
        <v>2</v>
      </c>
      <c r="Z353" s="6">
        <v>1</v>
      </c>
      <c r="AA353" s="10" t="s">
        <v>55</v>
      </c>
      <c r="AB353" s="6">
        <v>2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6</v>
      </c>
      <c r="I354" s="9" t="s">
        <v>54</v>
      </c>
      <c r="J354" s="9" t="s">
        <v>51</v>
      </c>
      <c r="K354" s="6">
        <v>227</v>
      </c>
      <c r="L354" s="6">
        <v>1</v>
      </c>
      <c r="M354" s="6">
        <v>1</v>
      </c>
      <c r="N354" s="10" t="s">
        <v>55</v>
      </c>
      <c r="O354" s="6">
        <v>1</v>
      </c>
      <c r="P354" s="10" t="s">
        <v>55</v>
      </c>
      <c r="Q354" s="10" t="s">
        <v>55</v>
      </c>
      <c r="R354" s="10" t="s">
        <v>55</v>
      </c>
      <c r="S354" s="6">
        <v>225</v>
      </c>
      <c r="T354" s="6">
        <v>51</v>
      </c>
      <c r="U354" s="10" t="s">
        <v>55</v>
      </c>
      <c r="V354" s="6">
        <v>174</v>
      </c>
      <c r="W354" s="6">
        <v>1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6</v>
      </c>
      <c r="I355" s="9" t="s">
        <v>54</v>
      </c>
      <c r="J355" s="9" t="s">
        <v>52</v>
      </c>
      <c r="K355" s="6">
        <v>510</v>
      </c>
      <c r="L355" s="6">
        <v>331</v>
      </c>
      <c r="M355" s="6">
        <v>316</v>
      </c>
      <c r="N355" s="6">
        <v>255</v>
      </c>
      <c r="O355" s="6">
        <v>52</v>
      </c>
      <c r="P355" s="10" t="s">
        <v>55</v>
      </c>
      <c r="Q355" s="6">
        <v>9</v>
      </c>
      <c r="R355" s="6">
        <v>15</v>
      </c>
      <c r="S355" s="6">
        <v>174</v>
      </c>
      <c r="T355" s="6">
        <v>125</v>
      </c>
      <c r="U355" s="6">
        <v>3</v>
      </c>
      <c r="V355" s="6">
        <v>46</v>
      </c>
      <c r="W355" s="6">
        <v>5</v>
      </c>
      <c r="X355" s="6">
        <v>277</v>
      </c>
      <c r="Y355" s="6">
        <v>237</v>
      </c>
      <c r="Z355" s="6">
        <v>32</v>
      </c>
      <c r="AA355" s="10" t="s">
        <v>55</v>
      </c>
      <c r="AB355" s="6">
        <v>8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6</v>
      </c>
      <c r="I356" s="9" t="s">
        <v>6</v>
      </c>
      <c r="J356" s="9" t="s">
        <v>30</v>
      </c>
      <c r="K356" s="6">
        <v>6079</v>
      </c>
      <c r="L356" s="6">
        <v>3659</v>
      </c>
      <c r="M356" s="6">
        <v>3521</v>
      </c>
      <c r="N356" s="6">
        <v>3082</v>
      </c>
      <c r="O356" s="6">
        <v>344</v>
      </c>
      <c r="P356" s="6">
        <v>25</v>
      </c>
      <c r="Q356" s="6">
        <v>70</v>
      </c>
      <c r="R356" s="6">
        <v>138</v>
      </c>
      <c r="S356" s="6">
        <v>2207</v>
      </c>
      <c r="T356" s="6">
        <v>571</v>
      </c>
      <c r="U356" s="6">
        <v>314</v>
      </c>
      <c r="V356" s="6">
        <v>1322</v>
      </c>
      <c r="W356" s="6">
        <v>213</v>
      </c>
      <c r="X356" s="6">
        <v>2744</v>
      </c>
      <c r="Y356" s="6">
        <v>2444</v>
      </c>
      <c r="Z356" s="6">
        <v>225</v>
      </c>
      <c r="AA356" s="6">
        <v>25</v>
      </c>
      <c r="AB356" s="6">
        <v>50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6</v>
      </c>
      <c r="I357" s="9" t="s">
        <v>6</v>
      </c>
      <c r="J357" s="9" t="s">
        <v>31</v>
      </c>
      <c r="K357" s="6">
        <v>336</v>
      </c>
      <c r="L357" s="6">
        <v>39</v>
      </c>
      <c r="M357" s="6">
        <v>38</v>
      </c>
      <c r="N357" s="6">
        <v>30</v>
      </c>
      <c r="O357" s="10" t="s">
        <v>55</v>
      </c>
      <c r="P357" s="6">
        <v>7</v>
      </c>
      <c r="Q357" s="6">
        <v>1</v>
      </c>
      <c r="R357" s="6">
        <v>1</v>
      </c>
      <c r="S357" s="6">
        <v>281</v>
      </c>
      <c r="T357" s="6">
        <v>1</v>
      </c>
      <c r="U357" s="6">
        <v>278</v>
      </c>
      <c r="V357" s="6">
        <v>2</v>
      </c>
      <c r="W357" s="6">
        <v>16</v>
      </c>
      <c r="X357" s="6">
        <v>38</v>
      </c>
      <c r="Y357" s="6">
        <v>30</v>
      </c>
      <c r="Z357" s="10" t="s">
        <v>55</v>
      </c>
      <c r="AA357" s="6">
        <v>7</v>
      </c>
      <c r="AB357" s="6">
        <v>1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6</v>
      </c>
      <c r="I358" s="9" t="s">
        <v>6</v>
      </c>
      <c r="J358" s="9" t="s">
        <v>32</v>
      </c>
      <c r="K358" s="6">
        <v>247</v>
      </c>
      <c r="L358" s="6">
        <v>193</v>
      </c>
      <c r="M358" s="6">
        <v>183</v>
      </c>
      <c r="N358" s="6">
        <v>163</v>
      </c>
      <c r="O358" s="6">
        <v>4</v>
      </c>
      <c r="P358" s="6">
        <v>15</v>
      </c>
      <c r="Q358" s="6">
        <v>1</v>
      </c>
      <c r="R358" s="6">
        <v>10</v>
      </c>
      <c r="S358" s="6">
        <v>38</v>
      </c>
      <c r="T358" s="6">
        <v>3</v>
      </c>
      <c r="U358" s="6">
        <v>31</v>
      </c>
      <c r="V358" s="6">
        <v>4</v>
      </c>
      <c r="W358" s="6">
        <v>16</v>
      </c>
      <c r="X358" s="6">
        <v>176</v>
      </c>
      <c r="Y358" s="6">
        <v>158</v>
      </c>
      <c r="Z358" s="6">
        <v>3</v>
      </c>
      <c r="AA358" s="6">
        <v>1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6</v>
      </c>
      <c r="I359" s="9" t="s">
        <v>6</v>
      </c>
      <c r="J359" s="9" t="s">
        <v>33</v>
      </c>
      <c r="K359" s="6">
        <v>261</v>
      </c>
      <c r="L359" s="6">
        <v>233</v>
      </c>
      <c r="M359" s="6">
        <v>221</v>
      </c>
      <c r="N359" s="6">
        <v>201</v>
      </c>
      <c r="O359" s="6">
        <v>15</v>
      </c>
      <c r="P359" s="6">
        <v>1</v>
      </c>
      <c r="Q359" s="6">
        <v>4</v>
      </c>
      <c r="R359" s="6">
        <v>12</v>
      </c>
      <c r="S359" s="6">
        <v>15</v>
      </c>
      <c r="T359" s="6">
        <v>9</v>
      </c>
      <c r="U359" s="6">
        <v>2</v>
      </c>
      <c r="V359" s="6">
        <v>4</v>
      </c>
      <c r="W359" s="6">
        <v>13</v>
      </c>
      <c r="X359" s="6">
        <v>209</v>
      </c>
      <c r="Y359" s="6">
        <v>192</v>
      </c>
      <c r="Z359" s="6">
        <v>12</v>
      </c>
      <c r="AA359" s="6">
        <v>1</v>
      </c>
      <c r="AB359" s="6">
        <v>4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6</v>
      </c>
      <c r="I360" s="9" t="s">
        <v>6</v>
      </c>
      <c r="J360" s="9" t="s">
        <v>34</v>
      </c>
      <c r="K360" s="6">
        <v>374</v>
      </c>
      <c r="L360" s="6">
        <v>314</v>
      </c>
      <c r="M360" s="6">
        <v>298</v>
      </c>
      <c r="N360" s="6">
        <v>275</v>
      </c>
      <c r="O360" s="6">
        <v>15</v>
      </c>
      <c r="P360" s="10" t="s">
        <v>55</v>
      </c>
      <c r="Q360" s="6">
        <v>8</v>
      </c>
      <c r="R360" s="6">
        <v>16</v>
      </c>
      <c r="S360" s="6">
        <v>26</v>
      </c>
      <c r="T360" s="6">
        <v>21</v>
      </c>
      <c r="U360" s="10" t="s">
        <v>55</v>
      </c>
      <c r="V360" s="6">
        <v>5</v>
      </c>
      <c r="W360" s="6">
        <v>34</v>
      </c>
      <c r="X360" s="6">
        <v>282</v>
      </c>
      <c r="Y360" s="6">
        <v>260</v>
      </c>
      <c r="Z360" s="6">
        <v>14</v>
      </c>
      <c r="AA360" s="10" t="s">
        <v>55</v>
      </c>
      <c r="AB360" s="6">
        <v>8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6</v>
      </c>
      <c r="I361" s="9" t="s">
        <v>6</v>
      </c>
      <c r="J361" s="9" t="s">
        <v>35</v>
      </c>
      <c r="K361" s="6">
        <v>416</v>
      </c>
      <c r="L361" s="6">
        <v>366</v>
      </c>
      <c r="M361" s="6">
        <v>355</v>
      </c>
      <c r="N361" s="6">
        <v>323</v>
      </c>
      <c r="O361" s="6">
        <v>23</v>
      </c>
      <c r="P361" s="10" t="s">
        <v>55</v>
      </c>
      <c r="Q361" s="6">
        <v>9</v>
      </c>
      <c r="R361" s="6">
        <v>11</v>
      </c>
      <c r="S361" s="6">
        <v>29</v>
      </c>
      <c r="T361" s="6">
        <v>25</v>
      </c>
      <c r="U361" s="6">
        <v>2</v>
      </c>
      <c r="V361" s="6">
        <v>2</v>
      </c>
      <c r="W361" s="6">
        <v>21</v>
      </c>
      <c r="X361" s="6">
        <v>308</v>
      </c>
      <c r="Y361" s="6">
        <v>281</v>
      </c>
      <c r="Z361" s="6">
        <v>18</v>
      </c>
      <c r="AA361" s="10" t="s">
        <v>55</v>
      </c>
      <c r="AB361" s="6">
        <v>9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6</v>
      </c>
      <c r="I362" s="9" t="s">
        <v>6</v>
      </c>
      <c r="J362" s="9" t="s">
        <v>36</v>
      </c>
      <c r="K362" s="6">
        <v>386</v>
      </c>
      <c r="L362" s="6">
        <v>338</v>
      </c>
      <c r="M362" s="6">
        <v>328</v>
      </c>
      <c r="N362" s="6">
        <v>299</v>
      </c>
      <c r="O362" s="6">
        <v>27</v>
      </c>
      <c r="P362" s="6">
        <v>1</v>
      </c>
      <c r="Q362" s="6">
        <v>1</v>
      </c>
      <c r="R362" s="6">
        <v>10</v>
      </c>
      <c r="S362" s="6">
        <v>27</v>
      </c>
      <c r="T362" s="6">
        <v>24</v>
      </c>
      <c r="U362" s="10" t="s">
        <v>55</v>
      </c>
      <c r="V362" s="6">
        <v>3</v>
      </c>
      <c r="W362" s="6">
        <v>21</v>
      </c>
      <c r="X362" s="6">
        <v>292</v>
      </c>
      <c r="Y362" s="6">
        <v>267</v>
      </c>
      <c r="Z362" s="6">
        <v>23</v>
      </c>
      <c r="AA362" s="6">
        <v>1</v>
      </c>
      <c r="AB362" s="6">
        <v>1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6</v>
      </c>
      <c r="I363" s="9" t="s">
        <v>6</v>
      </c>
      <c r="J363" s="9" t="s">
        <v>37</v>
      </c>
      <c r="K363" s="6">
        <v>467</v>
      </c>
      <c r="L363" s="6">
        <v>422</v>
      </c>
      <c r="M363" s="6">
        <v>404</v>
      </c>
      <c r="N363" s="6">
        <v>373</v>
      </c>
      <c r="O363" s="6">
        <v>28</v>
      </c>
      <c r="P363" s="10" t="s">
        <v>55</v>
      </c>
      <c r="Q363" s="6">
        <v>3</v>
      </c>
      <c r="R363" s="6">
        <v>18</v>
      </c>
      <c r="S363" s="6">
        <v>25</v>
      </c>
      <c r="T363" s="6">
        <v>18</v>
      </c>
      <c r="U363" s="10" t="s">
        <v>55</v>
      </c>
      <c r="V363" s="6">
        <v>7</v>
      </c>
      <c r="W363" s="6">
        <v>20</v>
      </c>
      <c r="X363" s="6">
        <v>361</v>
      </c>
      <c r="Y363" s="6">
        <v>332</v>
      </c>
      <c r="Z363" s="6">
        <v>26</v>
      </c>
      <c r="AA363" s="10" t="s">
        <v>55</v>
      </c>
      <c r="AB363" s="6">
        <v>3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6</v>
      </c>
      <c r="I364" s="9" t="s">
        <v>6</v>
      </c>
      <c r="J364" s="9" t="s">
        <v>38</v>
      </c>
      <c r="K364" s="6">
        <v>433</v>
      </c>
      <c r="L364" s="6">
        <v>398</v>
      </c>
      <c r="M364" s="6">
        <v>385</v>
      </c>
      <c r="N364" s="6">
        <v>352</v>
      </c>
      <c r="O364" s="6">
        <v>30</v>
      </c>
      <c r="P364" s="10" t="s">
        <v>55</v>
      </c>
      <c r="Q364" s="6">
        <v>3</v>
      </c>
      <c r="R364" s="6">
        <v>13</v>
      </c>
      <c r="S364" s="6">
        <v>23</v>
      </c>
      <c r="T364" s="6">
        <v>15</v>
      </c>
      <c r="U364" s="10" t="s">
        <v>55</v>
      </c>
      <c r="V364" s="6">
        <v>8</v>
      </c>
      <c r="W364" s="6">
        <v>12</v>
      </c>
      <c r="X364" s="6">
        <v>313</v>
      </c>
      <c r="Y364" s="6">
        <v>284</v>
      </c>
      <c r="Z364" s="6">
        <v>26</v>
      </c>
      <c r="AA364" s="10" t="s">
        <v>55</v>
      </c>
      <c r="AB364" s="6">
        <v>3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6</v>
      </c>
      <c r="I365" s="9" t="s">
        <v>6</v>
      </c>
      <c r="J365" s="9" t="s">
        <v>39</v>
      </c>
      <c r="K365" s="6">
        <v>446</v>
      </c>
      <c r="L365" s="6">
        <v>384</v>
      </c>
      <c r="M365" s="6">
        <v>372</v>
      </c>
      <c r="N365" s="6">
        <v>334</v>
      </c>
      <c r="O365" s="6">
        <v>34</v>
      </c>
      <c r="P365" s="10" t="s">
        <v>55</v>
      </c>
      <c r="Q365" s="6">
        <v>4</v>
      </c>
      <c r="R365" s="6">
        <v>12</v>
      </c>
      <c r="S365" s="6">
        <v>48</v>
      </c>
      <c r="T365" s="6">
        <v>28</v>
      </c>
      <c r="U365" s="10" t="s">
        <v>55</v>
      </c>
      <c r="V365" s="6">
        <v>20</v>
      </c>
      <c r="W365" s="6">
        <v>14</v>
      </c>
      <c r="X365" s="6">
        <v>281</v>
      </c>
      <c r="Y365" s="6">
        <v>254</v>
      </c>
      <c r="Z365" s="6">
        <v>25</v>
      </c>
      <c r="AA365" s="10" t="s">
        <v>55</v>
      </c>
      <c r="AB365" s="6">
        <v>2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6</v>
      </c>
      <c r="I366" s="9" t="s">
        <v>6</v>
      </c>
      <c r="J366" s="9" t="s">
        <v>40</v>
      </c>
      <c r="K366" s="6">
        <v>499</v>
      </c>
      <c r="L366" s="6">
        <v>377</v>
      </c>
      <c r="M366" s="6">
        <v>366</v>
      </c>
      <c r="N366" s="6">
        <v>320</v>
      </c>
      <c r="O366" s="6">
        <v>38</v>
      </c>
      <c r="P366" s="10" t="s">
        <v>55</v>
      </c>
      <c r="Q366" s="6">
        <v>8</v>
      </c>
      <c r="R366" s="6">
        <v>11</v>
      </c>
      <c r="S366" s="6">
        <v>119</v>
      </c>
      <c r="T366" s="6">
        <v>67</v>
      </c>
      <c r="U366" s="10" t="s">
        <v>55</v>
      </c>
      <c r="V366" s="6">
        <v>52</v>
      </c>
      <c r="W366" s="6">
        <v>3</v>
      </c>
      <c r="X366" s="6">
        <v>248</v>
      </c>
      <c r="Y366" s="6">
        <v>220</v>
      </c>
      <c r="Z366" s="6">
        <v>23</v>
      </c>
      <c r="AA366" s="10" t="s">
        <v>55</v>
      </c>
      <c r="AB366" s="6">
        <v>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6</v>
      </c>
      <c r="I367" s="9" t="s">
        <v>6</v>
      </c>
      <c r="J367" s="9" t="s">
        <v>41</v>
      </c>
      <c r="K367" s="6">
        <v>516</v>
      </c>
      <c r="L367" s="6">
        <v>289</v>
      </c>
      <c r="M367" s="6">
        <v>274</v>
      </c>
      <c r="N367" s="6">
        <v>201</v>
      </c>
      <c r="O367" s="6">
        <v>60</v>
      </c>
      <c r="P367" s="10" t="s">
        <v>55</v>
      </c>
      <c r="Q367" s="6">
        <v>13</v>
      </c>
      <c r="R367" s="6">
        <v>15</v>
      </c>
      <c r="S367" s="6">
        <v>216</v>
      </c>
      <c r="T367" s="6">
        <v>96</v>
      </c>
      <c r="U367" s="10" t="s">
        <v>55</v>
      </c>
      <c r="V367" s="6">
        <v>120</v>
      </c>
      <c r="W367" s="6">
        <v>11</v>
      </c>
      <c r="X367" s="6">
        <v>142</v>
      </c>
      <c r="Y367" s="6">
        <v>97</v>
      </c>
      <c r="Z367" s="6">
        <v>38</v>
      </c>
      <c r="AA367" s="10" t="s">
        <v>55</v>
      </c>
      <c r="AB367" s="6">
        <v>7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6</v>
      </c>
      <c r="I368" s="9" t="s">
        <v>6</v>
      </c>
      <c r="J368" s="9" t="s">
        <v>42</v>
      </c>
      <c r="K368" s="6">
        <v>498</v>
      </c>
      <c r="L368" s="6">
        <v>191</v>
      </c>
      <c r="M368" s="6">
        <v>185</v>
      </c>
      <c r="N368" s="6">
        <v>142</v>
      </c>
      <c r="O368" s="6">
        <v>35</v>
      </c>
      <c r="P368" s="10" t="s">
        <v>55</v>
      </c>
      <c r="Q368" s="6">
        <v>8</v>
      </c>
      <c r="R368" s="6">
        <v>6</v>
      </c>
      <c r="S368" s="6">
        <v>299</v>
      </c>
      <c r="T368" s="6">
        <v>91</v>
      </c>
      <c r="U368" s="10" t="s">
        <v>55</v>
      </c>
      <c r="V368" s="6">
        <v>208</v>
      </c>
      <c r="W368" s="6">
        <v>8</v>
      </c>
      <c r="X368" s="6">
        <v>66</v>
      </c>
      <c r="Y368" s="6">
        <v>53</v>
      </c>
      <c r="Z368" s="6">
        <v>10</v>
      </c>
      <c r="AA368" s="10" t="s">
        <v>55</v>
      </c>
      <c r="AB368" s="6">
        <v>3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6</v>
      </c>
      <c r="I369" s="9" t="s">
        <v>6</v>
      </c>
      <c r="J369" s="9" t="s">
        <v>43</v>
      </c>
      <c r="K369" s="6">
        <v>426</v>
      </c>
      <c r="L369" s="6">
        <v>75</v>
      </c>
      <c r="M369" s="6">
        <v>73</v>
      </c>
      <c r="N369" s="6">
        <v>45</v>
      </c>
      <c r="O369" s="6">
        <v>23</v>
      </c>
      <c r="P369" s="6">
        <v>1</v>
      </c>
      <c r="Q369" s="6">
        <v>4</v>
      </c>
      <c r="R369" s="6">
        <v>2</v>
      </c>
      <c r="S369" s="6">
        <v>345</v>
      </c>
      <c r="T369" s="6">
        <v>77</v>
      </c>
      <c r="U369" s="6">
        <v>1</v>
      </c>
      <c r="V369" s="6">
        <v>267</v>
      </c>
      <c r="W369" s="6">
        <v>6</v>
      </c>
      <c r="X369" s="6">
        <v>21</v>
      </c>
      <c r="Y369" s="6">
        <v>11</v>
      </c>
      <c r="Z369" s="6">
        <v>7</v>
      </c>
      <c r="AA369" s="6">
        <v>1</v>
      </c>
      <c r="AB369" s="6">
        <v>2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6</v>
      </c>
      <c r="I370" s="9" t="s">
        <v>6</v>
      </c>
      <c r="J370" s="9" t="s">
        <v>44</v>
      </c>
      <c r="K370" s="6">
        <v>325</v>
      </c>
      <c r="L370" s="6">
        <v>34</v>
      </c>
      <c r="M370" s="6">
        <v>33</v>
      </c>
      <c r="N370" s="6">
        <v>20</v>
      </c>
      <c r="O370" s="6">
        <v>11</v>
      </c>
      <c r="P370" s="10" t="s">
        <v>55</v>
      </c>
      <c r="Q370" s="6">
        <v>2</v>
      </c>
      <c r="R370" s="6">
        <v>1</v>
      </c>
      <c r="S370" s="6">
        <v>278</v>
      </c>
      <c r="T370" s="6">
        <v>50</v>
      </c>
      <c r="U370" s="10" t="s">
        <v>55</v>
      </c>
      <c r="V370" s="6">
        <v>228</v>
      </c>
      <c r="W370" s="6">
        <v>13</v>
      </c>
      <c r="X370" s="6">
        <v>7</v>
      </c>
      <c r="Y370" s="6">
        <v>5</v>
      </c>
      <c r="Z370" s="10" t="s">
        <v>55</v>
      </c>
      <c r="AA370" s="10" t="s">
        <v>55</v>
      </c>
      <c r="AB370" s="6">
        <v>2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6</v>
      </c>
      <c r="I371" s="9" t="s">
        <v>6</v>
      </c>
      <c r="J371" s="9" t="s">
        <v>45</v>
      </c>
      <c r="K371" s="6">
        <v>259</v>
      </c>
      <c r="L371" s="6">
        <v>3</v>
      </c>
      <c r="M371" s="6">
        <v>3</v>
      </c>
      <c r="N371" s="6">
        <v>1</v>
      </c>
      <c r="O371" s="6">
        <v>1</v>
      </c>
      <c r="P371" s="10" t="s">
        <v>55</v>
      </c>
      <c r="Q371" s="6">
        <v>1</v>
      </c>
      <c r="R371" s="10" t="s">
        <v>55</v>
      </c>
      <c r="S371" s="6">
        <v>254</v>
      </c>
      <c r="T371" s="6">
        <v>36</v>
      </c>
      <c r="U371" s="10" t="s">
        <v>55</v>
      </c>
      <c r="V371" s="6">
        <v>218</v>
      </c>
      <c r="W371" s="6">
        <v>2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6</v>
      </c>
      <c r="I372" s="9" t="s">
        <v>6</v>
      </c>
      <c r="J372" s="9" t="s">
        <v>46</v>
      </c>
      <c r="K372" s="6">
        <v>135</v>
      </c>
      <c r="L372" s="6">
        <v>3</v>
      </c>
      <c r="M372" s="6">
        <v>3</v>
      </c>
      <c r="N372" s="6">
        <v>3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6">
        <v>129</v>
      </c>
      <c r="T372" s="6">
        <v>7</v>
      </c>
      <c r="U372" s="10" t="s">
        <v>55</v>
      </c>
      <c r="V372" s="6">
        <v>122</v>
      </c>
      <c r="W372" s="6">
        <v>3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6</v>
      </c>
      <c r="I373" s="9" t="s">
        <v>6</v>
      </c>
      <c r="J373" s="9" t="s">
        <v>47</v>
      </c>
      <c r="K373" s="6">
        <v>55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6">
        <v>55</v>
      </c>
      <c r="T373" s="6">
        <v>3</v>
      </c>
      <c r="U373" s="10" t="s">
        <v>55</v>
      </c>
      <c r="V373" s="6">
        <v>52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6</v>
      </c>
      <c r="I374" s="9" t="s">
        <v>6</v>
      </c>
      <c r="J374" s="9" t="s">
        <v>48</v>
      </c>
      <c r="K374" s="6">
        <v>3865</v>
      </c>
      <c r="L374" s="6">
        <v>3064</v>
      </c>
      <c r="M374" s="6">
        <v>2950</v>
      </c>
      <c r="N374" s="6">
        <v>2670</v>
      </c>
      <c r="O374" s="6">
        <v>214</v>
      </c>
      <c r="P374" s="6">
        <v>24</v>
      </c>
      <c r="Q374" s="6">
        <v>42</v>
      </c>
      <c r="R374" s="6">
        <v>114</v>
      </c>
      <c r="S374" s="6">
        <v>631</v>
      </c>
      <c r="T374" s="6">
        <v>211</v>
      </c>
      <c r="U374" s="6">
        <v>313</v>
      </c>
      <c r="V374" s="6">
        <v>107</v>
      </c>
      <c r="W374" s="6">
        <v>170</v>
      </c>
      <c r="X374" s="6">
        <v>2508</v>
      </c>
      <c r="Y374" s="6">
        <v>2278</v>
      </c>
      <c r="Z374" s="6">
        <v>170</v>
      </c>
      <c r="AA374" s="6">
        <v>24</v>
      </c>
      <c r="AB374" s="6">
        <v>36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6</v>
      </c>
      <c r="I375" s="9" t="s">
        <v>6</v>
      </c>
      <c r="J375" s="9" t="s">
        <v>49</v>
      </c>
      <c r="K375" s="6">
        <v>2214</v>
      </c>
      <c r="L375" s="6">
        <v>595</v>
      </c>
      <c r="M375" s="6">
        <v>571</v>
      </c>
      <c r="N375" s="6">
        <v>412</v>
      </c>
      <c r="O375" s="6">
        <v>130</v>
      </c>
      <c r="P375" s="6">
        <v>1</v>
      </c>
      <c r="Q375" s="6">
        <v>28</v>
      </c>
      <c r="R375" s="6">
        <v>24</v>
      </c>
      <c r="S375" s="6">
        <v>1576</v>
      </c>
      <c r="T375" s="6">
        <v>360</v>
      </c>
      <c r="U375" s="6">
        <v>1</v>
      </c>
      <c r="V375" s="6">
        <v>1215</v>
      </c>
      <c r="W375" s="6">
        <v>43</v>
      </c>
      <c r="X375" s="6">
        <v>236</v>
      </c>
      <c r="Y375" s="6">
        <v>166</v>
      </c>
      <c r="Z375" s="6">
        <v>55</v>
      </c>
      <c r="AA375" s="6">
        <v>1</v>
      </c>
      <c r="AB375" s="6">
        <v>14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6</v>
      </c>
      <c r="I376" s="9" t="s">
        <v>6</v>
      </c>
      <c r="J376" s="9" t="s">
        <v>50</v>
      </c>
      <c r="K376" s="6">
        <v>1200</v>
      </c>
      <c r="L376" s="6">
        <v>115</v>
      </c>
      <c r="M376" s="6">
        <v>112</v>
      </c>
      <c r="N376" s="6">
        <v>69</v>
      </c>
      <c r="O376" s="6">
        <v>35</v>
      </c>
      <c r="P376" s="6">
        <v>1</v>
      </c>
      <c r="Q376" s="6">
        <v>7</v>
      </c>
      <c r="R376" s="6">
        <v>3</v>
      </c>
      <c r="S376" s="6">
        <v>1061</v>
      </c>
      <c r="T376" s="6">
        <v>173</v>
      </c>
      <c r="U376" s="6">
        <v>1</v>
      </c>
      <c r="V376" s="6">
        <v>887</v>
      </c>
      <c r="W376" s="6">
        <v>24</v>
      </c>
      <c r="X376" s="6">
        <v>28</v>
      </c>
      <c r="Y376" s="6">
        <v>16</v>
      </c>
      <c r="Z376" s="6">
        <v>7</v>
      </c>
      <c r="AA376" s="6">
        <v>1</v>
      </c>
      <c r="AB376" s="6">
        <v>4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6</v>
      </c>
      <c r="I377" s="9" t="s">
        <v>6</v>
      </c>
      <c r="J377" s="9" t="s">
        <v>51</v>
      </c>
      <c r="K377" s="6">
        <v>449</v>
      </c>
      <c r="L377" s="6">
        <v>6</v>
      </c>
      <c r="M377" s="6">
        <v>6</v>
      </c>
      <c r="N377" s="6">
        <v>4</v>
      </c>
      <c r="O377" s="6">
        <v>1</v>
      </c>
      <c r="P377" s="10" t="s">
        <v>55</v>
      </c>
      <c r="Q377" s="6">
        <v>1</v>
      </c>
      <c r="R377" s="10" t="s">
        <v>55</v>
      </c>
      <c r="S377" s="6">
        <v>438</v>
      </c>
      <c r="T377" s="6">
        <v>46</v>
      </c>
      <c r="U377" s="10" t="s">
        <v>55</v>
      </c>
      <c r="V377" s="6">
        <v>392</v>
      </c>
      <c r="W377" s="6">
        <v>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6</v>
      </c>
      <c r="I378" s="9" t="s">
        <v>6</v>
      </c>
      <c r="J378" s="9" t="s">
        <v>52</v>
      </c>
      <c r="K378" s="6">
        <v>4045</v>
      </c>
      <c r="L378" s="6">
        <v>3314</v>
      </c>
      <c r="M378" s="6">
        <v>3186</v>
      </c>
      <c r="N378" s="6">
        <v>2841</v>
      </c>
      <c r="O378" s="6">
        <v>274</v>
      </c>
      <c r="P378" s="6">
        <v>17</v>
      </c>
      <c r="Q378" s="6">
        <v>54</v>
      </c>
      <c r="R378" s="6">
        <v>128</v>
      </c>
      <c r="S378" s="6">
        <v>566</v>
      </c>
      <c r="T378" s="6">
        <v>306</v>
      </c>
      <c r="U378" s="6">
        <v>35</v>
      </c>
      <c r="V378" s="6">
        <v>225</v>
      </c>
      <c r="W378" s="6">
        <v>165</v>
      </c>
      <c r="X378" s="6">
        <v>2612</v>
      </c>
      <c r="Y378" s="6">
        <v>2345</v>
      </c>
      <c r="Z378" s="6">
        <v>208</v>
      </c>
      <c r="AA378" s="6">
        <v>17</v>
      </c>
      <c r="AB378" s="6">
        <v>42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6</v>
      </c>
      <c r="I379" s="9" t="s">
        <v>53</v>
      </c>
      <c r="J379" s="9" t="s">
        <v>30</v>
      </c>
      <c r="K379" s="6">
        <v>2800</v>
      </c>
      <c r="L379" s="6">
        <v>1893</v>
      </c>
      <c r="M379" s="6">
        <v>1811</v>
      </c>
      <c r="N379" s="6">
        <v>1722</v>
      </c>
      <c r="O379" s="6">
        <v>38</v>
      </c>
      <c r="P379" s="6">
        <v>13</v>
      </c>
      <c r="Q379" s="6">
        <v>38</v>
      </c>
      <c r="R379" s="6">
        <v>82</v>
      </c>
      <c r="S379" s="6">
        <v>799</v>
      </c>
      <c r="T379" s="6">
        <v>69</v>
      </c>
      <c r="U379" s="6">
        <v>140</v>
      </c>
      <c r="V379" s="6">
        <v>590</v>
      </c>
      <c r="W379" s="6">
        <v>108</v>
      </c>
      <c r="X379" s="6">
        <v>1350</v>
      </c>
      <c r="Y379" s="6">
        <v>1300</v>
      </c>
      <c r="Z379" s="6">
        <v>19</v>
      </c>
      <c r="AA379" s="6">
        <v>13</v>
      </c>
      <c r="AB379" s="6">
        <v>18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6</v>
      </c>
      <c r="I380" s="9" t="s">
        <v>53</v>
      </c>
      <c r="J380" s="9" t="s">
        <v>31</v>
      </c>
      <c r="K380" s="6">
        <v>163</v>
      </c>
      <c r="L380" s="6">
        <v>23</v>
      </c>
      <c r="M380" s="6">
        <v>22</v>
      </c>
      <c r="N380" s="6">
        <v>20</v>
      </c>
      <c r="O380" s="10" t="s">
        <v>55</v>
      </c>
      <c r="P380" s="6">
        <v>2</v>
      </c>
      <c r="Q380" s="10" t="s">
        <v>55</v>
      </c>
      <c r="R380" s="6">
        <v>1</v>
      </c>
      <c r="S380" s="6">
        <v>132</v>
      </c>
      <c r="T380" s="6">
        <v>1</v>
      </c>
      <c r="U380" s="6">
        <v>129</v>
      </c>
      <c r="V380" s="6">
        <v>2</v>
      </c>
      <c r="W380" s="6">
        <v>8</v>
      </c>
      <c r="X380" s="6">
        <v>22</v>
      </c>
      <c r="Y380" s="6">
        <v>20</v>
      </c>
      <c r="Z380" s="10" t="s">
        <v>55</v>
      </c>
      <c r="AA380" s="6">
        <v>2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6</v>
      </c>
      <c r="I381" s="9" t="s">
        <v>53</v>
      </c>
      <c r="J381" s="9" t="s">
        <v>32</v>
      </c>
      <c r="K381" s="6">
        <v>106</v>
      </c>
      <c r="L381" s="6">
        <v>84</v>
      </c>
      <c r="M381" s="6">
        <v>77</v>
      </c>
      <c r="N381" s="6">
        <v>67</v>
      </c>
      <c r="O381" s="6">
        <v>1</v>
      </c>
      <c r="P381" s="6">
        <v>8</v>
      </c>
      <c r="Q381" s="6">
        <v>1</v>
      </c>
      <c r="R381" s="6">
        <v>7</v>
      </c>
      <c r="S381" s="6">
        <v>13</v>
      </c>
      <c r="T381" s="10" t="s">
        <v>55</v>
      </c>
      <c r="U381" s="6">
        <v>11</v>
      </c>
      <c r="V381" s="6">
        <v>2</v>
      </c>
      <c r="W381" s="6">
        <v>9</v>
      </c>
      <c r="X381" s="6">
        <v>72</v>
      </c>
      <c r="Y381" s="6">
        <v>63</v>
      </c>
      <c r="Z381" s="6">
        <v>1</v>
      </c>
      <c r="AA381" s="6">
        <v>8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6</v>
      </c>
      <c r="I382" s="9" t="s">
        <v>53</v>
      </c>
      <c r="J382" s="9" t="s">
        <v>33</v>
      </c>
      <c r="K382" s="6">
        <v>123</v>
      </c>
      <c r="L382" s="6">
        <v>114</v>
      </c>
      <c r="M382" s="6">
        <v>108</v>
      </c>
      <c r="N382" s="6">
        <v>105</v>
      </c>
      <c r="O382" s="6">
        <v>2</v>
      </c>
      <c r="P382" s="6">
        <v>1</v>
      </c>
      <c r="Q382" s="10" t="s">
        <v>55</v>
      </c>
      <c r="R382" s="6">
        <v>6</v>
      </c>
      <c r="S382" s="6">
        <v>1</v>
      </c>
      <c r="T382" s="10" t="s">
        <v>55</v>
      </c>
      <c r="U382" s="10" t="s">
        <v>55</v>
      </c>
      <c r="V382" s="6">
        <v>1</v>
      </c>
      <c r="W382" s="6">
        <v>8</v>
      </c>
      <c r="X382" s="6">
        <v>103</v>
      </c>
      <c r="Y382" s="6">
        <v>100</v>
      </c>
      <c r="Z382" s="6">
        <v>2</v>
      </c>
      <c r="AA382" s="6">
        <v>1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6</v>
      </c>
      <c r="I383" s="9" t="s">
        <v>53</v>
      </c>
      <c r="J383" s="9" t="s">
        <v>34</v>
      </c>
      <c r="K383" s="6">
        <v>178</v>
      </c>
      <c r="L383" s="6">
        <v>161</v>
      </c>
      <c r="M383" s="6">
        <v>152</v>
      </c>
      <c r="N383" s="6">
        <v>151</v>
      </c>
      <c r="O383" s="10" t="s">
        <v>55</v>
      </c>
      <c r="P383" s="10" t="s">
        <v>55</v>
      </c>
      <c r="Q383" s="6">
        <v>1</v>
      </c>
      <c r="R383" s="6">
        <v>9</v>
      </c>
      <c r="S383" s="6">
        <v>3</v>
      </c>
      <c r="T383" s="6">
        <v>1</v>
      </c>
      <c r="U383" s="10" t="s">
        <v>55</v>
      </c>
      <c r="V383" s="6">
        <v>2</v>
      </c>
      <c r="W383" s="6">
        <v>14</v>
      </c>
      <c r="X383" s="6">
        <v>141</v>
      </c>
      <c r="Y383" s="6">
        <v>140</v>
      </c>
      <c r="Z383" s="10" t="s">
        <v>55</v>
      </c>
      <c r="AA383" s="10" t="s">
        <v>55</v>
      </c>
      <c r="AB383" s="6">
        <v>1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6</v>
      </c>
      <c r="I384" s="9" t="s">
        <v>53</v>
      </c>
      <c r="J384" s="9" t="s">
        <v>35</v>
      </c>
      <c r="K384" s="6">
        <v>201</v>
      </c>
      <c r="L384" s="6">
        <v>187</v>
      </c>
      <c r="M384" s="6">
        <v>182</v>
      </c>
      <c r="N384" s="6">
        <v>182</v>
      </c>
      <c r="O384" s="10" t="s">
        <v>55</v>
      </c>
      <c r="P384" s="10" t="s">
        <v>55</v>
      </c>
      <c r="Q384" s="10" t="s">
        <v>55</v>
      </c>
      <c r="R384" s="6">
        <v>5</v>
      </c>
      <c r="S384" s="6">
        <v>3</v>
      </c>
      <c r="T384" s="6">
        <v>2</v>
      </c>
      <c r="U384" s="10" t="s">
        <v>55</v>
      </c>
      <c r="V384" s="6">
        <v>1</v>
      </c>
      <c r="W384" s="6">
        <v>11</v>
      </c>
      <c r="X384" s="6">
        <v>154</v>
      </c>
      <c r="Y384" s="6">
        <v>154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6</v>
      </c>
      <c r="I385" s="9" t="s">
        <v>53</v>
      </c>
      <c r="J385" s="9" t="s">
        <v>36</v>
      </c>
      <c r="K385" s="6">
        <v>187</v>
      </c>
      <c r="L385" s="6">
        <v>174</v>
      </c>
      <c r="M385" s="6">
        <v>168</v>
      </c>
      <c r="N385" s="6">
        <v>166</v>
      </c>
      <c r="O385" s="6">
        <v>1</v>
      </c>
      <c r="P385" s="6">
        <v>1</v>
      </c>
      <c r="Q385" s="10" t="s">
        <v>55</v>
      </c>
      <c r="R385" s="6">
        <v>6</v>
      </c>
      <c r="S385" s="6">
        <v>4</v>
      </c>
      <c r="T385" s="6">
        <v>2</v>
      </c>
      <c r="U385" s="10" t="s">
        <v>55</v>
      </c>
      <c r="V385" s="6">
        <v>2</v>
      </c>
      <c r="W385" s="6">
        <v>9</v>
      </c>
      <c r="X385" s="6">
        <v>144</v>
      </c>
      <c r="Y385" s="6">
        <v>143</v>
      </c>
      <c r="Z385" s="10" t="s">
        <v>55</v>
      </c>
      <c r="AA385" s="6">
        <v>1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6</v>
      </c>
      <c r="I386" s="9" t="s">
        <v>53</v>
      </c>
      <c r="J386" s="9" t="s">
        <v>37</v>
      </c>
      <c r="K386" s="6">
        <v>227</v>
      </c>
      <c r="L386" s="6">
        <v>208</v>
      </c>
      <c r="M386" s="6">
        <v>200</v>
      </c>
      <c r="N386" s="6">
        <v>195</v>
      </c>
      <c r="O386" s="6">
        <v>3</v>
      </c>
      <c r="P386" s="10" t="s">
        <v>55</v>
      </c>
      <c r="Q386" s="6">
        <v>2</v>
      </c>
      <c r="R386" s="6">
        <v>8</v>
      </c>
      <c r="S386" s="6">
        <v>6</v>
      </c>
      <c r="T386" s="10" t="s">
        <v>55</v>
      </c>
      <c r="U386" s="10" t="s">
        <v>55</v>
      </c>
      <c r="V386" s="6">
        <v>6</v>
      </c>
      <c r="W386" s="6">
        <v>13</v>
      </c>
      <c r="X386" s="6">
        <v>170</v>
      </c>
      <c r="Y386" s="6">
        <v>165</v>
      </c>
      <c r="Z386" s="6">
        <v>3</v>
      </c>
      <c r="AA386" s="10" t="s">
        <v>55</v>
      </c>
      <c r="AB386" s="6">
        <v>2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6</v>
      </c>
      <c r="I387" s="9" t="s">
        <v>53</v>
      </c>
      <c r="J387" s="9" t="s">
        <v>38</v>
      </c>
      <c r="K387" s="6">
        <v>225</v>
      </c>
      <c r="L387" s="6">
        <v>210</v>
      </c>
      <c r="M387" s="6">
        <v>202</v>
      </c>
      <c r="N387" s="6">
        <v>199</v>
      </c>
      <c r="O387" s="6">
        <v>1</v>
      </c>
      <c r="P387" s="10" t="s">
        <v>55</v>
      </c>
      <c r="Q387" s="6">
        <v>2</v>
      </c>
      <c r="R387" s="6">
        <v>8</v>
      </c>
      <c r="S387" s="6">
        <v>7</v>
      </c>
      <c r="T387" s="6">
        <v>3</v>
      </c>
      <c r="U387" s="10" t="s">
        <v>55</v>
      </c>
      <c r="V387" s="6">
        <v>4</v>
      </c>
      <c r="W387" s="6">
        <v>8</v>
      </c>
      <c r="X387" s="6">
        <v>158</v>
      </c>
      <c r="Y387" s="6">
        <v>155</v>
      </c>
      <c r="Z387" s="6">
        <v>1</v>
      </c>
      <c r="AA387" s="10" t="s">
        <v>55</v>
      </c>
      <c r="AB387" s="6">
        <v>2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6</v>
      </c>
      <c r="I388" s="9" t="s">
        <v>53</v>
      </c>
      <c r="J388" s="9" t="s">
        <v>39</v>
      </c>
      <c r="K388" s="6">
        <v>218</v>
      </c>
      <c r="L388" s="6">
        <v>193</v>
      </c>
      <c r="M388" s="6">
        <v>188</v>
      </c>
      <c r="N388" s="6">
        <v>185</v>
      </c>
      <c r="O388" s="6">
        <v>1</v>
      </c>
      <c r="P388" s="10" t="s">
        <v>55</v>
      </c>
      <c r="Q388" s="6">
        <v>2</v>
      </c>
      <c r="R388" s="6">
        <v>5</v>
      </c>
      <c r="S388" s="6">
        <v>17</v>
      </c>
      <c r="T388" s="6">
        <v>3</v>
      </c>
      <c r="U388" s="10" t="s">
        <v>55</v>
      </c>
      <c r="V388" s="6">
        <v>14</v>
      </c>
      <c r="W388" s="6">
        <v>8</v>
      </c>
      <c r="X388" s="6">
        <v>137</v>
      </c>
      <c r="Y388" s="6">
        <v>136</v>
      </c>
      <c r="Z388" s="6">
        <v>1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6</v>
      </c>
      <c r="I389" s="9" t="s">
        <v>53</v>
      </c>
      <c r="J389" s="9" t="s">
        <v>40</v>
      </c>
      <c r="K389" s="6">
        <v>245</v>
      </c>
      <c r="L389" s="6">
        <v>197</v>
      </c>
      <c r="M389" s="6">
        <v>191</v>
      </c>
      <c r="N389" s="6">
        <v>183</v>
      </c>
      <c r="O389" s="6">
        <v>2</v>
      </c>
      <c r="P389" s="10" t="s">
        <v>55</v>
      </c>
      <c r="Q389" s="6">
        <v>6</v>
      </c>
      <c r="R389" s="6">
        <v>6</v>
      </c>
      <c r="S389" s="6">
        <v>45</v>
      </c>
      <c r="T389" s="6">
        <v>5</v>
      </c>
      <c r="U389" s="10" t="s">
        <v>55</v>
      </c>
      <c r="V389" s="6">
        <v>40</v>
      </c>
      <c r="W389" s="6">
        <v>3</v>
      </c>
      <c r="X389" s="6">
        <v>130</v>
      </c>
      <c r="Y389" s="6">
        <v>125</v>
      </c>
      <c r="Z389" s="6">
        <v>2</v>
      </c>
      <c r="AA389" s="10" t="s">
        <v>55</v>
      </c>
      <c r="AB389" s="6">
        <v>3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6</v>
      </c>
      <c r="I390" s="9" t="s">
        <v>53</v>
      </c>
      <c r="J390" s="9" t="s">
        <v>41</v>
      </c>
      <c r="K390" s="6">
        <v>250</v>
      </c>
      <c r="L390" s="6">
        <v>163</v>
      </c>
      <c r="M390" s="6">
        <v>148</v>
      </c>
      <c r="N390" s="6">
        <v>129</v>
      </c>
      <c r="O390" s="6">
        <v>8</v>
      </c>
      <c r="P390" s="10" t="s">
        <v>55</v>
      </c>
      <c r="Q390" s="6">
        <v>11</v>
      </c>
      <c r="R390" s="6">
        <v>15</v>
      </c>
      <c r="S390" s="6">
        <v>84</v>
      </c>
      <c r="T390" s="6">
        <v>17</v>
      </c>
      <c r="U390" s="10" t="s">
        <v>55</v>
      </c>
      <c r="V390" s="6">
        <v>67</v>
      </c>
      <c r="W390" s="6">
        <v>3</v>
      </c>
      <c r="X390" s="6">
        <v>68</v>
      </c>
      <c r="Y390" s="6">
        <v>58</v>
      </c>
      <c r="Z390" s="6">
        <v>5</v>
      </c>
      <c r="AA390" s="10" t="s">
        <v>55</v>
      </c>
      <c r="AB390" s="6">
        <v>5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6</v>
      </c>
      <c r="I391" s="9" t="s">
        <v>53</v>
      </c>
      <c r="J391" s="9" t="s">
        <v>42</v>
      </c>
      <c r="K391" s="6">
        <v>251</v>
      </c>
      <c r="L391" s="6">
        <v>114</v>
      </c>
      <c r="M391" s="6">
        <v>111</v>
      </c>
      <c r="N391" s="6">
        <v>95</v>
      </c>
      <c r="O391" s="6">
        <v>9</v>
      </c>
      <c r="P391" s="10" t="s">
        <v>55</v>
      </c>
      <c r="Q391" s="6">
        <v>7</v>
      </c>
      <c r="R391" s="6">
        <v>3</v>
      </c>
      <c r="S391" s="6">
        <v>131</v>
      </c>
      <c r="T391" s="6">
        <v>12</v>
      </c>
      <c r="U391" s="10" t="s">
        <v>55</v>
      </c>
      <c r="V391" s="6">
        <v>119</v>
      </c>
      <c r="W391" s="6">
        <v>6</v>
      </c>
      <c r="X391" s="6">
        <v>36</v>
      </c>
      <c r="Y391" s="6">
        <v>32</v>
      </c>
      <c r="Z391" s="6">
        <v>2</v>
      </c>
      <c r="AA391" s="10" t="s">
        <v>55</v>
      </c>
      <c r="AB391" s="6">
        <v>2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6</v>
      </c>
      <c r="I392" s="9" t="s">
        <v>53</v>
      </c>
      <c r="J392" s="9" t="s">
        <v>43</v>
      </c>
      <c r="K392" s="6">
        <v>187</v>
      </c>
      <c r="L392" s="6">
        <v>42</v>
      </c>
      <c r="M392" s="6">
        <v>40</v>
      </c>
      <c r="N392" s="6">
        <v>29</v>
      </c>
      <c r="O392" s="6">
        <v>7</v>
      </c>
      <c r="P392" s="6">
        <v>1</v>
      </c>
      <c r="Q392" s="6">
        <v>3</v>
      </c>
      <c r="R392" s="6">
        <v>2</v>
      </c>
      <c r="S392" s="6">
        <v>143</v>
      </c>
      <c r="T392" s="6">
        <v>11</v>
      </c>
      <c r="U392" s="10" t="s">
        <v>55</v>
      </c>
      <c r="V392" s="6">
        <v>132</v>
      </c>
      <c r="W392" s="6">
        <v>2</v>
      </c>
      <c r="X392" s="6">
        <v>10</v>
      </c>
      <c r="Y392" s="6">
        <v>6</v>
      </c>
      <c r="Z392" s="6">
        <v>2</v>
      </c>
      <c r="AA392" s="6">
        <v>1</v>
      </c>
      <c r="AB392" s="6">
        <v>1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6</v>
      </c>
      <c r="I393" s="9" t="s">
        <v>53</v>
      </c>
      <c r="J393" s="9" t="s">
        <v>44</v>
      </c>
      <c r="K393" s="6">
        <v>115</v>
      </c>
      <c r="L393" s="6">
        <v>19</v>
      </c>
      <c r="M393" s="6">
        <v>18</v>
      </c>
      <c r="N393" s="6">
        <v>13</v>
      </c>
      <c r="O393" s="6">
        <v>3</v>
      </c>
      <c r="P393" s="10" t="s">
        <v>55</v>
      </c>
      <c r="Q393" s="6">
        <v>2</v>
      </c>
      <c r="R393" s="6">
        <v>1</v>
      </c>
      <c r="S393" s="6">
        <v>91</v>
      </c>
      <c r="T393" s="6">
        <v>4</v>
      </c>
      <c r="U393" s="10" t="s">
        <v>55</v>
      </c>
      <c r="V393" s="6">
        <v>87</v>
      </c>
      <c r="W393" s="6">
        <v>5</v>
      </c>
      <c r="X393" s="6">
        <v>5</v>
      </c>
      <c r="Y393" s="6">
        <v>3</v>
      </c>
      <c r="Z393" s="10" t="s">
        <v>55</v>
      </c>
      <c r="AA393" s="10" t="s">
        <v>55</v>
      </c>
      <c r="AB393" s="6">
        <v>2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6</v>
      </c>
      <c r="I394" s="9" t="s">
        <v>53</v>
      </c>
      <c r="J394" s="9" t="s">
        <v>45</v>
      </c>
      <c r="K394" s="6">
        <v>85</v>
      </c>
      <c r="L394" s="6">
        <v>2</v>
      </c>
      <c r="M394" s="6">
        <v>2</v>
      </c>
      <c r="N394" s="6">
        <v>1</v>
      </c>
      <c r="O394" s="10" t="s">
        <v>55</v>
      </c>
      <c r="P394" s="10" t="s">
        <v>55</v>
      </c>
      <c r="Q394" s="6">
        <v>1</v>
      </c>
      <c r="R394" s="10" t="s">
        <v>55</v>
      </c>
      <c r="S394" s="6">
        <v>83</v>
      </c>
      <c r="T394" s="6">
        <v>6</v>
      </c>
      <c r="U394" s="10" t="s">
        <v>55</v>
      </c>
      <c r="V394" s="6">
        <v>77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6</v>
      </c>
      <c r="I395" s="9" t="s">
        <v>53</v>
      </c>
      <c r="J395" s="9" t="s">
        <v>46</v>
      </c>
      <c r="K395" s="6">
        <v>34</v>
      </c>
      <c r="L395" s="6">
        <v>2</v>
      </c>
      <c r="M395" s="6">
        <v>2</v>
      </c>
      <c r="N395" s="6">
        <v>2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6">
        <v>31</v>
      </c>
      <c r="T395" s="6">
        <v>1</v>
      </c>
      <c r="U395" s="10" t="s">
        <v>55</v>
      </c>
      <c r="V395" s="6">
        <v>30</v>
      </c>
      <c r="W395" s="6">
        <v>1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6</v>
      </c>
      <c r="I396" s="9" t="s">
        <v>53</v>
      </c>
      <c r="J396" s="9" t="s">
        <v>47</v>
      </c>
      <c r="K396" s="6">
        <v>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6">
        <v>5</v>
      </c>
      <c r="T396" s="6">
        <v>1</v>
      </c>
      <c r="U396" s="10" t="s">
        <v>55</v>
      </c>
      <c r="V396" s="6">
        <v>4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6</v>
      </c>
      <c r="I397" s="9" t="s">
        <v>53</v>
      </c>
      <c r="J397" s="9" t="s">
        <v>48</v>
      </c>
      <c r="K397" s="6">
        <v>1873</v>
      </c>
      <c r="L397" s="6">
        <v>1551</v>
      </c>
      <c r="M397" s="6">
        <v>1490</v>
      </c>
      <c r="N397" s="6">
        <v>1453</v>
      </c>
      <c r="O397" s="6">
        <v>11</v>
      </c>
      <c r="P397" s="6">
        <v>12</v>
      </c>
      <c r="Q397" s="6">
        <v>14</v>
      </c>
      <c r="R397" s="6">
        <v>61</v>
      </c>
      <c r="S397" s="6">
        <v>231</v>
      </c>
      <c r="T397" s="6">
        <v>17</v>
      </c>
      <c r="U397" s="6">
        <v>140</v>
      </c>
      <c r="V397" s="6">
        <v>74</v>
      </c>
      <c r="W397" s="6">
        <v>91</v>
      </c>
      <c r="X397" s="6">
        <v>1231</v>
      </c>
      <c r="Y397" s="6">
        <v>1201</v>
      </c>
      <c r="Z397" s="6">
        <v>10</v>
      </c>
      <c r="AA397" s="6">
        <v>12</v>
      </c>
      <c r="AB397" s="6">
        <v>8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6</v>
      </c>
      <c r="I398" s="9" t="s">
        <v>53</v>
      </c>
      <c r="J398" s="9" t="s">
        <v>49</v>
      </c>
      <c r="K398" s="6">
        <v>927</v>
      </c>
      <c r="L398" s="6">
        <v>342</v>
      </c>
      <c r="M398" s="6">
        <v>321</v>
      </c>
      <c r="N398" s="6">
        <v>269</v>
      </c>
      <c r="O398" s="6">
        <v>27</v>
      </c>
      <c r="P398" s="6">
        <v>1</v>
      </c>
      <c r="Q398" s="6">
        <v>24</v>
      </c>
      <c r="R398" s="6">
        <v>21</v>
      </c>
      <c r="S398" s="6">
        <v>568</v>
      </c>
      <c r="T398" s="6">
        <v>52</v>
      </c>
      <c r="U398" s="10" t="s">
        <v>55</v>
      </c>
      <c r="V398" s="6">
        <v>516</v>
      </c>
      <c r="W398" s="6">
        <v>17</v>
      </c>
      <c r="X398" s="6">
        <v>119</v>
      </c>
      <c r="Y398" s="6">
        <v>99</v>
      </c>
      <c r="Z398" s="6">
        <v>9</v>
      </c>
      <c r="AA398" s="6">
        <v>1</v>
      </c>
      <c r="AB398" s="6">
        <v>10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6</v>
      </c>
      <c r="I399" s="9" t="s">
        <v>53</v>
      </c>
      <c r="J399" s="9" t="s">
        <v>50</v>
      </c>
      <c r="K399" s="6">
        <v>426</v>
      </c>
      <c r="L399" s="6">
        <v>65</v>
      </c>
      <c r="M399" s="6">
        <v>62</v>
      </c>
      <c r="N399" s="6">
        <v>45</v>
      </c>
      <c r="O399" s="6">
        <v>10</v>
      </c>
      <c r="P399" s="6">
        <v>1</v>
      </c>
      <c r="Q399" s="6">
        <v>6</v>
      </c>
      <c r="R399" s="6">
        <v>3</v>
      </c>
      <c r="S399" s="6">
        <v>353</v>
      </c>
      <c r="T399" s="6">
        <v>23</v>
      </c>
      <c r="U399" s="10" t="s">
        <v>55</v>
      </c>
      <c r="V399" s="6">
        <v>330</v>
      </c>
      <c r="W399" s="6">
        <v>8</v>
      </c>
      <c r="X399" s="6">
        <v>15</v>
      </c>
      <c r="Y399" s="6">
        <v>9</v>
      </c>
      <c r="Z399" s="6">
        <v>2</v>
      </c>
      <c r="AA399" s="6">
        <v>1</v>
      </c>
      <c r="AB399" s="6">
        <v>3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6</v>
      </c>
      <c r="I400" s="9" t="s">
        <v>53</v>
      </c>
      <c r="J400" s="9" t="s">
        <v>51</v>
      </c>
      <c r="K400" s="6">
        <v>124</v>
      </c>
      <c r="L400" s="6">
        <v>4</v>
      </c>
      <c r="M400" s="6">
        <v>4</v>
      </c>
      <c r="N400" s="6">
        <v>3</v>
      </c>
      <c r="O400" s="10" t="s">
        <v>55</v>
      </c>
      <c r="P400" s="10" t="s">
        <v>55</v>
      </c>
      <c r="Q400" s="6">
        <v>1</v>
      </c>
      <c r="R400" s="10" t="s">
        <v>55</v>
      </c>
      <c r="S400" s="6">
        <v>119</v>
      </c>
      <c r="T400" s="6">
        <v>8</v>
      </c>
      <c r="U400" s="10" t="s">
        <v>55</v>
      </c>
      <c r="V400" s="6">
        <v>111</v>
      </c>
      <c r="W400" s="6">
        <v>1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6</v>
      </c>
      <c r="I401" s="9" t="s">
        <v>53</v>
      </c>
      <c r="J401" s="9" t="s">
        <v>52</v>
      </c>
      <c r="K401" s="6">
        <v>1960</v>
      </c>
      <c r="L401" s="6">
        <v>1691</v>
      </c>
      <c r="M401" s="6">
        <v>1616</v>
      </c>
      <c r="N401" s="6">
        <v>1562</v>
      </c>
      <c r="O401" s="6">
        <v>19</v>
      </c>
      <c r="P401" s="6">
        <v>10</v>
      </c>
      <c r="Q401" s="6">
        <v>25</v>
      </c>
      <c r="R401" s="6">
        <v>75</v>
      </c>
      <c r="S401" s="6">
        <v>183</v>
      </c>
      <c r="T401" s="6">
        <v>33</v>
      </c>
      <c r="U401" s="6">
        <v>11</v>
      </c>
      <c r="V401" s="6">
        <v>139</v>
      </c>
      <c r="W401" s="6">
        <v>86</v>
      </c>
      <c r="X401" s="6">
        <v>1277</v>
      </c>
      <c r="Y401" s="6">
        <v>1239</v>
      </c>
      <c r="Z401" s="6">
        <v>15</v>
      </c>
      <c r="AA401" s="6">
        <v>10</v>
      </c>
      <c r="AB401" s="6">
        <v>13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6</v>
      </c>
      <c r="I402" s="9" t="s">
        <v>54</v>
      </c>
      <c r="J402" s="9" t="s">
        <v>30</v>
      </c>
      <c r="K402" s="6">
        <v>3279</v>
      </c>
      <c r="L402" s="6">
        <v>1766</v>
      </c>
      <c r="M402" s="6">
        <v>1710</v>
      </c>
      <c r="N402" s="6">
        <v>1360</v>
      </c>
      <c r="O402" s="6">
        <v>306</v>
      </c>
      <c r="P402" s="6">
        <v>12</v>
      </c>
      <c r="Q402" s="6">
        <v>32</v>
      </c>
      <c r="R402" s="6">
        <v>56</v>
      </c>
      <c r="S402" s="6">
        <v>1408</v>
      </c>
      <c r="T402" s="6">
        <v>502</v>
      </c>
      <c r="U402" s="6">
        <v>174</v>
      </c>
      <c r="V402" s="6">
        <v>732</v>
      </c>
      <c r="W402" s="6">
        <v>105</v>
      </c>
      <c r="X402" s="6">
        <v>1394</v>
      </c>
      <c r="Y402" s="6">
        <v>1144</v>
      </c>
      <c r="Z402" s="6">
        <v>206</v>
      </c>
      <c r="AA402" s="6">
        <v>12</v>
      </c>
      <c r="AB402" s="6">
        <v>32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6</v>
      </c>
      <c r="I403" s="9" t="s">
        <v>54</v>
      </c>
      <c r="J403" s="9" t="s">
        <v>31</v>
      </c>
      <c r="K403" s="6">
        <v>173</v>
      </c>
      <c r="L403" s="6">
        <v>16</v>
      </c>
      <c r="M403" s="6">
        <v>16</v>
      </c>
      <c r="N403" s="6">
        <v>10</v>
      </c>
      <c r="O403" s="10" t="s">
        <v>55</v>
      </c>
      <c r="P403" s="6">
        <v>5</v>
      </c>
      <c r="Q403" s="6">
        <v>1</v>
      </c>
      <c r="R403" s="10" t="s">
        <v>55</v>
      </c>
      <c r="S403" s="6">
        <v>149</v>
      </c>
      <c r="T403" s="10" t="s">
        <v>55</v>
      </c>
      <c r="U403" s="6">
        <v>149</v>
      </c>
      <c r="V403" s="10" t="s">
        <v>55</v>
      </c>
      <c r="W403" s="6">
        <v>8</v>
      </c>
      <c r="X403" s="6">
        <v>16</v>
      </c>
      <c r="Y403" s="6">
        <v>10</v>
      </c>
      <c r="Z403" s="10" t="s">
        <v>55</v>
      </c>
      <c r="AA403" s="6">
        <v>5</v>
      </c>
      <c r="AB403" s="6">
        <v>1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6</v>
      </c>
      <c r="I404" s="9" t="s">
        <v>54</v>
      </c>
      <c r="J404" s="9" t="s">
        <v>32</v>
      </c>
      <c r="K404" s="6">
        <v>141</v>
      </c>
      <c r="L404" s="6">
        <v>109</v>
      </c>
      <c r="M404" s="6">
        <v>106</v>
      </c>
      <c r="N404" s="6">
        <v>96</v>
      </c>
      <c r="O404" s="6">
        <v>3</v>
      </c>
      <c r="P404" s="6">
        <v>7</v>
      </c>
      <c r="Q404" s="10" t="s">
        <v>55</v>
      </c>
      <c r="R404" s="6">
        <v>3</v>
      </c>
      <c r="S404" s="6">
        <v>25</v>
      </c>
      <c r="T404" s="6">
        <v>3</v>
      </c>
      <c r="U404" s="6">
        <v>20</v>
      </c>
      <c r="V404" s="6">
        <v>2</v>
      </c>
      <c r="W404" s="6">
        <v>7</v>
      </c>
      <c r="X404" s="6">
        <v>104</v>
      </c>
      <c r="Y404" s="6">
        <v>95</v>
      </c>
      <c r="Z404" s="6">
        <v>2</v>
      </c>
      <c r="AA404" s="6">
        <v>7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6</v>
      </c>
      <c r="I405" s="9" t="s">
        <v>54</v>
      </c>
      <c r="J405" s="9" t="s">
        <v>33</v>
      </c>
      <c r="K405" s="6">
        <v>138</v>
      </c>
      <c r="L405" s="6">
        <v>119</v>
      </c>
      <c r="M405" s="6">
        <v>113</v>
      </c>
      <c r="N405" s="6">
        <v>96</v>
      </c>
      <c r="O405" s="6">
        <v>13</v>
      </c>
      <c r="P405" s="10" t="s">
        <v>55</v>
      </c>
      <c r="Q405" s="6">
        <v>4</v>
      </c>
      <c r="R405" s="6">
        <v>6</v>
      </c>
      <c r="S405" s="6">
        <v>14</v>
      </c>
      <c r="T405" s="6">
        <v>9</v>
      </c>
      <c r="U405" s="6">
        <v>2</v>
      </c>
      <c r="V405" s="6">
        <v>3</v>
      </c>
      <c r="W405" s="6">
        <v>5</v>
      </c>
      <c r="X405" s="6">
        <v>106</v>
      </c>
      <c r="Y405" s="6">
        <v>92</v>
      </c>
      <c r="Z405" s="6">
        <v>10</v>
      </c>
      <c r="AA405" s="10" t="s">
        <v>55</v>
      </c>
      <c r="AB405" s="6">
        <v>4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6</v>
      </c>
      <c r="I406" s="9" t="s">
        <v>54</v>
      </c>
      <c r="J406" s="9" t="s">
        <v>34</v>
      </c>
      <c r="K406" s="6">
        <v>196</v>
      </c>
      <c r="L406" s="6">
        <v>153</v>
      </c>
      <c r="M406" s="6">
        <v>146</v>
      </c>
      <c r="N406" s="6">
        <v>124</v>
      </c>
      <c r="O406" s="6">
        <v>15</v>
      </c>
      <c r="P406" s="10" t="s">
        <v>55</v>
      </c>
      <c r="Q406" s="6">
        <v>7</v>
      </c>
      <c r="R406" s="6">
        <v>7</v>
      </c>
      <c r="S406" s="6">
        <v>23</v>
      </c>
      <c r="T406" s="6">
        <v>20</v>
      </c>
      <c r="U406" s="10" t="s">
        <v>55</v>
      </c>
      <c r="V406" s="6">
        <v>3</v>
      </c>
      <c r="W406" s="6">
        <v>20</v>
      </c>
      <c r="X406" s="6">
        <v>141</v>
      </c>
      <c r="Y406" s="6">
        <v>120</v>
      </c>
      <c r="Z406" s="6">
        <v>14</v>
      </c>
      <c r="AA406" s="10" t="s">
        <v>55</v>
      </c>
      <c r="AB406" s="6">
        <v>7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6</v>
      </c>
      <c r="I407" s="9" t="s">
        <v>54</v>
      </c>
      <c r="J407" s="9" t="s">
        <v>35</v>
      </c>
      <c r="K407" s="6">
        <v>215</v>
      </c>
      <c r="L407" s="6">
        <v>179</v>
      </c>
      <c r="M407" s="6">
        <v>173</v>
      </c>
      <c r="N407" s="6">
        <v>141</v>
      </c>
      <c r="O407" s="6">
        <v>23</v>
      </c>
      <c r="P407" s="10" t="s">
        <v>55</v>
      </c>
      <c r="Q407" s="6">
        <v>9</v>
      </c>
      <c r="R407" s="6">
        <v>6</v>
      </c>
      <c r="S407" s="6">
        <v>26</v>
      </c>
      <c r="T407" s="6">
        <v>23</v>
      </c>
      <c r="U407" s="6">
        <v>2</v>
      </c>
      <c r="V407" s="6">
        <v>1</v>
      </c>
      <c r="W407" s="6">
        <v>10</v>
      </c>
      <c r="X407" s="6">
        <v>154</v>
      </c>
      <c r="Y407" s="6">
        <v>127</v>
      </c>
      <c r="Z407" s="6">
        <v>18</v>
      </c>
      <c r="AA407" s="10" t="s">
        <v>55</v>
      </c>
      <c r="AB407" s="6">
        <v>9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6</v>
      </c>
      <c r="I408" s="9" t="s">
        <v>54</v>
      </c>
      <c r="J408" s="9" t="s">
        <v>36</v>
      </c>
      <c r="K408" s="6">
        <v>199</v>
      </c>
      <c r="L408" s="6">
        <v>164</v>
      </c>
      <c r="M408" s="6">
        <v>160</v>
      </c>
      <c r="N408" s="6">
        <v>133</v>
      </c>
      <c r="O408" s="6">
        <v>26</v>
      </c>
      <c r="P408" s="10" t="s">
        <v>55</v>
      </c>
      <c r="Q408" s="6">
        <v>1</v>
      </c>
      <c r="R408" s="6">
        <v>4</v>
      </c>
      <c r="S408" s="6">
        <v>23</v>
      </c>
      <c r="T408" s="6">
        <v>22</v>
      </c>
      <c r="U408" s="10" t="s">
        <v>55</v>
      </c>
      <c r="V408" s="6">
        <v>1</v>
      </c>
      <c r="W408" s="6">
        <v>12</v>
      </c>
      <c r="X408" s="6">
        <v>148</v>
      </c>
      <c r="Y408" s="6">
        <v>124</v>
      </c>
      <c r="Z408" s="6">
        <v>23</v>
      </c>
      <c r="AA408" s="10" t="s">
        <v>55</v>
      </c>
      <c r="AB408" s="6">
        <v>1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6</v>
      </c>
      <c r="I409" s="9" t="s">
        <v>54</v>
      </c>
      <c r="J409" s="9" t="s">
        <v>37</v>
      </c>
      <c r="K409" s="6">
        <v>240</v>
      </c>
      <c r="L409" s="6">
        <v>214</v>
      </c>
      <c r="M409" s="6">
        <v>204</v>
      </c>
      <c r="N409" s="6">
        <v>178</v>
      </c>
      <c r="O409" s="6">
        <v>25</v>
      </c>
      <c r="P409" s="10" t="s">
        <v>55</v>
      </c>
      <c r="Q409" s="6">
        <v>1</v>
      </c>
      <c r="R409" s="6">
        <v>10</v>
      </c>
      <c r="S409" s="6">
        <v>19</v>
      </c>
      <c r="T409" s="6">
        <v>18</v>
      </c>
      <c r="U409" s="10" t="s">
        <v>55</v>
      </c>
      <c r="V409" s="6">
        <v>1</v>
      </c>
      <c r="W409" s="6">
        <v>7</v>
      </c>
      <c r="X409" s="6">
        <v>191</v>
      </c>
      <c r="Y409" s="6">
        <v>167</v>
      </c>
      <c r="Z409" s="6">
        <v>23</v>
      </c>
      <c r="AA409" s="10" t="s">
        <v>55</v>
      </c>
      <c r="AB409" s="6">
        <v>1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6</v>
      </c>
      <c r="I410" s="9" t="s">
        <v>54</v>
      </c>
      <c r="J410" s="9" t="s">
        <v>38</v>
      </c>
      <c r="K410" s="6">
        <v>208</v>
      </c>
      <c r="L410" s="6">
        <v>188</v>
      </c>
      <c r="M410" s="6">
        <v>183</v>
      </c>
      <c r="N410" s="6">
        <v>153</v>
      </c>
      <c r="O410" s="6">
        <v>29</v>
      </c>
      <c r="P410" s="10" t="s">
        <v>55</v>
      </c>
      <c r="Q410" s="6">
        <v>1</v>
      </c>
      <c r="R410" s="6">
        <v>5</v>
      </c>
      <c r="S410" s="6">
        <v>16</v>
      </c>
      <c r="T410" s="6">
        <v>12</v>
      </c>
      <c r="U410" s="10" t="s">
        <v>55</v>
      </c>
      <c r="V410" s="6">
        <v>4</v>
      </c>
      <c r="W410" s="6">
        <v>4</v>
      </c>
      <c r="X410" s="6">
        <v>155</v>
      </c>
      <c r="Y410" s="6">
        <v>129</v>
      </c>
      <c r="Z410" s="6">
        <v>25</v>
      </c>
      <c r="AA410" s="10" t="s">
        <v>55</v>
      </c>
      <c r="AB410" s="6">
        <v>1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6</v>
      </c>
      <c r="I411" s="9" t="s">
        <v>54</v>
      </c>
      <c r="J411" s="9" t="s">
        <v>39</v>
      </c>
      <c r="K411" s="6">
        <v>228</v>
      </c>
      <c r="L411" s="6">
        <v>191</v>
      </c>
      <c r="M411" s="6">
        <v>184</v>
      </c>
      <c r="N411" s="6">
        <v>149</v>
      </c>
      <c r="O411" s="6">
        <v>33</v>
      </c>
      <c r="P411" s="10" t="s">
        <v>55</v>
      </c>
      <c r="Q411" s="6">
        <v>2</v>
      </c>
      <c r="R411" s="6">
        <v>7</v>
      </c>
      <c r="S411" s="6">
        <v>31</v>
      </c>
      <c r="T411" s="6">
        <v>25</v>
      </c>
      <c r="U411" s="10" t="s">
        <v>55</v>
      </c>
      <c r="V411" s="6">
        <v>6</v>
      </c>
      <c r="W411" s="6">
        <v>6</v>
      </c>
      <c r="X411" s="6">
        <v>144</v>
      </c>
      <c r="Y411" s="6">
        <v>118</v>
      </c>
      <c r="Z411" s="6">
        <v>24</v>
      </c>
      <c r="AA411" s="10" t="s">
        <v>55</v>
      </c>
      <c r="AB411" s="6">
        <v>2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6</v>
      </c>
      <c r="I412" s="9" t="s">
        <v>54</v>
      </c>
      <c r="J412" s="9" t="s">
        <v>40</v>
      </c>
      <c r="K412" s="6">
        <v>254</v>
      </c>
      <c r="L412" s="6">
        <v>180</v>
      </c>
      <c r="M412" s="6">
        <v>175</v>
      </c>
      <c r="N412" s="6">
        <v>137</v>
      </c>
      <c r="O412" s="6">
        <v>36</v>
      </c>
      <c r="P412" s="10" t="s">
        <v>55</v>
      </c>
      <c r="Q412" s="6">
        <v>2</v>
      </c>
      <c r="R412" s="6">
        <v>5</v>
      </c>
      <c r="S412" s="6">
        <v>74</v>
      </c>
      <c r="T412" s="6">
        <v>62</v>
      </c>
      <c r="U412" s="10" t="s">
        <v>55</v>
      </c>
      <c r="V412" s="6">
        <v>12</v>
      </c>
      <c r="W412" s="10" t="s">
        <v>55</v>
      </c>
      <c r="X412" s="6">
        <v>118</v>
      </c>
      <c r="Y412" s="6">
        <v>95</v>
      </c>
      <c r="Z412" s="6">
        <v>21</v>
      </c>
      <c r="AA412" s="10" t="s">
        <v>55</v>
      </c>
      <c r="AB412" s="6">
        <v>2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6</v>
      </c>
      <c r="I413" s="9" t="s">
        <v>54</v>
      </c>
      <c r="J413" s="9" t="s">
        <v>41</v>
      </c>
      <c r="K413" s="6">
        <v>266</v>
      </c>
      <c r="L413" s="6">
        <v>126</v>
      </c>
      <c r="M413" s="6">
        <v>126</v>
      </c>
      <c r="N413" s="6">
        <v>72</v>
      </c>
      <c r="O413" s="6">
        <v>52</v>
      </c>
      <c r="P413" s="10" t="s">
        <v>55</v>
      </c>
      <c r="Q413" s="6">
        <v>2</v>
      </c>
      <c r="R413" s="10" t="s">
        <v>55</v>
      </c>
      <c r="S413" s="6">
        <v>132</v>
      </c>
      <c r="T413" s="6">
        <v>79</v>
      </c>
      <c r="U413" s="10" t="s">
        <v>55</v>
      </c>
      <c r="V413" s="6">
        <v>53</v>
      </c>
      <c r="W413" s="6">
        <v>8</v>
      </c>
      <c r="X413" s="6">
        <v>74</v>
      </c>
      <c r="Y413" s="6">
        <v>39</v>
      </c>
      <c r="Z413" s="6">
        <v>33</v>
      </c>
      <c r="AA413" s="10" t="s">
        <v>55</v>
      </c>
      <c r="AB413" s="6">
        <v>2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6</v>
      </c>
      <c r="I414" s="9" t="s">
        <v>54</v>
      </c>
      <c r="J414" s="9" t="s">
        <v>42</v>
      </c>
      <c r="K414" s="6">
        <v>247</v>
      </c>
      <c r="L414" s="6">
        <v>77</v>
      </c>
      <c r="M414" s="6">
        <v>74</v>
      </c>
      <c r="N414" s="6">
        <v>47</v>
      </c>
      <c r="O414" s="6">
        <v>26</v>
      </c>
      <c r="P414" s="10" t="s">
        <v>55</v>
      </c>
      <c r="Q414" s="6">
        <v>1</v>
      </c>
      <c r="R414" s="6">
        <v>3</v>
      </c>
      <c r="S414" s="6">
        <v>168</v>
      </c>
      <c r="T414" s="6">
        <v>79</v>
      </c>
      <c r="U414" s="10" t="s">
        <v>55</v>
      </c>
      <c r="V414" s="6">
        <v>89</v>
      </c>
      <c r="W414" s="6">
        <v>2</v>
      </c>
      <c r="X414" s="6">
        <v>30</v>
      </c>
      <c r="Y414" s="6">
        <v>21</v>
      </c>
      <c r="Z414" s="6">
        <v>8</v>
      </c>
      <c r="AA414" s="10" t="s">
        <v>55</v>
      </c>
      <c r="AB414" s="6">
        <v>1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6</v>
      </c>
      <c r="I415" s="9" t="s">
        <v>54</v>
      </c>
      <c r="J415" s="9" t="s">
        <v>43</v>
      </c>
      <c r="K415" s="6">
        <v>239</v>
      </c>
      <c r="L415" s="6">
        <v>33</v>
      </c>
      <c r="M415" s="6">
        <v>33</v>
      </c>
      <c r="N415" s="6">
        <v>16</v>
      </c>
      <c r="O415" s="6">
        <v>16</v>
      </c>
      <c r="P415" s="10" t="s">
        <v>55</v>
      </c>
      <c r="Q415" s="6">
        <v>1</v>
      </c>
      <c r="R415" s="10" t="s">
        <v>55</v>
      </c>
      <c r="S415" s="6">
        <v>202</v>
      </c>
      <c r="T415" s="6">
        <v>66</v>
      </c>
      <c r="U415" s="6">
        <v>1</v>
      </c>
      <c r="V415" s="6">
        <v>135</v>
      </c>
      <c r="W415" s="6">
        <v>4</v>
      </c>
      <c r="X415" s="6">
        <v>11</v>
      </c>
      <c r="Y415" s="6">
        <v>5</v>
      </c>
      <c r="Z415" s="6">
        <v>5</v>
      </c>
      <c r="AA415" s="10" t="s">
        <v>55</v>
      </c>
      <c r="AB415" s="6">
        <v>1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6</v>
      </c>
      <c r="I416" s="9" t="s">
        <v>54</v>
      </c>
      <c r="J416" s="9" t="s">
        <v>44</v>
      </c>
      <c r="K416" s="6">
        <v>210</v>
      </c>
      <c r="L416" s="6">
        <v>15</v>
      </c>
      <c r="M416" s="6">
        <v>15</v>
      </c>
      <c r="N416" s="6">
        <v>7</v>
      </c>
      <c r="O416" s="6">
        <v>8</v>
      </c>
      <c r="P416" s="10" t="s">
        <v>55</v>
      </c>
      <c r="Q416" s="10" t="s">
        <v>55</v>
      </c>
      <c r="R416" s="10" t="s">
        <v>55</v>
      </c>
      <c r="S416" s="6">
        <v>187</v>
      </c>
      <c r="T416" s="6">
        <v>46</v>
      </c>
      <c r="U416" s="10" t="s">
        <v>55</v>
      </c>
      <c r="V416" s="6">
        <v>141</v>
      </c>
      <c r="W416" s="6">
        <v>8</v>
      </c>
      <c r="X416" s="6">
        <v>2</v>
      </c>
      <c r="Y416" s="6">
        <v>2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6</v>
      </c>
      <c r="I417" s="9" t="s">
        <v>54</v>
      </c>
      <c r="J417" s="9" t="s">
        <v>45</v>
      </c>
      <c r="K417" s="6">
        <v>174</v>
      </c>
      <c r="L417" s="6">
        <v>1</v>
      </c>
      <c r="M417" s="6">
        <v>1</v>
      </c>
      <c r="N417" s="10" t="s">
        <v>55</v>
      </c>
      <c r="O417" s="6">
        <v>1</v>
      </c>
      <c r="P417" s="10" t="s">
        <v>55</v>
      </c>
      <c r="Q417" s="10" t="s">
        <v>55</v>
      </c>
      <c r="R417" s="10" t="s">
        <v>55</v>
      </c>
      <c r="S417" s="6">
        <v>171</v>
      </c>
      <c r="T417" s="6">
        <v>30</v>
      </c>
      <c r="U417" s="10" t="s">
        <v>55</v>
      </c>
      <c r="V417" s="6">
        <v>141</v>
      </c>
      <c r="W417" s="6">
        <v>2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6</v>
      </c>
      <c r="I418" s="9" t="s">
        <v>54</v>
      </c>
      <c r="J418" s="9" t="s">
        <v>46</v>
      </c>
      <c r="K418" s="6">
        <v>101</v>
      </c>
      <c r="L418" s="6">
        <v>1</v>
      </c>
      <c r="M418" s="6">
        <v>1</v>
      </c>
      <c r="N418" s="6">
        <v>1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6">
        <v>98</v>
      </c>
      <c r="T418" s="6">
        <v>6</v>
      </c>
      <c r="U418" s="10" t="s">
        <v>55</v>
      </c>
      <c r="V418" s="6">
        <v>92</v>
      </c>
      <c r="W418" s="6">
        <v>2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6</v>
      </c>
      <c r="I419" s="9" t="s">
        <v>54</v>
      </c>
      <c r="J419" s="9" t="s">
        <v>47</v>
      </c>
      <c r="K419" s="6">
        <v>50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6">
        <v>50</v>
      </c>
      <c r="T419" s="6">
        <v>2</v>
      </c>
      <c r="U419" s="10" t="s">
        <v>55</v>
      </c>
      <c r="V419" s="6">
        <v>48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6</v>
      </c>
      <c r="I420" s="9" t="s">
        <v>54</v>
      </c>
      <c r="J420" s="9" t="s">
        <v>48</v>
      </c>
      <c r="K420" s="6">
        <v>1992</v>
      </c>
      <c r="L420" s="6">
        <v>1513</v>
      </c>
      <c r="M420" s="6">
        <v>1460</v>
      </c>
      <c r="N420" s="6">
        <v>1217</v>
      </c>
      <c r="O420" s="6">
        <v>203</v>
      </c>
      <c r="P420" s="6">
        <v>12</v>
      </c>
      <c r="Q420" s="6">
        <v>28</v>
      </c>
      <c r="R420" s="6">
        <v>53</v>
      </c>
      <c r="S420" s="6">
        <v>400</v>
      </c>
      <c r="T420" s="6">
        <v>194</v>
      </c>
      <c r="U420" s="6">
        <v>173</v>
      </c>
      <c r="V420" s="6">
        <v>33</v>
      </c>
      <c r="W420" s="6">
        <v>79</v>
      </c>
      <c r="X420" s="6">
        <v>1277</v>
      </c>
      <c r="Y420" s="6">
        <v>1077</v>
      </c>
      <c r="Z420" s="6">
        <v>160</v>
      </c>
      <c r="AA420" s="6">
        <v>12</v>
      </c>
      <c r="AB420" s="6">
        <v>28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6</v>
      </c>
      <c r="I421" s="9" t="s">
        <v>54</v>
      </c>
      <c r="J421" s="9" t="s">
        <v>49</v>
      </c>
      <c r="K421" s="6">
        <v>1287</v>
      </c>
      <c r="L421" s="6">
        <v>253</v>
      </c>
      <c r="M421" s="6">
        <v>250</v>
      </c>
      <c r="N421" s="6">
        <v>143</v>
      </c>
      <c r="O421" s="6">
        <v>103</v>
      </c>
      <c r="P421" s="10" t="s">
        <v>55</v>
      </c>
      <c r="Q421" s="6">
        <v>4</v>
      </c>
      <c r="R421" s="6">
        <v>3</v>
      </c>
      <c r="S421" s="6">
        <v>1008</v>
      </c>
      <c r="T421" s="6">
        <v>308</v>
      </c>
      <c r="U421" s="6">
        <v>1</v>
      </c>
      <c r="V421" s="6">
        <v>699</v>
      </c>
      <c r="W421" s="6">
        <v>26</v>
      </c>
      <c r="X421" s="6">
        <v>117</v>
      </c>
      <c r="Y421" s="6">
        <v>67</v>
      </c>
      <c r="Z421" s="6">
        <v>46</v>
      </c>
      <c r="AA421" s="10" t="s">
        <v>55</v>
      </c>
      <c r="AB421" s="6">
        <v>4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6</v>
      </c>
      <c r="I422" s="9" t="s">
        <v>54</v>
      </c>
      <c r="J422" s="9" t="s">
        <v>50</v>
      </c>
      <c r="K422" s="6">
        <v>774</v>
      </c>
      <c r="L422" s="6">
        <v>50</v>
      </c>
      <c r="M422" s="6">
        <v>50</v>
      </c>
      <c r="N422" s="6">
        <v>24</v>
      </c>
      <c r="O422" s="6">
        <v>25</v>
      </c>
      <c r="P422" s="10" t="s">
        <v>55</v>
      </c>
      <c r="Q422" s="6">
        <v>1</v>
      </c>
      <c r="R422" s="10" t="s">
        <v>55</v>
      </c>
      <c r="S422" s="6">
        <v>708</v>
      </c>
      <c r="T422" s="6">
        <v>150</v>
      </c>
      <c r="U422" s="6">
        <v>1</v>
      </c>
      <c r="V422" s="6">
        <v>557</v>
      </c>
      <c r="W422" s="6">
        <v>16</v>
      </c>
      <c r="X422" s="6">
        <v>13</v>
      </c>
      <c r="Y422" s="6">
        <v>7</v>
      </c>
      <c r="Z422" s="6">
        <v>5</v>
      </c>
      <c r="AA422" s="10" t="s">
        <v>55</v>
      </c>
      <c r="AB422" s="6">
        <v>1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6</v>
      </c>
      <c r="I423" s="9" t="s">
        <v>54</v>
      </c>
      <c r="J423" s="9" t="s">
        <v>51</v>
      </c>
      <c r="K423" s="6">
        <v>325</v>
      </c>
      <c r="L423" s="6">
        <v>2</v>
      </c>
      <c r="M423" s="6">
        <v>2</v>
      </c>
      <c r="N423" s="6">
        <v>1</v>
      </c>
      <c r="O423" s="6">
        <v>1</v>
      </c>
      <c r="P423" s="10" t="s">
        <v>55</v>
      </c>
      <c r="Q423" s="10" t="s">
        <v>55</v>
      </c>
      <c r="R423" s="10" t="s">
        <v>55</v>
      </c>
      <c r="S423" s="6">
        <v>319</v>
      </c>
      <c r="T423" s="6">
        <v>38</v>
      </c>
      <c r="U423" s="10" t="s">
        <v>55</v>
      </c>
      <c r="V423" s="6">
        <v>281</v>
      </c>
      <c r="W423" s="6">
        <v>4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6</v>
      </c>
      <c r="I424" s="9" t="s">
        <v>54</v>
      </c>
      <c r="J424" s="9" t="s">
        <v>52</v>
      </c>
      <c r="K424" s="6">
        <v>2085</v>
      </c>
      <c r="L424" s="6">
        <v>1623</v>
      </c>
      <c r="M424" s="6">
        <v>1570</v>
      </c>
      <c r="N424" s="6">
        <v>1279</v>
      </c>
      <c r="O424" s="6">
        <v>255</v>
      </c>
      <c r="P424" s="6">
        <v>7</v>
      </c>
      <c r="Q424" s="6">
        <v>29</v>
      </c>
      <c r="R424" s="6">
        <v>53</v>
      </c>
      <c r="S424" s="6">
        <v>383</v>
      </c>
      <c r="T424" s="6">
        <v>273</v>
      </c>
      <c r="U424" s="6">
        <v>24</v>
      </c>
      <c r="V424" s="6">
        <v>86</v>
      </c>
      <c r="W424" s="6">
        <v>79</v>
      </c>
      <c r="X424" s="6">
        <v>1335</v>
      </c>
      <c r="Y424" s="6">
        <v>1106</v>
      </c>
      <c r="Z424" s="6">
        <v>193</v>
      </c>
      <c r="AA424" s="6">
        <v>7</v>
      </c>
      <c r="AB424" s="6">
        <v>29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6</v>
      </c>
      <c r="I425" s="9" t="s">
        <v>6</v>
      </c>
      <c r="J425" s="9" t="s">
        <v>30</v>
      </c>
      <c r="K425" s="6">
        <v>11779</v>
      </c>
      <c r="L425" s="6">
        <v>6952</v>
      </c>
      <c r="M425" s="6">
        <v>6671</v>
      </c>
      <c r="N425" s="6">
        <v>5877</v>
      </c>
      <c r="O425" s="6">
        <v>630</v>
      </c>
      <c r="P425" s="6">
        <v>27</v>
      </c>
      <c r="Q425" s="6">
        <v>137</v>
      </c>
      <c r="R425" s="6">
        <v>281</v>
      </c>
      <c r="S425" s="6">
        <v>4446</v>
      </c>
      <c r="T425" s="6">
        <v>1212</v>
      </c>
      <c r="U425" s="6">
        <v>457</v>
      </c>
      <c r="V425" s="6">
        <v>2777</v>
      </c>
      <c r="W425" s="6">
        <v>381</v>
      </c>
      <c r="X425" s="6">
        <v>4862</v>
      </c>
      <c r="Y425" s="6">
        <v>4372</v>
      </c>
      <c r="Z425" s="6">
        <v>355</v>
      </c>
      <c r="AA425" s="6">
        <v>27</v>
      </c>
      <c r="AB425" s="6">
        <v>108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6</v>
      </c>
      <c r="I426" s="9" t="s">
        <v>6</v>
      </c>
      <c r="J426" s="9" t="s">
        <v>31</v>
      </c>
      <c r="K426" s="6">
        <v>508</v>
      </c>
      <c r="L426" s="6">
        <v>62</v>
      </c>
      <c r="M426" s="6">
        <v>55</v>
      </c>
      <c r="N426" s="6">
        <v>42</v>
      </c>
      <c r="O426" s="10" t="s">
        <v>55</v>
      </c>
      <c r="P426" s="6">
        <v>13</v>
      </c>
      <c r="Q426" s="10" t="s">
        <v>55</v>
      </c>
      <c r="R426" s="6">
        <v>7</v>
      </c>
      <c r="S426" s="6">
        <v>417</v>
      </c>
      <c r="T426" s="6">
        <v>3</v>
      </c>
      <c r="U426" s="6">
        <v>411</v>
      </c>
      <c r="V426" s="6">
        <v>3</v>
      </c>
      <c r="W426" s="6">
        <v>29</v>
      </c>
      <c r="X426" s="6">
        <v>52</v>
      </c>
      <c r="Y426" s="6">
        <v>39</v>
      </c>
      <c r="Z426" s="10" t="s">
        <v>55</v>
      </c>
      <c r="AA426" s="6">
        <v>13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6</v>
      </c>
      <c r="I427" s="9" t="s">
        <v>6</v>
      </c>
      <c r="J427" s="9" t="s">
        <v>32</v>
      </c>
      <c r="K427" s="6">
        <v>472</v>
      </c>
      <c r="L427" s="6">
        <v>387</v>
      </c>
      <c r="M427" s="6">
        <v>357</v>
      </c>
      <c r="N427" s="6">
        <v>334</v>
      </c>
      <c r="O427" s="6">
        <v>8</v>
      </c>
      <c r="P427" s="6">
        <v>10</v>
      </c>
      <c r="Q427" s="6">
        <v>5</v>
      </c>
      <c r="R427" s="6">
        <v>30</v>
      </c>
      <c r="S427" s="6">
        <v>57</v>
      </c>
      <c r="T427" s="6">
        <v>9</v>
      </c>
      <c r="U427" s="6">
        <v>45</v>
      </c>
      <c r="V427" s="6">
        <v>3</v>
      </c>
      <c r="W427" s="6">
        <v>28</v>
      </c>
      <c r="X427" s="6">
        <v>335</v>
      </c>
      <c r="Y427" s="6">
        <v>313</v>
      </c>
      <c r="Z427" s="6">
        <v>7</v>
      </c>
      <c r="AA427" s="6">
        <v>10</v>
      </c>
      <c r="AB427" s="6">
        <v>5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6</v>
      </c>
      <c r="I428" s="9" t="s">
        <v>6</v>
      </c>
      <c r="J428" s="9" t="s">
        <v>33</v>
      </c>
      <c r="K428" s="6">
        <v>474</v>
      </c>
      <c r="L428" s="6">
        <v>422</v>
      </c>
      <c r="M428" s="6">
        <v>405</v>
      </c>
      <c r="N428" s="6">
        <v>385</v>
      </c>
      <c r="O428" s="6">
        <v>11</v>
      </c>
      <c r="P428" s="6">
        <v>1</v>
      </c>
      <c r="Q428" s="6">
        <v>8</v>
      </c>
      <c r="R428" s="6">
        <v>17</v>
      </c>
      <c r="S428" s="6">
        <v>27</v>
      </c>
      <c r="T428" s="6">
        <v>20</v>
      </c>
      <c r="U428" s="6">
        <v>1</v>
      </c>
      <c r="V428" s="6">
        <v>6</v>
      </c>
      <c r="W428" s="6">
        <v>25</v>
      </c>
      <c r="X428" s="6">
        <v>368</v>
      </c>
      <c r="Y428" s="6">
        <v>350</v>
      </c>
      <c r="Z428" s="6">
        <v>9</v>
      </c>
      <c r="AA428" s="6">
        <v>1</v>
      </c>
      <c r="AB428" s="6">
        <v>8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6</v>
      </c>
      <c r="I429" s="9" t="s">
        <v>6</v>
      </c>
      <c r="J429" s="9" t="s">
        <v>34</v>
      </c>
      <c r="K429" s="6">
        <v>586</v>
      </c>
      <c r="L429" s="6">
        <v>528</v>
      </c>
      <c r="M429" s="6">
        <v>506</v>
      </c>
      <c r="N429" s="6">
        <v>454</v>
      </c>
      <c r="O429" s="6">
        <v>37</v>
      </c>
      <c r="P429" s="10" t="s">
        <v>55</v>
      </c>
      <c r="Q429" s="6">
        <v>15</v>
      </c>
      <c r="R429" s="6">
        <v>22</v>
      </c>
      <c r="S429" s="6">
        <v>30</v>
      </c>
      <c r="T429" s="6">
        <v>20</v>
      </c>
      <c r="U429" s="10" t="s">
        <v>55</v>
      </c>
      <c r="V429" s="6">
        <v>10</v>
      </c>
      <c r="W429" s="6">
        <v>28</v>
      </c>
      <c r="X429" s="6">
        <v>442</v>
      </c>
      <c r="Y429" s="6">
        <v>402</v>
      </c>
      <c r="Z429" s="6">
        <v>25</v>
      </c>
      <c r="AA429" s="10" t="s">
        <v>55</v>
      </c>
      <c r="AB429" s="6">
        <v>15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6</v>
      </c>
      <c r="I430" s="9" t="s">
        <v>6</v>
      </c>
      <c r="J430" s="9" t="s">
        <v>35</v>
      </c>
      <c r="K430" s="6">
        <v>696</v>
      </c>
      <c r="L430" s="6">
        <v>622</v>
      </c>
      <c r="M430" s="6">
        <v>590</v>
      </c>
      <c r="N430" s="6">
        <v>533</v>
      </c>
      <c r="O430" s="6">
        <v>43</v>
      </c>
      <c r="P430" s="6">
        <v>3</v>
      </c>
      <c r="Q430" s="6">
        <v>11</v>
      </c>
      <c r="R430" s="6">
        <v>32</v>
      </c>
      <c r="S430" s="6">
        <v>31</v>
      </c>
      <c r="T430" s="6">
        <v>27</v>
      </c>
      <c r="U430" s="10" t="s">
        <v>55</v>
      </c>
      <c r="V430" s="6">
        <v>4</v>
      </c>
      <c r="W430" s="6">
        <v>43</v>
      </c>
      <c r="X430" s="6">
        <v>480</v>
      </c>
      <c r="Y430" s="6">
        <v>438</v>
      </c>
      <c r="Z430" s="6">
        <v>28</v>
      </c>
      <c r="AA430" s="6">
        <v>3</v>
      </c>
      <c r="AB430" s="6">
        <v>11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6</v>
      </c>
      <c r="I431" s="9" t="s">
        <v>6</v>
      </c>
      <c r="J431" s="9" t="s">
        <v>36</v>
      </c>
      <c r="K431" s="6">
        <v>780</v>
      </c>
      <c r="L431" s="6">
        <v>698</v>
      </c>
      <c r="M431" s="6">
        <v>679</v>
      </c>
      <c r="N431" s="6">
        <v>629</v>
      </c>
      <c r="O431" s="6">
        <v>41</v>
      </c>
      <c r="P431" s="10" t="s">
        <v>55</v>
      </c>
      <c r="Q431" s="6">
        <v>9</v>
      </c>
      <c r="R431" s="6">
        <v>19</v>
      </c>
      <c r="S431" s="6">
        <v>43</v>
      </c>
      <c r="T431" s="6">
        <v>29</v>
      </c>
      <c r="U431" s="10" t="s">
        <v>55</v>
      </c>
      <c r="V431" s="6">
        <v>14</v>
      </c>
      <c r="W431" s="6">
        <v>39</v>
      </c>
      <c r="X431" s="6">
        <v>570</v>
      </c>
      <c r="Y431" s="6">
        <v>530</v>
      </c>
      <c r="Z431" s="6">
        <v>31</v>
      </c>
      <c r="AA431" s="10" t="s">
        <v>55</v>
      </c>
      <c r="AB431" s="6">
        <v>9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6</v>
      </c>
      <c r="I432" s="9" t="s">
        <v>6</v>
      </c>
      <c r="J432" s="9" t="s">
        <v>37</v>
      </c>
      <c r="K432" s="6">
        <v>779</v>
      </c>
      <c r="L432" s="6">
        <v>693</v>
      </c>
      <c r="M432" s="6">
        <v>662</v>
      </c>
      <c r="N432" s="6">
        <v>625</v>
      </c>
      <c r="O432" s="6">
        <v>35</v>
      </c>
      <c r="P432" s="10" t="s">
        <v>55</v>
      </c>
      <c r="Q432" s="6">
        <v>2</v>
      </c>
      <c r="R432" s="6">
        <v>31</v>
      </c>
      <c r="S432" s="6">
        <v>56</v>
      </c>
      <c r="T432" s="6">
        <v>43</v>
      </c>
      <c r="U432" s="10" t="s">
        <v>55</v>
      </c>
      <c r="V432" s="6">
        <v>13</v>
      </c>
      <c r="W432" s="6">
        <v>30</v>
      </c>
      <c r="X432" s="6">
        <v>529</v>
      </c>
      <c r="Y432" s="6">
        <v>501</v>
      </c>
      <c r="Z432" s="6">
        <v>26</v>
      </c>
      <c r="AA432" s="10" t="s">
        <v>55</v>
      </c>
      <c r="AB432" s="6">
        <v>2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6</v>
      </c>
      <c r="I433" s="9" t="s">
        <v>6</v>
      </c>
      <c r="J433" s="9" t="s">
        <v>38</v>
      </c>
      <c r="K433" s="6">
        <v>785</v>
      </c>
      <c r="L433" s="6">
        <v>683</v>
      </c>
      <c r="M433" s="6">
        <v>660</v>
      </c>
      <c r="N433" s="6">
        <v>604</v>
      </c>
      <c r="O433" s="6">
        <v>49</v>
      </c>
      <c r="P433" s="10" t="s">
        <v>55</v>
      </c>
      <c r="Q433" s="6">
        <v>7</v>
      </c>
      <c r="R433" s="6">
        <v>23</v>
      </c>
      <c r="S433" s="6">
        <v>78</v>
      </c>
      <c r="T433" s="6">
        <v>63</v>
      </c>
      <c r="U433" s="10" t="s">
        <v>55</v>
      </c>
      <c r="V433" s="6">
        <v>15</v>
      </c>
      <c r="W433" s="6">
        <v>24</v>
      </c>
      <c r="X433" s="6">
        <v>503</v>
      </c>
      <c r="Y433" s="6">
        <v>461</v>
      </c>
      <c r="Z433" s="6">
        <v>37</v>
      </c>
      <c r="AA433" s="10" t="s">
        <v>55</v>
      </c>
      <c r="AB433" s="6">
        <v>5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6</v>
      </c>
      <c r="I434" s="9" t="s">
        <v>6</v>
      </c>
      <c r="J434" s="9" t="s">
        <v>39</v>
      </c>
      <c r="K434" s="6">
        <v>893</v>
      </c>
      <c r="L434" s="6">
        <v>779</v>
      </c>
      <c r="M434" s="6">
        <v>751</v>
      </c>
      <c r="N434" s="6">
        <v>679</v>
      </c>
      <c r="O434" s="6">
        <v>65</v>
      </c>
      <c r="P434" s="10" t="s">
        <v>55</v>
      </c>
      <c r="Q434" s="6">
        <v>7</v>
      </c>
      <c r="R434" s="6">
        <v>28</v>
      </c>
      <c r="S434" s="6">
        <v>92</v>
      </c>
      <c r="T434" s="6">
        <v>77</v>
      </c>
      <c r="U434" s="10" t="s">
        <v>55</v>
      </c>
      <c r="V434" s="6">
        <v>15</v>
      </c>
      <c r="W434" s="6">
        <v>22</v>
      </c>
      <c r="X434" s="6">
        <v>553</v>
      </c>
      <c r="Y434" s="6">
        <v>509</v>
      </c>
      <c r="Z434" s="6">
        <v>39</v>
      </c>
      <c r="AA434" s="10" t="s">
        <v>55</v>
      </c>
      <c r="AB434" s="6">
        <v>5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6</v>
      </c>
      <c r="I435" s="9" t="s">
        <v>6</v>
      </c>
      <c r="J435" s="9" t="s">
        <v>40</v>
      </c>
      <c r="K435" s="6">
        <v>997</v>
      </c>
      <c r="L435" s="6">
        <v>774</v>
      </c>
      <c r="M435" s="6">
        <v>740</v>
      </c>
      <c r="N435" s="6">
        <v>625</v>
      </c>
      <c r="O435" s="6">
        <v>89</v>
      </c>
      <c r="P435" s="10" t="s">
        <v>55</v>
      </c>
      <c r="Q435" s="6">
        <v>26</v>
      </c>
      <c r="R435" s="6">
        <v>34</v>
      </c>
      <c r="S435" s="6">
        <v>198</v>
      </c>
      <c r="T435" s="6">
        <v>114</v>
      </c>
      <c r="U435" s="10" t="s">
        <v>55</v>
      </c>
      <c r="V435" s="6">
        <v>84</v>
      </c>
      <c r="W435" s="6">
        <v>25</v>
      </c>
      <c r="X435" s="6">
        <v>483</v>
      </c>
      <c r="Y435" s="6">
        <v>410</v>
      </c>
      <c r="Z435" s="6">
        <v>54</v>
      </c>
      <c r="AA435" s="10" t="s">
        <v>55</v>
      </c>
      <c r="AB435" s="6">
        <v>19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6</v>
      </c>
      <c r="I436" s="9" t="s">
        <v>6</v>
      </c>
      <c r="J436" s="9" t="s">
        <v>41</v>
      </c>
      <c r="K436" s="6">
        <v>1082</v>
      </c>
      <c r="L436" s="6">
        <v>609</v>
      </c>
      <c r="M436" s="6">
        <v>587</v>
      </c>
      <c r="N436" s="6">
        <v>476</v>
      </c>
      <c r="O436" s="6">
        <v>91</v>
      </c>
      <c r="P436" s="10" t="s">
        <v>55</v>
      </c>
      <c r="Q436" s="6">
        <v>20</v>
      </c>
      <c r="R436" s="6">
        <v>22</v>
      </c>
      <c r="S436" s="6">
        <v>452</v>
      </c>
      <c r="T436" s="6">
        <v>192</v>
      </c>
      <c r="U436" s="10" t="s">
        <v>55</v>
      </c>
      <c r="V436" s="6">
        <v>260</v>
      </c>
      <c r="W436" s="6">
        <v>21</v>
      </c>
      <c r="X436" s="6">
        <v>317</v>
      </c>
      <c r="Y436" s="6">
        <v>249</v>
      </c>
      <c r="Z436" s="6">
        <v>52</v>
      </c>
      <c r="AA436" s="10" t="s">
        <v>55</v>
      </c>
      <c r="AB436" s="6">
        <v>16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6</v>
      </c>
      <c r="I437" s="9" t="s">
        <v>6</v>
      </c>
      <c r="J437" s="9" t="s">
        <v>42</v>
      </c>
      <c r="K437" s="6">
        <v>1098</v>
      </c>
      <c r="L437" s="6">
        <v>418</v>
      </c>
      <c r="M437" s="6">
        <v>409</v>
      </c>
      <c r="N437" s="6">
        <v>315</v>
      </c>
      <c r="O437" s="6">
        <v>78</v>
      </c>
      <c r="P437" s="10" t="s">
        <v>55</v>
      </c>
      <c r="Q437" s="6">
        <v>16</v>
      </c>
      <c r="R437" s="6">
        <v>9</v>
      </c>
      <c r="S437" s="6">
        <v>660</v>
      </c>
      <c r="T437" s="6">
        <v>222</v>
      </c>
      <c r="U437" s="10" t="s">
        <v>55</v>
      </c>
      <c r="V437" s="6">
        <v>438</v>
      </c>
      <c r="W437" s="6">
        <v>20</v>
      </c>
      <c r="X437" s="6">
        <v>171</v>
      </c>
      <c r="Y437" s="6">
        <v>132</v>
      </c>
      <c r="Z437" s="6">
        <v>30</v>
      </c>
      <c r="AA437" s="10" t="s">
        <v>55</v>
      </c>
      <c r="AB437" s="6">
        <v>9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6</v>
      </c>
      <c r="I438" s="9" t="s">
        <v>6</v>
      </c>
      <c r="J438" s="9" t="s">
        <v>43</v>
      </c>
      <c r="K438" s="6">
        <v>880</v>
      </c>
      <c r="L438" s="6">
        <v>150</v>
      </c>
      <c r="M438" s="6">
        <v>145</v>
      </c>
      <c r="N438" s="6">
        <v>99</v>
      </c>
      <c r="O438" s="6">
        <v>41</v>
      </c>
      <c r="P438" s="10" t="s">
        <v>55</v>
      </c>
      <c r="Q438" s="6">
        <v>5</v>
      </c>
      <c r="R438" s="6">
        <v>5</v>
      </c>
      <c r="S438" s="6">
        <v>716</v>
      </c>
      <c r="T438" s="6">
        <v>193</v>
      </c>
      <c r="U438" s="10" t="s">
        <v>55</v>
      </c>
      <c r="V438" s="6">
        <v>523</v>
      </c>
      <c r="W438" s="6">
        <v>14</v>
      </c>
      <c r="X438" s="6">
        <v>36</v>
      </c>
      <c r="Y438" s="6">
        <v>23</v>
      </c>
      <c r="Z438" s="6">
        <v>11</v>
      </c>
      <c r="AA438" s="10" t="s">
        <v>55</v>
      </c>
      <c r="AB438" s="6">
        <v>2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6</v>
      </c>
      <c r="I439" s="9" t="s">
        <v>6</v>
      </c>
      <c r="J439" s="9" t="s">
        <v>44</v>
      </c>
      <c r="K439" s="6">
        <v>782</v>
      </c>
      <c r="L439" s="6">
        <v>91</v>
      </c>
      <c r="M439" s="6">
        <v>89</v>
      </c>
      <c r="N439" s="6">
        <v>56</v>
      </c>
      <c r="O439" s="6">
        <v>30</v>
      </c>
      <c r="P439" s="10" t="s">
        <v>55</v>
      </c>
      <c r="Q439" s="6">
        <v>3</v>
      </c>
      <c r="R439" s="6">
        <v>2</v>
      </c>
      <c r="S439" s="6">
        <v>674</v>
      </c>
      <c r="T439" s="6">
        <v>108</v>
      </c>
      <c r="U439" s="10" t="s">
        <v>55</v>
      </c>
      <c r="V439" s="6">
        <v>566</v>
      </c>
      <c r="W439" s="6">
        <v>17</v>
      </c>
      <c r="X439" s="6">
        <v>17</v>
      </c>
      <c r="Y439" s="6">
        <v>10</v>
      </c>
      <c r="Z439" s="6">
        <v>5</v>
      </c>
      <c r="AA439" s="10" t="s">
        <v>55</v>
      </c>
      <c r="AB439" s="6">
        <v>2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6</v>
      </c>
      <c r="I440" s="9" t="s">
        <v>6</v>
      </c>
      <c r="J440" s="9" t="s">
        <v>45</v>
      </c>
      <c r="K440" s="6">
        <v>618</v>
      </c>
      <c r="L440" s="6">
        <v>28</v>
      </c>
      <c r="M440" s="6">
        <v>28</v>
      </c>
      <c r="N440" s="6">
        <v>16</v>
      </c>
      <c r="O440" s="6">
        <v>10</v>
      </c>
      <c r="P440" s="10" t="s">
        <v>55</v>
      </c>
      <c r="Q440" s="6">
        <v>2</v>
      </c>
      <c r="R440" s="10" t="s">
        <v>55</v>
      </c>
      <c r="S440" s="6">
        <v>579</v>
      </c>
      <c r="T440" s="6">
        <v>72</v>
      </c>
      <c r="U440" s="10" t="s">
        <v>55</v>
      </c>
      <c r="V440" s="6">
        <v>507</v>
      </c>
      <c r="W440" s="6">
        <v>11</v>
      </c>
      <c r="X440" s="6">
        <v>3</v>
      </c>
      <c r="Y440" s="6">
        <v>2</v>
      </c>
      <c r="Z440" s="6">
        <v>1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6</v>
      </c>
      <c r="I441" s="9" t="s">
        <v>6</v>
      </c>
      <c r="J441" s="9" t="s">
        <v>46</v>
      </c>
      <c r="K441" s="6">
        <v>272</v>
      </c>
      <c r="L441" s="6">
        <v>8</v>
      </c>
      <c r="M441" s="6">
        <v>8</v>
      </c>
      <c r="N441" s="6">
        <v>5</v>
      </c>
      <c r="O441" s="6">
        <v>2</v>
      </c>
      <c r="P441" s="10" t="s">
        <v>55</v>
      </c>
      <c r="Q441" s="6">
        <v>1</v>
      </c>
      <c r="R441" s="10" t="s">
        <v>55</v>
      </c>
      <c r="S441" s="6">
        <v>259</v>
      </c>
      <c r="T441" s="6">
        <v>19</v>
      </c>
      <c r="U441" s="10" t="s">
        <v>55</v>
      </c>
      <c r="V441" s="6">
        <v>240</v>
      </c>
      <c r="W441" s="6">
        <v>5</v>
      </c>
      <c r="X441" s="6">
        <v>3</v>
      </c>
      <c r="Y441" s="6">
        <v>3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6</v>
      </c>
      <c r="I442" s="9" t="s">
        <v>6</v>
      </c>
      <c r="J442" s="9" t="s">
        <v>47</v>
      </c>
      <c r="K442" s="6">
        <v>77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6">
        <v>77</v>
      </c>
      <c r="T442" s="6">
        <v>1</v>
      </c>
      <c r="U442" s="10" t="s">
        <v>55</v>
      </c>
      <c r="V442" s="6">
        <v>76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6</v>
      </c>
      <c r="I443" s="9" t="s">
        <v>6</v>
      </c>
      <c r="J443" s="9" t="s">
        <v>48</v>
      </c>
      <c r="K443" s="6">
        <v>6970</v>
      </c>
      <c r="L443" s="6">
        <v>5648</v>
      </c>
      <c r="M443" s="6">
        <v>5405</v>
      </c>
      <c r="N443" s="6">
        <v>4910</v>
      </c>
      <c r="O443" s="6">
        <v>378</v>
      </c>
      <c r="P443" s="6">
        <v>27</v>
      </c>
      <c r="Q443" s="6">
        <v>90</v>
      </c>
      <c r="R443" s="6">
        <v>243</v>
      </c>
      <c r="S443" s="6">
        <v>1029</v>
      </c>
      <c r="T443" s="6">
        <v>405</v>
      </c>
      <c r="U443" s="6">
        <v>457</v>
      </c>
      <c r="V443" s="6">
        <v>167</v>
      </c>
      <c r="W443" s="6">
        <v>293</v>
      </c>
      <c r="X443" s="6">
        <v>4315</v>
      </c>
      <c r="Y443" s="6">
        <v>3953</v>
      </c>
      <c r="Z443" s="6">
        <v>256</v>
      </c>
      <c r="AA443" s="6">
        <v>27</v>
      </c>
      <c r="AB443" s="6">
        <v>79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6</v>
      </c>
      <c r="I444" s="9" t="s">
        <v>6</v>
      </c>
      <c r="J444" s="9" t="s">
        <v>49</v>
      </c>
      <c r="K444" s="6">
        <v>4809</v>
      </c>
      <c r="L444" s="6">
        <v>1304</v>
      </c>
      <c r="M444" s="6">
        <v>1266</v>
      </c>
      <c r="N444" s="6">
        <v>967</v>
      </c>
      <c r="O444" s="6">
        <v>252</v>
      </c>
      <c r="P444" s="10" t="s">
        <v>55</v>
      </c>
      <c r="Q444" s="6">
        <v>47</v>
      </c>
      <c r="R444" s="6">
        <v>38</v>
      </c>
      <c r="S444" s="6">
        <v>3417</v>
      </c>
      <c r="T444" s="6">
        <v>807</v>
      </c>
      <c r="U444" s="10" t="s">
        <v>55</v>
      </c>
      <c r="V444" s="6">
        <v>2610</v>
      </c>
      <c r="W444" s="6">
        <v>88</v>
      </c>
      <c r="X444" s="6">
        <v>547</v>
      </c>
      <c r="Y444" s="6">
        <v>419</v>
      </c>
      <c r="Z444" s="6">
        <v>99</v>
      </c>
      <c r="AA444" s="10" t="s">
        <v>55</v>
      </c>
      <c r="AB444" s="6">
        <v>29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6</v>
      </c>
      <c r="I445" s="9" t="s">
        <v>6</v>
      </c>
      <c r="J445" s="9" t="s">
        <v>50</v>
      </c>
      <c r="K445" s="6">
        <v>2629</v>
      </c>
      <c r="L445" s="6">
        <v>277</v>
      </c>
      <c r="M445" s="6">
        <v>270</v>
      </c>
      <c r="N445" s="6">
        <v>176</v>
      </c>
      <c r="O445" s="6">
        <v>83</v>
      </c>
      <c r="P445" s="10" t="s">
        <v>55</v>
      </c>
      <c r="Q445" s="6">
        <v>11</v>
      </c>
      <c r="R445" s="6">
        <v>7</v>
      </c>
      <c r="S445" s="6">
        <v>2305</v>
      </c>
      <c r="T445" s="6">
        <v>393</v>
      </c>
      <c r="U445" s="10" t="s">
        <v>55</v>
      </c>
      <c r="V445" s="6">
        <v>1912</v>
      </c>
      <c r="W445" s="6">
        <v>47</v>
      </c>
      <c r="X445" s="6">
        <v>59</v>
      </c>
      <c r="Y445" s="6">
        <v>38</v>
      </c>
      <c r="Z445" s="6">
        <v>17</v>
      </c>
      <c r="AA445" s="10" t="s">
        <v>55</v>
      </c>
      <c r="AB445" s="6">
        <v>4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6</v>
      </c>
      <c r="I446" s="9" t="s">
        <v>6</v>
      </c>
      <c r="J446" s="9" t="s">
        <v>51</v>
      </c>
      <c r="K446" s="6">
        <v>967</v>
      </c>
      <c r="L446" s="6">
        <v>36</v>
      </c>
      <c r="M446" s="6">
        <v>36</v>
      </c>
      <c r="N446" s="6">
        <v>21</v>
      </c>
      <c r="O446" s="6">
        <v>12</v>
      </c>
      <c r="P446" s="10" t="s">
        <v>55</v>
      </c>
      <c r="Q446" s="6">
        <v>3</v>
      </c>
      <c r="R446" s="10" t="s">
        <v>55</v>
      </c>
      <c r="S446" s="6">
        <v>915</v>
      </c>
      <c r="T446" s="6">
        <v>92</v>
      </c>
      <c r="U446" s="10" t="s">
        <v>55</v>
      </c>
      <c r="V446" s="6">
        <v>823</v>
      </c>
      <c r="W446" s="6">
        <v>16</v>
      </c>
      <c r="X446" s="6">
        <v>6</v>
      </c>
      <c r="Y446" s="6">
        <v>5</v>
      </c>
      <c r="Z446" s="6">
        <v>1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6</v>
      </c>
      <c r="I447" s="9" t="s">
        <v>6</v>
      </c>
      <c r="J447" s="9" t="s">
        <v>52</v>
      </c>
      <c r="K447" s="6">
        <v>7544</v>
      </c>
      <c r="L447" s="6">
        <v>6195</v>
      </c>
      <c r="M447" s="6">
        <v>5937</v>
      </c>
      <c r="N447" s="6">
        <v>5344</v>
      </c>
      <c r="O447" s="6">
        <v>469</v>
      </c>
      <c r="P447" s="6">
        <v>14</v>
      </c>
      <c r="Q447" s="6">
        <v>110</v>
      </c>
      <c r="R447" s="6">
        <v>258</v>
      </c>
      <c r="S447" s="6">
        <v>1064</v>
      </c>
      <c r="T447" s="6">
        <v>594</v>
      </c>
      <c r="U447" s="6">
        <v>46</v>
      </c>
      <c r="V447" s="6">
        <v>424</v>
      </c>
      <c r="W447" s="6">
        <v>285</v>
      </c>
      <c r="X447" s="6">
        <v>4580</v>
      </c>
      <c r="Y447" s="6">
        <v>4163</v>
      </c>
      <c r="Z447" s="6">
        <v>308</v>
      </c>
      <c r="AA447" s="6">
        <v>14</v>
      </c>
      <c r="AB447" s="6">
        <v>95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6</v>
      </c>
      <c r="I448" s="9" t="s">
        <v>53</v>
      </c>
      <c r="J448" s="9" t="s">
        <v>30</v>
      </c>
      <c r="K448" s="6">
        <v>5341</v>
      </c>
      <c r="L448" s="6">
        <v>3501</v>
      </c>
      <c r="M448" s="6">
        <v>3310</v>
      </c>
      <c r="N448" s="6">
        <v>3179</v>
      </c>
      <c r="O448" s="6">
        <v>56</v>
      </c>
      <c r="P448" s="6">
        <v>11</v>
      </c>
      <c r="Q448" s="6">
        <v>64</v>
      </c>
      <c r="R448" s="6">
        <v>191</v>
      </c>
      <c r="S448" s="6">
        <v>1664</v>
      </c>
      <c r="T448" s="6">
        <v>148</v>
      </c>
      <c r="U448" s="6">
        <v>237</v>
      </c>
      <c r="V448" s="6">
        <v>1279</v>
      </c>
      <c r="W448" s="6">
        <v>176</v>
      </c>
      <c r="X448" s="6">
        <v>2259</v>
      </c>
      <c r="Y448" s="6">
        <v>2188</v>
      </c>
      <c r="Z448" s="6">
        <v>24</v>
      </c>
      <c r="AA448" s="6">
        <v>11</v>
      </c>
      <c r="AB448" s="6">
        <v>36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6</v>
      </c>
      <c r="I449" s="9" t="s">
        <v>53</v>
      </c>
      <c r="J449" s="9" t="s">
        <v>31</v>
      </c>
      <c r="K449" s="6">
        <v>270</v>
      </c>
      <c r="L449" s="6">
        <v>34</v>
      </c>
      <c r="M449" s="6">
        <v>29</v>
      </c>
      <c r="N449" s="6">
        <v>24</v>
      </c>
      <c r="O449" s="10" t="s">
        <v>55</v>
      </c>
      <c r="P449" s="6">
        <v>5</v>
      </c>
      <c r="Q449" s="10" t="s">
        <v>55</v>
      </c>
      <c r="R449" s="6">
        <v>5</v>
      </c>
      <c r="S449" s="6">
        <v>220</v>
      </c>
      <c r="T449" s="6">
        <v>1</v>
      </c>
      <c r="U449" s="6">
        <v>216</v>
      </c>
      <c r="V449" s="6">
        <v>3</v>
      </c>
      <c r="W449" s="6">
        <v>16</v>
      </c>
      <c r="X449" s="6">
        <v>27</v>
      </c>
      <c r="Y449" s="6">
        <v>22</v>
      </c>
      <c r="Z449" s="10" t="s">
        <v>55</v>
      </c>
      <c r="AA449" s="6">
        <v>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6</v>
      </c>
      <c r="I450" s="9" t="s">
        <v>53</v>
      </c>
      <c r="J450" s="9" t="s">
        <v>32</v>
      </c>
      <c r="K450" s="6">
        <v>204</v>
      </c>
      <c r="L450" s="6">
        <v>170</v>
      </c>
      <c r="M450" s="6">
        <v>154</v>
      </c>
      <c r="N450" s="6">
        <v>147</v>
      </c>
      <c r="O450" s="6">
        <v>2</v>
      </c>
      <c r="P450" s="6">
        <v>5</v>
      </c>
      <c r="Q450" s="10" t="s">
        <v>55</v>
      </c>
      <c r="R450" s="6">
        <v>16</v>
      </c>
      <c r="S450" s="6">
        <v>22</v>
      </c>
      <c r="T450" s="6">
        <v>1</v>
      </c>
      <c r="U450" s="6">
        <v>20</v>
      </c>
      <c r="V450" s="6">
        <v>1</v>
      </c>
      <c r="W450" s="6">
        <v>12</v>
      </c>
      <c r="X450" s="6">
        <v>138</v>
      </c>
      <c r="Y450" s="6">
        <v>132</v>
      </c>
      <c r="Z450" s="6">
        <v>1</v>
      </c>
      <c r="AA450" s="6">
        <v>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6</v>
      </c>
      <c r="I451" s="9" t="s">
        <v>53</v>
      </c>
      <c r="J451" s="9" t="s">
        <v>33</v>
      </c>
      <c r="K451" s="6">
        <v>225</v>
      </c>
      <c r="L451" s="6">
        <v>208</v>
      </c>
      <c r="M451" s="6">
        <v>194</v>
      </c>
      <c r="N451" s="6">
        <v>192</v>
      </c>
      <c r="O451" s="6">
        <v>1</v>
      </c>
      <c r="P451" s="10" t="s">
        <v>55</v>
      </c>
      <c r="Q451" s="6">
        <v>1</v>
      </c>
      <c r="R451" s="6">
        <v>14</v>
      </c>
      <c r="S451" s="6">
        <v>5</v>
      </c>
      <c r="T451" s="10" t="s">
        <v>55</v>
      </c>
      <c r="U451" s="6">
        <v>1</v>
      </c>
      <c r="V451" s="6">
        <v>4</v>
      </c>
      <c r="W451" s="6">
        <v>12</v>
      </c>
      <c r="X451" s="6">
        <v>169</v>
      </c>
      <c r="Y451" s="6">
        <v>167</v>
      </c>
      <c r="Z451" s="6">
        <v>1</v>
      </c>
      <c r="AA451" s="10" t="s">
        <v>55</v>
      </c>
      <c r="AB451" s="6">
        <v>1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6</v>
      </c>
      <c r="I452" s="9" t="s">
        <v>53</v>
      </c>
      <c r="J452" s="9" t="s">
        <v>34</v>
      </c>
      <c r="K452" s="6">
        <v>261</v>
      </c>
      <c r="L452" s="6">
        <v>244</v>
      </c>
      <c r="M452" s="6">
        <v>234</v>
      </c>
      <c r="N452" s="6">
        <v>232</v>
      </c>
      <c r="O452" s="10" t="s">
        <v>55</v>
      </c>
      <c r="P452" s="10" t="s">
        <v>55</v>
      </c>
      <c r="Q452" s="6">
        <v>2</v>
      </c>
      <c r="R452" s="6">
        <v>10</v>
      </c>
      <c r="S452" s="6">
        <v>5</v>
      </c>
      <c r="T452" s="6">
        <v>1</v>
      </c>
      <c r="U452" s="10" t="s">
        <v>55</v>
      </c>
      <c r="V452" s="6">
        <v>4</v>
      </c>
      <c r="W452" s="6">
        <v>12</v>
      </c>
      <c r="X452" s="6">
        <v>196</v>
      </c>
      <c r="Y452" s="6">
        <v>194</v>
      </c>
      <c r="Z452" s="10" t="s">
        <v>55</v>
      </c>
      <c r="AA452" s="10" t="s">
        <v>55</v>
      </c>
      <c r="AB452" s="6">
        <v>2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6</v>
      </c>
      <c r="I453" s="9" t="s">
        <v>53</v>
      </c>
      <c r="J453" s="9" t="s">
        <v>35</v>
      </c>
      <c r="K453" s="6">
        <v>335</v>
      </c>
      <c r="L453" s="6">
        <v>306</v>
      </c>
      <c r="M453" s="6">
        <v>279</v>
      </c>
      <c r="N453" s="6">
        <v>276</v>
      </c>
      <c r="O453" s="6">
        <v>1</v>
      </c>
      <c r="P453" s="6">
        <v>1</v>
      </c>
      <c r="Q453" s="6">
        <v>1</v>
      </c>
      <c r="R453" s="6">
        <v>27</v>
      </c>
      <c r="S453" s="6">
        <v>6</v>
      </c>
      <c r="T453" s="6">
        <v>5</v>
      </c>
      <c r="U453" s="10" t="s">
        <v>55</v>
      </c>
      <c r="V453" s="6">
        <v>1</v>
      </c>
      <c r="W453" s="6">
        <v>23</v>
      </c>
      <c r="X453" s="6">
        <v>212</v>
      </c>
      <c r="Y453" s="6">
        <v>210</v>
      </c>
      <c r="Z453" s="10" t="s">
        <v>55</v>
      </c>
      <c r="AA453" s="6">
        <v>1</v>
      </c>
      <c r="AB453" s="6">
        <v>1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6</v>
      </c>
      <c r="I454" s="9" t="s">
        <v>53</v>
      </c>
      <c r="J454" s="9" t="s">
        <v>36</v>
      </c>
      <c r="K454" s="6">
        <v>377</v>
      </c>
      <c r="L454" s="6">
        <v>354</v>
      </c>
      <c r="M454" s="6">
        <v>339</v>
      </c>
      <c r="N454" s="6">
        <v>336</v>
      </c>
      <c r="O454" s="6">
        <v>1</v>
      </c>
      <c r="P454" s="10" t="s">
        <v>55</v>
      </c>
      <c r="Q454" s="6">
        <v>2</v>
      </c>
      <c r="R454" s="6">
        <v>15</v>
      </c>
      <c r="S454" s="6">
        <v>7</v>
      </c>
      <c r="T454" s="10" t="s">
        <v>55</v>
      </c>
      <c r="U454" s="10" t="s">
        <v>55</v>
      </c>
      <c r="V454" s="6">
        <v>7</v>
      </c>
      <c r="W454" s="6">
        <v>16</v>
      </c>
      <c r="X454" s="6">
        <v>266</v>
      </c>
      <c r="Y454" s="6">
        <v>263</v>
      </c>
      <c r="Z454" s="6">
        <v>1</v>
      </c>
      <c r="AA454" s="10" t="s">
        <v>55</v>
      </c>
      <c r="AB454" s="6">
        <v>2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6</v>
      </c>
      <c r="I455" s="9" t="s">
        <v>53</v>
      </c>
      <c r="J455" s="9" t="s">
        <v>37</v>
      </c>
      <c r="K455" s="6">
        <v>372</v>
      </c>
      <c r="L455" s="6">
        <v>337</v>
      </c>
      <c r="M455" s="6">
        <v>318</v>
      </c>
      <c r="N455" s="6">
        <v>317</v>
      </c>
      <c r="O455" s="10" t="s">
        <v>55</v>
      </c>
      <c r="P455" s="10" t="s">
        <v>55</v>
      </c>
      <c r="Q455" s="6">
        <v>1</v>
      </c>
      <c r="R455" s="6">
        <v>19</v>
      </c>
      <c r="S455" s="6">
        <v>18</v>
      </c>
      <c r="T455" s="6">
        <v>7</v>
      </c>
      <c r="U455" s="10" t="s">
        <v>55</v>
      </c>
      <c r="V455" s="6">
        <v>11</v>
      </c>
      <c r="W455" s="6">
        <v>17</v>
      </c>
      <c r="X455" s="6">
        <v>237</v>
      </c>
      <c r="Y455" s="6">
        <v>236</v>
      </c>
      <c r="Z455" s="10" t="s">
        <v>55</v>
      </c>
      <c r="AA455" s="10" t="s">
        <v>55</v>
      </c>
      <c r="AB455" s="6">
        <v>1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6</v>
      </c>
      <c r="I456" s="9" t="s">
        <v>53</v>
      </c>
      <c r="J456" s="9" t="s">
        <v>38</v>
      </c>
      <c r="K456" s="6">
        <v>394</v>
      </c>
      <c r="L456" s="6">
        <v>363</v>
      </c>
      <c r="M456" s="6">
        <v>345</v>
      </c>
      <c r="N456" s="6">
        <v>336</v>
      </c>
      <c r="O456" s="6">
        <v>4</v>
      </c>
      <c r="P456" s="10" t="s">
        <v>55</v>
      </c>
      <c r="Q456" s="6">
        <v>5</v>
      </c>
      <c r="R456" s="6">
        <v>18</v>
      </c>
      <c r="S456" s="6">
        <v>20</v>
      </c>
      <c r="T456" s="6">
        <v>9</v>
      </c>
      <c r="U456" s="10" t="s">
        <v>55</v>
      </c>
      <c r="V456" s="6">
        <v>11</v>
      </c>
      <c r="W456" s="6">
        <v>11</v>
      </c>
      <c r="X456" s="6">
        <v>256</v>
      </c>
      <c r="Y456" s="6">
        <v>251</v>
      </c>
      <c r="Z456" s="6">
        <v>2</v>
      </c>
      <c r="AA456" s="10" t="s">
        <v>55</v>
      </c>
      <c r="AB456" s="6">
        <v>3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6</v>
      </c>
      <c r="I457" s="9" t="s">
        <v>53</v>
      </c>
      <c r="J457" s="9" t="s">
        <v>39</v>
      </c>
      <c r="K457" s="6">
        <v>436</v>
      </c>
      <c r="L457" s="6">
        <v>404</v>
      </c>
      <c r="M457" s="6">
        <v>384</v>
      </c>
      <c r="N457" s="6">
        <v>373</v>
      </c>
      <c r="O457" s="6">
        <v>5</v>
      </c>
      <c r="P457" s="10" t="s">
        <v>55</v>
      </c>
      <c r="Q457" s="6">
        <v>6</v>
      </c>
      <c r="R457" s="6">
        <v>20</v>
      </c>
      <c r="S457" s="6">
        <v>21</v>
      </c>
      <c r="T457" s="6">
        <v>9</v>
      </c>
      <c r="U457" s="10" t="s">
        <v>55</v>
      </c>
      <c r="V457" s="6">
        <v>12</v>
      </c>
      <c r="W457" s="6">
        <v>11</v>
      </c>
      <c r="X457" s="6">
        <v>264</v>
      </c>
      <c r="Y457" s="6">
        <v>259</v>
      </c>
      <c r="Z457" s="6">
        <v>1</v>
      </c>
      <c r="AA457" s="10" t="s">
        <v>55</v>
      </c>
      <c r="AB457" s="6">
        <v>4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6</v>
      </c>
      <c r="I458" s="9" t="s">
        <v>53</v>
      </c>
      <c r="J458" s="9" t="s">
        <v>40</v>
      </c>
      <c r="K458" s="6">
        <v>478</v>
      </c>
      <c r="L458" s="6">
        <v>394</v>
      </c>
      <c r="M458" s="6">
        <v>376</v>
      </c>
      <c r="N458" s="6">
        <v>358</v>
      </c>
      <c r="O458" s="6">
        <v>2</v>
      </c>
      <c r="P458" s="10" t="s">
        <v>55</v>
      </c>
      <c r="Q458" s="6">
        <v>16</v>
      </c>
      <c r="R458" s="6">
        <v>18</v>
      </c>
      <c r="S458" s="6">
        <v>73</v>
      </c>
      <c r="T458" s="6">
        <v>13</v>
      </c>
      <c r="U458" s="10" t="s">
        <v>55</v>
      </c>
      <c r="V458" s="6">
        <v>60</v>
      </c>
      <c r="W458" s="6">
        <v>11</v>
      </c>
      <c r="X458" s="6">
        <v>239</v>
      </c>
      <c r="Y458" s="6">
        <v>229</v>
      </c>
      <c r="Z458" s="6">
        <v>1</v>
      </c>
      <c r="AA458" s="10" t="s">
        <v>55</v>
      </c>
      <c r="AB458" s="6">
        <v>9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6</v>
      </c>
      <c r="I459" s="9" t="s">
        <v>53</v>
      </c>
      <c r="J459" s="9" t="s">
        <v>41</v>
      </c>
      <c r="K459" s="6">
        <v>514</v>
      </c>
      <c r="L459" s="6">
        <v>316</v>
      </c>
      <c r="M459" s="6">
        <v>297</v>
      </c>
      <c r="N459" s="6">
        <v>274</v>
      </c>
      <c r="O459" s="6">
        <v>12</v>
      </c>
      <c r="P459" s="10" t="s">
        <v>55</v>
      </c>
      <c r="Q459" s="6">
        <v>11</v>
      </c>
      <c r="R459" s="6">
        <v>19</v>
      </c>
      <c r="S459" s="6">
        <v>184</v>
      </c>
      <c r="T459" s="6">
        <v>35</v>
      </c>
      <c r="U459" s="10" t="s">
        <v>55</v>
      </c>
      <c r="V459" s="6">
        <v>149</v>
      </c>
      <c r="W459" s="6">
        <v>14</v>
      </c>
      <c r="X459" s="6">
        <v>142</v>
      </c>
      <c r="Y459" s="6">
        <v>127</v>
      </c>
      <c r="Z459" s="6">
        <v>8</v>
      </c>
      <c r="AA459" s="10" t="s">
        <v>55</v>
      </c>
      <c r="AB459" s="6">
        <v>7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6</v>
      </c>
      <c r="I460" s="9" t="s">
        <v>53</v>
      </c>
      <c r="J460" s="9" t="s">
        <v>42</v>
      </c>
      <c r="K460" s="6">
        <v>513</v>
      </c>
      <c r="L460" s="6">
        <v>222</v>
      </c>
      <c r="M460" s="6">
        <v>217</v>
      </c>
      <c r="N460" s="6">
        <v>199</v>
      </c>
      <c r="O460" s="6">
        <v>8</v>
      </c>
      <c r="P460" s="10" t="s">
        <v>55</v>
      </c>
      <c r="Q460" s="6">
        <v>10</v>
      </c>
      <c r="R460" s="6">
        <v>5</v>
      </c>
      <c r="S460" s="6">
        <v>284</v>
      </c>
      <c r="T460" s="6">
        <v>22</v>
      </c>
      <c r="U460" s="10" t="s">
        <v>55</v>
      </c>
      <c r="V460" s="6">
        <v>262</v>
      </c>
      <c r="W460" s="6">
        <v>7</v>
      </c>
      <c r="X460" s="6">
        <v>83</v>
      </c>
      <c r="Y460" s="6">
        <v>76</v>
      </c>
      <c r="Z460" s="6">
        <v>3</v>
      </c>
      <c r="AA460" s="10" t="s">
        <v>55</v>
      </c>
      <c r="AB460" s="6">
        <v>4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6</v>
      </c>
      <c r="I461" s="9" t="s">
        <v>53</v>
      </c>
      <c r="J461" s="9" t="s">
        <v>43</v>
      </c>
      <c r="K461" s="6">
        <v>362</v>
      </c>
      <c r="L461" s="6">
        <v>85</v>
      </c>
      <c r="M461" s="6">
        <v>82</v>
      </c>
      <c r="N461" s="6">
        <v>68</v>
      </c>
      <c r="O461" s="6">
        <v>11</v>
      </c>
      <c r="P461" s="10" t="s">
        <v>55</v>
      </c>
      <c r="Q461" s="6">
        <v>3</v>
      </c>
      <c r="R461" s="6">
        <v>3</v>
      </c>
      <c r="S461" s="6">
        <v>272</v>
      </c>
      <c r="T461" s="6">
        <v>17</v>
      </c>
      <c r="U461" s="10" t="s">
        <v>55</v>
      </c>
      <c r="V461" s="6">
        <v>255</v>
      </c>
      <c r="W461" s="6">
        <v>5</v>
      </c>
      <c r="X461" s="6">
        <v>19</v>
      </c>
      <c r="Y461" s="6">
        <v>15</v>
      </c>
      <c r="Z461" s="6">
        <v>4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6</v>
      </c>
      <c r="I462" s="9" t="s">
        <v>53</v>
      </c>
      <c r="J462" s="9" t="s">
        <v>44</v>
      </c>
      <c r="K462" s="6">
        <v>295</v>
      </c>
      <c r="L462" s="6">
        <v>48</v>
      </c>
      <c r="M462" s="6">
        <v>46</v>
      </c>
      <c r="N462" s="6">
        <v>34</v>
      </c>
      <c r="O462" s="6">
        <v>9</v>
      </c>
      <c r="P462" s="10" t="s">
        <v>55</v>
      </c>
      <c r="Q462" s="6">
        <v>3</v>
      </c>
      <c r="R462" s="6">
        <v>2</v>
      </c>
      <c r="S462" s="6">
        <v>243</v>
      </c>
      <c r="T462" s="6">
        <v>16</v>
      </c>
      <c r="U462" s="10" t="s">
        <v>55</v>
      </c>
      <c r="V462" s="6">
        <v>227</v>
      </c>
      <c r="W462" s="6">
        <v>4</v>
      </c>
      <c r="X462" s="6">
        <v>9</v>
      </c>
      <c r="Y462" s="6">
        <v>5</v>
      </c>
      <c r="Z462" s="6">
        <v>2</v>
      </c>
      <c r="AA462" s="10" t="s">
        <v>55</v>
      </c>
      <c r="AB462" s="6">
        <v>2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6</v>
      </c>
      <c r="I463" s="9" t="s">
        <v>53</v>
      </c>
      <c r="J463" s="9" t="s">
        <v>45</v>
      </c>
      <c r="K463" s="6">
        <v>226</v>
      </c>
      <c r="L463" s="6">
        <v>12</v>
      </c>
      <c r="M463" s="6">
        <v>12</v>
      </c>
      <c r="N463" s="6">
        <v>10</v>
      </c>
      <c r="O463" s="10" t="s">
        <v>55</v>
      </c>
      <c r="P463" s="10" t="s">
        <v>55</v>
      </c>
      <c r="Q463" s="6">
        <v>2</v>
      </c>
      <c r="R463" s="10" t="s">
        <v>55</v>
      </c>
      <c r="S463" s="6">
        <v>210</v>
      </c>
      <c r="T463" s="6">
        <v>11</v>
      </c>
      <c r="U463" s="10" t="s">
        <v>55</v>
      </c>
      <c r="V463" s="6">
        <v>199</v>
      </c>
      <c r="W463" s="6">
        <v>4</v>
      </c>
      <c r="X463" s="6">
        <v>1</v>
      </c>
      <c r="Y463" s="6">
        <v>1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6</v>
      </c>
      <c r="I464" s="9" t="s">
        <v>53</v>
      </c>
      <c r="J464" s="9" t="s">
        <v>46</v>
      </c>
      <c r="K464" s="6">
        <v>69</v>
      </c>
      <c r="L464" s="6">
        <v>4</v>
      </c>
      <c r="M464" s="6">
        <v>4</v>
      </c>
      <c r="N464" s="6">
        <v>3</v>
      </c>
      <c r="O464" s="10" t="s">
        <v>55</v>
      </c>
      <c r="P464" s="10" t="s">
        <v>55</v>
      </c>
      <c r="Q464" s="6">
        <v>1</v>
      </c>
      <c r="R464" s="10" t="s">
        <v>55</v>
      </c>
      <c r="S464" s="6">
        <v>64</v>
      </c>
      <c r="T464" s="6">
        <v>1</v>
      </c>
      <c r="U464" s="10" t="s">
        <v>55</v>
      </c>
      <c r="V464" s="6">
        <v>63</v>
      </c>
      <c r="W464" s="6">
        <v>1</v>
      </c>
      <c r="X464" s="6">
        <v>1</v>
      </c>
      <c r="Y464" s="6">
        <v>1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6</v>
      </c>
      <c r="I465" s="9" t="s">
        <v>53</v>
      </c>
      <c r="J465" s="9" t="s">
        <v>47</v>
      </c>
      <c r="K465" s="6">
        <v>10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6">
        <v>10</v>
      </c>
      <c r="T465" s="10" t="s">
        <v>55</v>
      </c>
      <c r="U465" s="10" t="s">
        <v>55</v>
      </c>
      <c r="V465" s="6">
        <v>10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6</v>
      </c>
      <c r="I466" s="9" t="s">
        <v>53</v>
      </c>
      <c r="J466" s="9" t="s">
        <v>48</v>
      </c>
      <c r="K466" s="6">
        <v>3352</v>
      </c>
      <c r="L466" s="6">
        <v>2814</v>
      </c>
      <c r="M466" s="6">
        <v>2652</v>
      </c>
      <c r="N466" s="6">
        <v>2591</v>
      </c>
      <c r="O466" s="6">
        <v>16</v>
      </c>
      <c r="P466" s="6">
        <v>11</v>
      </c>
      <c r="Q466" s="6">
        <v>34</v>
      </c>
      <c r="R466" s="6">
        <v>162</v>
      </c>
      <c r="S466" s="6">
        <v>397</v>
      </c>
      <c r="T466" s="6">
        <v>46</v>
      </c>
      <c r="U466" s="6">
        <v>237</v>
      </c>
      <c r="V466" s="6">
        <v>114</v>
      </c>
      <c r="W466" s="6">
        <v>141</v>
      </c>
      <c r="X466" s="6">
        <v>2004</v>
      </c>
      <c r="Y466" s="6">
        <v>1963</v>
      </c>
      <c r="Z466" s="6">
        <v>7</v>
      </c>
      <c r="AA466" s="6">
        <v>11</v>
      </c>
      <c r="AB466" s="6">
        <v>23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6</v>
      </c>
      <c r="I467" s="9" t="s">
        <v>53</v>
      </c>
      <c r="J467" s="9" t="s">
        <v>49</v>
      </c>
      <c r="K467" s="6">
        <v>1989</v>
      </c>
      <c r="L467" s="6">
        <v>687</v>
      </c>
      <c r="M467" s="6">
        <v>658</v>
      </c>
      <c r="N467" s="6">
        <v>588</v>
      </c>
      <c r="O467" s="6">
        <v>40</v>
      </c>
      <c r="P467" s="10" t="s">
        <v>55</v>
      </c>
      <c r="Q467" s="6">
        <v>30</v>
      </c>
      <c r="R467" s="6">
        <v>29</v>
      </c>
      <c r="S467" s="6">
        <v>1267</v>
      </c>
      <c r="T467" s="6">
        <v>102</v>
      </c>
      <c r="U467" s="10" t="s">
        <v>55</v>
      </c>
      <c r="V467" s="6">
        <v>1165</v>
      </c>
      <c r="W467" s="6">
        <v>35</v>
      </c>
      <c r="X467" s="6">
        <v>255</v>
      </c>
      <c r="Y467" s="6">
        <v>225</v>
      </c>
      <c r="Z467" s="6">
        <v>17</v>
      </c>
      <c r="AA467" s="10" t="s">
        <v>55</v>
      </c>
      <c r="AB467" s="6">
        <v>13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6</v>
      </c>
      <c r="I468" s="9" t="s">
        <v>53</v>
      </c>
      <c r="J468" s="9" t="s">
        <v>50</v>
      </c>
      <c r="K468" s="6">
        <v>962</v>
      </c>
      <c r="L468" s="6">
        <v>149</v>
      </c>
      <c r="M468" s="6">
        <v>144</v>
      </c>
      <c r="N468" s="6">
        <v>115</v>
      </c>
      <c r="O468" s="6">
        <v>20</v>
      </c>
      <c r="P468" s="10" t="s">
        <v>55</v>
      </c>
      <c r="Q468" s="6">
        <v>9</v>
      </c>
      <c r="R468" s="6">
        <v>5</v>
      </c>
      <c r="S468" s="6">
        <v>799</v>
      </c>
      <c r="T468" s="6">
        <v>45</v>
      </c>
      <c r="U468" s="10" t="s">
        <v>55</v>
      </c>
      <c r="V468" s="6">
        <v>754</v>
      </c>
      <c r="W468" s="6">
        <v>14</v>
      </c>
      <c r="X468" s="6">
        <v>30</v>
      </c>
      <c r="Y468" s="6">
        <v>22</v>
      </c>
      <c r="Z468" s="6">
        <v>6</v>
      </c>
      <c r="AA468" s="10" t="s">
        <v>55</v>
      </c>
      <c r="AB468" s="6">
        <v>2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6</v>
      </c>
      <c r="I469" s="9" t="s">
        <v>53</v>
      </c>
      <c r="J469" s="9" t="s">
        <v>51</v>
      </c>
      <c r="K469" s="6">
        <v>305</v>
      </c>
      <c r="L469" s="6">
        <v>16</v>
      </c>
      <c r="M469" s="6">
        <v>16</v>
      </c>
      <c r="N469" s="6">
        <v>13</v>
      </c>
      <c r="O469" s="10" t="s">
        <v>55</v>
      </c>
      <c r="P469" s="10" t="s">
        <v>55</v>
      </c>
      <c r="Q469" s="6">
        <v>3</v>
      </c>
      <c r="R469" s="10" t="s">
        <v>55</v>
      </c>
      <c r="S469" s="6">
        <v>284</v>
      </c>
      <c r="T469" s="6">
        <v>12</v>
      </c>
      <c r="U469" s="10" t="s">
        <v>55</v>
      </c>
      <c r="V469" s="6">
        <v>272</v>
      </c>
      <c r="W469" s="6">
        <v>5</v>
      </c>
      <c r="X469" s="6">
        <v>2</v>
      </c>
      <c r="Y469" s="6">
        <v>2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6</v>
      </c>
      <c r="I470" s="9" t="s">
        <v>53</v>
      </c>
      <c r="J470" s="9" t="s">
        <v>52</v>
      </c>
      <c r="K470" s="6">
        <v>3596</v>
      </c>
      <c r="L470" s="6">
        <v>3096</v>
      </c>
      <c r="M470" s="6">
        <v>2920</v>
      </c>
      <c r="N470" s="6">
        <v>2841</v>
      </c>
      <c r="O470" s="6">
        <v>28</v>
      </c>
      <c r="P470" s="6">
        <v>6</v>
      </c>
      <c r="Q470" s="6">
        <v>45</v>
      </c>
      <c r="R470" s="6">
        <v>176</v>
      </c>
      <c r="S470" s="6">
        <v>361</v>
      </c>
      <c r="T470" s="6">
        <v>80</v>
      </c>
      <c r="U470" s="6">
        <v>21</v>
      </c>
      <c r="V470" s="6">
        <v>260</v>
      </c>
      <c r="W470" s="6">
        <v>139</v>
      </c>
      <c r="X470" s="6">
        <v>2119</v>
      </c>
      <c r="Y470" s="6">
        <v>2068</v>
      </c>
      <c r="Z470" s="6">
        <v>15</v>
      </c>
      <c r="AA470" s="6">
        <v>6</v>
      </c>
      <c r="AB470" s="6">
        <v>30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6</v>
      </c>
      <c r="I471" s="9" t="s">
        <v>54</v>
      </c>
      <c r="J471" s="9" t="s">
        <v>30</v>
      </c>
      <c r="K471" s="6">
        <v>6438</v>
      </c>
      <c r="L471" s="6">
        <v>3451</v>
      </c>
      <c r="M471" s="6">
        <v>3361</v>
      </c>
      <c r="N471" s="6">
        <v>2698</v>
      </c>
      <c r="O471" s="6">
        <v>574</v>
      </c>
      <c r="P471" s="6">
        <v>16</v>
      </c>
      <c r="Q471" s="6">
        <v>73</v>
      </c>
      <c r="R471" s="6">
        <v>90</v>
      </c>
      <c r="S471" s="6">
        <v>2782</v>
      </c>
      <c r="T471" s="6">
        <v>1064</v>
      </c>
      <c r="U471" s="6">
        <v>220</v>
      </c>
      <c r="V471" s="6">
        <v>1498</v>
      </c>
      <c r="W471" s="6">
        <v>205</v>
      </c>
      <c r="X471" s="6">
        <v>2603</v>
      </c>
      <c r="Y471" s="6">
        <v>2184</v>
      </c>
      <c r="Z471" s="6">
        <v>331</v>
      </c>
      <c r="AA471" s="6">
        <v>16</v>
      </c>
      <c r="AB471" s="6">
        <v>72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6</v>
      </c>
      <c r="I472" s="9" t="s">
        <v>54</v>
      </c>
      <c r="J472" s="9" t="s">
        <v>31</v>
      </c>
      <c r="K472" s="6">
        <v>238</v>
      </c>
      <c r="L472" s="6">
        <v>28</v>
      </c>
      <c r="M472" s="6">
        <v>26</v>
      </c>
      <c r="N472" s="6">
        <v>18</v>
      </c>
      <c r="O472" s="10" t="s">
        <v>55</v>
      </c>
      <c r="P472" s="6">
        <v>8</v>
      </c>
      <c r="Q472" s="10" t="s">
        <v>55</v>
      </c>
      <c r="R472" s="6">
        <v>2</v>
      </c>
      <c r="S472" s="6">
        <v>197</v>
      </c>
      <c r="T472" s="6">
        <v>2</v>
      </c>
      <c r="U472" s="6">
        <v>195</v>
      </c>
      <c r="V472" s="10" t="s">
        <v>55</v>
      </c>
      <c r="W472" s="6">
        <v>13</v>
      </c>
      <c r="X472" s="6">
        <v>25</v>
      </c>
      <c r="Y472" s="6">
        <v>17</v>
      </c>
      <c r="Z472" s="10" t="s">
        <v>55</v>
      </c>
      <c r="AA472" s="6">
        <v>8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6</v>
      </c>
      <c r="I473" s="9" t="s">
        <v>54</v>
      </c>
      <c r="J473" s="9" t="s">
        <v>32</v>
      </c>
      <c r="K473" s="6">
        <v>268</v>
      </c>
      <c r="L473" s="6">
        <v>217</v>
      </c>
      <c r="M473" s="6">
        <v>203</v>
      </c>
      <c r="N473" s="6">
        <v>187</v>
      </c>
      <c r="O473" s="6">
        <v>6</v>
      </c>
      <c r="P473" s="6">
        <v>5</v>
      </c>
      <c r="Q473" s="6">
        <v>5</v>
      </c>
      <c r="R473" s="6">
        <v>14</v>
      </c>
      <c r="S473" s="6">
        <v>35</v>
      </c>
      <c r="T473" s="6">
        <v>8</v>
      </c>
      <c r="U473" s="6">
        <v>25</v>
      </c>
      <c r="V473" s="6">
        <v>2</v>
      </c>
      <c r="W473" s="6">
        <v>16</v>
      </c>
      <c r="X473" s="6">
        <v>197</v>
      </c>
      <c r="Y473" s="6">
        <v>181</v>
      </c>
      <c r="Z473" s="6">
        <v>6</v>
      </c>
      <c r="AA473" s="6">
        <v>5</v>
      </c>
      <c r="AB473" s="6">
        <v>5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6</v>
      </c>
      <c r="I474" s="9" t="s">
        <v>54</v>
      </c>
      <c r="J474" s="9" t="s">
        <v>33</v>
      </c>
      <c r="K474" s="6">
        <v>249</v>
      </c>
      <c r="L474" s="6">
        <v>214</v>
      </c>
      <c r="M474" s="6">
        <v>211</v>
      </c>
      <c r="N474" s="6">
        <v>193</v>
      </c>
      <c r="O474" s="6">
        <v>10</v>
      </c>
      <c r="P474" s="6">
        <v>1</v>
      </c>
      <c r="Q474" s="6">
        <v>7</v>
      </c>
      <c r="R474" s="6">
        <v>3</v>
      </c>
      <c r="S474" s="6">
        <v>22</v>
      </c>
      <c r="T474" s="6">
        <v>20</v>
      </c>
      <c r="U474" s="10" t="s">
        <v>55</v>
      </c>
      <c r="V474" s="6">
        <v>2</v>
      </c>
      <c r="W474" s="6">
        <v>13</v>
      </c>
      <c r="X474" s="6">
        <v>199</v>
      </c>
      <c r="Y474" s="6">
        <v>183</v>
      </c>
      <c r="Z474" s="6">
        <v>8</v>
      </c>
      <c r="AA474" s="6">
        <v>1</v>
      </c>
      <c r="AB474" s="6">
        <v>7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6</v>
      </c>
      <c r="I475" s="9" t="s">
        <v>54</v>
      </c>
      <c r="J475" s="9" t="s">
        <v>34</v>
      </c>
      <c r="K475" s="6">
        <v>325</v>
      </c>
      <c r="L475" s="6">
        <v>284</v>
      </c>
      <c r="M475" s="6">
        <v>272</v>
      </c>
      <c r="N475" s="6">
        <v>222</v>
      </c>
      <c r="O475" s="6">
        <v>37</v>
      </c>
      <c r="P475" s="10" t="s">
        <v>55</v>
      </c>
      <c r="Q475" s="6">
        <v>13</v>
      </c>
      <c r="R475" s="6">
        <v>12</v>
      </c>
      <c r="S475" s="6">
        <v>25</v>
      </c>
      <c r="T475" s="6">
        <v>19</v>
      </c>
      <c r="U475" s="10" t="s">
        <v>55</v>
      </c>
      <c r="V475" s="6">
        <v>6</v>
      </c>
      <c r="W475" s="6">
        <v>16</v>
      </c>
      <c r="X475" s="6">
        <v>246</v>
      </c>
      <c r="Y475" s="6">
        <v>208</v>
      </c>
      <c r="Z475" s="6">
        <v>25</v>
      </c>
      <c r="AA475" s="10" t="s">
        <v>55</v>
      </c>
      <c r="AB475" s="6">
        <v>13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6</v>
      </c>
      <c r="I476" s="9" t="s">
        <v>54</v>
      </c>
      <c r="J476" s="9" t="s">
        <v>35</v>
      </c>
      <c r="K476" s="6">
        <v>361</v>
      </c>
      <c r="L476" s="6">
        <v>316</v>
      </c>
      <c r="M476" s="6">
        <v>311</v>
      </c>
      <c r="N476" s="6">
        <v>257</v>
      </c>
      <c r="O476" s="6">
        <v>42</v>
      </c>
      <c r="P476" s="6">
        <v>2</v>
      </c>
      <c r="Q476" s="6">
        <v>10</v>
      </c>
      <c r="R476" s="6">
        <v>5</v>
      </c>
      <c r="S476" s="6">
        <v>25</v>
      </c>
      <c r="T476" s="6">
        <v>22</v>
      </c>
      <c r="U476" s="10" t="s">
        <v>55</v>
      </c>
      <c r="V476" s="6">
        <v>3</v>
      </c>
      <c r="W476" s="6">
        <v>20</v>
      </c>
      <c r="X476" s="6">
        <v>268</v>
      </c>
      <c r="Y476" s="6">
        <v>228</v>
      </c>
      <c r="Z476" s="6">
        <v>28</v>
      </c>
      <c r="AA476" s="6">
        <v>2</v>
      </c>
      <c r="AB476" s="6">
        <v>10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6</v>
      </c>
      <c r="I477" s="9" t="s">
        <v>54</v>
      </c>
      <c r="J477" s="9" t="s">
        <v>36</v>
      </c>
      <c r="K477" s="6">
        <v>403</v>
      </c>
      <c r="L477" s="6">
        <v>344</v>
      </c>
      <c r="M477" s="6">
        <v>340</v>
      </c>
      <c r="N477" s="6">
        <v>293</v>
      </c>
      <c r="O477" s="6">
        <v>40</v>
      </c>
      <c r="P477" s="10" t="s">
        <v>55</v>
      </c>
      <c r="Q477" s="6">
        <v>7</v>
      </c>
      <c r="R477" s="6">
        <v>4</v>
      </c>
      <c r="S477" s="6">
        <v>36</v>
      </c>
      <c r="T477" s="6">
        <v>29</v>
      </c>
      <c r="U477" s="10" t="s">
        <v>55</v>
      </c>
      <c r="V477" s="6">
        <v>7</v>
      </c>
      <c r="W477" s="6">
        <v>23</v>
      </c>
      <c r="X477" s="6">
        <v>304</v>
      </c>
      <c r="Y477" s="6">
        <v>267</v>
      </c>
      <c r="Z477" s="6">
        <v>30</v>
      </c>
      <c r="AA477" s="10" t="s">
        <v>55</v>
      </c>
      <c r="AB477" s="6">
        <v>7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6</v>
      </c>
      <c r="I478" s="9" t="s">
        <v>54</v>
      </c>
      <c r="J478" s="9" t="s">
        <v>37</v>
      </c>
      <c r="K478" s="6">
        <v>407</v>
      </c>
      <c r="L478" s="6">
        <v>356</v>
      </c>
      <c r="M478" s="6">
        <v>344</v>
      </c>
      <c r="N478" s="6">
        <v>308</v>
      </c>
      <c r="O478" s="6">
        <v>35</v>
      </c>
      <c r="P478" s="10" t="s">
        <v>55</v>
      </c>
      <c r="Q478" s="6">
        <v>1</v>
      </c>
      <c r="R478" s="6">
        <v>12</v>
      </c>
      <c r="S478" s="6">
        <v>38</v>
      </c>
      <c r="T478" s="6">
        <v>36</v>
      </c>
      <c r="U478" s="10" t="s">
        <v>55</v>
      </c>
      <c r="V478" s="6">
        <v>2</v>
      </c>
      <c r="W478" s="6">
        <v>13</v>
      </c>
      <c r="X478" s="6">
        <v>292</v>
      </c>
      <c r="Y478" s="6">
        <v>265</v>
      </c>
      <c r="Z478" s="6">
        <v>26</v>
      </c>
      <c r="AA478" s="10" t="s">
        <v>55</v>
      </c>
      <c r="AB478" s="6">
        <v>1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6</v>
      </c>
      <c r="I479" s="9" t="s">
        <v>54</v>
      </c>
      <c r="J479" s="9" t="s">
        <v>38</v>
      </c>
      <c r="K479" s="6">
        <v>391</v>
      </c>
      <c r="L479" s="6">
        <v>320</v>
      </c>
      <c r="M479" s="6">
        <v>315</v>
      </c>
      <c r="N479" s="6">
        <v>268</v>
      </c>
      <c r="O479" s="6">
        <v>45</v>
      </c>
      <c r="P479" s="10" t="s">
        <v>55</v>
      </c>
      <c r="Q479" s="6">
        <v>2</v>
      </c>
      <c r="R479" s="6">
        <v>5</v>
      </c>
      <c r="S479" s="6">
        <v>58</v>
      </c>
      <c r="T479" s="6">
        <v>54</v>
      </c>
      <c r="U479" s="10" t="s">
        <v>55</v>
      </c>
      <c r="V479" s="6">
        <v>4</v>
      </c>
      <c r="W479" s="6">
        <v>13</v>
      </c>
      <c r="X479" s="6">
        <v>247</v>
      </c>
      <c r="Y479" s="6">
        <v>210</v>
      </c>
      <c r="Z479" s="6">
        <v>35</v>
      </c>
      <c r="AA479" s="10" t="s">
        <v>55</v>
      </c>
      <c r="AB479" s="6">
        <v>2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6</v>
      </c>
      <c r="I480" s="9" t="s">
        <v>54</v>
      </c>
      <c r="J480" s="9" t="s">
        <v>39</v>
      </c>
      <c r="K480" s="6">
        <v>457</v>
      </c>
      <c r="L480" s="6">
        <v>375</v>
      </c>
      <c r="M480" s="6">
        <v>367</v>
      </c>
      <c r="N480" s="6">
        <v>306</v>
      </c>
      <c r="O480" s="6">
        <v>60</v>
      </c>
      <c r="P480" s="10" t="s">
        <v>55</v>
      </c>
      <c r="Q480" s="6">
        <v>1</v>
      </c>
      <c r="R480" s="6">
        <v>8</v>
      </c>
      <c r="S480" s="6">
        <v>71</v>
      </c>
      <c r="T480" s="6">
        <v>68</v>
      </c>
      <c r="U480" s="10" t="s">
        <v>55</v>
      </c>
      <c r="V480" s="6">
        <v>3</v>
      </c>
      <c r="W480" s="6">
        <v>11</v>
      </c>
      <c r="X480" s="6">
        <v>289</v>
      </c>
      <c r="Y480" s="6">
        <v>250</v>
      </c>
      <c r="Z480" s="6">
        <v>38</v>
      </c>
      <c r="AA480" s="10" t="s">
        <v>55</v>
      </c>
      <c r="AB480" s="6">
        <v>1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6</v>
      </c>
      <c r="I481" s="9" t="s">
        <v>54</v>
      </c>
      <c r="J481" s="9" t="s">
        <v>40</v>
      </c>
      <c r="K481" s="6">
        <v>519</v>
      </c>
      <c r="L481" s="6">
        <v>380</v>
      </c>
      <c r="M481" s="6">
        <v>364</v>
      </c>
      <c r="N481" s="6">
        <v>267</v>
      </c>
      <c r="O481" s="6">
        <v>87</v>
      </c>
      <c r="P481" s="10" t="s">
        <v>55</v>
      </c>
      <c r="Q481" s="6">
        <v>10</v>
      </c>
      <c r="R481" s="6">
        <v>16</v>
      </c>
      <c r="S481" s="6">
        <v>125</v>
      </c>
      <c r="T481" s="6">
        <v>101</v>
      </c>
      <c r="U481" s="10" t="s">
        <v>55</v>
      </c>
      <c r="V481" s="6">
        <v>24</v>
      </c>
      <c r="W481" s="6">
        <v>14</v>
      </c>
      <c r="X481" s="6">
        <v>244</v>
      </c>
      <c r="Y481" s="6">
        <v>181</v>
      </c>
      <c r="Z481" s="6">
        <v>53</v>
      </c>
      <c r="AA481" s="10" t="s">
        <v>55</v>
      </c>
      <c r="AB481" s="6">
        <v>10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6</v>
      </c>
      <c r="I482" s="9" t="s">
        <v>54</v>
      </c>
      <c r="J482" s="9" t="s">
        <v>41</v>
      </c>
      <c r="K482" s="6">
        <v>568</v>
      </c>
      <c r="L482" s="6">
        <v>293</v>
      </c>
      <c r="M482" s="6">
        <v>290</v>
      </c>
      <c r="N482" s="6">
        <v>202</v>
      </c>
      <c r="O482" s="6">
        <v>79</v>
      </c>
      <c r="P482" s="10" t="s">
        <v>55</v>
      </c>
      <c r="Q482" s="6">
        <v>9</v>
      </c>
      <c r="R482" s="6">
        <v>3</v>
      </c>
      <c r="S482" s="6">
        <v>268</v>
      </c>
      <c r="T482" s="6">
        <v>157</v>
      </c>
      <c r="U482" s="10" t="s">
        <v>55</v>
      </c>
      <c r="V482" s="6">
        <v>111</v>
      </c>
      <c r="W482" s="6">
        <v>7</v>
      </c>
      <c r="X482" s="6">
        <v>175</v>
      </c>
      <c r="Y482" s="6">
        <v>122</v>
      </c>
      <c r="Z482" s="6">
        <v>44</v>
      </c>
      <c r="AA482" s="10" t="s">
        <v>55</v>
      </c>
      <c r="AB482" s="6">
        <v>9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6</v>
      </c>
      <c r="I483" s="9" t="s">
        <v>54</v>
      </c>
      <c r="J483" s="9" t="s">
        <v>42</v>
      </c>
      <c r="K483" s="6">
        <v>585</v>
      </c>
      <c r="L483" s="6">
        <v>196</v>
      </c>
      <c r="M483" s="6">
        <v>192</v>
      </c>
      <c r="N483" s="6">
        <v>116</v>
      </c>
      <c r="O483" s="6">
        <v>70</v>
      </c>
      <c r="P483" s="10" t="s">
        <v>55</v>
      </c>
      <c r="Q483" s="6">
        <v>6</v>
      </c>
      <c r="R483" s="6">
        <v>4</v>
      </c>
      <c r="S483" s="6">
        <v>376</v>
      </c>
      <c r="T483" s="6">
        <v>200</v>
      </c>
      <c r="U483" s="10" t="s">
        <v>55</v>
      </c>
      <c r="V483" s="6">
        <v>176</v>
      </c>
      <c r="W483" s="6">
        <v>13</v>
      </c>
      <c r="X483" s="6">
        <v>88</v>
      </c>
      <c r="Y483" s="6">
        <v>56</v>
      </c>
      <c r="Z483" s="6">
        <v>27</v>
      </c>
      <c r="AA483" s="10" t="s">
        <v>55</v>
      </c>
      <c r="AB483" s="6">
        <v>5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6</v>
      </c>
      <c r="I484" s="9" t="s">
        <v>54</v>
      </c>
      <c r="J484" s="9" t="s">
        <v>43</v>
      </c>
      <c r="K484" s="6">
        <v>518</v>
      </c>
      <c r="L484" s="6">
        <v>65</v>
      </c>
      <c r="M484" s="6">
        <v>63</v>
      </c>
      <c r="N484" s="6">
        <v>31</v>
      </c>
      <c r="O484" s="6">
        <v>30</v>
      </c>
      <c r="P484" s="10" t="s">
        <v>55</v>
      </c>
      <c r="Q484" s="6">
        <v>2</v>
      </c>
      <c r="R484" s="6">
        <v>2</v>
      </c>
      <c r="S484" s="6">
        <v>444</v>
      </c>
      <c r="T484" s="6">
        <v>176</v>
      </c>
      <c r="U484" s="10" t="s">
        <v>55</v>
      </c>
      <c r="V484" s="6">
        <v>268</v>
      </c>
      <c r="W484" s="6">
        <v>9</v>
      </c>
      <c r="X484" s="6">
        <v>17</v>
      </c>
      <c r="Y484" s="6">
        <v>8</v>
      </c>
      <c r="Z484" s="6">
        <v>7</v>
      </c>
      <c r="AA484" s="10" t="s">
        <v>55</v>
      </c>
      <c r="AB484" s="6">
        <v>2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6</v>
      </c>
      <c r="I485" s="9" t="s">
        <v>54</v>
      </c>
      <c r="J485" s="9" t="s">
        <v>44</v>
      </c>
      <c r="K485" s="6">
        <v>487</v>
      </c>
      <c r="L485" s="6">
        <v>43</v>
      </c>
      <c r="M485" s="6">
        <v>43</v>
      </c>
      <c r="N485" s="6">
        <v>22</v>
      </c>
      <c r="O485" s="6">
        <v>21</v>
      </c>
      <c r="P485" s="10" t="s">
        <v>55</v>
      </c>
      <c r="Q485" s="10" t="s">
        <v>55</v>
      </c>
      <c r="R485" s="10" t="s">
        <v>55</v>
      </c>
      <c r="S485" s="6">
        <v>431</v>
      </c>
      <c r="T485" s="6">
        <v>92</v>
      </c>
      <c r="U485" s="10" t="s">
        <v>55</v>
      </c>
      <c r="V485" s="6">
        <v>339</v>
      </c>
      <c r="W485" s="6">
        <v>13</v>
      </c>
      <c r="X485" s="6">
        <v>8</v>
      </c>
      <c r="Y485" s="6">
        <v>5</v>
      </c>
      <c r="Z485" s="6">
        <v>3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6</v>
      </c>
      <c r="I486" s="9" t="s">
        <v>54</v>
      </c>
      <c r="J486" s="9" t="s">
        <v>45</v>
      </c>
      <c r="K486" s="6">
        <v>392</v>
      </c>
      <c r="L486" s="6">
        <v>16</v>
      </c>
      <c r="M486" s="6">
        <v>16</v>
      </c>
      <c r="N486" s="6">
        <v>6</v>
      </c>
      <c r="O486" s="6">
        <v>10</v>
      </c>
      <c r="P486" s="10" t="s">
        <v>55</v>
      </c>
      <c r="Q486" s="10" t="s">
        <v>55</v>
      </c>
      <c r="R486" s="10" t="s">
        <v>55</v>
      </c>
      <c r="S486" s="6">
        <v>369</v>
      </c>
      <c r="T486" s="6">
        <v>61</v>
      </c>
      <c r="U486" s="10" t="s">
        <v>55</v>
      </c>
      <c r="V486" s="6">
        <v>308</v>
      </c>
      <c r="W486" s="6">
        <v>7</v>
      </c>
      <c r="X486" s="6">
        <v>2</v>
      </c>
      <c r="Y486" s="6">
        <v>1</v>
      </c>
      <c r="Z486" s="6">
        <v>1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6</v>
      </c>
      <c r="I487" s="9" t="s">
        <v>54</v>
      </c>
      <c r="J487" s="9" t="s">
        <v>46</v>
      </c>
      <c r="K487" s="6">
        <v>203</v>
      </c>
      <c r="L487" s="6">
        <v>4</v>
      </c>
      <c r="M487" s="6">
        <v>4</v>
      </c>
      <c r="N487" s="6">
        <v>2</v>
      </c>
      <c r="O487" s="6">
        <v>2</v>
      </c>
      <c r="P487" s="10" t="s">
        <v>55</v>
      </c>
      <c r="Q487" s="10" t="s">
        <v>55</v>
      </c>
      <c r="R487" s="10" t="s">
        <v>55</v>
      </c>
      <c r="S487" s="6">
        <v>195</v>
      </c>
      <c r="T487" s="6">
        <v>18</v>
      </c>
      <c r="U487" s="10" t="s">
        <v>55</v>
      </c>
      <c r="V487" s="6">
        <v>177</v>
      </c>
      <c r="W487" s="6">
        <v>4</v>
      </c>
      <c r="X487" s="6">
        <v>2</v>
      </c>
      <c r="Y487" s="6">
        <v>2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6</v>
      </c>
      <c r="I488" s="9" t="s">
        <v>54</v>
      </c>
      <c r="J488" s="9" t="s">
        <v>47</v>
      </c>
      <c r="K488" s="6">
        <v>67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6">
        <v>67</v>
      </c>
      <c r="T488" s="6">
        <v>1</v>
      </c>
      <c r="U488" s="10" t="s">
        <v>55</v>
      </c>
      <c r="V488" s="6">
        <v>66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6</v>
      </c>
      <c r="I489" s="9" t="s">
        <v>54</v>
      </c>
      <c r="J489" s="9" t="s">
        <v>48</v>
      </c>
      <c r="K489" s="6">
        <v>3618</v>
      </c>
      <c r="L489" s="6">
        <v>2834</v>
      </c>
      <c r="M489" s="6">
        <v>2753</v>
      </c>
      <c r="N489" s="6">
        <v>2319</v>
      </c>
      <c r="O489" s="6">
        <v>362</v>
      </c>
      <c r="P489" s="6">
        <v>16</v>
      </c>
      <c r="Q489" s="6">
        <v>56</v>
      </c>
      <c r="R489" s="6">
        <v>81</v>
      </c>
      <c r="S489" s="6">
        <v>632</v>
      </c>
      <c r="T489" s="6">
        <v>359</v>
      </c>
      <c r="U489" s="6">
        <v>220</v>
      </c>
      <c r="V489" s="6">
        <v>53</v>
      </c>
      <c r="W489" s="6">
        <v>152</v>
      </c>
      <c r="X489" s="6">
        <v>2311</v>
      </c>
      <c r="Y489" s="6">
        <v>1990</v>
      </c>
      <c r="Z489" s="6">
        <v>249</v>
      </c>
      <c r="AA489" s="6">
        <v>16</v>
      </c>
      <c r="AB489" s="6">
        <v>56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6</v>
      </c>
      <c r="I490" s="9" t="s">
        <v>54</v>
      </c>
      <c r="J490" s="9" t="s">
        <v>49</v>
      </c>
      <c r="K490" s="6">
        <v>2820</v>
      </c>
      <c r="L490" s="6">
        <v>617</v>
      </c>
      <c r="M490" s="6">
        <v>608</v>
      </c>
      <c r="N490" s="6">
        <v>379</v>
      </c>
      <c r="O490" s="6">
        <v>212</v>
      </c>
      <c r="P490" s="10" t="s">
        <v>55</v>
      </c>
      <c r="Q490" s="6">
        <v>17</v>
      </c>
      <c r="R490" s="6">
        <v>9</v>
      </c>
      <c r="S490" s="6">
        <v>2150</v>
      </c>
      <c r="T490" s="6">
        <v>705</v>
      </c>
      <c r="U490" s="10" t="s">
        <v>55</v>
      </c>
      <c r="V490" s="6">
        <v>1445</v>
      </c>
      <c r="W490" s="6">
        <v>53</v>
      </c>
      <c r="X490" s="6">
        <v>292</v>
      </c>
      <c r="Y490" s="6">
        <v>194</v>
      </c>
      <c r="Z490" s="6">
        <v>82</v>
      </c>
      <c r="AA490" s="10" t="s">
        <v>55</v>
      </c>
      <c r="AB490" s="6">
        <v>16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6</v>
      </c>
      <c r="I491" s="9" t="s">
        <v>54</v>
      </c>
      <c r="J491" s="9" t="s">
        <v>50</v>
      </c>
      <c r="K491" s="6">
        <v>1667</v>
      </c>
      <c r="L491" s="6">
        <v>128</v>
      </c>
      <c r="M491" s="6">
        <v>126</v>
      </c>
      <c r="N491" s="6">
        <v>61</v>
      </c>
      <c r="O491" s="6">
        <v>63</v>
      </c>
      <c r="P491" s="10" t="s">
        <v>55</v>
      </c>
      <c r="Q491" s="6">
        <v>2</v>
      </c>
      <c r="R491" s="6">
        <v>2</v>
      </c>
      <c r="S491" s="6">
        <v>1506</v>
      </c>
      <c r="T491" s="6">
        <v>348</v>
      </c>
      <c r="U491" s="10" t="s">
        <v>55</v>
      </c>
      <c r="V491" s="6">
        <v>1158</v>
      </c>
      <c r="W491" s="6">
        <v>33</v>
      </c>
      <c r="X491" s="6">
        <v>29</v>
      </c>
      <c r="Y491" s="6">
        <v>16</v>
      </c>
      <c r="Z491" s="6">
        <v>11</v>
      </c>
      <c r="AA491" s="10" t="s">
        <v>55</v>
      </c>
      <c r="AB491" s="6">
        <v>2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6</v>
      </c>
      <c r="I492" s="9" t="s">
        <v>54</v>
      </c>
      <c r="J492" s="9" t="s">
        <v>51</v>
      </c>
      <c r="K492" s="6">
        <v>662</v>
      </c>
      <c r="L492" s="6">
        <v>20</v>
      </c>
      <c r="M492" s="6">
        <v>20</v>
      </c>
      <c r="N492" s="6">
        <v>8</v>
      </c>
      <c r="O492" s="6">
        <v>12</v>
      </c>
      <c r="P492" s="10" t="s">
        <v>55</v>
      </c>
      <c r="Q492" s="10" t="s">
        <v>55</v>
      </c>
      <c r="R492" s="10" t="s">
        <v>55</v>
      </c>
      <c r="S492" s="6">
        <v>631</v>
      </c>
      <c r="T492" s="6">
        <v>80</v>
      </c>
      <c r="U492" s="10" t="s">
        <v>55</v>
      </c>
      <c r="V492" s="6">
        <v>551</v>
      </c>
      <c r="W492" s="6">
        <v>11</v>
      </c>
      <c r="X492" s="6">
        <v>4</v>
      </c>
      <c r="Y492" s="6">
        <v>3</v>
      </c>
      <c r="Z492" s="6">
        <v>1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6</v>
      </c>
      <c r="I493" s="9" t="s">
        <v>54</v>
      </c>
      <c r="J493" s="9" t="s">
        <v>52</v>
      </c>
      <c r="K493" s="6">
        <v>3948</v>
      </c>
      <c r="L493" s="6">
        <v>3099</v>
      </c>
      <c r="M493" s="6">
        <v>3017</v>
      </c>
      <c r="N493" s="6">
        <v>2503</v>
      </c>
      <c r="O493" s="6">
        <v>441</v>
      </c>
      <c r="P493" s="6">
        <v>8</v>
      </c>
      <c r="Q493" s="6">
        <v>65</v>
      </c>
      <c r="R493" s="6">
        <v>82</v>
      </c>
      <c r="S493" s="6">
        <v>703</v>
      </c>
      <c r="T493" s="6">
        <v>514</v>
      </c>
      <c r="U493" s="6">
        <v>25</v>
      </c>
      <c r="V493" s="6">
        <v>164</v>
      </c>
      <c r="W493" s="6">
        <v>146</v>
      </c>
      <c r="X493" s="6">
        <v>2461</v>
      </c>
      <c r="Y493" s="6">
        <v>2095</v>
      </c>
      <c r="Z493" s="6">
        <v>293</v>
      </c>
      <c r="AA493" s="6">
        <v>8</v>
      </c>
      <c r="AB493" s="6">
        <v>65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6</v>
      </c>
      <c r="I494" s="9" t="s">
        <v>6</v>
      </c>
      <c r="J494" s="9" t="s">
        <v>30</v>
      </c>
      <c r="K494" s="6">
        <v>1720</v>
      </c>
      <c r="L494" s="6">
        <v>996</v>
      </c>
      <c r="M494" s="6">
        <v>962</v>
      </c>
      <c r="N494" s="6">
        <v>830</v>
      </c>
      <c r="O494" s="6">
        <v>114</v>
      </c>
      <c r="P494" s="6">
        <v>2</v>
      </c>
      <c r="Q494" s="6">
        <v>16</v>
      </c>
      <c r="R494" s="6">
        <v>34</v>
      </c>
      <c r="S494" s="6">
        <v>706</v>
      </c>
      <c r="T494" s="6">
        <v>158</v>
      </c>
      <c r="U494" s="6">
        <v>52</v>
      </c>
      <c r="V494" s="6">
        <v>496</v>
      </c>
      <c r="W494" s="6">
        <v>18</v>
      </c>
      <c r="X494" s="6">
        <v>590</v>
      </c>
      <c r="Y494" s="6">
        <v>535</v>
      </c>
      <c r="Z494" s="6">
        <v>42</v>
      </c>
      <c r="AA494" s="6">
        <v>2</v>
      </c>
      <c r="AB494" s="6">
        <v>11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6</v>
      </c>
      <c r="I495" s="9" t="s">
        <v>6</v>
      </c>
      <c r="J495" s="9" t="s">
        <v>31</v>
      </c>
      <c r="K495" s="6">
        <v>59</v>
      </c>
      <c r="L495" s="6">
        <v>10</v>
      </c>
      <c r="M495" s="6">
        <v>9</v>
      </c>
      <c r="N495" s="6">
        <v>7</v>
      </c>
      <c r="O495" s="10" t="s">
        <v>55</v>
      </c>
      <c r="P495" s="6">
        <v>2</v>
      </c>
      <c r="Q495" s="10" t="s">
        <v>55</v>
      </c>
      <c r="R495" s="6">
        <v>1</v>
      </c>
      <c r="S495" s="6">
        <v>48</v>
      </c>
      <c r="T495" s="10" t="s">
        <v>55</v>
      </c>
      <c r="U495" s="6">
        <v>47</v>
      </c>
      <c r="V495" s="6">
        <v>1</v>
      </c>
      <c r="W495" s="6">
        <v>1</v>
      </c>
      <c r="X495" s="6">
        <v>8</v>
      </c>
      <c r="Y495" s="6">
        <v>6</v>
      </c>
      <c r="Z495" s="10" t="s">
        <v>55</v>
      </c>
      <c r="AA495" s="6">
        <v>2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6</v>
      </c>
      <c r="I496" s="9" t="s">
        <v>6</v>
      </c>
      <c r="J496" s="9" t="s">
        <v>32</v>
      </c>
      <c r="K496" s="6">
        <v>55</v>
      </c>
      <c r="L496" s="6">
        <v>47</v>
      </c>
      <c r="M496" s="6">
        <v>44</v>
      </c>
      <c r="N496" s="6">
        <v>43</v>
      </c>
      <c r="O496" s="10" t="s">
        <v>55</v>
      </c>
      <c r="P496" s="10" t="s">
        <v>55</v>
      </c>
      <c r="Q496" s="6">
        <v>1</v>
      </c>
      <c r="R496" s="6">
        <v>3</v>
      </c>
      <c r="S496" s="6">
        <v>6</v>
      </c>
      <c r="T496" s="6">
        <v>1</v>
      </c>
      <c r="U496" s="6">
        <v>5</v>
      </c>
      <c r="V496" s="10" t="s">
        <v>55</v>
      </c>
      <c r="W496" s="6">
        <v>2</v>
      </c>
      <c r="X496" s="6">
        <v>42</v>
      </c>
      <c r="Y496" s="6">
        <v>41</v>
      </c>
      <c r="Z496" s="10" t="s">
        <v>55</v>
      </c>
      <c r="AA496" s="10" t="s">
        <v>55</v>
      </c>
      <c r="AB496" s="6">
        <v>1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6</v>
      </c>
      <c r="I497" s="9" t="s">
        <v>6</v>
      </c>
      <c r="J497" s="9" t="s">
        <v>33</v>
      </c>
      <c r="K497" s="6">
        <v>39</v>
      </c>
      <c r="L497" s="6">
        <v>37</v>
      </c>
      <c r="M497" s="6">
        <v>34</v>
      </c>
      <c r="N497" s="6">
        <v>34</v>
      </c>
      <c r="O497" s="10" t="s">
        <v>55</v>
      </c>
      <c r="P497" s="10" t="s">
        <v>55</v>
      </c>
      <c r="Q497" s="10" t="s">
        <v>55</v>
      </c>
      <c r="R497" s="6">
        <v>3</v>
      </c>
      <c r="S497" s="6">
        <v>2</v>
      </c>
      <c r="T497" s="6">
        <v>1</v>
      </c>
      <c r="U497" s="10" t="s">
        <v>55</v>
      </c>
      <c r="V497" s="6">
        <v>1</v>
      </c>
      <c r="W497" s="10" t="s">
        <v>55</v>
      </c>
      <c r="X497" s="6">
        <v>29</v>
      </c>
      <c r="Y497" s="6">
        <v>29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6</v>
      </c>
      <c r="I498" s="9" t="s">
        <v>6</v>
      </c>
      <c r="J498" s="9" t="s">
        <v>34</v>
      </c>
      <c r="K498" s="6">
        <v>40</v>
      </c>
      <c r="L498" s="6">
        <v>37</v>
      </c>
      <c r="M498" s="6">
        <v>35</v>
      </c>
      <c r="N498" s="6">
        <v>31</v>
      </c>
      <c r="O498" s="6">
        <v>2</v>
      </c>
      <c r="P498" s="10" t="s">
        <v>55</v>
      </c>
      <c r="Q498" s="6">
        <v>2</v>
      </c>
      <c r="R498" s="6">
        <v>2</v>
      </c>
      <c r="S498" s="6">
        <v>3</v>
      </c>
      <c r="T498" s="6">
        <v>3</v>
      </c>
      <c r="U498" s="10" t="s">
        <v>55</v>
      </c>
      <c r="V498" s="10" t="s">
        <v>55</v>
      </c>
      <c r="W498" s="10" t="s">
        <v>55</v>
      </c>
      <c r="X498" s="6">
        <v>33</v>
      </c>
      <c r="Y498" s="6">
        <v>30</v>
      </c>
      <c r="Z498" s="6">
        <v>1</v>
      </c>
      <c r="AA498" s="10" t="s">
        <v>55</v>
      </c>
      <c r="AB498" s="6">
        <v>2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6</v>
      </c>
      <c r="I499" s="9" t="s">
        <v>6</v>
      </c>
      <c r="J499" s="9" t="s">
        <v>35</v>
      </c>
      <c r="K499" s="6">
        <v>55</v>
      </c>
      <c r="L499" s="6">
        <v>50</v>
      </c>
      <c r="M499" s="6">
        <v>48</v>
      </c>
      <c r="N499" s="6">
        <v>43</v>
      </c>
      <c r="O499" s="6">
        <v>4</v>
      </c>
      <c r="P499" s="10" t="s">
        <v>55</v>
      </c>
      <c r="Q499" s="6">
        <v>1</v>
      </c>
      <c r="R499" s="6">
        <v>2</v>
      </c>
      <c r="S499" s="6">
        <v>5</v>
      </c>
      <c r="T499" s="6">
        <v>3</v>
      </c>
      <c r="U499" s="10" t="s">
        <v>55</v>
      </c>
      <c r="V499" s="6">
        <v>2</v>
      </c>
      <c r="W499" s="10" t="s">
        <v>55</v>
      </c>
      <c r="X499" s="6">
        <v>37</v>
      </c>
      <c r="Y499" s="6">
        <v>34</v>
      </c>
      <c r="Z499" s="6">
        <v>2</v>
      </c>
      <c r="AA499" s="10" t="s">
        <v>55</v>
      </c>
      <c r="AB499" s="6">
        <v>1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6</v>
      </c>
      <c r="I500" s="9" t="s">
        <v>6</v>
      </c>
      <c r="J500" s="9" t="s">
        <v>36</v>
      </c>
      <c r="K500" s="6">
        <v>67</v>
      </c>
      <c r="L500" s="6">
        <v>62</v>
      </c>
      <c r="M500" s="6">
        <v>60</v>
      </c>
      <c r="N500" s="6">
        <v>54</v>
      </c>
      <c r="O500" s="6">
        <v>5</v>
      </c>
      <c r="P500" s="10" t="s">
        <v>55</v>
      </c>
      <c r="Q500" s="6">
        <v>1</v>
      </c>
      <c r="R500" s="6">
        <v>2</v>
      </c>
      <c r="S500" s="6">
        <v>4</v>
      </c>
      <c r="T500" s="6">
        <v>3</v>
      </c>
      <c r="U500" s="10" t="s">
        <v>55</v>
      </c>
      <c r="V500" s="6">
        <v>1</v>
      </c>
      <c r="W500" s="6">
        <v>1</v>
      </c>
      <c r="X500" s="6">
        <v>49</v>
      </c>
      <c r="Y500" s="6">
        <v>44</v>
      </c>
      <c r="Z500" s="6">
        <v>4</v>
      </c>
      <c r="AA500" s="10" t="s">
        <v>55</v>
      </c>
      <c r="AB500" s="6">
        <v>1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6</v>
      </c>
      <c r="I501" s="9" t="s">
        <v>6</v>
      </c>
      <c r="J501" s="9" t="s">
        <v>37</v>
      </c>
      <c r="K501" s="6">
        <v>89</v>
      </c>
      <c r="L501" s="6">
        <v>82</v>
      </c>
      <c r="M501" s="6">
        <v>80</v>
      </c>
      <c r="N501" s="6">
        <v>72</v>
      </c>
      <c r="O501" s="6">
        <v>8</v>
      </c>
      <c r="P501" s="10" t="s">
        <v>55</v>
      </c>
      <c r="Q501" s="10" t="s">
        <v>55</v>
      </c>
      <c r="R501" s="6">
        <v>2</v>
      </c>
      <c r="S501" s="6">
        <v>5</v>
      </c>
      <c r="T501" s="6">
        <v>4</v>
      </c>
      <c r="U501" s="10" t="s">
        <v>55</v>
      </c>
      <c r="V501" s="6">
        <v>1</v>
      </c>
      <c r="W501" s="6">
        <v>2</v>
      </c>
      <c r="X501" s="6">
        <v>64</v>
      </c>
      <c r="Y501" s="6">
        <v>59</v>
      </c>
      <c r="Z501" s="6">
        <v>5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6</v>
      </c>
      <c r="I502" s="9" t="s">
        <v>6</v>
      </c>
      <c r="J502" s="9" t="s">
        <v>38</v>
      </c>
      <c r="K502" s="6">
        <v>97</v>
      </c>
      <c r="L502" s="6">
        <v>89</v>
      </c>
      <c r="M502" s="6">
        <v>85</v>
      </c>
      <c r="N502" s="6">
        <v>79</v>
      </c>
      <c r="O502" s="6">
        <v>6</v>
      </c>
      <c r="P502" s="10" t="s">
        <v>55</v>
      </c>
      <c r="Q502" s="10" t="s">
        <v>55</v>
      </c>
      <c r="R502" s="6">
        <v>4</v>
      </c>
      <c r="S502" s="6">
        <v>6</v>
      </c>
      <c r="T502" s="6">
        <v>4</v>
      </c>
      <c r="U502" s="10" t="s">
        <v>55</v>
      </c>
      <c r="V502" s="6">
        <v>2</v>
      </c>
      <c r="W502" s="6">
        <v>2</v>
      </c>
      <c r="X502" s="6">
        <v>72</v>
      </c>
      <c r="Y502" s="6">
        <v>67</v>
      </c>
      <c r="Z502" s="6">
        <v>5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6</v>
      </c>
      <c r="I503" s="9" t="s">
        <v>6</v>
      </c>
      <c r="J503" s="9" t="s">
        <v>39</v>
      </c>
      <c r="K503" s="6">
        <v>158</v>
      </c>
      <c r="L503" s="6">
        <v>142</v>
      </c>
      <c r="M503" s="6">
        <v>136</v>
      </c>
      <c r="N503" s="6">
        <v>123</v>
      </c>
      <c r="O503" s="6">
        <v>11</v>
      </c>
      <c r="P503" s="10" t="s">
        <v>55</v>
      </c>
      <c r="Q503" s="6">
        <v>2</v>
      </c>
      <c r="R503" s="6">
        <v>6</v>
      </c>
      <c r="S503" s="6">
        <v>16</v>
      </c>
      <c r="T503" s="6">
        <v>7</v>
      </c>
      <c r="U503" s="10" t="s">
        <v>55</v>
      </c>
      <c r="V503" s="6">
        <v>9</v>
      </c>
      <c r="W503" s="10" t="s">
        <v>55</v>
      </c>
      <c r="X503" s="6">
        <v>103</v>
      </c>
      <c r="Y503" s="6">
        <v>94</v>
      </c>
      <c r="Z503" s="6">
        <v>8</v>
      </c>
      <c r="AA503" s="10" t="s">
        <v>55</v>
      </c>
      <c r="AB503" s="6">
        <v>1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6</v>
      </c>
      <c r="I504" s="9" t="s">
        <v>6</v>
      </c>
      <c r="J504" s="9" t="s">
        <v>40</v>
      </c>
      <c r="K504" s="6">
        <v>175</v>
      </c>
      <c r="L504" s="6">
        <v>146</v>
      </c>
      <c r="M504" s="6">
        <v>140</v>
      </c>
      <c r="N504" s="6">
        <v>116</v>
      </c>
      <c r="O504" s="6">
        <v>21</v>
      </c>
      <c r="P504" s="10" t="s">
        <v>55</v>
      </c>
      <c r="Q504" s="6">
        <v>3</v>
      </c>
      <c r="R504" s="6">
        <v>6</v>
      </c>
      <c r="S504" s="6">
        <v>28</v>
      </c>
      <c r="T504" s="6">
        <v>15</v>
      </c>
      <c r="U504" s="10" t="s">
        <v>55</v>
      </c>
      <c r="V504" s="6">
        <v>13</v>
      </c>
      <c r="W504" s="6">
        <v>1</v>
      </c>
      <c r="X504" s="6">
        <v>73</v>
      </c>
      <c r="Y504" s="6">
        <v>65</v>
      </c>
      <c r="Z504" s="6">
        <v>5</v>
      </c>
      <c r="AA504" s="10" t="s">
        <v>55</v>
      </c>
      <c r="AB504" s="6">
        <v>3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6</v>
      </c>
      <c r="I505" s="9" t="s">
        <v>6</v>
      </c>
      <c r="J505" s="9" t="s">
        <v>41</v>
      </c>
      <c r="K505" s="6">
        <v>196</v>
      </c>
      <c r="L505" s="6">
        <v>132</v>
      </c>
      <c r="M505" s="6">
        <v>131</v>
      </c>
      <c r="N505" s="6">
        <v>106</v>
      </c>
      <c r="O505" s="6">
        <v>22</v>
      </c>
      <c r="P505" s="10" t="s">
        <v>55</v>
      </c>
      <c r="Q505" s="6">
        <v>3</v>
      </c>
      <c r="R505" s="6">
        <v>1</v>
      </c>
      <c r="S505" s="6">
        <v>62</v>
      </c>
      <c r="T505" s="6">
        <v>23</v>
      </c>
      <c r="U505" s="10" t="s">
        <v>55</v>
      </c>
      <c r="V505" s="6">
        <v>39</v>
      </c>
      <c r="W505" s="6">
        <v>2</v>
      </c>
      <c r="X505" s="6">
        <v>51</v>
      </c>
      <c r="Y505" s="6">
        <v>44</v>
      </c>
      <c r="Z505" s="6">
        <v>6</v>
      </c>
      <c r="AA505" s="10" t="s">
        <v>55</v>
      </c>
      <c r="AB505" s="6">
        <v>1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6</v>
      </c>
      <c r="I506" s="9" t="s">
        <v>6</v>
      </c>
      <c r="J506" s="9" t="s">
        <v>42</v>
      </c>
      <c r="K506" s="6">
        <v>169</v>
      </c>
      <c r="L506" s="6">
        <v>70</v>
      </c>
      <c r="M506" s="6">
        <v>68</v>
      </c>
      <c r="N506" s="6">
        <v>56</v>
      </c>
      <c r="O506" s="6">
        <v>11</v>
      </c>
      <c r="P506" s="10" t="s">
        <v>55</v>
      </c>
      <c r="Q506" s="6">
        <v>1</v>
      </c>
      <c r="R506" s="6">
        <v>2</v>
      </c>
      <c r="S506" s="6">
        <v>99</v>
      </c>
      <c r="T506" s="6">
        <v>31</v>
      </c>
      <c r="U506" s="10" t="s">
        <v>55</v>
      </c>
      <c r="V506" s="6">
        <v>68</v>
      </c>
      <c r="W506" s="10" t="s">
        <v>55</v>
      </c>
      <c r="X506" s="6">
        <v>18</v>
      </c>
      <c r="Y506" s="6">
        <v>12</v>
      </c>
      <c r="Z506" s="6">
        <v>5</v>
      </c>
      <c r="AA506" s="10" t="s">
        <v>55</v>
      </c>
      <c r="AB506" s="6">
        <v>1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6</v>
      </c>
      <c r="I507" s="9" t="s">
        <v>6</v>
      </c>
      <c r="J507" s="9" t="s">
        <v>43</v>
      </c>
      <c r="K507" s="6">
        <v>162</v>
      </c>
      <c r="L507" s="6">
        <v>44</v>
      </c>
      <c r="M507" s="6">
        <v>44</v>
      </c>
      <c r="N507" s="6">
        <v>33</v>
      </c>
      <c r="O507" s="6">
        <v>10</v>
      </c>
      <c r="P507" s="10" t="s">
        <v>55</v>
      </c>
      <c r="Q507" s="6">
        <v>1</v>
      </c>
      <c r="R507" s="10" t="s">
        <v>55</v>
      </c>
      <c r="S507" s="6">
        <v>116</v>
      </c>
      <c r="T507" s="6">
        <v>36</v>
      </c>
      <c r="U507" s="10" t="s">
        <v>55</v>
      </c>
      <c r="V507" s="6">
        <v>80</v>
      </c>
      <c r="W507" s="6">
        <v>2</v>
      </c>
      <c r="X507" s="6">
        <v>7</v>
      </c>
      <c r="Y507" s="6">
        <v>7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6</v>
      </c>
      <c r="I508" s="9" t="s">
        <v>6</v>
      </c>
      <c r="J508" s="9" t="s">
        <v>44</v>
      </c>
      <c r="K508" s="6">
        <v>159</v>
      </c>
      <c r="L508" s="6">
        <v>37</v>
      </c>
      <c r="M508" s="6">
        <v>37</v>
      </c>
      <c r="N508" s="6">
        <v>28</v>
      </c>
      <c r="O508" s="6">
        <v>8</v>
      </c>
      <c r="P508" s="10" t="s">
        <v>55</v>
      </c>
      <c r="Q508" s="6">
        <v>1</v>
      </c>
      <c r="R508" s="10" t="s">
        <v>55</v>
      </c>
      <c r="S508" s="6">
        <v>119</v>
      </c>
      <c r="T508" s="6">
        <v>15</v>
      </c>
      <c r="U508" s="10" t="s">
        <v>55</v>
      </c>
      <c r="V508" s="6">
        <v>104</v>
      </c>
      <c r="W508" s="6">
        <v>3</v>
      </c>
      <c r="X508" s="6">
        <v>3</v>
      </c>
      <c r="Y508" s="6">
        <v>3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6</v>
      </c>
      <c r="I509" s="9" t="s">
        <v>6</v>
      </c>
      <c r="J509" s="9" t="s">
        <v>45</v>
      </c>
      <c r="K509" s="6">
        <v>118</v>
      </c>
      <c r="L509" s="6">
        <v>9</v>
      </c>
      <c r="M509" s="6">
        <v>9</v>
      </c>
      <c r="N509" s="6">
        <v>4</v>
      </c>
      <c r="O509" s="6">
        <v>5</v>
      </c>
      <c r="P509" s="10" t="s">
        <v>55</v>
      </c>
      <c r="Q509" s="10" t="s">
        <v>55</v>
      </c>
      <c r="R509" s="10" t="s">
        <v>55</v>
      </c>
      <c r="S509" s="6">
        <v>107</v>
      </c>
      <c r="T509" s="6">
        <v>9</v>
      </c>
      <c r="U509" s="10" t="s">
        <v>55</v>
      </c>
      <c r="V509" s="6">
        <v>98</v>
      </c>
      <c r="W509" s="6">
        <v>2</v>
      </c>
      <c r="X509" s="6">
        <v>1</v>
      </c>
      <c r="Y509" s="10" t="s">
        <v>55</v>
      </c>
      <c r="Z509" s="6">
        <v>1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6</v>
      </c>
      <c r="I510" s="9" t="s">
        <v>6</v>
      </c>
      <c r="J510" s="9" t="s">
        <v>46</v>
      </c>
      <c r="K510" s="6">
        <v>61</v>
      </c>
      <c r="L510" s="6">
        <v>2</v>
      </c>
      <c r="M510" s="6">
        <v>2</v>
      </c>
      <c r="N510" s="6">
        <v>1</v>
      </c>
      <c r="O510" s="6">
        <v>1</v>
      </c>
      <c r="P510" s="10" t="s">
        <v>55</v>
      </c>
      <c r="Q510" s="10" t="s">
        <v>55</v>
      </c>
      <c r="R510" s="10" t="s">
        <v>55</v>
      </c>
      <c r="S510" s="6">
        <v>59</v>
      </c>
      <c r="T510" s="6">
        <v>3</v>
      </c>
      <c r="U510" s="10" t="s">
        <v>55</v>
      </c>
      <c r="V510" s="6">
        <v>56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6</v>
      </c>
      <c r="I511" s="9" t="s">
        <v>6</v>
      </c>
      <c r="J511" s="9" t="s">
        <v>47</v>
      </c>
      <c r="K511" s="6">
        <v>21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6">
        <v>21</v>
      </c>
      <c r="T511" s="10" t="s">
        <v>55</v>
      </c>
      <c r="U511" s="10" t="s">
        <v>55</v>
      </c>
      <c r="V511" s="6">
        <v>21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6</v>
      </c>
      <c r="I512" s="9" t="s">
        <v>6</v>
      </c>
      <c r="J512" s="9" t="s">
        <v>48</v>
      </c>
      <c r="K512" s="6">
        <v>834</v>
      </c>
      <c r="L512" s="6">
        <v>702</v>
      </c>
      <c r="M512" s="6">
        <v>671</v>
      </c>
      <c r="N512" s="6">
        <v>602</v>
      </c>
      <c r="O512" s="6">
        <v>57</v>
      </c>
      <c r="P512" s="6">
        <v>2</v>
      </c>
      <c r="Q512" s="6">
        <v>10</v>
      </c>
      <c r="R512" s="6">
        <v>31</v>
      </c>
      <c r="S512" s="6">
        <v>123</v>
      </c>
      <c r="T512" s="6">
        <v>41</v>
      </c>
      <c r="U512" s="6">
        <v>52</v>
      </c>
      <c r="V512" s="6">
        <v>30</v>
      </c>
      <c r="W512" s="6">
        <v>9</v>
      </c>
      <c r="X512" s="6">
        <v>510</v>
      </c>
      <c r="Y512" s="6">
        <v>469</v>
      </c>
      <c r="Z512" s="6">
        <v>30</v>
      </c>
      <c r="AA512" s="6">
        <v>2</v>
      </c>
      <c r="AB512" s="6">
        <v>9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6</v>
      </c>
      <c r="I513" s="9" t="s">
        <v>6</v>
      </c>
      <c r="J513" s="9" t="s">
        <v>49</v>
      </c>
      <c r="K513" s="6">
        <v>886</v>
      </c>
      <c r="L513" s="6">
        <v>294</v>
      </c>
      <c r="M513" s="6">
        <v>291</v>
      </c>
      <c r="N513" s="6">
        <v>228</v>
      </c>
      <c r="O513" s="6">
        <v>57</v>
      </c>
      <c r="P513" s="10" t="s">
        <v>55</v>
      </c>
      <c r="Q513" s="6">
        <v>6</v>
      </c>
      <c r="R513" s="6">
        <v>3</v>
      </c>
      <c r="S513" s="6">
        <v>583</v>
      </c>
      <c r="T513" s="6">
        <v>117</v>
      </c>
      <c r="U513" s="10" t="s">
        <v>55</v>
      </c>
      <c r="V513" s="6">
        <v>466</v>
      </c>
      <c r="W513" s="6">
        <v>9</v>
      </c>
      <c r="X513" s="6">
        <v>80</v>
      </c>
      <c r="Y513" s="6">
        <v>66</v>
      </c>
      <c r="Z513" s="6">
        <v>12</v>
      </c>
      <c r="AA513" s="10" t="s">
        <v>55</v>
      </c>
      <c r="AB513" s="6">
        <v>2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6</v>
      </c>
      <c r="I514" s="9" t="s">
        <v>6</v>
      </c>
      <c r="J514" s="9" t="s">
        <v>50</v>
      </c>
      <c r="K514" s="6">
        <v>521</v>
      </c>
      <c r="L514" s="6">
        <v>92</v>
      </c>
      <c r="M514" s="6">
        <v>92</v>
      </c>
      <c r="N514" s="6">
        <v>66</v>
      </c>
      <c r="O514" s="6">
        <v>24</v>
      </c>
      <c r="P514" s="10" t="s">
        <v>55</v>
      </c>
      <c r="Q514" s="6">
        <v>2</v>
      </c>
      <c r="R514" s="10" t="s">
        <v>55</v>
      </c>
      <c r="S514" s="6">
        <v>422</v>
      </c>
      <c r="T514" s="6">
        <v>63</v>
      </c>
      <c r="U514" s="10" t="s">
        <v>55</v>
      </c>
      <c r="V514" s="6">
        <v>359</v>
      </c>
      <c r="W514" s="6">
        <v>7</v>
      </c>
      <c r="X514" s="6">
        <v>11</v>
      </c>
      <c r="Y514" s="6">
        <v>10</v>
      </c>
      <c r="Z514" s="6">
        <v>1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6</v>
      </c>
      <c r="I515" s="9" t="s">
        <v>6</v>
      </c>
      <c r="J515" s="9" t="s">
        <v>51</v>
      </c>
      <c r="K515" s="6">
        <v>200</v>
      </c>
      <c r="L515" s="6">
        <v>11</v>
      </c>
      <c r="M515" s="6">
        <v>11</v>
      </c>
      <c r="N515" s="6">
        <v>5</v>
      </c>
      <c r="O515" s="6">
        <v>6</v>
      </c>
      <c r="P515" s="10" t="s">
        <v>55</v>
      </c>
      <c r="Q515" s="10" t="s">
        <v>55</v>
      </c>
      <c r="R515" s="10" t="s">
        <v>55</v>
      </c>
      <c r="S515" s="6">
        <v>187</v>
      </c>
      <c r="T515" s="6">
        <v>12</v>
      </c>
      <c r="U515" s="10" t="s">
        <v>55</v>
      </c>
      <c r="V515" s="6">
        <v>175</v>
      </c>
      <c r="W515" s="6">
        <v>2</v>
      </c>
      <c r="X515" s="6">
        <v>1</v>
      </c>
      <c r="Y515" s="10" t="s">
        <v>55</v>
      </c>
      <c r="Z515" s="6">
        <v>1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6</v>
      </c>
      <c r="I516" s="9" t="s">
        <v>6</v>
      </c>
      <c r="J516" s="9" t="s">
        <v>52</v>
      </c>
      <c r="K516" s="6">
        <v>971</v>
      </c>
      <c r="L516" s="6">
        <v>824</v>
      </c>
      <c r="M516" s="6">
        <v>793</v>
      </c>
      <c r="N516" s="6">
        <v>701</v>
      </c>
      <c r="O516" s="6">
        <v>79</v>
      </c>
      <c r="P516" s="10" t="s">
        <v>55</v>
      </c>
      <c r="Q516" s="6">
        <v>13</v>
      </c>
      <c r="R516" s="6">
        <v>31</v>
      </c>
      <c r="S516" s="6">
        <v>137</v>
      </c>
      <c r="T516" s="6">
        <v>64</v>
      </c>
      <c r="U516" s="6">
        <v>5</v>
      </c>
      <c r="V516" s="6">
        <v>68</v>
      </c>
      <c r="W516" s="6">
        <v>10</v>
      </c>
      <c r="X516" s="6">
        <v>553</v>
      </c>
      <c r="Y516" s="6">
        <v>507</v>
      </c>
      <c r="Z516" s="6">
        <v>36</v>
      </c>
      <c r="AA516" s="10" t="s">
        <v>55</v>
      </c>
      <c r="AB516" s="6">
        <v>10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6</v>
      </c>
      <c r="I517" s="9" t="s">
        <v>53</v>
      </c>
      <c r="J517" s="9" t="s">
        <v>30</v>
      </c>
      <c r="K517" s="6">
        <v>812</v>
      </c>
      <c r="L517" s="6">
        <v>537</v>
      </c>
      <c r="M517" s="6">
        <v>516</v>
      </c>
      <c r="N517" s="6">
        <v>493</v>
      </c>
      <c r="O517" s="6">
        <v>14</v>
      </c>
      <c r="P517" s="6">
        <v>1</v>
      </c>
      <c r="Q517" s="6">
        <v>8</v>
      </c>
      <c r="R517" s="6">
        <v>21</v>
      </c>
      <c r="S517" s="6">
        <v>265</v>
      </c>
      <c r="T517" s="6">
        <v>23</v>
      </c>
      <c r="U517" s="6">
        <v>25</v>
      </c>
      <c r="V517" s="6">
        <v>217</v>
      </c>
      <c r="W517" s="6">
        <v>10</v>
      </c>
      <c r="X517" s="6">
        <v>301</v>
      </c>
      <c r="Y517" s="6">
        <v>290</v>
      </c>
      <c r="Z517" s="6">
        <v>5</v>
      </c>
      <c r="AA517" s="6">
        <v>1</v>
      </c>
      <c r="AB517" s="6">
        <v>5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6</v>
      </c>
      <c r="I518" s="9" t="s">
        <v>53</v>
      </c>
      <c r="J518" s="9" t="s">
        <v>31</v>
      </c>
      <c r="K518" s="6">
        <v>32</v>
      </c>
      <c r="L518" s="6">
        <v>7</v>
      </c>
      <c r="M518" s="6">
        <v>7</v>
      </c>
      <c r="N518" s="6">
        <v>6</v>
      </c>
      <c r="O518" s="10" t="s">
        <v>55</v>
      </c>
      <c r="P518" s="6">
        <v>1</v>
      </c>
      <c r="Q518" s="10" t="s">
        <v>55</v>
      </c>
      <c r="R518" s="10" t="s">
        <v>55</v>
      </c>
      <c r="S518" s="6">
        <v>24</v>
      </c>
      <c r="T518" s="10" t="s">
        <v>55</v>
      </c>
      <c r="U518" s="6">
        <v>23</v>
      </c>
      <c r="V518" s="6">
        <v>1</v>
      </c>
      <c r="W518" s="6">
        <v>1</v>
      </c>
      <c r="X518" s="6">
        <v>6</v>
      </c>
      <c r="Y518" s="6">
        <v>5</v>
      </c>
      <c r="Z518" s="10" t="s">
        <v>55</v>
      </c>
      <c r="AA518" s="6">
        <v>1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6</v>
      </c>
      <c r="I519" s="9" t="s">
        <v>53</v>
      </c>
      <c r="J519" s="9" t="s">
        <v>32</v>
      </c>
      <c r="K519" s="6">
        <v>23</v>
      </c>
      <c r="L519" s="6">
        <v>20</v>
      </c>
      <c r="M519" s="6">
        <v>20</v>
      </c>
      <c r="N519" s="6">
        <v>19</v>
      </c>
      <c r="O519" s="10" t="s">
        <v>55</v>
      </c>
      <c r="P519" s="10" t="s">
        <v>55</v>
      </c>
      <c r="Q519" s="6">
        <v>1</v>
      </c>
      <c r="R519" s="10" t="s">
        <v>55</v>
      </c>
      <c r="S519" s="6">
        <v>2</v>
      </c>
      <c r="T519" s="10" t="s">
        <v>55</v>
      </c>
      <c r="U519" s="6">
        <v>2</v>
      </c>
      <c r="V519" s="10" t="s">
        <v>55</v>
      </c>
      <c r="W519" s="6">
        <v>1</v>
      </c>
      <c r="X519" s="6">
        <v>19</v>
      </c>
      <c r="Y519" s="6">
        <v>18</v>
      </c>
      <c r="Z519" s="10" t="s">
        <v>55</v>
      </c>
      <c r="AA519" s="10" t="s">
        <v>55</v>
      </c>
      <c r="AB519" s="6">
        <v>1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6</v>
      </c>
      <c r="I520" s="9" t="s">
        <v>53</v>
      </c>
      <c r="J520" s="9" t="s">
        <v>33</v>
      </c>
      <c r="K520" s="6">
        <v>19</v>
      </c>
      <c r="L520" s="6">
        <v>19</v>
      </c>
      <c r="M520" s="6">
        <v>18</v>
      </c>
      <c r="N520" s="6">
        <v>18</v>
      </c>
      <c r="O520" s="10" t="s">
        <v>55</v>
      </c>
      <c r="P520" s="10" t="s">
        <v>55</v>
      </c>
      <c r="Q520" s="10" t="s">
        <v>55</v>
      </c>
      <c r="R520" s="6">
        <v>1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6">
        <v>14</v>
      </c>
      <c r="Y520" s="6">
        <v>14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6</v>
      </c>
      <c r="I521" s="9" t="s">
        <v>53</v>
      </c>
      <c r="J521" s="9" t="s">
        <v>34</v>
      </c>
      <c r="K521" s="6">
        <v>19</v>
      </c>
      <c r="L521" s="6">
        <v>18</v>
      </c>
      <c r="M521" s="6">
        <v>16</v>
      </c>
      <c r="N521" s="6">
        <v>15</v>
      </c>
      <c r="O521" s="10" t="s">
        <v>55</v>
      </c>
      <c r="P521" s="10" t="s">
        <v>55</v>
      </c>
      <c r="Q521" s="6">
        <v>1</v>
      </c>
      <c r="R521" s="6">
        <v>2</v>
      </c>
      <c r="S521" s="6">
        <v>1</v>
      </c>
      <c r="T521" s="6">
        <v>1</v>
      </c>
      <c r="U521" s="10" t="s">
        <v>55</v>
      </c>
      <c r="V521" s="10" t="s">
        <v>55</v>
      </c>
      <c r="W521" s="10" t="s">
        <v>55</v>
      </c>
      <c r="X521" s="6">
        <v>15</v>
      </c>
      <c r="Y521" s="6">
        <v>14</v>
      </c>
      <c r="Z521" s="10" t="s">
        <v>55</v>
      </c>
      <c r="AA521" s="10" t="s">
        <v>55</v>
      </c>
      <c r="AB521" s="6">
        <v>1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6</v>
      </c>
      <c r="I522" s="9" t="s">
        <v>53</v>
      </c>
      <c r="J522" s="9" t="s">
        <v>35</v>
      </c>
      <c r="K522" s="6">
        <v>22</v>
      </c>
      <c r="L522" s="6">
        <v>21</v>
      </c>
      <c r="M522" s="6">
        <v>20</v>
      </c>
      <c r="N522" s="6">
        <v>20</v>
      </c>
      <c r="O522" s="10" t="s">
        <v>55</v>
      </c>
      <c r="P522" s="10" t="s">
        <v>55</v>
      </c>
      <c r="Q522" s="10" t="s">
        <v>55</v>
      </c>
      <c r="R522" s="6">
        <v>1</v>
      </c>
      <c r="S522" s="6">
        <v>1</v>
      </c>
      <c r="T522" s="10" t="s">
        <v>55</v>
      </c>
      <c r="U522" s="10" t="s">
        <v>55</v>
      </c>
      <c r="V522" s="6">
        <v>1</v>
      </c>
      <c r="W522" s="10" t="s">
        <v>55</v>
      </c>
      <c r="X522" s="6">
        <v>14</v>
      </c>
      <c r="Y522" s="6">
        <v>14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6</v>
      </c>
      <c r="I523" s="9" t="s">
        <v>53</v>
      </c>
      <c r="J523" s="9" t="s">
        <v>36</v>
      </c>
      <c r="K523" s="6">
        <v>39</v>
      </c>
      <c r="L523" s="6">
        <v>38</v>
      </c>
      <c r="M523" s="6">
        <v>36</v>
      </c>
      <c r="N523" s="6">
        <v>33</v>
      </c>
      <c r="O523" s="6">
        <v>2</v>
      </c>
      <c r="P523" s="10" t="s">
        <v>55</v>
      </c>
      <c r="Q523" s="6">
        <v>1</v>
      </c>
      <c r="R523" s="6">
        <v>2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6">
        <v>1</v>
      </c>
      <c r="X523" s="6">
        <v>30</v>
      </c>
      <c r="Y523" s="6">
        <v>27</v>
      </c>
      <c r="Z523" s="6">
        <v>2</v>
      </c>
      <c r="AA523" s="10" t="s">
        <v>55</v>
      </c>
      <c r="AB523" s="6">
        <v>1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6</v>
      </c>
      <c r="I524" s="9" t="s">
        <v>53</v>
      </c>
      <c r="J524" s="9" t="s">
        <v>37</v>
      </c>
      <c r="K524" s="6">
        <v>36</v>
      </c>
      <c r="L524" s="6">
        <v>35</v>
      </c>
      <c r="M524" s="6">
        <v>35</v>
      </c>
      <c r="N524" s="6">
        <v>33</v>
      </c>
      <c r="O524" s="6">
        <v>2</v>
      </c>
      <c r="P524" s="10" t="s">
        <v>55</v>
      </c>
      <c r="Q524" s="10" t="s">
        <v>55</v>
      </c>
      <c r="R524" s="10" t="s">
        <v>55</v>
      </c>
      <c r="S524" s="6">
        <v>1</v>
      </c>
      <c r="T524" s="10" t="s">
        <v>55</v>
      </c>
      <c r="U524" s="10" t="s">
        <v>55</v>
      </c>
      <c r="V524" s="6">
        <v>1</v>
      </c>
      <c r="W524" s="10" t="s">
        <v>55</v>
      </c>
      <c r="X524" s="6">
        <v>24</v>
      </c>
      <c r="Y524" s="6">
        <v>24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6</v>
      </c>
      <c r="I525" s="9" t="s">
        <v>53</v>
      </c>
      <c r="J525" s="9" t="s">
        <v>38</v>
      </c>
      <c r="K525" s="6">
        <v>51</v>
      </c>
      <c r="L525" s="6">
        <v>47</v>
      </c>
      <c r="M525" s="6">
        <v>44</v>
      </c>
      <c r="N525" s="6">
        <v>44</v>
      </c>
      <c r="O525" s="10" t="s">
        <v>55</v>
      </c>
      <c r="P525" s="10" t="s">
        <v>55</v>
      </c>
      <c r="Q525" s="10" t="s">
        <v>55</v>
      </c>
      <c r="R525" s="6">
        <v>3</v>
      </c>
      <c r="S525" s="6">
        <v>2</v>
      </c>
      <c r="T525" s="10" t="s">
        <v>55</v>
      </c>
      <c r="U525" s="10" t="s">
        <v>55</v>
      </c>
      <c r="V525" s="6">
        <v>2</v>
      </c>
      <c r="W525" s="6">
        <v>2</v>
      </c>
      <c r="X525" s="6">
        <v>38</v>
      </c>
      <c r="Y525" s="6">
        <v>38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6</v>
      </c>
      <c r="I526" s="9" t="s">
        <v>53</v>
      </c>
      <c r="J526" s="9" t="s">
        <v>39</v>
      </c>
      <c r="K526" s="6">
        <v>85</v>
      </c>
      <c r="L526" s="6">
        <v>78</v>
      </c>
      <c r="M526" s="6">
        <v>72</v>
      </c>
      <c r="N526" s="6">
        <v>71</v>
      </c>
      <c r="O526" s="6">
        <v>1</v>
      </c>
      <c r="P526" s="10" t="s">
        <v>55</v>
      </c>
      <c r="Q526" s="10" t="s">
        <v>55</v>
      </c>
      <c r="R526" s="6">
        <v>6</v>
      </c>
      <c r="S526" s="6">
        <v>7</v>
      </c>
      <c r="T526" s="6">
        <v>1</v>
      </c>
      <c r="U526" s="10" t="s">
        <v>55</v>
      </c>
      <c r="V526" s="6">
        <v>6</v>
      </c>
      <c r="W526" s="10" t="s">
        <v>55</v>
      </c>
      <c r="X526" s="6">
        <v>55</v>
      </c>
      <c r="Y526" s="6">
        <v>54</v>
      </c>
      <c r="Z526" s="6">
        <v>1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6</v>
      </c>
      <c r="I527" s="9" t="s">
        <v>53</v>
      </c>
      <c r="J527" s="9" t="s">
        <v>40</v>
      </c>
      <c r="K527" s="6">
        <v>96</v>
      </c>
      <c r="L527" s="6">
        <v>80</v>
      </c>
      <c r="M527" s="6">
        <v>77</v>
      </c>
      <c r="N527" s="6">
        <v>75</v>
      </c>
      <c r="O527" s="6">
        <v>1</v>
      </c>
      <c r="P527" s="10" t="s">
        <v>55</v>
      </c>
      <c r="Q527" s="6">
        <v>1</v>
      </c>
      <c r="R527" s="6">
        <v>3</v>
      </c>
      <c r="S527" s="6">
        <v>15</v>
      </c>
      <c r="T527" s="6">
        <v>4</v>
      </c>
      <c r="U527" s="10" t="s">
        <v>55</v>
      </c>
      <c r="V527" s="6">
        <v>11</v>
      </c>
      <c r="W527" s="6">
        <v>1</v>
      </c>
      <c r="X527" s="6">
        <v>42</v>
      </c>
      <c r="Y527" s="6">
        <v>41</v>
      </c>
      <c r="Z527" s="10" t="s">
        <v>55</v>
      </c>
      <c r="AA527" s="10" t="s">
        <v>55</v>
      </c>
      <c r="AB527" s="6">
        <v>1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6</v>
      </c>
      <c r="I528" s="9" t="s">
        <v>53</v>
      </c>
      <c r="J528" s="9" t="s">
        <v>41</v>
      </c>
      <c r="K528" s="6">
        <v>109</v>
      </c>
      <c r="L528" s="6">
        <v>81</v>
      </c>
      <c r="M528" s="6">
        <v>80</v>
      </c>
      <c r="N528" s="6">
        <v>75</v>
      </c>
      <c r="O528" s="6">
        <v>3</v>
      </c>
      <c r="P528" s="10" t="s">
        <v>55</v>
      </c>
      <c r="Q528" s="6">
        <v>2</v>
      </c>
      <c r="R528" s="6">
        <v>1</v>
      </c>
      <c r="S528" s="6">
        <v>27</v>
      </c>
      <c r="T528" s="6">
        <v>5</v>
      </c>
      <c r="U528" s="10" t="s">
        <v>55</v>
      </c>
      <c r="V528" s="6">
        <v>22</v>
      </c>
      <c r="W528" s="6">
        <v>1</v>
      </c>
      <c r="X528" s="6">
        <v>29</v>
      </c>
      <c r="Y528" s="6">
        <v>28</v>
      </c>
      <c r="Z528" s="6">
        <v>1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6</v>
      </c>
      <c r="I529" s="9" t="s">
        <v>53</v>
      </c>
      <c r="J529" s="9" t="s">
        <v>42</v>
      </c>
      <c r="K529" s="6">
        <v>88</v>
      </c>
      <c r="L529" s="6">
        <v>41</v>
      </c>
      <c r="M529" s="6">
        <v>39</v>
      </c>
      <c r="N529" s="6">
        <v>37</v>
      </c>
      <c r="O529" s="6">
        <v>1</v>
      </c>
      <c r="P529" s="10" t="s">
        <v>55</v>
      </c>
      <c r="Q529" s="6">
        <v>1</v>
      </c>
      <c r="R529" s="6">
        <v>2</v>
      </c>
      <c r="S529" s="6">
        <v>47</v>
      </c>
      <c r="T529" s="6">
        <v>5</v>
      </c>
      <c r="U529" s="10" t="s">
        <v>55</v>
      </c>
      <c r="V529" s="6">
        <v>42</v>
      </c>
      <c r="W529" s="10" t="s">
        <v>55</v>
      </c>
      <c r="X529" s="6">
        <v>9</v>
      </c>
      <c r="Y529" s="6">
        <v>7</v>
      </c>
      <c r="Z529" s="6">
        <v>1</v>
      </c>
      <c r="AA529" s="10" t="s">
        <v>55</v>
      </c>
      <c r="AB529" s="6">
        <v>1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6</v>
      </c>
      <c r="I530" s="9" t="s">
        <v>53</v>
      </c>
      <c r="J530" s="9" t="s">
        <v>43</v>
      </c>
      <c r="K530" s="6">
        <v>65</v>
      </c>
      <c r="L530" s="6">
        <v>23</v>
      </c>
      <c r="M530" s="6">
        <v>23</v>
      </c>
      <c r="N530" s="6">
        <v>22</v>
      </c>
      <c r="O530" s="6">
        <v>1</v>
      </c>
      <c r="P530" s="10" t="s">
        <v>55</v>
      </c>
      <c r="Q530" s="10" t="s">
        <v>55</v>
      </c>
      <c r="R530" s="10" t="s">
        <v>55</v>
      </c>
      <c r="S530" s="6">
        <v>41</v>
      </c>
      <c r="T530" s="6">
        <v>5</v>
      </c>
      <c r="U530" s="10" t="s">
        <v>55</v>
      </c>
      <c r="V530" s="6">
        <v>36</v>
      </c>
      <c r="W530" s="6">
        <v>1</v>
      </c>
      <c r="X530" s="6">
        <v>4</v>
      </c>
      <c r="Y530" s="6">
        <v>4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6</v>
      </c>
      <c r="I531" s="9" t="s">
        <v>53</v>
      </c>
      <c r="J531" s="9" t="s">
        <v>44</v>
      </c>
      <c r="K531" s="6">
        <v>71</v>
      </c>
      <c r="L531" s="6">
        <v>22</v>
      </c>
      <c r="M531" s="6">
        <v>22</v>
      </c>
      <c r="N531" s="6">
        <v>20</v>
      </c>
      <c r="O531" s="6">
        <v>1</v>
      </c>
      <c r="P531" s="10" t="s">
        <v>55</v>
      </c>
      <c r="Q531" s="6">
        <v>1</v>
      </c>
      <c r="R531" s="10" t="s">
        <v>55</v>
      </c>
      <c r="S531" s="6">
        <v>47</v>
      </c>
      <c r="T531" s="6">
        <v>2</v>
      </c>
      <c r="U531" s="10" t="s">
        <v>55</v>
      </c>
      <c r="V531" s="6">
        <v>45</v>
      </c>
      <c r="W531" s="6">
        <v>2</v>
      </c>
      <c r="X531" s="6">
        <v>2</v>
      </c>
      <c r="Y531" s="6">
        <v>2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6</v>
      </c>
      <c r="I532" s="9" t="s">
        <v>53</v>
      </c>
      <c r="J532" s="9" t="s">
        <v>45</v>
      </c>
      <c r="K532" s="6">
        <v>42</v>
      </c>
      <c r="L532" s="6">
        <v>6</v>
      </c>
      <c r="M532" s="6">
        <v>6</v>
      </c>
      <c r="N532" s="6">
        <v>4</v>
      </c>
      <c r="O532" s="6">
        <v>2</v>
      </c>
      <c r="P532" s="10" t="s">
        <v>55</v>
      </c>
      <c r="Q532" s="10" t="s">
        <v>55</v>
      </c>
      <c r="R532" s="10" t="s">
        <v>55</v>
      </c>
      <c r="S532" s="6">
        <v>36</v>
      </c>
      <c r="T532" s="10" t="s">
        <v>55</v>
      </c>
      <c r="U532" s="10" t="s">
        <v>55</v>
      </c>
      <c r="V532" s="6">
        <v>36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6</v>
      </c>
      <c r="I533" s="9" t="s">
        <v>53</v>
      </c>
      <c r="J533" s="9" t="s">
        <v>46</v>
      </c>
      <c r="K533" s="6">
        <v>13</v>
      </c>
      <c r="L533" s="6">
        <v>1</v>
      </c>
      <c r="M533" s="6">
        <v>1</v>
      </c>
      <c r="N533" s="6">
        <v>1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6">
        <v>12</v>
      </c>
      <c r="T533" s="10" t="s">
        <v>55</v>
      </c>
      <c r="U533" s="10" t="s">
        <v>55</v>
      </c>
      <c r="V533" s="6">
        <v>12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6</v>
      </c>
      <c r="I534" s="9" t="s">
        <v>53</v>
      </c>
      <c r="J534" s="9" t="s">
        <v>47</v>
      </c>
      <c r="K534" s="6">
        <v>2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6">
        <v>2</v>
      </c>
      <c r="T534" s="10" t="s">
        <v>55</v>
      </c>
      <c r="U534" s="10" t="s">
        <v>55</v>
      </c>
      <c r="V534" s="6">
        <v>2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6</v>
      </c>
      <c r="I535" s="9" t="s">
        <v>53</v>
      </c>
      <c r="J535" s="9" t="s">
        <v>48</v>
      </c>
      <c r="K535" s="6">
        <v>422</v>
      </c>
      <c r="L535" s="6">
        <v>363</v>
      </c>
      <c r="M535" s="6">
        <v>345</v>
      </c>
      <c r="N535" s="6">
        <v>334</v>
      </c>
      <c r="O535" s="6">
        <v>6</v>
      </c>
      <c r="P535" s="6">
        <v>1</v>
      </c>
      <c r="Q535" s="6">
        <v>4</v>
      </c>
      <c r="R535" s="6">
        <v>18</v>
      </c>
      <c r="S535" s="6">
        <v>53</v>
      </c>
      <c r="T535" s="6">
        <v>6</v>
      </c>
      <c r="U535" s="6">
        <v>25</v>
      </c>
      <c r="V535" s="6">
        <v>22</v>
      </c>
      <c r="W535" s="6">
        <v>6</v>
      </c>
      <c r="X535" s="6">
        <v>257</v>
      </c>
      <c r="Y535" s="6">
        <v>249</v>
      </c>
      <c r="Z535" s="6">
        <v>3</v>
      </c>
      <c r="AA535" s="6">
        <v>1</v>
      </c>
      <c r="AB535" s="6">
        <v>4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6</v>
      </c>
      <c r="I536" s="9" t="s">
        <v>53</v>
      </c>
      <c r="J536" s="9" t="s">
        <v>49</v>
      </c>
      <c r="K536" s="6">
        <v>390</v>
      </c>
      <c r="L536" s="6">
        <v>174</v>
      </c>
      <c r="M536" s="6">
        <v>171</v>
      </c>
      <c r="N536" s="6">
        <v>159</v>
      </c>
      <c r="O536" s="6">
        <v>8</v>
      </c>
      <c r="P536" s="10" t="s">
        <v>55</v>
      </c>
      <c r="Q536" s="6">
        <v>4</v>
      </c>
      <c r="R536" s="6">
        <v>3</v>
      </c>
      <c r="S536" s="6">
        <v>212</v>
      </c>
      <c r="T536" s="6">
        <v>17</v>
      </c>
      <c r="U536" s="10" t="s">
        <v>55</v>
      </c>
      <c r="V536" s="6">
        <v>195</v>
      </c>
      <c r="W536" s="6">
        <v>4</v>
      </c>
      <c r="X536" s="6">
        <v>44</v>
      </c>
      <c r="Y536" s="6">
        <v>41</v>
      </c>
      <c r="Z536" s="6">
        <v>2</v>
      </c>
      <c r="AA536" s="10" t="s">
        <v>55</v>
      </c>
      <c r="AB536" s="6">
        <v>1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6</v>
      </c>
      <c r="I537" s="9" t="s">
        <v>53</v>
      </c>
      <c r="J537" s="9" t="s">
        <v>50</v>
      </c>
      <c r="K537" s="6">
        <v>193</v>
      </c>
      <c r="L537" s="6">
        <v>52</v>
      </c>
      <c r="M537" s="6">
        <v>52</v>
      </c>
      <c r="N537" s="6">
        <v>47</v>
      </c>
      <c r="O537" s="6">
        <v>4</v>
      </c>
      <c r="P537" s="10" t="s">
        <v>55</v>
      </c>
      <c r="Q537" s="6">
        <v>1</v>
      </c>
      <c r="R537" s="10" t="s">
        <v>55</v>
      </c>
      <c r="S537" s="6">
        <v>138</v>
      </c>
      <c r="T537" s="6">
        <v>7</v>
      </c>
      <c r="U537" s="10" t="s">
        <v>55</v>
      </c>
      <c r="V537" s="6">
        <v>131</v>
      </c>
      <c r="W537" s="6">
        <v>3</v>
      </c>
      <c r="X537" s="6">
        <v>6</v>
      </c>
      <c r="Y537" s="6">
        <v>6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6</v>
      </c>
      <c r="I538" s="9" t="s">
        <v>53</v>
      </c>
      <c r="J538" s="9" t="s">
        <v>51</v>
      </c>
      <c r="K538" s="6">
        <v>57</v>
      </c>
      <c r="L538" s="6">
        <v>7</v>
      </c>
      <c r="M538" s="6">
        <v>7</v>
      </c>
      <c r="N538" s="6">
        <v>5</v>
      </c>
      <c r="O538" s="6">
        <v>2</v>
      </c>
      <c r="P538" s="10" t="s">
        <v>55</v>
      </c>
      <c r="Q538" s="10" t="s">
        <v>55</v>
      </c>
      <c r="R538" s="10" t="s">
        <v>55</v>
      </c>
      <c r="S538" s="6">
        <v>50</v>
      </c>
      <c r="T538" s="10" t="s">
        <v>55</v>
      </c>
      <c r="U538" s="10" t="s">
        <v>55</v>
      </c>
      <c r="V538" s="6">
        <v>50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6</v>
      </c>
      <c r="I539" s="9" t="s">
        <v>53</v>
      </c>
      <c r="J539" s="9" t="s">
        <v>52</v>
      </c>
      <c r="K539" s="6">
        <v>499</v>
      </c>
      <c r="L539" s="6">
        <v>437</v>
      </c>
      <c r="M539" s="6">
        <v>418</v>
      </c>
      <c r="N539" s="6">
        <v>403</v>
      </c>
      <c r="O539" s="6">
        <v>9</v>
      </c>
      <c r="P539" s="10" t="s">
        <v>55</v>
      </c>
      <c r="Q539" s="6">
        <v>6</v>
      </c>
      <c r="R539" s="6">
        <v>19</v>
      </c>
      <c r="S539" s="6">
        <v>56</v>
      </c>
      <c r="T539" s="6">
        <v>11</v>
      </c>
      <c r="U539" s="6">
        <v>2</v>
      </c>
      <c r="V539" s="6">
        <v>43</v>
      </c>
      <c r="W539" s="6">
        <v>6</v>
      </c>
      <c r="X539" s="6">
        <v>280</v>
      </c>
      <c r="Y539" s="6">
        <v>272</v>
      </c>
      <c r="Z539" s="6">
        <v>4</v>
      </c>
      <c r="AA539" s="10" t="s">
        <v>55</v>
      </c>
      <c r="AB539" s="6">
        <v>4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6</v>
      </c>
      <c r="I540" s="9" t="s">
        <v>54</v>
      </c>
      <c r="J540" s="9" t="s">
        <v>30</v>
      </c>
      <c r="K540" s="6">
        <v>908</v>
      </c>
      <c r="L540" s="6">
        <v>459</v>
      </c>
      <c r="M540" s="6">
        <v>446</v>
      </c>
      <c r="N540" s="6">
        <v>337</v>
      </c>
      <c r="O540" s="6">
        <v>100</v>
      </c>
      <c r="P540" s="6">
        <v>1</v>
      </c>
      <c r="Q540" s="6">
        <v>8</v>
      </c>
      <c r="R540" s="6">
        <v>13</v>
      </c>
      <c r="S540" s="6">
        <v>441</v>
      </c>
      <c r="T540" s="6">
        <v>135</v>
      </c>
      <c r="U540" s="6">
        <v>27</v>
      </c>
      <c r="V540" s="6">
        <v>279</v>
      </c>
      <c r="W540" s="6">
        <v>8</v>
      </c>
      <c r="X540" s="6">
        <v>289</v>
      </c>
      <c r="Y540" s="6">
        <v>245</v>
      </c>
      <c r="Z540" s="6">
        <v>37</v>
      </c>
      <c r="AA540" s="6">
        <v>1</v>
      </c>
      <c r="AB540" s="6">
        <v>6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6</v>
      </c>
      <c r="I541" s="9" t="s">
        <v>54</v>
      </c>
      <c r="J541" s="9" t="s">
        <v>31</v>
      </c>
      <c r="K541" s="6">
        <v>27</v>
      </c>
      <c r="L541" s="6">
        <v>3</v>
      </c>
      <c r="M541" s="6">
        <v>2</v>
      </c>
      <c r="N541" s="6">
        <v>1</v>
      </c>
      <c r="O541" s="10" t="s">
        <v>55</v>
      </c>
      <c r="P541" s="6">
        <v>1</v>
      </c>
      <c r="Q541" s="10" t="s">
        <v>55</v>
      </c>
      <c r="R541" s="6">
        <v>1</v>
      </c>
      <c r="S541" s="6">
        <v>24</v>
      </c>
      <c r="T541" s="10" t="s">
        <v>55</v>
      </c>
      <c r="U541" s="6">
        <v>24</v>
      </c>
      <c r="V541" s="10" t="s">
        <v>55</v>
      </c>
      <c r="W541" s="10" t="s">
        <v>55</v>
      </c>
      <c r="X541" s="6">
        <v>2</v>
      </c>
      <c r="Y541" s="6">
        <v>1</v>
      </c>
      <c r="Z541" s="10" t="s">
        <v>55</v>
      </c>
      <c r="AA541" s="6">
        <v>1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6</v>
      </c>
      <c r="I542" s="9" t="s">
        <v>54</v>
      </c>
      <c r="J542" s="9" t="s">
        <v>32</v>
      </c>
      <c r="K542" s="6">
        <v>32</v>
      </c>
      <c r="L542" s="6">
        <v>27</v>
      </c>
      <c r="M542" s="6">
        <v>24</v>
      </c>
      <c r="N542" s="6">
        <v>24</v>
      </c>
      <c r="O542" s="10" t="s">
        <v>55</v>
      </c>
      <c r="P542" s="10" t="s">
        <v>55</v>
      </c>
      <c r="Q542" s="10" t="s">
        <v>55</v>
      </c>
      <c r="R542" s="6">
        <v>3</v>
      </c>
      <c r="S542" s="6">
        <v>4</v>
      </c>
      <c r="T542" s="6">
        <v>1</v>
      </c>
      <c r="U542" s="6">
        <v>3</v>
      </c>
      <c r="V542" s="10" t="s">
        <v>55</v>
      </c>
      <c r="W542" s="6">
        <v>1</v>
      </c>
      <c r="X542" s="6">
        <v>23</v>
      </c>
      <c r="Y542" s="6">
        <v>23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6</v>
      </c>
      <c r="I543" s="9" t="s">
        <v>54</v>
      </c>
      <c r="J543" s="9" t="s">
        <v>33</v>
      </c>
      <c r="K543" s="6">
        <v>20</v>
      </c>
      <c r="L543" s="6">
        <v>18</v>
      </c>
      <c r="M543" s="6">
        <v>16</v>
      </c>
      <c r="N543" s="6">
        <v>16</v>
      </c>
      <c r="O543" s="10" t="s">
        <v>55</v>
      </c>
      <c r="P543" s="10" t="s">
        <v>55</v>
      </c>
      <c r="Q543" s="10" t="s">
        <v>55</v>
      </c>
      <c r="R543" s="6">
        <v>2</v>
      </c>
      <c r="S543" s="6">
        <v>2</v>
      </c>
      <c r="T543" s="6">
        <v>1</v>
      </c>
      <c r="U543" s="10" t="s">
        <v>55</v>
      </c>
      <c r="V543" s="6">
        <v>1</v>
      </c>
      <c r="W543" s="10" t="s">
        <v>55</v>
      </c>
      <c r="X543" s="6">
        <v>15</v>
      </c>
      <c r="Y543" s="6">
        <v>15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6</v>
      </c>
      <c r="I544" s="9" t="s">
        <v>54</v>
      </c>
      <c r="J544" s="9" t="s">
        <v>34</v>
      </c>
      <c r="K544" s="6">
        <v>21</v>
      </c>
      <c r="L544" s="6">
        <v>19</v>
      </c>
      <c r="M544" s="6">
        <v>19</v>
      </c>
      <c r="N544" s="6">
        <v>16</v>
      </c>
      <c r="O544" s="6">
        <v>2</v>
      </c>
      <c r="P544" s="10" t="s">
        <v>55</v>
      </c>
      <c r="Q544" s="6">
        <v>1</v>
      </c>
      <c r="R544" s="10" t="s">
        <v>55</v>
      </c>
      <c r="S544" s="6">
        <v>2</v>
      </c>
      <c r="T544" s="6">
        <v>2</v>
      </c>
      <c r="U544" s="10" t="s">
        <v>55</v>
      </c>
      <c r="V544" s="10" t="s">
        <v>55</v>
      </c>
      <c r="W544" s="10" t="s">
        <v>55</v>
      </c>
      <c r="X544" s="6">
        <v>18</v>
      </c>
      <c r="Y544" s="6">
        <v>16</v>
      </c>
      <c r="Z544" s="6">
        <v>1</v>
      </c>
      <c r="AA544" s="10" t="s">
        <v>55</v>
      </c>
      <c r="AB544" s="6">
        <v>1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6</v>
      </c>
      <c r="I545" s="9" t="s">
        <v>54</v>
      </c>
      <c r="J545" s="9" t="s">
        <v>35</v>
      </c>
      <c r="K545" s="6">
        <v>33</v>
      </c>
      <c r="L545" s="6">
        <v>29</v>
      </c>
      <c r="M545" s="6">
        <v>28</v>
      </c>
      <c r="N545" s="6">
        <v>23</v>
      </c>
      <c r="O545" s="6">
        <v>4</v>
      </c>
      <c r="P545" s="10" t="s">
        <v>55</v>
      </c>
      <c r="Q545" s="6">
        <v>1</v>
      </c>
      <c r="R545" s="6">
        <v>1</v>
      </c>
      <c r="S545" s="6">
        <v>4</v>
      </c>
      <c r="T545" s="6">
        <v>3</v>
      </c>
      <c r="U545" s="10" t="s">
        <v>55</v>
      </c>
      <c r="V545" s="6">
        <v>1</v>
      </c>
      <c r="W545" s="10" t="s">
        <v>55</v>
      </c>
      <c r="X545" s="6">
        <v>23</v>
      </c>
      <c r="Y545" s="6">
        <v>20</v>
      </c>
      <c r="Z545" s="6">
        <v>2</v>
      </c>
      <c r="AA545" s="10" t="s">
        <v>55</v>
      </c>
      <c r="AB545" s="6">
        <v>1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6</v>
      </c>
      <c r="I546" s="9" t="s">
        <v>54</v>
      </c>
      <c r="J546" s="9" t="s">
        <v>36</v>
      </c>
      <c r="K546" s="6">
        <v>28</v>
      </c>
      <c r="L546" s="6">
        <v>24</v>
      </c>
      <c r="M546" s="6">
        <v>24</v>
      </c>
      <c r="N546" s="6">
        <v>21</v>
      </c>
      <c r="O546" s="6">
        <v>3</v>
      </c>
      <c r="P546" s="10" t="s">
        <v>55</v>
      </c>
      <c r="Q546" s="10" t="s">
        <v>55</v>
      </c>
      <c r="R546" s="10" t="s">
        <v>55</v>
      </c>
      <c r="S546" s="6">
        <v>4</v>
      </c>
      <c r="T546" s="6">
        <v>3</v>
      </c>
      <c r="U546" s="10" t="s">
        <v>55</v>
      </c>
      <c r="V546" s="6">
        <v>1</v>
      </c>
      <c r="W546" s="10" t="s">
        <v>55</v>
      </c>
      <c r="X546" s="6">
        <v>19</v>
      </c>
      <c r="Y546" s="6">
        <v>17</v>
      </c>
      <c r="Z546" s="6">
        <v>2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6</v>
      </c>
      <c r="I547" s="9" t="s">
        <v>54</v>
      </c>
      <c r="J547" s="9" t="s">
        <v>37</v>
      </c>
      <c r="K547" s="6">
        <v>53</v>
      </c>
      <c r="L547" s="6">
        <v>47</v>
      </c>
      <c r="M547" s="6">
        <v>45</v>
      </c>
      <c r="N547" s="6">
        <v>39</v>
      </c>
      <c r="O547" s="6">
        <v>6</v>
      </c>
      <c r="P547" s="10" t="s">
        <v>55</v>
      </c>
      <c r="Q547" s="10" t="s">
        <v>55</v>
      </c>
      <c r="R547" s="6">
        <v>2</v>
      </c>
      <c r="S547" s="6">
        <v>4</v>
      </c>
      <c r="T547" s="6">
        <v>4</v>
      </c>
      <c r="U547" s="10" t="s">
        <v>55</v>
      </c>
      <c r="V547" s="10" t="s">
        <v>55</v>
      </c>
      <c r="W547" s="6">
        <v>2</v>
      </c>
      <c r="X547" s="6">
        <v>40</v>
      </c>
      <c r="Y547" s="6">
        <v>35</v>
      </c>
      <c r="Z547" s="6">
        <v>5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6</v>
      </c>
      <c r="I548" s="9" t="s">
        <v>54</v>
      </c>
      <c r="J548" s="9" t="s">
        <v>38</v>
      </c>
      <c r="K548" s="6">
        <v>46</v>
      </c>
      <c r="L548" s="6">
        <v>42</v>
      </c>
      <c r="M548" s="6">
        <v>41</v>
      </c>
      <c r="N548" s="6">
        <v>35</v>
      </c>
      <c r="O548" s="6">
        <v>6</v>
      </c>
      <c r="P548" s="10" t="s">
        <v>55</v>
      </c>
      <c r="Q548" s="10" t="s">
        <v>55</v>
      </c>
      <c r="R548" s="6">
        <v>1</v>
      </c>
      <c r="S548" s="6">
        <v>4</v>
      </c>
      <c r="T548" s="6">
        <v>4</v>
      </c>
      <c r="U548" s="10" t="s">
        <v>55</v>
      </c>
      <c r="V548" s="10" t="s">
        <v>55</v>
      </c>
      <c r="W548" s="10" t="s">
        <v>55</v>
      </c>
      <c r="X548" s="6">
        <v>34</v>
      </c>
      <c r="Y548" s="6">
        <v>29</v>
      </c>
      <c r="Z548" s="6">
        <v>5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6</v>
      </c>
      <c r="I549" s="9" t="s">
        <v>54</v>
      </c>
      <c r="J549" s="9" t="s">
        <v>39</v>
      </c>
      <c r="K549" s="6">
        <v>73</v>
      </c>
      <c r="L549" s="6">
        <v>64</v>
      </c>
      <c r="M549" s="6">
        <v>64</v>
      </c>
      <c r="N549" s="6">
        <v>52</v>
      </c>
      <c r="O549" s="6">
        <v>10</v>
      </c>
      <c r="P549" s="10" t="s">
        <v>55</v>
      </c>
      <c r="Q549" s="6">
        <v>2</v>
      </c>
      <c r="R549" s="10" t="s">
        <v>55</v>
      </c>
      <c r="S549" s="6">
        <v>9</v>
      </c>
      <c r="T549" s="6">
        <v>6</v>
      </c>
      <c r="U549" s="10" t="s">
        <v>55</v>
      </c>
      <c r="V549" s="6">
        <v>3</v>
      </c>
      <c r="W549" s="10" t="s">
        <v>55</v>
      </c>
      <c r="X549" s="6">
        <v>48</v>
      </c>
      <c r="Y549" s="6">
        <v>40</v>
      </c>
      <c r="Z549" s="6">
        <v>7</v>
      </c>
      <c r="AA549" s="10" t="s">
        <v>55</v>
      </c>
      <c r="AB549" s="6">
        <v>1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6</v>
      </c>
      <c r="I550" s="9" t="s">
        <v>54</v>
      </c>
      <c r="J550" s="9" t="s">
        <v>40</v>
      </c>
      <c r="K550" s="6">
        <v>79</v>
      </c>
      <c r="L550" s="6">
        <v>66</v>
      </c>
      <c r="M550" s="6">
        <v>63</v>
      </c>
      <c r="N550" s="6">
        <v>41</v>
      </c>
      <c r="O550" s="6">
        <v>20</v>
      </c>
      <c r="P550" s="10" t="s">
        <v>55</v>
      </c>
      <c r="Q550" s="6">
        <v>2</v>
      </c>
      <c r="R550" s="6">
        <v>3</v>
      </c>
      <c r="S550" s="6">
        <v>13</v>
      </c>
      <c r="T550" s="6">
        <v>11</v>
      </c>
      <c r="U550" s="10" t="s">
        <v>55</v>
      </c>
      <c r="V550" s="6">
        <v>2</v>
      </c>
      <c r="W550" s="10" t="s">
        <v>55</v>
      </c>
      <c r="X550" s="6">
        <v>31</v>
      </c>
      <c r="Y550" s="6">
        <v>24</v>
      </c>
      <c r="Z550" s="6">
        <v>5</v>
      </c>
      <c r="AA550" s="10" t="s">
        <v>55</v>
      </c>
      <c r="AB550" s="6">
        <v>2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6</v>
      </c>
      <c r="I551" s="9" t="s">
        <v>54</v>
      </c>
      <c r="J551" s="9" t="s">
        <v>41</v>
      </c>
      <c r="K551" s="6">
        <v>87</v>
      </c>
      <c r="L551" s="6">
        <v>51</v>
      </c>
      <c r="M551" s="6">
        <v>51</v>
      </c>
      <c r="N551" s="6">
        <v>31</v>
      </c>
      <c r="O551" s="6">
        <v>19</v>
      </c>
      <c r="P551" s="10" t="s">
        <v>55</v>
      </c>
      <c r="Q551" s="6">
        <v>1</v>
      </c>
      <c r="R551" s="10" t="s">
        <v>55</v>
      </c>
      <c r="S551" s="6">
        <v>35</v>
      </c>
      <c r="T551" s="6">
        <v>18</v>
      </c>
      <c r="U551" s="10" t="s">
        <v>55</v>
      </c>
      <c r="V551" s="6">
        <v>17</v>
      </c>
      <c r="W551" s="6">
        <v>1</v>
      </c>
      <c r="X551" s="6">
        <v>22</v>
      </c>
      <c r="Y551" s="6">
        <v>16</v>
      </c>
      <c r="Z551" s="6">
        <v>5</v>
      </c>
      <c r="AA551" s="10" t="s">
        <v>55</v>
      </c>
      <c r="AB551" s="6">
        <v>1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6</v>
      </c>
      <c r="I552" s="9" t="s">
        <v>54</v>
      </c>
      <c r="J552" s="9" t="s">
        <v>42</v>
      </c>
      <c r="K552" s="6">
        <v>81</v>
      </c>
      <c r="L552" s="6">
        <v>29</v>
      </c>
      <c r="M552" s="6">
        <v>29</v>
      </c>
      <c r="N552" s="6">
        <v>19</v>
      </c>
      <c r="O552" s="6">
        <v>10</v>
      </c>
      <c r="P552" s="10" t="s">
        <v>55</v>
      </c>
      <c r="Q552" s="10" t="s">
        <v>55</v>
      </c>
      <c r="R552" s="10" t="s">
        <v>55</v>
      </c>
      <c r="S552" s="6">
        <v>52</v>
      </c>
      <c r="T552" s="6">
        <v>26</v>
      </c>
      <c r="U552" s="10" t="s">
        <v>55</v>
      </c>
      <c r="V552" s="6">
        <v>26</v>
      </c>
      <c r="W552" s="10" t="s">
        <v>55</v>
      </c>
      <c r="X552" s="6">
        <v>9</v>
      </c>
      <c r="Y552" s="6">
        <v>5</v>
      </c>
      <c r="Z552" s="6">
        <v>4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6</v>
      </c>
      <c r="I553" s="9" t="s">
        <v>54</v>
      </c>
      <c r="J553" s="9" t="s">
        <v>43</v>
      </c>
      <c r="K553" s="6">
        <v>97</v>
      </c>
      <c r="L553" s="6">
        <v>21</v>
      </c>
      <c r="M553" s="6">
        <v>21</v>
      </c>
      <c r="N553" s="6">
        <v>11</v>
      </c>
      <c r="O553" s="6">
        <v>9</v>
      </c>
      <c r="P553" s="10" t="s">
        <v>55</v>
      </c>
      <c r="Q553" s="6">
        <v>1</v>
      </c>
      <c r="R553" s="10" t="s">
        <v>55</v>
      </c>
      <c r="S553" s="6">
        <v>75</v>
      </c>
      <c r="T553" s="6">
        <v>31</v>
      </c>
      <c r="U553" s="10" t="s">
        <v>55</v>
      </c>
      <c r="V553" s="6">
        <v>44</v>
      </c>
      <c r="W553" s="6">
        <v>1</v>
      </c>
      <c r="X553" s="6">
        <v>3</v>
      </c>
      <c r="Y553" s="6">
        <v>3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6</v>
      </c>
      <c r="I554" s="9" t="s">
        <v>54</v>
      </c>
      <c r="J554" s="9" t="s">
        <v>44</v>
      </c>
      <c r="K554" s="6">
        <v>88</v>
      </c>
      <c r="L554" s="6">
        <v>15</v>
      </c>
      <c r="M554" s="6">
        <v>15</v>
      </c>
      <c r="N554" s="6">
        <v>8</v>
      </c>
      <c r="O554" s="6">
        <v>7</v>
      </c>
      <c r="P554" s="10" t="s">
        <v>55</v>
      </c>
      <c r="Q554" s="10" t="s">
        <v>55</v>
      </c>
      <c r="R554" s="10" t="s">
        <v>55</v>
      </c>
      <c r="S554" s="6">
        <v>72</v>
      </c>
      <c r="T554" s="6">
        <v>13</v>
      </c>
      <c r="U554" s="10" t="s">
        <v>55</v>
      </c>
      <c r="V554" s="6">
        <v>59</v>
      </c>
      <c r="W554" s="6">
        <v>1</v>
      </c>
      <c r="X554" s="6">
        <v>1</v>
      </c>
      <c r="Y554" s="6">
        <v>1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6</v>
      </c>
      <c r="I555" s="9" t="s">
        <v>54</v>
      </c>
      <c r="J555" s="9" t="s">
        <v>45</v>
      </c>
      <c r="K555" s="6">
        <v>76</v>
      </c>
      <c r="L555" s="6">
        <v>3</v>
      </c>
      <c r="M555" s="6">
        <v>3</v>
      </c>
      <c r="N555" s="10" t="s">
        <v>55</v>
      </c>
      <c r="O555" s="6">
        <v>3</v>
      </c>
      <c r="P555" s="10" t="s">
        <v>55</v>
      </c>
      <c r="Q555" s="10" t="s">
        <v>55</v>
      </c>
      <c r="R555" s="10" t="s">
        <v>55</v>
      </c>
      <c r="S555" s="6">
        <v>71</v>
      </c>
      <c r="T555" s="6">
        <v>9</v>
      </c>
      <c r="U555" s="10" t="s">
        <v>55</v>
      </c>
      <c r="V555" s="6">
        <v>62</v>
      </c>
      <c r="W555" s="6">
        <v>2</v>
      </c>
      <c r="X555" s="6">
        <v>1</v>
      </c>
      <c r="Y555" s="10" t="s">
        <v>55</v>
      </c>
      <c r="Z555" s="6">
        <v>1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6</v>
      </c>
      <c r="I556" s="9" t="s">
        <v>54</v>
      </c>
      <c r="J556" s="9" t="s">
        <v>46</v>
      </c>
      <c r="K556" s="6">
        <v>48</v>
      </c>
      <c r="L556" s="6">
        <v>1</v>
      </c>
      <c r="M556" s="6">
        <v>1</v>
      </c>
      <c r="N556" s="10" t="s">
        <v>55</v>
      </c>
      <c r="O556" s="6">
        <v>1</v>
      </c>
      <c r="P556" s="10" t="s">
        <v>55</v>
      </c>
      <c r="Q556" s="10" t="s">
        <v>55</v>
      </c>
      <c r="R556" s="10" t="s">
        <v>55</v>
      </c>
      <c r="S556" s="6">
        <v>47</v>
      </c>
      <c r="T556" s="6">
        <v>3</v>
      </c>
      <c r="U556" s="10" t="s">
        <v>55</v>
      </c>
      <c r="V556" s="6">
        <v>44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6</v>
      </c>
      <c r="I557" s="9" t="s">
        <v>54</v>
      </c>
      <c r="J557" s="9" t="s">
        <v>47</v>
      </c>
      <c r="K557" s="6">
        <v>19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6">
        <v>19</v>
      </c>
      <c r="T557" s="10" t="s">
        <v>55</v>
      </c>
      <c r="U557" s="10" t="s">
        <v>55</v>
      </c>
      <c r="V557" s="6">
        <v>19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6</v>
      </c>
      <c r="I558" s="9" t="s">
        <v>54</v>
      </c>
      <c r="J558" s="9" t="s">
        <v>48</v>
      </c>
      <c r="K558" s="6">
        <v>412</v>
      </c>
      <c r="L558" s="6">
        <v>339</v>
      </c>
      <c r="M558" s="6">
        <v>326</v>
      </c>
      <c r="N558" s="6">
        <v>268</v>
      </c>
      <c r="O558" s="6">
        <v>51</v>
      </c>
      <c r="P558" s="6">
        <v>1</v>
      </c>
      <c r="Q558" s="6">
        <v>6</v>
      </c>
      <c r="R558" s="6">
        <v>13</v>
      </c>
      <c r="S558" s="6">
        <v>70</v>
      </c>
      <c r="T558" s="6">
        <v>35</v>
      </c>
      <c r="U558" s="6">
        <v>27</v>
      </c>
      <c r="V558" s="6">
        <v>8</v>
      </c>
      <c r="W558" s="6">
        <v>3</v>
      </c>
      <c r="X558" s="6">
        <v>253</v>
      </c>
      <c r="Y558" s="6">
        <v>220</v>
      </c>
      <c r="Z558" s="6">
        <v>27</v>
      </c>
      <c r="AA558" s="6">
        <v>1</v>
      </c>
      <c r="AB558" s="6">
        <v>5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6</v>
      </c>
      <c r="I559" s="9" t="s">
        <v>54</v>
      </c>
      <c r="J559" s="9" t="s">
        <v>49</v>
      </c>
      <c r="K559" s="6">
        <v>496</v>
      </c>
      <c r="L559" s="6">
        <v>120</v>
      </c>
      <c r="M559" s="6">
        <v>120</v>
      </c>
      <c r="N559" s="6">
        <v>69</v>
      </c>
      <c r="O559" s="6">
        <v>49</v>
      </c>
      <c r="P559" s="10" t="s">
        <v>55</v>
      </c>
      <c r="Q559" s="6">
        <v>2</v>
      </c>
      <c r="R559" s="10" t="s">
        <v>55</v>
      </c>
      <c r="S559" s="6">
        <v>371</v>
      </c>
      <c r="T559" s="6">
        <v>100</v>
      </c>
      <c r="U559" s="10" t="s">
        <v>55</v>
      </c>
      <c r="V559" s="6">
        <v>271</v>
      </c>
      <c r="W559" s="6">
        <v>5</v>
      </c>
      <c r="X559" s="6">
        <v>36</v>
      </c>
      <c r="Y559" s="6">
        <v>25</v>
      </c>
      <c r="Z559" s="6">
        <v>10</v>
      </c>
      <c r="AA559" s="10" t="s">
        <v>55</v>
      </c>
      <c r="AB559" s="6">
        <v>1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6</v>
      </c>
      <c r="I560" s="9" t="s">
        <v>54</v>
      </c>
      <c r="J560" s="9" t="s">
        <v>50</v>
      </c>
      <c r="K560" s="6">
        <v>328</v>
      </c>
      <c r="L560" s="6">
        <v>40</v>
      </c>
      <c r="M560" s="6">
        <v>40</v>
      </c>
      <c r="N560" s="6">
        <v>19</v>
      </c>
      <c r="O560" s="6">
        <v>20</v>
      </c>
      <c r="P560" s="10" t="s">
        <v>55</v>
      </c>
      <c r="Q560" s="6">
        <v>1</v>
      </c>
      <c r="R560" s="10" t="s">
        <v>55</v>
      </c>
      <c r="S560" s="6">
        <v>284</v>
      </c>
      <c r="T560" s="6">
        <v>56</v>
      </c>
      <c r="U560" s="10" t="s">
        <v>55</v>
      </c>
      <c r="V560" s="6">
        <v>228</v>
      </c>
      <c r="W560" s="6">
        <v>4</v>
      </c>
      <c r="X560" s="6">
        <v>5</v>
      </c>
      <c r="Y560" s="6">
        <v>4</v>
      </c>
      <c r="Z560" s="6">
        <v>1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6</v>
      </c>
      <c r="I561" s="9" t="s">
        <v>54</v>
      </c>
      <c r="J561" s="9" t="s">
        <v>51</v>
      </c>
      <c r="K561" s="6">
        <v>143</v>
      </c>
      <c r="L561" s="6">
        <v>4</v>
      </c>
      <c r="M561" s="6">
        <v>4</v>
      </c>
      <c r="N561" s="10" t="s">
        <v>55</v>
      </c>
      <c r="O561" s="6">
        <v>4</v>
      </c>
      <c r="P561" s="10" t="s">
        <v>55</v>
      </c>
      <c r="Q561" s="10" t="s">
        <v>55</v>
      </c>
      <c r="R561" s="10" t="s">
        <v>55</v>
      </c>
      <c r="S561" s="6">
        <v>137</v>
      </c>
      <c r="T561" s="6">
        <v>12</v>
      </c>
      <c r="U561" s="10" t="s">
        <v>55</v>
      </c>
      <c r="V561" s="6">
        <v>125</v>
      </c>
      <c r="W561" s="6">
        <v>2</v>
      </c>
      <c r="X561" s="6">
        <v>1</v>
      </c>
      <c r="Y561" s="10" t="s">
        <v>55</v>
      </c>
      <c r="Z561" s="6">
        <v>1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6</v>
      </c>
      <c r="I562" s="9" t="s">
        <v>54</v>
      </c>
      <c r="J562" s="9" t="s">
        <v>52</v>
      </c>
      <c r="K562" s="6">
        <v>472</v>
      </c>
      <c r="L562" s="6">
        <v>387</v>
      </c>
      <c r="M562" s="6">
        <v>375</v>
      </c>
      <c r="N562" s="6">
        <v>298</v>
      </c>
      <c r="O562" s="6">
        <v>70</v>
      </c>
      <c r="P562" s="10" t="s">
        <v>55</v>
      </c>
      <c r="Q562" s="6">
        <v>7</v>
      </c>
      <c r="R562" s="6">
        <v>12</v>
      </c>
      <c r="S562" s="6">
        <v>81</v>
      </c>
      <c r="T562" s="6">
        <v>53</v>
      </c>
      <c r="U562" s="6">
        <v>3</v>
      </c>
      <c r="V562" s="6">
        <v>25</v>
      </c>
      <c r="W562" s="6">
        <v>4</v>
      </c>
      <c r="X562" s="6">
        <v>273</v>
      </c>
      <c r="Y562" s="6">
        <v>235</v>
      </c>
      <c r="Z562" s="6">
        <v>32</v>
      </c>
      <c r="AA562" s="10" t="s">
        <v>55</v>
      </c>
      <c r="AB562" s="6">
        <v>6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6</v>
      </c>
      <c r="I563" s="9" t="s">
        <v>6</v>
      </c>
      <c r="J563" s="9" t="s">
        <v>30</v>
      </c>
      <c r="K563" s="6">
        <v>1457</v>
      </c>
      <c r="L563" s="6">
        <v>696</v>
      </c>
      <c r="M563" s="6">
        <v>668</v>
      </c>
      <c r="N563" s="6">
        <v>576</v>
      </c>
      <c r="O563" s="6">
        <v>80</v>
      </c>
      <c r="P563" s="6">
        <v>1</v>
      </c>
      <c r="Q563" s="6">
        <v>11</v>
      </c>
      <c r="R563" s="6">
        <v>28</v>
      </c>
      <c r="S563" s="6">
        <v>748</v>
      </c>
      <c r="T563" s="6">
        <v>270</v>
      </c>
      <c r="U563" s="6">
        <v>48</v>
      </c>
      <c r="V563" s="6">
        <v>430</v>
      </c>
      <c r="W563" s="6">
        <v>13</v>
      </c>
      <c r="X563" s="6">
        <v>499</v>
      </c>
      <c r="Y563" s="6">
        <v>443</v>
      </c>
      <c r="Z563" s="6">
        <v>45</v>
      </c>
      <c r="AA563" s="6">
        <v>1</v>
      </c>
      <c r="AB563" s="6">
        <v>10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6</v>
      </c>
      <c r="I564" s="9" t="s">
        <v>6</v>
      </c>
      <c r="J564" s="9" t="s">
        <v>31</v>
      </c>
      <c r="K564" s="6">
        <v>47</v>
      </c>
      <c r="L564" s="6">
        <v>5</v>
      </c>
      <c r="M564" s="6">
        <v>5</v>
      </c>
      <c r="N564" s="6">
        <v>4</v>
      </c>
      <c r="O564" s="10" t="s">
        <v>55</v>
      </c>
      <c r="P564" s="6">
        <v>1</v>
      </c>
      <c r="Q564" s="10" t="s">
        <v>55</v>
      </c>
      <c r="R564" s="10" t="s">
        <v>55</v>
      </c>
      <c r="S564" s="6">
        <v>42</v>
      </c>
      <c r="T564" s="10" t="s">
        <v>55</v>
      </c>
      <c r="U564" s="6">
        <v>42</v>
      </c>
      <c r="V564" s="10" t="s">
        <v>55</v>
      </c>
      <c r="W564" s="10" t="s">
        <v>55</v>
      </c>
      <c r="X564" s="6">
        <v>4</v>
      </c>
      <c r="Y564" s="6">
        <v>3</v>
      </c>
      <c r="Z564" s="10" t="s">
        <v>55</v>
      </c>
      <c r="AA564" s="6">
        <v>1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6</v>
      </c>
      <c r="I565" s="9" t="s">
        <v>6</v>
      </c>
      <c r="J565" s="9" t="s">
        <v>32</v>
      </c>
      <c r="K565" s="6">
        <v>23</v>
      </c>
      <c r="L565" s="6">
        <v>17</v>
      </c>
      <c r="M565" s="6">
        <v>15</v>
      </c>
      <c r="N565" s="6">
        <v>13</v>
      </c>
      <c r="O565" s="6">
        <v>2</v>
      </c>
      <c r="P565" s="10" t="s">
        <v>55</v>
      </c>
      <c r="Q565" s="10" t="s">
        <v>55</v>
      </c>
      <c r="R565" s="6">
        <v>2</v>
      </c>
      <c r="S565" s="6">
        <v>6</v>
      </c>
      <c r="T565" s="10" t="s">
        <v>55</v>
      </c>
      <c r="U565" s="6">
        <v>6</v>
      </c>
      <c r="V565" s="10" t="s">
        <v>55</v>
      </c>
      <c r="W565" s="10" t="s">
        <v>55</v>
      </c>
      <c r="X565" s="6">
        <v>14</v>
      </c>
      <c r="Y565" s="6">
        <v>13</v>
      </c>
      <c r="Z565" s="6">
        <v>1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6</v>
      </c>
      <c r="I566" s="9" t="s">
        <v>6</v>
      </c>
      <c r="J566" s="9" t="s">
        <v>33</v>
      </c>
      <c r="K566" s="6">
        <v>21</v>
      </c>
      <c r="L566" s="6">
        <v>17</v>
      </c>
      <c r="M566" s="6">
        <v>15</v>
      </c>
      <c r="N566" s="6">
        <v>14</v>
      </c>
      <c r="O566" s="10" t="s">
        <v>55</v>
      </c>
      <c r="P566" s="10" t="s">
        <v>55</v>
      </c>
      <c r="Q566" s="6">
        <v>1</v>
      </c>
      <c r="R566" s="6">
        <v>2</v>
      </c>
      <c r="S566" s="6">
        <v>2</v>
      </c>
      <c r="T566" s="6">
        <v>1</v>
      </c>
      <c r="U566" s="10" t="s">
        <v>55</v>
      </c>
      <c r="V566" s="6">
        <v>1</v>
      </c>
      <c r="W566" s="6">
        <v>2</v>
      </c>
      <c r="X566" s="6">
        <v>15</v>
      </c>
      <c r="Y566" s="6">
        <v>14</v>
      </c>
      <c r="Z566" s="10" t="s">
        <v>55</v>
      </c>
      <c r="AA566" s="10" t="s">
        <v>55</v>
      </c>
      <c r="AB566" s="6">
        <v>1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6</v>
      </c>
      <c r="I567" s="9" t="s">
        <v>6</v>
      </c>
      <c r="J567" s="9" t="s">
        <v>34</v>
      </c>
      <c r="K567" s="6">
        <v>39</v>
      </c>
      <c r="L567" s="6">
        <v>38</v>
      </c>
      <c r="M567" s="6">
        <v>38</v>
      </c>
      <c r="N567" s="6">
        <v>31</v>
      </c>
      <c r="O567" s="6">
        <v>7</v>
      </c>
      <c r="P567" s="10" t="s">
        <v>55</v>
      </c>
      <c r="Q567" s="10" t="s">
        <v>55</v>
      </c>
      <c r="R567" s="10" t="s">
        <v>55</v>
      </c>
      <c r="S567" s="6">
        <v>1</v>
      </c>
      <c r="T567" s="10" t="s">
        <v>55</v>
      </c>
      <c r="U567" s="10" t="s">
        <v>55</v>
      </c>
      <c r="V567" s="6">
        <v>1</v>
      </c>
      <c r="W567" s="10" t="s">
        <v>55</v>
      </c>
      <c r="X567" s="6">
        <v>32</v>
      </c>
      <c r="Y567" s="6">
        <v>27</v>
      </c>
      <c r="Z567" s="6">
        <v>5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6</v>
      </c>
      <c r="I568" s="9" t="s">
        <v>6</v>
      </c>
      <c r="J568" s="9" t="s">
        <v>35</v>
      </c>
      <c r="K568" s="6">
        <v>45</v>
      </c>
      <c r="L568" s="6">
        <v>38</v>
      </c>
      <c r="M568" s="6">
        <v>36</v>
      </c>
      <c r="N568" s="6">
        <v>35</v>
      </c>
      <c r="O568" s="6">
        <v>1</v>
      </c>
      <c r="P568" s="10" t="s">
        <v>55</v>
      </c>
      <c r="Q568" s="10" t="s">
        <v>55</v>
      </c>
      <c r="R568" s="6">
        <v>2</v>
      </c>
      <c r="S568" s="6">
        <v>7</v>
      </c>
      <c r="T568" s="6">
        <v>5</v>
      </c>
      <c r="U568" s="10" t="s">
        <v>55</v>
      </c>
      <c r="V568" s="6">
        <v>2</v>
      </c>
      <c r="W568" s="10" t="s">
        <v>55</v>
      </c>
      <c r="X568" s="6">
        <v>32</v>
      </c>
      <c r="Y568" s="6">
        <v>31</v>
      </c>
      <c r="Z568" s="6">
        <v>1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6</v>
      </c>
      <c r="I569" s="9" t="s">
        <v>6</v>
      </c>
      <c r="J569" s="9" t="s">
        <v>36</v>
      </c>
      <c r="K569" s="6">
        <v>55</v>
      </c>
      <c r="L569" s="6">
        <v>52</v>
      </c>
      <c r="M569" s="6">
        <v>49</v>
      </c>
      <c r="N569" s="6">
        <v>44</v>
      </c>
      <c r="O569" s="6">
        <v>5</v>
      </c>
      <c r="P569" s="10" t="s">
        <v>55</v>
      </c>
      <c r="Q569" s="10" t="s">
        <v>55</v>
      </c>
      <c r="R569" s="6">
        <v>3</v>
      </c>
      <c r="S569" s="6">
        <v>3</v>
      </c>
      <c r="T569" s="6">
        <v>1</v>
      </c>
      <c r="U569" s="10" t="s">
        <v>55</v>
      </c>
      <c r="V569" s="6">
        <v>2</v>
      </c>
      <c r="W569" s="10" t="s">
        <v>55</v>
      </c>
      <c r="X569" s="6">
        <v>46</v>
      </c>
      <c r="Y569" s="6">
        <v>42</v>
      </c>
      <c r="Z569" s="6">
        <v>4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6</v>
      </c>
      <c r="I570" s="9" t="s">
        <v>6</v>
      </c>
      <c r="J570" s="9" t="s">
        <v>37</v>
      </c>
      <c r="K570" s="6">
        <v>61</v>
      </c>
      <c r="L570" s="6">
        <v>54</v>
      </c>
      <c r="M570" s="6">
        <v>51</v>
      </c>
      <c r="N570" s="6">
        <v>45</v>
      </c>
      <c r="O570" s="6">
        <v>4</v>
      </c>
      <c r="P570" s="10" t="s">
        <v>55</v>
      </c>
      <c r="Q570" s="6">
        <v>2</v>
      </c>
      <c r="R570" s="6">
        <v>3</v>
      </c>
      <c r="S570" s="6">
        <v>7</v>
      </c>
      <c r="T570" s="6">
        <v>5</v>
      </c>
      <c r="U570" s="10" t="s">
        <v>55</v>
      </c>
      <c r="V570" s="6">
        <v>2</v>
      </c>
      <c r="W570" s="10" t="s">
        <v>55</v>
      </c>
      <c r="X570" s="6">
        <v>44</v>
      </c>
      <c r="Y570" s="6">
        <v>39</v>
      </c>
      <c r="Z570" s="6">
        <v>3</v>
      </c>
      <c r="AA570" s="10" t="s">
        <v>55</v>
      </c>
      <c r="AB570" s="6">
        <v>2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6</v>
      </c>
      <c r="I571" s="9" t="s">
        <v>6</v>
      </c>
      <c r="J571" s="9" t="s">
        <v>38</v>
      </c>
      <c r="K571" s="6">
        <v>85</v>
      </c>
      <c r="L571" s="6">
        <v>78</v>
      </c>
      <c r="M571" s="6">
        <v>72</v>
      </c>
      <c r="N571" s="6">
        <v>67</v>
      </c>
      <c r="O571" s="6">
        <v>5</v>
      </c>
      <c r="P571" s="10" t="s">
        <v>55</v>
      </c>
      <c r="Q571" s="10" t="s">
        <v>55</v>
      </c>
      <c r="R571" s="6">
        <v>6</v>
      </c>
      <c r="S571" s="6">
        <v>5</v>
      </c>
      <c r="T571" s="6">
        <v>3</v>
      </c>
      <c r="U571" s="10" t="s">
        <v>55</v>
      </c>
      <c r="V571" s="6">
        <v>2</v>
      </c>
      <c r="W571" s="6">
        <v>2</v>
      </c>
      <c r="X571" s="6">
        <v>60</v>
      </c>
      <c r="Y571" s="6">
        <v>56</v>
      </c>
      <c r="Z571" s="6">
        <v>4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6</v>
      </c>
      <c r="I572" s="9" t="s">
        <v>6</v>
      </c>
      <c r="J572" s="9" t="s">
        <v>39</v>
      </c>
      <c r="K572" s="6">
        <v>103</v>
      </c>
      <c r="L572" s="6">
        <v>87</v>
      </c>
      <c r="M572" s="6">
        <v>84</v>
      </c>
      <c r="N572" s="6">
        <v>72</v>
      </c>
      <c r="O572" s="6">
        <v>12</v>
      </c>
      <c r="P572" s="10" t="s">
        <v>55</v>
      </c>
      <c r="Q572" s="10" t="s">
        <v>55</v>
      </c>
      <c r="R572" s="6">
        <v>3</v>
      </c>
      <c r="S572" s="6">
        <v>13</v>
      </c>
      <c r="T572" s="6">
        <v>11</v>
      </c>
      <c r="U572" s="10" t="s">
        <v>55</v>
      </c>
      <c r="V572" s="6">
        <v>2</v>
      </c>
      <c r="W572" s="6">
        <v>3</v>
      </c>
      <c r="X572" s="6">
        <v>62</v>
      </c>
      <c r="Y572" s="6">
        <v>56</v>
      </c>
      <c r="Z572" s="6">
        <v>6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6</v>
      </c>
      <c r="I573" s="9" t="s">
        <v>6</v>
      </c>
      <c r="J573" s="9" t="s">
        <v>40</v>
      </c>
      <c r="K573" s="6">
        <v>127</v>
      </c>
      <c r="L573" s="6">
        <v>93</v>
      </c>
      <c r="M573" s="6">
        <v>90</v>
      </c>
      <c r="N573" s="6">
        <v>77</v>
      </c>
      <c r="O573" s="6">
        <v>12</v>
      </c>
      <c r="P573" s="10" t="s">
        <v>55</v>
      </c>
      <c r="Q573" s="6">
        <v>1</v>
      </c>
      <c r="R573" s="6">
        <v>3</v>
      </c>
      <c r="S573" s="6">
        <v>33</v>
      </c>
      <c r="T573" s="6">
        <v>24</v>
      </c>
      <c r="U573" s="10" t="s">
        <v>55</v>
      </c>
      <c r="V573" s="6">
        <v>9</v>
      </c>
      <c r="W573" s="6">
        <v>1</v>
      </c>
      <c r="X573" s="6">
        <v>66</v>
      </c>
      <c r="Y573" s="6">
        <v>61</v>
      </c>
      <c r="Z573" s="6">
        <v>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6</v>
      </c>
      <c r="I574" s="9" t="s">
        <v>6</v>
      </c>
      <c r="J574" s="9" t="s">
        <v>41</v>
      </c>
      <c r="K574" s="6">
        <v>163</v>
      </c>
      <c r="L574" s="6">
        <v>97</v>
      </c>
      <c r="M574" s="6">
        <v>93</v>
      </c>
      <c r="N574" s="6">
        <v>80</v>
      </c>
      <c r="O574" s="6">
        <v>12</v>
      </c>
      <c r="P574" s="10" t="s">
        <v>55</v>
      </c>
      <c r="Q574" s="6">
        <v>1</v>
      </c>
      <c r="R574" s="6">
        <v>4</v>
      </c>
      <c r="S574" s="6">
        <v>66</v>
      </c>
      <c r="T574" s="6">
        <v>40</v>
      </c>
      <c r="U574" s="10" t="s">
        <v>55</v>
      </c>
      <c r="V574" s="6">
        <v>26</v>
      </c>
      <c r="W574" s="10" t="s">
        <v>55</v>
      </c>
      <c r="X574" s="6">
        <v>63</v>
      </c>
      <c r="Y574" s="6">
        <v>55</v>
      </c>
      <c r="Z574" s="6">
        <v>7</v>
      </c>
      <c r="AA574" s="10" t="s">
        <v>55</v>
      </c>
      <c r="AB574" s="6">
        <v>1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6</v>
      </c>
      <c r="I575" s="9" t="s">
        <v>6</v>
      </c>
      <c r="J575" s="9" t="s">
        <v>42</v>
      </c>
      <c r="K575" s="6">
        <v>192</v>
      </c>
      <c r="L575" s="6">
        <v>71</v>
      </c>
      <c r="M575" s="6">
        <v>71</v>
      </c>
      <c r="N575" s="6">
        <v>57</v>
      </c>
      <c r="O575" s="6">
        <v>9</v>
      </c>
      <c r="P575" s="10" t="s">
        <v>55</v>
      </c>
      <c r="Q575" s="6">
        <v>5</v>
      </c>
      <c r="R575" s="10" t="s">
        <v>55</v>
      </c>
      <c r="S575" s="6">
        <v>121</v>
      </c>
      <c r="T575" s="6">
        <v>55</v>
      </c>
      <c r="U575" s="10" t="s">
        <v>55</v>
      </c>
      <c r="V575" s="6">
        <v>66</v>
      </c>
      <c r="W575" s="10" t="s">
        <v>55</v>
      </c>
      <c r="X575" s="6">
        <v>45</v>
      </c>
      <c r="Y575" s="6">
        <v>34</v>
      </c>
      <c r="Z575" s="6">
        <v>6</v>
      </c>
      <c r="AA575" s="10" t="s">
        <v>55</v>
      </c>
      <c r="AB575" s="6">
        <v>5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6</v>
      </c>
      <c r="I576" s="9" t="s">
        <v>6</v>
      </c>
      <c r="J576" s="9" t="s">
        <v>43</v>
      </c>
      <c r="K576" s="6">
        <v>165</v>
      </c>
      <c r="L576" s="6">
        <v>28</v>
      </c>
      <c r="M576" s="6">
        <v>28</v>
      </c>
      <c r="N576" s="6">
        <v>23</v>
      </c>
      <c r="O576" s="6">
        <v>4</v>
      </c>
      <c r="P576" s="10" t="s">
        <v>55</v>
      </c>
      <c r="Q576" s="6">
        <v>1</v>
      </c>
      <c r="R576" s="10" t="s">
        <v>55</v>
      </c>
      <c r="S576" s="6">
        <v>135</v>
      </c>
      <c r="T576" s="6">
        <v>47</v>
      </c>
      <c r="U576" s="10" t="s">
        <v>55</v>
      </c>
      <c r="V576" s="6">
        <v>88</v>
      </c>
      <c r="W576" s="6">
        <v>2</v>
      </c>
      <c r="X576" s="6">
        <v>12</v>
      </c>
      <c r="Y576" s="6">
        <v>9</v>
      </c>
      <c r="Z576" s="6">
        <v>2</v>
      </c>
      <c r="AA576" s="10" t="s">
        <v>55</v>
      </c>
      <c r="AB576" s="6">
        <v>1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6</v>
      </c>
      <c r="I577" s="9" t="s">
        <v>6</v>
      </c>
      <c r="J577" s="9" t="s">
        <v>44</v>
      </c>
      <c r="K577" s="6">
        <v>181</v>
      </c>
      <c r="L577" s="6">
        <v>18</v>
      </c>
      <c r="M577" s="6">
        <v>18</v>
      </c>
      <c r="N577" s="6">
        <v>12</v>
      </c>
      <c r="O577" s="6">
        <v>6</v>
      </c>
      <c r="P577" s="10" t="s">
        <v>55</v>
      </c>
      <c r="Q577" s="10" t="s">
        <v>55</v>
      </c>
      <c r="R577" s="10" t="s">
        <v>55</v>
      </c>
      <c r="S577" s="6">
        <v>161</v>
      </c>
      <c r="T577" s="6">
        <v>46</v>
      </c>
      <c r="U577" s="10" t="s">
        <v>55</v>
      </c>
      <c r="V577" s="6">
        <v>115</v>
      </c>
      <c r="W577" s="6">
        <v>2</v>
      </c>
      <c r="X577" s="6">
        <v>3</v>
      </c>
      <c r="Y577" s="6">
        <v>2</v>
      </c>
      <c r="Z577" s="6">
        <v>1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6</v>
      </c>
      <c r="I578" s="9" t="s">
        <v>6</v>
      </c>
      <c r="J578" s="9" t="s">
        <v>45</v>
      </c>
      <c r="K578" s="6">
        <v>92</v>
      </c>
      <c r="L578" s="6">
        <v>3</v>
      </c>
      <c r="M578" s="6">
        <v>3</v>
      </c>
      <c r="N578" s="6">
        <v>2</v>
      </c>
      <c r="O578" s="6">
        <v>1</v>
      </c>
      <c r="P578" s="10" t="s">
        <v>55</v>
      </c>
      <c r="Q578" s="10" t="s">
        <v>55</v>
      </c>
      <c r="R578" s="10" t="s">
        <v>55</v>
      </c>
      <c r="S578" s="6">
        <v>88</v>
      </c>
      <c r="T578" s="6">
        <v>22</v>
      </c>
      <c r="U578" s="10" t="s">
        <v>55</v>
      </c>
      <c r="V578" s="6">
        <v>66</v>
      </c>
      <c r="W578" s="6">
        <v>1</v>
      </c>
      <c r="X578" s="6">
        <v>1</v>
      </c>
      <c r="Y578" s="6">
        <v>1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6</v>
      </c>
      <c r="I579" s="9" t="s">
        <v>6</v>
      </c>
      <c r="J579" s="9" t="s">
        <v>46</v>
      </c>
      <c r="K579" s="6">
        <v>54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6">
        <v>54</v>
      </c>
      <c r="T579" s="6">
        <v>9</v>
      </c>
      <c r="U579" s="10" t="s">
        <v>55</v>
      </c>
      <c r="V579" s="6">
        <v>45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6</v>
      </c>
      <c r="I580" s="9" t="s">
        <v>6</v>
      </c>
      <c r="J580" s="9" t="s">
        <v>47</v>
      </c>
      <c r="K580" s="6">
        <v>4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6">
        <v>4</v>
      </c>
      <c r="T580" s="6">
        <v>1</v>
      </c>
      <c r="U580" s="10" t="s">
        <v>55</v>
      </c>
      <c r="V580" s="6">
        <v>3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6</v>
      </c>
      <c r="I581" s="9" t="s">
        <v>6</v>
      </c>
      <c r="J581" s="9" t="s">
        <v>48</v>
      </c>
      <c r="K581" s="6">
        <v>606</v>
      </c>
      <c r="L581" s="6">
        <v>479</v>
      </c>
      <c r="M581" s="6">
        <v>455</v>
      </c>
      <c r="N581" s="6">
        <v>402</v>
      </c>
      <c r="O581" s="6">
        <v>48</v>
      </c>
      <c r="P581" s="6">
        <v>1</v>
      </c>
      <c r="Q581" s="6">
        <v>4</v>
      </c>
      <c r="R581" s="6">
        <v>24</v>
      </c>
      <c r="S581" s="6">
        <v>119</v>
      </c>
      <c r="T581" s="6">
        <v>50</v>
      </c>
      <c r="U581" s="6">
        <v>48</v>
      </c>
      <c r="V581" s="6">
        <v>21</v>
      </c>
      <c r="W581" s="6">
        <v>8</v>
      </c>
      <c r="X581" s="6">
        <v>375</v>
      </c>
      <c r="Y581" s="6">
        <v>342</v>
      </c>
      <c r="Z581" s="6">
        <v>29</v>
      </c>
      <c r="AA581" s="6">
        <v>1</v>
      </c>
      <c r="AB581" s="6">
        <v>3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6</v>
      </c>
      <c r="I582" s="9" t="s">
        <v>6</v>
      </c>
      <c r="J582" s="9" t="s">
        <v>49</v>
      </c>
      <c r="K582" s="6">
        <v>851</v>
      </c>
      <c r="L582" s="6">
        <v>217</v>
      </c>
      <c r="M582" s="6">
        <v>213</v>
      </c>
      <c r="N582" s="6">
        <v>174</v>
      </c>
      <c r="O582" s="6">
        <v>32</v>
      </c>
      <c r="P582" s="10" t="s">
        <v>55</v>
      </c>
      <c r="Q582" s="6">
        <v>7</v>
      </c>
      <c r="R582" s="6">
        <v>4</v>
      </c>
      <c r="S582" s="6">
        <v>629</v>
      </c>
      <c r="T582" s="6">
        <v>220</v>
      </c>
      <c r="U582" s="10" t="s">
        <v>55</v>
      </c>
      <c r="V582" s="6">
        <v>409</v>
      </c>
      <c r="W582" s="6">
        <v>5</v>
      </c>
      <c r="X582" s="6">
        <v>124</v>
      </c>
      <c r="Y582" s="6">
        <v>101</v>
      </c>
      <c r="Z582" s="6">
        <v>16</v>
      </c>
      <c r="AA582" s="10" t="s">
        <v>55</v>
      </c>
      <c r="AB582" s="6">
        <v>7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6</v>
      </c>
      <c r="I583" s="9" t="s">
        <v>6</v>
      </c>
      <c r="J583" s="9" t="s">
        <v>50</v>
      </c>
      <c r="K583" s="6">
        <v>496</v>
      </c>
      <c r="L583" s="6">
        <v>49</v>
      </c>
      <c r="M583" s="6">
        <v>49</v>
      </c>
      <c r="N583" s="6">
        <v>37</v>
      </c>
      <c r="O583" s="6">
        <v>11</v>
      </c>
      <c r="P583" s="10" t="s">
        <v>55</v>
      </c>
      <c r="Q583" s="6">
        <v>1</v>
      </c>
      <c r="R583" s="10" t="s">
        <v>55</v>
      </c>
      <c r="S583" s="6">
        <v>442</v>
      </c>
      <c r="T583" s="6">
        <v>125</v>
      </c>
      <c r="U583" s="10" t="s">
        <v>55</v>
      </c>
      <c r="V583" s="6">
        <v>317</v>
      </c>
      <c r="W583" s="6">
        <v>5</v>
      </c>
      <c r="X583" s="6">
        <v>16</v>
      </c>
      <c r="Y583" s="6">
        <v>12</v>
      </c>
      <c r="Z583" s="6">
        <v>3</v>
      </c>
      <c r="AA583" s="10" t="s">
        <v>55</v>
      </c>
      <c r="AB583" s="6">
        <v>1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6</v>
      </c>
      <c r="I584" s="9" t="s">
        <v>6</v>
      </c>
      <c r="J584" s="9" t="s">
        <v>51</v>
      </c>
      <c r="K584" s="6">
        <v>150</v>
      </c>
      <c r="L584" s="6">
        <v>3</v>
      </c>
      <c r="M584" s="6">
        <v>3</v>
      </c>
      <c r="N584" s="6">
        <v>2</v>
      </c>
      <c r="O584" s="6">
        <v>1</v>
      </c>
      <c r="P584" s="10" t="s">
        <v>55</v>
      </c>
      <c r="Q584" s="10" t="s">
        <v>55</v>
      </c>
      <c r="R584" s="10" t="s">
        <v>55</v>
      </c>
      <c r="S584" s="6">
        <v>146</v>
      </c>
      <c r="T584" s="6">
        <v>32</v>
      </c>
      <c r="U584" s="10" t="s">
        <v>55</v>
      </c>
      <c r="V584" s="6">
        <v>114</v>
      </c>
      <c r="W584" s="6">
        <v>1</v>
      </c>
      <c r="X584" s="6">
        <v>1</v>
      </c>
      <c r="Y584" s="6">
        <v>1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6</v>
      </c>
      <c r="I585" s="9" t="s">
        <v>6</v>
      </c>
      <c r="J585" s="9" t="s">
        <v>52</v>
      </c>
      <c r="K585" s="6">
        <v>722</v>
      </c>
      <c r="L585" s="6">
        <v>571</v>
      </c>
      <c r="M585" s="6">
        <v>543</v>
      </c>
      <c r="N585" s="6">
        <v>478</v>
      </c>
      <c r="O585" s="6">
        <v>60</v>
      </c>
      <c r="P585" s="10" t="s">
        <v>55</v>
      </c>
      <c r="Q585" s="6">
        <v>5</v>
      </c>
      <c r="R585" s="6">
        <v>28</v>
      </c>
      <c r="S585" s="6">
        <v>143</v>
      </c>
      <c r="T585" s="6">
        <v>90</v>
      </c>
      <c r="U585" s="6">
        <v>6</v>
      </c>
      <c r="V585" s="6">
        <v>47</v>
      </c>
      <c r="W585" s="6">
        <v>8</v>
      </c>
      <c r="X585" s="6">
        <v>434</v>
      </c>
      <c r="Y585" s="6">
        <v>394</v>
      </c>
      <c r="Z585" s="6">
        <v>36</v>
      </c>
      <c r="AA585" s="10" t="s">
        <v>55</v>
      </c>
      <c r="AB585" s="6">
        <v>4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6</v>
      </c>
      <c r="I586" s="9" t="s">
        <v>53</v>
      </c>
      <c r="J586" s="9" t="s">
        <v>30</v>
      </c>
      <c r="K586" s="6">
        <v>720</v>
      </c>
      <c r="L586" s="6">
        <v>422</v>
      </c>
      <c r="M586" s="6">
        <v>401</v>
      </c>
      <c r="N586" s="6">
        <v>385</v>
      </c>
      <c r="O586" s="6">
        <v>8</v>
      </c>
      <c r="P586" s="10" t="s">
        <v>55</v>
      </c>
      <c r="Q586" s="6">
        <v>8</v>
      </c>
      <c r="R586" s="6">
        <v>21</v>
      </c>
      <c r="S586" s="6">
        <v>290</v>
      </c>
      <c r="T586" s="6">
        <v>42</v>
      </c>
      <c r="U586" s="6">
        <v>26</v>
      </c>
      <c r="V586" s="6">
        <v>222</v>
      </c>
      <c r="W586" s="6">
        <v>8</v>
      </c>
      <c r="X586" s="6">
        <v>303</v>
      </c>
      <c r="Y586" s="6">
        <v>293</v>
      </c>
      <c r="Z586" s="6">
        <v>3</v>
      </c>
      <c r="AA586" s="10" t="s">
        <v>55</v>
      </c>
      <c r="AB586" s="6">
        <v>7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6</v>
      </c>
      <c r="I587" s="9" t="s">
        <v>53</v>
      </c>
      <c r="J587" s="9" t="s">
        <v>31</v>
      </c>
      <c r="K587" s="6">
        <v>26</v>
      </c>
      <c r="L587" s="6">
        <v>3</v>
      </c>
      <c r="M587" s="6">
        <v>3</v>
      </c>
      <c r="N587" s="6">
        <v>3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6">
        <v>23</v>
      </c>
      <c r="T587" s="10" t="s">
        <v>55</v>
      </c>
      <c r="U587" s="6">
        <v>23</v>
      </c>
      <c r="V587" s="10" t="s">
        <v>55</v>
      </c>
      <c r="W587" s="10" t="s">
        <v>55</v>
      </c>
      <c r="X587" s="6">
        <v>3</v>
      </c>
      <c r="Y587" s="6">
        <v>3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6</v>
      </c>
      <c r="I588" s="9" t="s">
        <v>53</v>
      </c>
      <c r="J588" s="9" t="s">
        <v>32</v>
      </c>
      <c r="K588" s="6">
        <v>15</v>
      </c>
      <c r="L588" s="6">
        <v>12</v>
      </c>
      <c r="M588" s="6">
        <v>10</v>
      </c>
      <c r="N588" s="6">
        <v>10</v>
      </c>
      <c r="O588" s="10" t="s">
        <v>55</v>
      </c>
      <c r="P588" s="10" t="s">
        <v>55</v>
      </c>
      <c r="Q588" s="10" t="s">
        <v>55</v>
      </c>
      <c r="R588" s="6">
        <v>2</v>
      </c>
      <c r="S588" s="6">
        <v>3</v>
      </c>
      <c r="T588" s="10" t="s">
        <v>55</v>
      </c>
      <c r="U588" s="6">
        <v>3</v>
      </c>
      <c r="V588" s="10" t="s">
        <v>55</v>
      </c>
      <c r="W588" s="10" t="s">
        <v>55</v>
      </c>
      <c r="X588" s="6">
        <v>10</v>
      </c>
      <c r="Y588" s="6">
        <v>10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6</v>
      </c>
      <c r="I589" s="9" t="s">
        <v>53</v>
      </c>
      <c r="J589" s="9" t="s">
        <v>33</v>
      </c>
      <c r="K589" s="6">
        <v>9</v>
      </c>
      <c r="L589" s="6">
        <v>8</v>
      </c>
      <c r="M589" s="6">
        <v>8</v>
      </c>
      <c r="N589" s="6">
        <v>8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6">
        <v>1</v>
      </c>
      <c r="T589" s="10" t="s">
        <v>55</v>
      </c>
      <c r="U589" s="10" t="s">
        <v>55</v>
      </c>
      <c r="V589" s="6">
        <v>1</v>
      </c>
      <c r="W589" s="10" t="s">
        <v>55</v>
      </c>
      <c r="X589" s="6">
        <v>8</v>
      </c>
      <c r="Y589" s="6">
        <v>8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6</v>
      </c>
      <c r="I590" s="9" t="s">
        <v>53</v>
      </c>
      <c r="J590" s="9" t="s">
        <v>34</v>
      </c>
      <c r="K590" s="6">
        <v>17</v>
      </c>
      <c r="L590" s="6">
        <v>17</v>
      </c>
      <c r="M590" s="6">
        <v>17</v>
      </c>
      <c r="N590" s="6">
        <v>17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6">
        <v>15</v>
      </c>
      <c r="Y590" s="6">
        <v>15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6</v>
      </c>
      <c r="I591" s="9" t="s">
        <v>53</v>
      </c>
      <c r="J591" s="9" t="s">
        <v>35</v>
      </c>
      <c r="K591" s="6">
        <v>27</v>
      </c>
      <c r="L591" s="6">
        <v>25</v>
      </c>
      <c r="M591" s="6">
        <v>23</v>
      </c>
      <c r="N591" s="6">
        <v>23</v>
      </c>
      <c r="O591" s="10" t="s">
        <v>55</v>
      </c>
      <c r="P591" s="10" t="s">
        <v>55</v>
      </c>
      <c r="Q591" s="10" t="s">
        <v>55</v>
      </c>
      <c r="R591" s="6">
        <v>2</v>
      </c>
      <c r="S591" s="6">
        <v>2</v>
      </c>
      <c r="T591" s="6">
        <v>1</v>
      </c>
      <c r="U591" s="10" t="s">
        <v>55</v>
      </c>
      <c r="V591" s="6">
        <v>1</v>
      </c>
      <c r="W591" s="10" t="s">
        <v>55</v>
      </c>
      <c r="X591" s="6">
        <v>20</v>
      </c>
      <c r="Y591" s="6">
        <v>20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6</v>
      </c>
      <c r="I592" s="9" t="s">
        <v>53</v>
      </c>
      <c r="J592" s="9" t="s">
        <v>36</v>
      </c>
      <c r="K592" s="6">
        <v>31</v>
      </c>
      <c r="L592" s="6">
        <v>29</v>
      </c>
      <c r="M592" s="6">
        <v>27</v>
      </c>
      <c r="N592" s="6">
        <v>27</v>
      </c>
      <c r="O592" s="10" t="s">
        <v>55</v>
      </c>
      <c r="P592" s="10" t="s">
        <v>55</v>
      </c>
      <c r="Q592" s="10" t="s">
        <v>55</v>
      </c>
      <c r="R592" s="6">
        <v>2</v>
      </c>
      <c r="S592" s="6">
        <v>2</v>
      </c>
      <c r="T592" s="10" t="s">
        <v>55</v>
      </c>
      <c r="U592" s="10" t="s">
        <v>55</v>
      </c>
      <c r="V592" s="6">
        <v>2</v>
      </c>
      <c r="W592" s="10" t="s">
        <v>55</v>
      </c>
      <c r="X592" s="6">
        <v>25</v>
      </c>
      <c r="Y592" s="6">
        <v>25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6</v>
      </c>
      <c r="I593" s="9" t="s">
        <v>53</v>
      </c>
      <c r="J593" s="9" t="s">
        <v>37</v>
      </c>
      <c r="K593" s="6">
        <v>35</v>
      </c>
      <c r="L593" s="6">
        <v>33</v>
      </c>
      <c r="M593" s="6">
        <v>30</v>
      </c>
      <c r="N593" s="6">
        <v>29</v>
      </c>
      <c r="O593" s="10" t="s">
        <v>55</v>
      </c>
      <c r="P593" s="10" t="s">
        <v>55</v>
      </c>
      <c r="Q593" s="6">
        <v>1</v>
      </c>
      <c r="R593" s="6">
        <v>3</v>
      </c>
      <c r="S593" s="6">
        <v>2</v>
      </c>
      <c r="T593" s="6">
        <v>1</v>
      </c>
      <c r="U593" s="10" t="s">
        <v>55</v>
      </c>
      <c r="V593" s="6">
        <v>1</v>
      </c>
      <c r="W593" s="10" t="s">
        <v>55</v>
      </c>
      <c r="X593" s="6">
        <v>27</v>
      </c>
      <c r="Y593" s="6">
        <v>26</v>
      </c>
      <c r="Z593" s="10" t="s">
        <v>55</v>
      </c>
      <c r="AA593" s="10" t="s">
        <v>55</v>
      </c>
      <c r="AB593" s="6">
        <v>1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6</v>
      </c>
      <c r="I594" s="9" t="s">
        <v>53</v>
      </c>
      <c r="J594" s="9" t="s">
        <v>38</v>
      </c>
      <c r="K594" s="6">
        <v>53</v>
      </c>
      <c r="L594" s="6">
        <v>50</v>
      </c>
      <c r="M594" s="6">
        <v>45</v>
      </c>
      <c r="N594" s="6">
        <v>45</v>
      </c>
      <c r="O594" s="10" t="s">
        <v>55</v>
      </c>
      <c r="P594" s="10" t="s">
        <v>55</v>
      </c>
      <c r="Q594" s="10" t="s">
        <v>55</v>
      </c>
      <c r="R594" s="6">
        <v>5</v>
      </c>
      <c r="S594" s="6">
        <v>2</v>
      </c>
      <c r="T594" s="10" t="s">
        <v>55</v>
      </c>
      <c r="U594" s="10" t="s">
        <v>55</v>
      </c>
      <c r="V594" s="6">
        <v>2</v>
      </c>
      <c r="W594" s="6">
        <v>1</v>
      </c>
      <c r="X594" s="6">
        <v>35</v>
      </c>
      <c r="Y594" s="6">
        <v>35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6</v>
      </c>
      <c r="I595" s="9" t="s">
        <v>53</v>
      </c>
      <c r="J595" s="9" t="s">
        <v>39</v>
      </c>
      <c r="K595" s="6">
        <v>56</v>
      </c>
      <c r="L595" s="6">
        <v>50</v>
      </c>
      <c r="M595" s="6">
        <v>47</v>
      </c>
      <c r="N595" s="6">
        <v>45</v>
      </c>
      <c r="O595" s="6">
        <v>2</v>
      </c>
      <c r="P595" s="10" t="s">
        <v>55</v>
      </c>
      <c r="Q595" s="10" t="s">
        <v>55</v>
      </c>
      <c r="R595" s="6">
        <v>3</v>
      </c>
      <c r="S595" s="6">
        <v>4</v>
      </c>
      <c r="T595" s="6">
        <v>2</v>
      </c>
      <c r="U595" s="10" t="s">
        <v>55</v>
      </c>
      <c r="V595" s="6">
        <v>2</v>
      </c>
      <c r="W595" s="6">
        <v>2</v>
      </c>
      <c r="X595" s="6">
        <v>34</v>
      </c>
      <c r="Y595" s="6">
        <v>33</v>
      </c>
      <c r="Z595" s="6">
        <v>1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6</v>
      </c>
      <c r="I596" s="9" t="s">
        <v>53</v>
      </c>
      <c r="J596" s="9" t="s">
        <v>40</v>
      </c>
      <c r="K596" s="6">
        <v>67</v>
      </c>
      <c r="L596" s="6">
        <v>56</v>
      </c>
      <c r="M596" s="6">
        <v>55</v>
      </c>
      <c r="N596" s="6">
        <v>53</v>
      </c>
      <c r="O596" s="6">
        <v>1</v>
      </c>
      <c r="P596" s="10" t="s">
        <v>55</v>
      </c>
      <c r="Q596" s="6">
        <v>1</v>
      </c>
      <c r="R596" s="6">
        <v>1</v>
      </c>
      <c r="S596" s="6">
        <v>10</v>
      </c>
      <c r="T596" s="6">
        <v>4</v>
      </c>
      <c r="U596" s="10" t="s">
        <v>55</v>
      </c>
      <c r="V596" s="6">
        <v>6</v>
      </c>
      <c r="W596" s="6">
        <v>1</v>
      </c>
      <c r="X596" s="6">
        <v>41</v>
      </c>
      <c r="Y596" s="6">
        <v>41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6</v>
      </c>
      <c r="I597" s="9" t="s">
        <v>53</v>
      </c>
      <c r="J597" s="9" t="s">
        <v>41</v>
      </c>
      <c r="K597" s="6">
        <v>84</v>
      </c>
      <c r="L597" s="6">
        <v>59</v>
      </c>
      <c r="M597" s="6">
        <v>56</v>
      </c>
      <c r="N597" s="6">
        <v>54</v>
      </c>
      <c r="O597" s="6">
        <v>1</v>
      </c>
      <c r="P597" s="10" t="s">
        <v>55</v>
      </c>
      <c r="Q597" s="6">
        <v>1</v>
      </c>
      <c r="R597" s="6">
        <v>3</v>
      </c>
      <c r="S597" s="6">
        <v>25</v>
      </c>
      <c r="T597" s="6">
        <v>5</v>
      </c>
      <c r="U597" s="10" t="s">
        <v>55</v>
      </c>
      <c r="V597" s="6">
        <v>20</v>
      </c>
      <c r="W597" s="10" t="s">
        <v>55</v>
      </c>
      <c r="X597" s="6">
        <v>41</v>
      </c>
      <c r="Y597" s="6">
        <v>39</v>
      </c>
      <c r="Z597" s="6">
        <v>1</v>
      </c>
      <c r="AA597" s="10" t="s">
        <v>55</v>
      </c>
      <c r="AB597" s="6">
        <v>1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6</v>
      </c>
      <c r="I598" s="9" t="s">
        <v>53</v>
      </c>
      <c r="J598" s="9" t="s">
        <v>42</v>
      </c>
      <c r="K598" s="6">
        <v>101</v>
      </c>
      <c r="L598" s="6">
        <v>50</v>
      </c>
      <c r="M598" s="6">
        <v>50</v>
      </c>
      <c r="N598" s="6">
        <v>46</v>
      </c>
      <c r="O598" s="10" t="s">
        <v>55</v>
      </c>
      <c r="P598" s="10" t="s">
        <v>55</v>
      </c>
      <c r="Q598" s="6">
        <v>4</v>
      </c>
      <c r="R598" s="10" t="s">
        <v>55</v>
      </c>
      <c r="S598" s="6">
        <v>51</v>
      </c>
      <c r="T598" s="6">
        <v>11</v>
      </c>
      <c r="U598" s="10" t="s">
        <v>55</v>
      </c>
      <c r="V598" s="6">
        <v>40</v>
      </c>
      <c r="W598" s="10" t="s">
        <v>55</v>
      </c>
      <c r="X598" s="6">
        <v>32</v>
      </c>
      <c r="Y598" s="6">
        <v>28</v>
      </c>
      <c r="Z598" s="10" t="s">
        <v>55</v>
      </c>
      <c r="AA598" s="10" t="s">
        <v>55</v>
      </c>
      <c r="AB598" s="6">
        <v>4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6</v>
      </c>
      <c r="I599" s="9" t="s">
        <v>53</v>
      </c>
      <c r="J599" s="9" t="s">
        <v>43</v>
      </c>
      <c r="K599" s="6">
        <v>63</v>
      </c>
      <c r="L599" s="6">
        <v>15</v>
      </c>
      <c r="M599" s="6">
        <v>15</v>
      </c>
      <c r="N599" s="6">
        <v>14</v>
      </c>
      <c r="O599" s="10" t="s">
        <v>55</v>
      </c>
      <c r="P599" s="10" t="s">
        <v>55</v>
      </c>
      <c r="Q599" s="6">
        <v>1</v>
      </c>
      <c r="R599" s="10" t="s">
        <v>55</v>
      </c>
      <c r="S599" s="6">
        <v>46</v>
      </c>
      <c r="T599" s="6">
        <v>4</v>
      </c>
      <c r="U599" s="10" t="s">
        <v>55</v>
      </c>
      <c r="V599" s="6">
        <v>42</v>
      </c>
      <c r="W599" s="6">
        <v>2</v>
      </c>
      <c r="X599" s="6">
        <v>8</v>
      </c>
      <c r="Y599" s="6">
        <v>7</v>
      </c>
      <c r="Z599" s="10" t="s">
        <v>55</v>
      </c>
      <c r="AA599" s="10" t="s">
        <v>55</v>
      </c>
      <c r="AB599" s="6">
        <v>1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6</v>
      </c>
      <c r="I600" s="9" t="s">
        <v>53</v>
      </c>
      <c r="J600" s="9" t="s">
        <v>44</v>
      </c>
      <c r="K600" s="6">
        <v>81</v>
      </c>
      <c r="L600" s="6">
        <v>13</v>
      </c>
      <c r="M600" s="6">
        <v>13</v>
      </c>
      <c r="N600" s="6">
        <v>10</v>
      </c>
      <c r="O600" s="6">
        <v>3</v>
      </c>
      <c r="P600" s="10" t="s">
        <v>55</v>
      </c>
      <c r="Q600" s="10" t="s">
        <v>55</v>
      </c>
      <c r="R600" s="10" t="s">
        <v>55</v>
      </c>
      <c r="S600" s="6">
        <v>66</v>
      </c>
      <c r="T600" s="6">
        <v>8</v>
      </c>
      <c r="U600" s="10" t="s">
        <v>55</v>
      </c>
      <c r="V600" s="6">
        <v>58</v>
      </c>
      <c r="W600" s="6">
        <v>2</v>
      </c>
      <c r="X600" s="6">
        <v>3</v>
      </c>
      <c r="Y600" s="6">
        <v>2</v>
      </c>
      <c r="Z600" s="6">
        <v>1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6</v>
      </c>
      <c r="I601" s="9" t="s">
        <v>53</v>
      </c>
      <c r="J601" s="9" t="s">
        <v>45</v>
      </c>
      <c r="K601" s="6">
        <v>35</v>
      </c>
      <c r="L601" s="6">
        <v>2</v>
      </c>
      <c r="M601" s="6">
        <v>2</v>
      </c>
      <c r="N601" s="6">
        <v>1</v>
      </c>
      <c r="O601" s="6">
        <v>1</v>
      </c>
      <c r="P601" s="10" t="s">
        <v>55</v>
      </c>
      <c r="Q601" s="10" t="s">
        <v>55</v>
      </c>
      <c r="R601" s="10" t="s">
        <v>55</v>
      </c>
      <c r="S601" s="6">
        <v>33</v>
      </c>
      <c r="T601" s="6">
        <v>5</v>
      </c>
      <c r="U601" s="10" t="s">
        <v>55</v>
      </c>
      <c r="V601" s="6">
        <v>28</v>
      </c>
      <c r="W601" s="10" t="s">
        <v>55</v>
      </c>
      <c r="X601" s="6">
        <v>1</v>
      </c>
      <c r="Y601" s="6">
        <v>1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6</v>
      </c>
      <c r="I602" s="9" t="s">
        <v>53</v>
      </c>
      <c r="J602" s="9" t="s">
        <v>46</v>
      </c>
      <c r="K602" s="6">
        <v>19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6">
        <v>19</v>
      </c>
      <c r="T602" s="6">
        <v>1</v>
      </c>
      <c r="U602" s="10" t="s">
        <v>55</v>
      </c>
      <c r="V602" s="6">
        <v>18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6</v>
      </c>
      <c r="I603" s="9" t="s">
        <v>53</v>
      </c>
      <c r="J603" s="9" t="s">
        <v>47</v>
      </c>
      <c r="K603" s="6">
        <v>1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6">
        <v>1</v>
      </c>
      <c r="T603" s="10" t="s">
        <v>55</v>
      </c>
      <c r="U603" s="10" t="s">
        <v>55</v>
      </c>
      <c r="V603" s="6">
        <v>1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6</v>
      </c>
      <c r="I604" s="9" t="s">
        <v>53</v>
      </c>
      <c r="J604" s="9" t="s">
        <v>48</v>
      </c>
      <c r="K604" s="6">
        <v>336</v>
      </c>
      <c r="L604" s="6">
        <v>283</v>
      </c>
      <c r="M604" s="6">
        <v>265</v>
      </c>
      <c r="N604" s="6">
        <v>260</v>
      </c>
      <c r="O604" s="6">
        <v>3</v>
      </c>
      <c r="P604" s="10" t="s">
        <v>55</v>
      </c>
      <c r="Q604" s="6">
        <v>2</v>
      </c>
      <c r="R604" s="6">
        <v>18</v>
      </c>
      <c r="S604" s="6">
        <v>49</v>
      </c>
      <c r="T604" s="6">
        <v>8</v>
      </c>
      <c r="U604" s="6">
        <v>26</v>
      </c>
      <c r="V604" s="6">
        <v>15</v>
      </c>
      <c r="W604" s="6">
        <v>4</v>
      </c>
      <c r="X604" s="6">
        <v>218</v>
      </c>
      <c r="Y604" s="6">
        <v>216</v>
      </c>
      <c r="Z604" s="6">
        <v>1</v>
      </c>
      <c r="AA604" s="10" t="s">
        <v>55</v>
      </c>
      <c r="AB604" s="6">
        <v>1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6</v>
      </c>
      <c r="I605" s="9" t="s">
        <v>53</v>
      </c>
      <c r="J605" s="9" t="s">
        <v>49</v>
      </c>
      <c r="K605" s="6">
        <v>384</v>
      </c>
      <c r="L605" s="6">
        <v>139</v>
      </c>
      <c r="M605" s="6">
        <v>136</v>
      </c>
      <c r="N605" s="6">
        <v>125</v>
      </c>
      <c r="O605" s="6">
        <v>5</v>
      </c>
      <c r="P605" s="10" t="s">
        <v>55</v>
      </c>
      <c r="Q605" s="6">
        <v>6</v>
      </c>
      <c r="R605" s="6">
        <v>3</v>
      </c>
      <c r="S605" s="6">
        <v>241</v>
      </c>
      <c r="T605" s="6">
        <v>34</v>
      </c>
      <c r="U605" s="10" t="s">
        <v>55</v>
      </c>
      <c r="V605" s="6">
        <v>207</v>
      </c>
      <c r="W605" s="6">
        <v>4</v>
      </c>
      <c r="X605" s="6">
        <v>85</v>
      </c>
      <c r="Y605" s="6">
        <v>77</v>
      </c>
      <c r="Z605" s="6">
        <v>2</v>
      </c>
      <c r="AA605" s="10" t="s">
        <v>55</v>
      </c>
      <c r="AB605" s="6">
        <v>6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6</v>
      </c>
      <c r="I606" s="9" t="s">
        <v>53</v>
      </c>
      <c r="J606" s="9" t="s">
        <v>50</v>
      </c>
      <c r="K606" s="6">
        <v>199</v>
      </c>
      <c r="L606" s="6">
        <v>30</v>
      </c>
      <c r="M606" s="6">
        <v>30</v>
      </c>
      <c r="N606" s="6">
        <v>25</v>
      </c>
      <c r="O606" s="6">
        <v>4</v>
      </c>
      <c r="P606" s="10" t="s">
        <v>55</v>
      </c>
      <c r="Q606" s="6">
        <v>1</v>
      </c>
      <c r="R606" s="10" t="s">
        <v>55</v>
      </c>
      <c r="S606" s="6">
        <v>165</v>
      </c>
      <c r="T606" s="6">
        <v>18</v>
      </c>
      <c r="U606" s="10" t="s">
        <v>55</v>
      </c>
      <c r="V606" s="6">
        <v>147</v>
      </c>
      <c r="W606" s="6">
        <v>4</v>
      </c>
      <c r="X606" s="6">
        <v>12</v>
      </c>
      <c r="Y606" s="6">
        <v>10</v>
      </c>
      <c r="Z606" s="6">
        <v>1</v>
      </c>
      <c r="AA606" s="10" t="s">
        <v>55</v>
      </c>
      <c r="AB606" s="6">
        <v>1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6</v>
      </c>
      <c r="I607" s="9" t="s">
        <v>53</v>
      </c>
      <c r="J607" s="9" t="s">
        <v>51</v>
      </c>
      <c r="K607" s="6">
        <v>55</v>
      </c>
      <c r="L607" s="6">
        <v>2</v>
      </c>
      <c r="M607" s="6">
        <v>2</v>
      </c>
      <c r="N607" s="6">
        <v>1</v>
      </c>
      <c r="O607" s="6">
        <v>1</v>
      </c>
      <c r="P607" s="10" t="s">
        <v>55</v>
      </c>
      <c r="Q607" s="10" t="s">
        <v>55</v>
      </c>
      <c r="R607" s="10" t="s">
        <v>55</v>
      </c>
      <c r="S607" s="6">
        <v>53</v>
      </c>
      <c r="T607" s="6">
        <v>6</v>
      </c>
      <c r="U607" s="10" t="s">
        <v>55</v>
      </c>
      <c r="V607" s="6">
        <v>47</v>
      </c>
      <c r="W607" s="10" t="s">
        <v>55</v>
      </c>
      <c r="X607" s="6">
        <v>1</v>
      </c>
      <c r="Y607" s="6">
        <v>1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6</v>
      </c>
      <c r="I608" s="9" t="s">
        <v>53</v>
      </c>
      <c r="J608" s="9" t="s">
        <v>52</v>
      </c>
      <c r="K608" s="6">
        <v>394</v>
      </c>
      <c r="L608" s="6">
        <v>339</v>
      </c>
      <c r="M608" s="6">
        <v>318</v>
      </c>
      <c r="N608" s="6">
        <v>311</v>
      </c>
      <c r="O608" s="6">
        <v>4</v>
      </c>
      <c r="P608" s="10" t="s">
        <v>55</v>
      </c>
      <c r="Q608" s="6">
        <v>3</v>
      </c>
      <c r="R608" s="6">
        <v>21</v>
      </c>
      <c r="S608" s="6">
        <v>51</v>
      </c>
      <c r="T608" s="6">
        <v>13</v>
      </c>
      <c r="U608" s="6">
        <v>3</v>
      </c>
      <c r="V608" s="6">
        <v>35</v>
      </c>
      <c r="W608" s="6">
        <v>4</v>
      </c>
      <c r="X608" s="6">
        <v>256</v>
      </c>
      <c r="Y608" s="6">
        <v>252</v>
      </c>
      <c r="Z608" s="6">
        <v>2</v>
      </c>
      <c r="AA608" s="10" t="s">
        <v>55</v>
      </c>
      <c r="AB608" s="6">
        <v>2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6</v>
      </c>
      <c r="I609" s="9" t="s">
        <v>54</v>
      </c>
      <c r="J609" s="9" t="s">
        <v>30</v>
      </c>
      <c r="K609" s="6">
        <v>737</v>
      </c>
      <c r="L609" s="6">
        <v>274</v>
      </c>
      <c r="M609" s="6">
        <v>267</v>
      </c>
      <c r="N609" s="6">
        <v>191</v>
      </c>
      <c r="O609" s="6">
        <v>72</v>
      </c>
      <c r="P609" s="6">
        <v>1</v>
      </c>
      <c r="Q609" s="6">
        <v>3</v>
      </c>
      <c r="R609" s="6">
        <v>7</v>
      </c>
      <c r="S609" s="6">
        <v>458</v>
      </c>
      <c r="T609" s="6">
        <v>228</v>
      </c>
      <c r="U609" s="6">
        <v>22</v>
      </c>
      <c r="V609" s="6">
        <v>208</v>
      </c>
      <c r="W609" s="6">
        <v>5</v>
      </c>
      <c r="X609" s="6">
        <v>196</v>
      </c>
      <c r="Y609" s="6">
        <v>150</v>
      </c>
      <c r="Z609" s="6">
        <v>42</v>
      </c>
      <c r="AA609" s="6">
        <v>1</v>
      </c>
      <c r="AB609" s="6">
        <v>3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6</v>
      </c>
      <c r="I610" s="9" t="s">
        <v>54</v>
      </c>
      <c r="J610" s="9" t="s">
        <v>31</v>
      </c>
      <c r="K610" s="6">
        <v>21</v>
      </c>
      <c r="L610" s="6">
        <v>2</v>
      </c>
      <c r="M610" s="6">
        <v>2</v>
      </c>
      <c r="N610" s="6">
        <v>1</v>
      </c>
      <c r="O610" s="10" t="s">
        <v>55</v>
      </c>
      <c r="P610" s="6">
        <v>1</v>
      </c>
      <c r="Q610" s="10" t="s">
        <v>55</v>
      </c>
      <c r="R610" s="10" t="s">
        <v>55</v>
      </c>
      <c r="S610" s="6">
        <v>19</v>
      </c>
      <c r="T610" s="10" t="s">
        <v>55</v>
      </c>
      <c r="U610" s="6">
        <v>19</v>
      </c>
      <c r="V610" s="10" t="s">
        <v>55</v>
      </c>
      <c r="W610" s="10" t="s">
        <v>55</v>
      </c>
      <c r="X610" s="6">
        <v>1</v>
      </c>
      <c r="Y610" s="10" t="s">
        <v>55</v>
      </c>
      <c r="Z610" s="10" t="s">
        <v>55</v>
      </c>
      <c r="AA610" s="6">
        <v>1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6</v>
      </c>
      <c r="I611" s="9" t="s">
        <v>54</v>
      </c>
      <c r="J611" s="9" t="s">
        <v>32</v>
      </c>
      <c r="K611" s="6">
        <v>8</v>
      </c>
      <c r="L611" s="6">
        <v>5</v>
      </c>
      <c r="M611" s="6">
        <v>5</v>
      </c>
      <c r="N611" s="6">
        <v>3</v>
      </c>
      <c r="O611" s="6">
        <v>2</v>
      </c>
      <c r="P611" s="10" t="s">
        <v>55</v>
      </c>
      <c r="Q611" s="10" t="s">
        <v>55</v>
      </c>
      <c r="R611" s="10" t="s">
        <v>55</v>
      </c>
      <c r="S611" s="6">
        <v>3</v>
      </c>
      <c r="T611" s="10" t="s">
        <v>55</v>
      </c>
      <c r="U611" s="6">
        <v>3</v>
      </c>
      <c r="V611" s="10" t="s">
        <v>55</v>
      </c>
      <c r="W611" s="10" t="s">
        <v>55</v>
      </c>
      <c r="X611" s="6">
        <v>4</v>
      </c>
      <c r="Y611" s="6">
        <v>3</v>
      </c>
      <c r="Z611" s="6">
        <v>1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6</v>
      </c>
      <c r="I612" s="9" t="s">
        <v>54</v>
      </c>
      <c r="J612" s="9" t="s">
        <v>33</v>
      </c>
      <c r="K612" s="6">
        <v>12</v>
      </c>
      <c r="L612" s="6">
        <v>9</v>
      </c>
      <c r="M612" s="6">
        <v>7</v>
      </c>
      <c r="N612" s="6">
        <v>6</v>
      </c>
      <c r="O612" s="10" t="s">
        <v>55</v>
      </c>
      <c r="P612" s="10" t="s">
        <v>55</v>
      </c>
      <c r="Q612" s="6">
        <v>1</v>
      </c>
      <c r="R612" s="6">
        <v>2</v>
      </c>
      <c r="S612" s="6">
        <v>1</v>
      </c>
      <c r="T612" s="6">
        <v>1</v>
      </c>
      <c r="U612" s="10" t="s">
        <v>55</v>
      </c>
      <c r="V612" s="10" t="s">
        <v>55</v>
      </c>
      <c r="W612" s="6">
        <v>2</v>
      </c>
      <c r="X612" s="6">
        <v>7</v>
      </c>
      <c r="Y612" s="6">
        <v>6</v>
      </c>
      <c r="Z612" s="10" t="s">
        <v>55</v>
      </c>
      <c r="AA612" s="10" t="s">
        <v>55</v>
      </c>
      <c r="AB612" s="6">
        <v>1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6</v>
      </c>
      <c r="I613" s="9" t="s">
        <v>54</v>
      </c>
      <c r="J613" s="9" t="s">
        <v>34</v>
      </c>
      <c r="K613" s="6">
        <v>22</v>
      </c>
      <c r="L613" s="6">
        <v>21</v>
      </c>
      <c r="M613" s="6">
        <v>21</v>
      </c>
      <c r="N613" s="6">
        <v>14</v>
      </c>
      <c r="O613" s="6">
        <v>7</v>
      </c>
      <c r="P613" s="10" t="s">
        <v>55</v>
      </c>
      <c r="Q613" s="10" t="s">
        <v>55</v>
      </c>
      <c r="R613" s="10" t="s">
        <v>55</v>
      </c>
      <c r="S613" s="6">
        <v>1</v>
      </c>
      <c r="T613" s="10" t="s">
        <v>55</v>
      </c>
      <c r="U613" s="10" t="s">
        <v>55</v>
      </c>
      <c r="V613" s="6">
        <v>1</v>
      </c>
      <c r="W613" s="10" t="s">
        <v>55</v>
      </c>
      <c r="X613" s="6">
        <v>17</v>
      </c>
      <c r="Y613" s="6">
        <v>12</v>
      </c>
      <c r="Z613" s="6">
        <v>5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6</v>
      </c>
      <c r="I614" s="9" t="s">
        <v>54</v>
      </c>
      <c r="J614" s="9" t="s">
        <v>35</v>
      </c>
      <c r="K614" s="6">
        <v>18</v>
      </c>
      <c r="L614" s="6">
        <v>13</v>
      </c>
      <c r="M614" s="6">
        <v>13</v>
      </c>
      <c r="N614" s="6">
        <v>12</v>
      </c>
      <c r="O614" s="6">
        <v>1</v>
      </c>
      <c r="P614" s="10" t="s">
        <v>55</v>
      </c>
      <c r="Q614" s="10" t="s">
        <v>55</v>
      </c>
      <c r="R614" s="10" t="s">
        <v>55</v>
      </c>
      <c r="S614" s="6">
        <v>5</v>
      </c>
      <c r="T614" s="6">
        <v>4</v>
      </c>
      <c r="U614" s="10" t="s">
        <v>55</v>
      </c>
      <c r="V614" s="6">
        <v>1</v>
      </c>
      <c r="W614" s="10" t="s">
        <v>55</v>
      </c>
      <c r="X614" s="6">
        <v>12</v>
      </c>
      <c r="Y614" s="6">
        <v>11</v>
      </c>
      <c r="Z614" s="6">
        <v>1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6</v>
      </c>
      <c r="I615" s="9" t="s">
        <v>54</v>
      </c>
      <c r="J615" s="9" t="s">
        <v>36</v>
      </c>
      <c r="K615" s="6">
        <v>24</v>
      </c>
      <c r="L615" s="6">
        <v>23</v>
      </c>
      <c r="M615" s="6">
        <v>22</v>
      </c>
      <c r="N615" s="6">
        <v>17</v>
      </c>
      <c r="O615" s="6">
        <v>5</v>
      </c>
      <c r="P615" s="10" t="s">
        <v>55</v>
      </c>
      <c r="Q615" s="10" t="s">
        <v>55</v>
      </c>
      <c r="R615" s="6">
        <v>1</v>
      </c>
      <c r="S615" s="6">
        <v>1</v>
      </c>
      <c r="T615" s="6">
        <v>1</v>
      </c>
      <c r="U615" s="10" t="s">
        <v>55</v>
      </c>
      <c r="V615" s="10" t="s">
        <v>55</v>
      </c>
      <c r="W615" s="10" t="s">
        <v>55</v>
      </c>
      <c r="X615" s="6">
        <v>21</v>
      </c>
      <c r="Y615" s="6">
        <v>17</v>
      </c>
      <c r="Z615" s="6">
        <v>4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6</v>
      </c>
      <c r="I616" s="9" t="s">
        <v>54</v>
      </c>
      <c r="J616" s="9" t="s">
        <v>37</v>
      </c>
      <c r="K616" s="6">
        <v>26</v>
      </c>
      <c r="L616" s="6">
        <v>21</v>
      </c>
      <c r="M616" s="6">
        <v>21</v>
      </c>
      <c r="N616" s="6">
        <v>16</v>
      </c>
      <c r="O616" s="6">
        <v>4</v>
      </c>
      <c r="P616" s="10" t="s">
        <v>55</v>
      </c>
      <c r="Q616" s="6">
        <v>1</v>
      </c>
      <c r="R616" s="10" t="s">
        <v>55</v>
      </c>
      <c r="S616" s="6">
        <v>5</v>
      </c>
      <c r="T616" s="6">
        <v>4</v>
      </c>
      <c r="U616" s="10" t="s">
        <v>55</v>
      </c>
      <c r="V616" s="6">
        <v>1</v>
      </c>
      <c r="W616" s="10" t="s">
        <v>55</v>
      </c>
      <c r="X616" s="6">
        <v>17</v>
      </c>
      <c r="Y616" s="6">
        <v>13</v>
      </c>
      <c r="Z616" s="6">
        <v>3</v>
      </c>
      <c r="AA616" s="10" t="s">
        <v>55</v>
      </c>
      <c r="AB616" s="6">
        <v>1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6</v>
      </c>
      <c r="I617" s="9" t="s">
        <v>54</v>
      </c>
      <c r="J617" s="9" t="s">
        <v>38</v>
      </c>
      <c r="K617" s="6">
        <v>32</v>
      </c>
      <c r="L617" s="6">
        <v>28</v>
      </c>
      <c r="M617" s="6">
        <v>27</v>
      </c>
      <c r="N617" s="6">
        <v>22</v>
      </c>
      <c r="O617" s="6">
        <v>5</v>
      </c>
      <c r="P617" s="10" t="s">
        <v>55</v>
      </c>
      <c r="Q617" s="10" t="s">
        <v>55</v>
      </c>
      <c r="R617" s="6">
        <v>1</v>
      </c>
      <c r="S617" s="6">
        <v>3</v>
      </c>
      <c r="T617" s="6">
        <v>3</v>
      </c>
      <c r="U617" s="10" t="s">
        <v>55</v>
      </c>
      <c r="V617" s="10" t="s">
        <v>55</v>
      </c>
      <c r="W617" s="6">
        <v>1</v>
      </c>
      <c r="X617" s="6">
        <v>25</v>
      </c>
      <c r="Y617" s="6">
        <v>21</v>
      </c>
      <c r="Z617" s="6">
        <v>4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6</v>
      </c>
      <c r="I618" s="9" t="s">
        <v>54</v>
      </c>
      <c r="J618" s="9" t="s">
        <v>39</v>
      </c>
      <c r="K618" s="6">
        <v>47</v>
      </c>
      <c r="L618" s="6">
        <v>37</v>
      </c>
      <c r="M618" s="6">
        <v>37</v>
      </c>
      <c r="N618" s="6">
        <v>27</v>
      </c>
      <c r="O618" s="6">
        <v>10</v>
      </c>
      <c r="P618" s="10" t="s">
        <v>55</v>
      </c>
      <c r="Q618" s="10" t="s">
        <v>55</v>
      </c>
      <c r="R618" s="10" t="s">
        <v>55</v>
      </c>
      <c r="S618" s="6">
        <v>9</v>
      </c>
      <c r="T618" s="6">
        <v>9</v>
      </c>
      <c r="U618" s="10" t="s">
        <v>55</v>
      </c>
      <c r="V618" s="10" t="s">
        <v>55</v>
      </c>
      <c r="W618" s="6">
        <v>1</v>
      </c>
      <c r="X618" s="6">
        <v>28</v>
      </c>
      <c r="Y618" s="6">
        <v>23</v>
      </c>
      <c r="Z618" s="6">
        <v>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6</v>
      </c>
      <c r="I619" s="9" t="s">
        <v>54</v>
      </c>
      <c r="J619" s="9" t="s">
        <v>40</v>
      </c>
      <c r="K619" s="6">
        <v>60</v>
      </c>
      <c r="L619" s="6">
        <v>37</v>
      </c>
      <c r="M619" s="6">
        <v>35</v>
      </c>
      <c r="N619" s="6">
        <v>24</v>
      </c>
      <c r="O619" s="6">
        <v>11</v>
      </c>
      <c r="P619" s="10" t="s">
        <v>55</v>
      </c>
      <c r="Q619" s="10" t="s">
        <v>55</v>
      </c>
      <c r="R619" s="6">
        <v>2</v>
      </c>
      <c r="S619" s="6">
        <v>23</v>
      </c>
      <c r="T619" s="6">
        <v>20</v>
      </c>
      <c r="U619" s="10" t="s">
        <v>55</v>
      </c>
      <c r="V619" s="6">
        <v>3</v>
      </c>
      <c r="W619" s="10" t="s">
        <v>55</v>
      </c>
      <c r="X619" s="6">
        <v>25</v>
      </c>
      <c r="Y619" s="6">
        <v>20</v>
      </c>
      <c r="Z619" s="6">
        <v>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6</v>
      </c>
      <c r="I620" s="9" t="s">
        <v>54</v>
      </c>
      <c r="J620" s="9" t="s">
        <v>41</v>
      </c>
      <c r="K620" s="6">
        <v>79</v>
      </c>
      <c r="L620" s="6">
        <v>38</v>
      </c>
      <c r="M620" s="6">
        <v>37</v>
      </c>
      <c r="N620" s="6">
        <v>26</v>
      </c>
      <c r="O620" s="6">
        <v>11</v>
      </c>
      <c r="P620" s="10" t="s">
        <v>55</v>
      </c>
      <c r="Q620" s="10" t="s">
        <v>55</v>
      </c>
      <c r="R620" s="6">
        <v>1</v>
      </c>
      <c r="S620" s="6">
        <v>41</v>
      </c>
      <c r="T620" s="6">
        <v>35</v>
      </c>
      <c r="U620" s="10" t="s">
        <v>55</v>
      </c>
      <c r="V620" s="6">
        <v>6</v>
      </c>
      <c r="W620" s="10" t="s">
        <v>55</v>
      </c>
      <c r="X620" s="6">
        <v>22</v>
      </c>
      <c r="Y620" s="6">
        <v>16</v>
      </c>
      <c r="Z620" s="6">
        <v>6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6</v>
      </c>
      <c r="I621" s="9" t="s">
        <v>54</v>
      </c>
      <c r="J621" s="9" t="s">
        <v>42</v>
      </c>
      <c r="K621" s="6">
        <v>91</v>
      </c>
      <c r="L621" s="6">
        <v>21</v>
      </c>
      <c r="M621" s="6">
        <v>21</v>
      </c>
      <c r="N621" s="6">
        <v>11</v>
      </c>
      <c r="O621" s="6">
        <v>9</v>
      </c>
      <c r="P621" s="10" t="s">
        <v>55</v>
      </c>
      <c r="Q621" s="6">
        <v>1</v>
      </c>
      <c r="R621" s="10" t="s">
        <v>55</v>
      </c>
      <c r="S621" s="6">
        <v>70</v>
      </c>
      <c r="T621" s="6">
        <v>44</v>
      </c>
      <c r="U621" s="10" t="s">
        <v>55</v>
      </c>
      <c r="V621" s="6">
        <v>26</v>
      </c>
      <c r="W621" s="10" t="s">
        <v>55</v>
      </c>
      <c r="X621" s="6">
        <v>13</v>
      </c>
      <c r="Y621" s="6">
        <v>6</v>
      </c>
      <c r="Z621" s="6">
        <v>6</v>
      </c>
      <c r="AA621" s="10" t="s">
        <v>55</v>
      </c>
      <c r="AB621" s="6">
        <v>1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6</v>
      </c>
      <c r="I622" s="9" t="s">
        <v>54</v>
      </c>
      <c r="J622" s="9" t="s">
        <v>43</v>
      </c>
      <c r="K622" s="6">
        <v>102</v>
      </c>
      <c r="L622" s="6">
        <v>13</v>
      </c>
      <c r="M622" s="6">
        <v>13</v>
      </c>
      <c r="N622" s="6">
        <v>9</v>
      </c>
      <c r="O622" s="6">
        <v>4</v>
      </c>
      <c r="P622" s="10" t="s">
        <v>55</v>
      </c>
      <c r="Q622" s="10" t="s">
        <v>55</v>
      </c>
      <c r="R622" s="10" t="s">
        <v>55</v>
      </c>
      <c r="S622" s="6">
        <v>89</v>
      </c>
      <c r="T622" s="6">
        <v>43</v>
      </c>
      <c r="U622" s="10" t="s">
        <v>55</v>
      </c>
      <c r="V622" s="6">
        <v>46</v>
      </c>
      <c r="W622" s="10" t="s">
        <v>55</v>
      </c>
      <c r="X622" s="6">
        <v>4</v>
      </c>
      <c r="Y622" s="6">
        <v>2</v>
      </c>
      <c r="Z622" s="6">
        <v>2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6</v>
      </c>
      <c r="I623" s="9" t="s">
        <v>54</v>
      </c>
      <c r="J623" s="9" t="s">
        <v>44</v>
      </c>
      <c r="K623" s="6">
        <v>100</v>
      </c>
      <c r="L623" s="6">
        <v>5</v>
      </c>
      <c r="M623" s="6">
        <v>5</v>
      </c>
      <c r="N623" s="6">
        <v>2</v>
      </c>
      <c r="O623" s="6">
        <v>3</v>
      </c>
      <c r="P623" s="10" t="s">
        <v>55</v>
      </c>
      <c r="Q623" s="10" t="s">
        <v>55</v>
      </c>
      <c r="R623" s="10" t="s">
        <v>55</v>
      </c>
      <c r="S623" s="6">
        <v>95</v>
      </c>
      <c r="T623" s="6">
        <v>38</v>
      </c>
      <c r="U623" s="10" t="s">
        <v>55</v>
      </c>
      <c r="V623" s="6">
        <v>57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6</v>
      </c>
      <c r="I624" s="9" t="s">
        <v>54</v>
      </c>
      <c r="J624" s="9" t="s">
        <v>45</v>
      </c>
      <c r="K624" s="6">
        <v>57</v>
      </c>
      <c r="L624" s="6">
        <v>1</v>
      </c>
      <c r="M624" s="6">
        <v>1</v>
      </c>
      <c r="N624" s="6">
        <v>1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6">
        <v>55</v>
      </c>
      <c r="T624" s="6">
        <v>17</v>
      </c>
      <c r="U624" s="10" t="s">
        <v>55</v>
      </c>
      <c r="V624" s="6">
        <v>38</v>
      </c>
      <c r="W624" s="6">
        <v>1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6</v>
      </c>
      <c r="I625" s="9" t="s">
        <v>54</v>
      </c>
      <c r="J625" s="9" t="s">
        <v>46</v>
      </c>
      <c r="K625" s="6">
        <v>35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6">
        <v>35</v>
      </c>
      <c r="T625" s="6">
        <v>8</v>
      </c>
      <c r="U625" s="10" t="s">
        <v>55</v>
      </c>
      <c r="V625" s="6">
        <v>27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6</v>
      </c>
      <c r="I626" s="9" t="s">
        <v>54</v>
      </c>
      <c r="J626" s="9" t="s">
        <v>47</v>
      </c>
      <c r="K626" s="6">
        <v>3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6">
        <v>3</v>
      </c>
      <c r="T626" s="6">
        <v>1</v>
      </c>
      <c r="U626" s="10" t="s">
        <v>55</v>
      </c>
      <c r="V626" s="6">
        <v>2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6</v>
      </c>
      <c r="I627" s="9" t="s">
        <v>54</v>
      </c>
      <c r="J627" s="9" t="s">
        <v>48</v>
      </c>
      <c r="K627" s="6">
        <v>270</v>
      </c>
      <c r="L627" s="6">
        <v>196</v>
      </c>
      <c r="M627" s="6">
        <v>190</v>
      </c>
      <c r="N627" s="6">
        <v>142</v>
      </c>
      <c r="O627" s="6">
        <v>45</v>
      </c>
      <c r="P627" s="6">
        <v>1</v>
      </c>
      <c r="Q627" s="6">
        <v>2</v>
      </c>
      <c r="R627" s="6">
        <v>6</v>
      </c>
      <c r="S627" s="6">
        <v>70</v>
      </c>
      <c r="T627" s="6">
        <v>42</v>
      </c>
      <c r="U627" s="6">
        <v>22</v>
      </c>
      <c r="V627" s="6">
        <v>6</v>
      </c>
      <c r="W627" s="6">
        <v>4</v>
      </c>
      <c r="X627" s="6">
        <v>157</v>
      </c>
      <c r="Y627" s="6">
        <v>126</v>
      </c>
      <c r="Z627" s="6">
        <v>28</v>
      </c>
      <c r="AA627" s="6">
        <v>1</v>
      </c>
      <c r="AB627" s="6">
        <v>2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6</v>
      </c>
      <c r="I628" s="9" t="s">
        <v>54</v>
      </c>
      <c r="J628" s="9" t="s">
        <v>49</v>
      </c>
      <c r="K628" s="6">
        <v>467</v>
      </c>
      <c r="L628" s="6">
        <v>78</v>
      </c>
      <c r="M628" s="6">
        <v>77</v>
      </c>
      <c r="N628" s="6">
        <v>49</v>
      </c>
      <c r="O628" s="6">
        <v>27</v>
      </c>
      <c r="P628" s="10" t="s">
        <v>55</v>
      </c>
      <c r="Q628" s="6">
        <v>1</v>
      </c>
      <c r="R628" s="6">
        <v>1</v>
      </c>
      <c r="S628" s="6">
        <v>388</v>
      </c>
      <c r="T628" s="6">
        <v>186</v>
      </c>
      <c r="U628" s="10" t="s">
        <v>55</v>
      </c>
      <c r="V628" s="6">
        <v>202</v>
      </c>
      <c r="W628" s="6">
        <v>1</v>
      </c>
      <c r="X628" s="6">
        <v>39</v>
      </c>
      <c r="Y628" s="6">
        <v>24</v>
      </c>
      <c r="Z628" s="6">
        <v>14</v>
      </c>
      <c r="AA628" s="10" t="s">
        <v>55</v>
      </c>
      <c r="AB628" s="6">
        <v>1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6</v>
      </c>
      <c r="I629" s="9" t="s">
        <v>54</v>
      </c>
      <c r="J629" s="9" t="s">
        <v>50</v>
      </c>
      <c r="K629" s="6">
        <v>297</v>
      </c>
      <c r="L629" s="6">
        <v>19</v>
      </c>
      <c r="M629" s="6">
        <v>19</v>
      </c>
      <c r="N629" s="6">
        <v>12</v>
      </c>
      <c r="O629" s="6">
        <v>7</v>
      </c>
      <c r="P629" s="10" t="s">
        <v>55</v>
      </c>
      <c r="Q629" s="10" t="s">
        <v>55</v>
      </c>
      <c r="R629" s="10" t="s">
        <v>55</v>
      </c>
      <c r="S629" s="6">
        <v>277</v>
      </c>
      <c r="T629" s="6">
        <v>107</v>
      </c>
      <c r="U629" s="10" t="s">
        <v>55</v>
      </c>
      <c r="V629" s="6">
        <v>170</v>
      </c>
      <c r="W629" s="6">
        <v>1</v>
      </c>
      <c r="X629" s="6">
        <v>4</v>
      </c>
      <c r="Y629" s="6">
        <v>2</v>
      </c>
      <c r="Z629" s="6">
        <v>2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6</v>
      </c>
      <c r="I630" s="9" t="s">
        <v>54</v>
      </c>
      <c r="J630" s="9" t="s">
        <v>51</v>
      </c>
      <c r="K630" s="6">
        <v>95</v>
      </c>
      <c r="L630" s="6">
        <v>1</v>
      </c>
      <c r="M630" s="6">
        <v>1</v>
      </c>
      <c r="N630" s="6">
        <v>1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6">
        <v>93</v>
      </c>
      <c r="T630" s="6">
        <v>26</v>
      </c>
      <c r="U630" s="10" t="s">
        <v>55</v>
      </c>
      <c r="V630" s="6">
        <v>67</v>
      </c>
      <c r="W630" s="6">
        <v>1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6</v>
      </c>
      <c r="I631" s="9" t="s">
        <v>54</v>
      </c>
      <c r="J631" s="9" t="s">
        <v>52</v>
      </c>
      <c r="K631" s="6">
        <v>328</v>
      </c>
      <c r="L631" s="6">
        <v>232</v>
      </c>
      <c r="M631" s="6">
        <v>225</v>
      </c>
      <c r="N631" s="6">
        <v>167</v>
      </c>
      <c r="O631" s="6">
        <v>56</v>
      </c>
      <c r="P631" s="10" t="s">
        <v>55</v>
      </c>
      <c r="Q631" s="6">
        <v>2</v>
      </c>
      <c r="R631" s="6">
        <v>7</v>
      </c>
      <c r="S631" s="6">
        <v>92</v>
      </c>
      <c r="T631" s="6">
        <v>77</v>
      </c>
      <c r="U631" s="6">
        <v>3</v>
      </c>
      <c r="V631" s="6">
        <v>12</v>
      </c>
      <c r="W631" s="6">
        <v>4</v>
      </c>
      <c r="X631" s="6">
        <v>178</v>
      </c>
      <c r="Y631" s="6">
        <v>142</v>
      </c>
      <c r="Z631" s="6">
        <v>34</v>
      </c>
      <c r="AA631" s="10" t="s">
        <v>55</v>
      </c>
      <c r="AB631" s="6">
        <v>2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D412CF3-06FC-487F-ADC4-BB1760020E84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5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0</v>
      </c>
      <c r="E11" s="5" t="s">
        <v>6</v>
      </c>
      <c r="F11" s="5" t="s">
        <v>6</v>
      </c>
      <c r="G11" s="5" t="s">
        <v>6</v>
      </c>
      <c r="H11" s="6">
        <v>2442420</v>
      </c>
      <c r="I11" s="6">
        <v>1754884</v>
      </c>
      <c r="J11" s="6">
        <v>1503858</v>
      </c>
      <c r="K11" s="6">
        <v>600288</v>
      </c>
      <c r="L11" s="6">
        <v>87248</v>
      </c>
    </row>
    <row r="12" spans="1:12">
      <c r="A12" s="9" t="s">
        <v>27</v>
      </c>
      <c r="B12" s="9" t="s">
        <v>28</v>
      </c>
      <c r="C12" s="9" t="s">
        <v>29</v>
      </c>
      <c r="D12" s="9" t="s">
        <v>260</v>
      </c>
      <c r="E12" s="9" t="s">
        <v>6</v>
      </c>
      <c r="F12" s="9" t="s">
        <v>234</v>
      </c>
      <c r="G12" s="9" t="s">
        <v>6</v>
      </c>
      <c r="H12" s="6">
        <v>835040</v>
      </c>
      <c r="I12" s="6">
        <v>551710</v>
      </c>
      <c r="J12" s="6">
        <v>457043</v>
      </c>
      <c r="K12" s="6">
        <v>258536</v>
      </c>
      <c r="L12" s="6">
        <v>24794</v>
      </c>
    </row>
    <row r="13" spans="1:12">
      <c r="A13" s="9" t="s">
        <v>27</v>
      </c>
      <c r="B13" s="9" t="s">
        <v>28</v>
      </c>
      <c r="C13" s="9" t="s">
        <v>29</v>
      </c>
      <c r="D13" s="9" t="s">
        <v>260</v>
      </c>
      <c r="E13" s="9" t="s">
        <v>6</v>
      </c>
      <c r="F13" s="9" t="s">
        <v>235</v>
      </c>
      <c r="G13" s="9" t="s">
        <v>6</v>
      </c>
      <c r="H13" s="6">
        <v>1607380</v>
      </c>
      <c r="I13" s="6">
        <v>1203174</v>
      </c>
      <c r="J13" s="6">
        <v>1046815</v>
      </c>
      <c r="K13" s="6">
        <v>341752</v>
      </c>
      <c r="L13" s="6">
        <v>62454</v>
      </c>
    </row>
    <row r="14" spans="1:12">
      <c r="A14" s="9" t="s">
        <v>27</v>
      </c>
      <c r="B14" s="9" t="s">
        <v>28</v>
      </c>
      <c r="C14" s="9" t="s">
        <v>29</v>
      </c>
      <c r="D14" s="9" t="s">
        <v>260</v>
      </c>
      <c r="E14" s="9" t="s">
        <v>6</v>
      </c>
      <c r="F14" s="9" t="s">
        <v>235</v>
      </c>
      <c r="G14" s="9" t="s">
        <v>272</v>
      </c>
      <c r="H14" s="6">
        <v>53616</v>
      </c>
      <c r="I14" s="6">
        <v>25763</v>
      </c>
      <c r="J14" s="6">
        <v>22646</v>
      </c>
      <c r="K14" s="6">
        <v>24340</v>
      </c>
      <c r="L14" s="6">
        <v>3513</v>
      </c>
    </row>
    <row r="15" spans="1:12">
      <c r="A15" s="9" t="s">
        <v>27</v>
      </c>
      <c r="B15" s="9" t="s">
        <v>28</v>
      </c>
      <c r="C15" s="9" t="s">
        <v>29</v>
      </c>
      <c r="D15" s="9" t="s">
        <v>260</v>
      </c>
      <c r="E15" s="9" t="s">
        <v>6</v>
      </c>
      <c r="F15" s="9" t="s">
        <v>235</v>
      </c>
      <c r="G15" s="9" t="s">
        <v>273</v>
      </c>
      <c r="H15" s="6">
        <v>105739</v>
      </c>
      <c r="I15" s="6">
        <v>68154</v>
      </c>
      <c r="J15" s="6">
        <v>60146</v>
      </c>
      <c r="K15" s="6">
        <v>31141</v>
      </c>
      <c r="L15" s="6">
        <v>6444</v>
      </c>
    </row>
    <row r="16" spans="1:12">
      <c r="A16" s="9" t="s">
        <v>27</v>
      </c>
      <c r="B16" s="9" t="s">
        <v>28</v>
      </c>
      <c r="C16" s="9" t="s">
        <v>29</v>
      </c>
      <c r="D16" s="9" t="s">
        <v>260</v>
      </c>
      <c r="E16" s="9" t="s">
        <v>6</v>
      </c>
      <c r="F16" s="9" t="s">
        <v>235</v>
      </c>
      <c r="G16" s="9" t="s">
        <v>274</v>
      </c>
      <c r="H16" s="6">
        <v>135095</v>
      </c>
      <c r="I16" s="6">
        <v>101694</v>
      </c>
      <c r="J16" s="6">
        <v>89992</v>
      </c>
      <c r="K16" s="6">
        <v>26412</v>
      </c>
      <c r="L16" s="6">
        <v>6989</v>
      </c>
    </row>
    <row r="17" spans="1:12">
      <c r="A17" s="9" t="s">
        <v>27</v>
      </c>
      <c r="B17" s="9" t="s">
        <v>28</v>
      </c>
      <c r="C17" s="9" t="s">
        <v>29</v>
      </c>
      <c r="D17" s="9" t="s">
        <v>260</v>
      </c>
      <c r="E17" s="9" t="s">
        <v>6</v>
      </c>
      <c r="F17" s="9" t="s">
        <v>235</v>
      </c>
      <c r="G17" s="9" t="s">
        <v>275</v>
      </c>
      <c r="H17" s="6">
        <v>134686</v>
      </c>
      <c r="I17" s="6">
        <v>107804</v>
      </c>
      <c r="J17" s="6">
        <v>95916</v>
      </c>
      <c r="K17" s="6">
        <v>20678</v>
      </c>
      <c r="L17" s="6">
        <v>6204</v>
      </c>
    </row>
    <row r="18" spans="1:12">
      <c r="A18" s="9" t="s">
        <v>27</v>
      </c>
      <c r="B18" s="9" t="s">
        <v>28</v>
      </c>
      <c r="C18" s="9" t="s">
        <v>29</v>
      </c>
      <c r="D18" s="9" t="s">
        <v>260</v>
      </c>
      <c r="E18" s="9" t="s">
        <v>6</v>
      </c>
      <c r="F18" s="9" t="s">
        <v>235</v>
      </c>
      <c r="G18" s="9" t="s">
        <v>276</v>
      </c>
      <c r="H18" s="6">
        <v>143507</v>
      </c>
      <c r="I18" s="6">
        <v>117762</v>
      </c>
      <c r="J18" s="6">
        <v>104956</v>
      </c>
      <c r="K18" s="6">
        <v>19444</v>
      </c>
      <c r="L18" s="6">
        <v>6301</v>
      </c>
    </row>
    <row r="19" spans="1:12">
      <c r="A19" s="9" t="s">
        <v>27</v>
      </c>
      <c r="B19" s="9" t="s">
        <v>28</v>
      </c>
      <c r="C19" s="9" t="s">
        <v>29</v>
      </c>
      <c r="D19" s="9" t="s">
        <v>260</v>
      </c>
      <c r="E19" s="9" t="s">
        <v>6</v>
      </c>
      <c r="F19" s="9" t="s">
        <v>235</v>
      </c>
      <c r="G19" s="9" t="s">
        <v>277</v>
      </c>
      <c r="H19" s="6">
        <v>153634</v>
      </c>
      <c r="I19" s="6">
        <v>127564</v>
      </c>
      <c r="J19" s="6">
        <v>114275</v>
      </c>
      <c r="K19" s="6">
        <v>19960</v>
      </c>
      <c r="L19" s="6">
        <v>6110</v>
      </c>
    </row>
    <row r="20" spans="1:12">
      <c r="A20" s="9" t="s">
        <v>27</v>
      </c>
      <c r="B20" s="9" t="s">
        <v>28</v>
      </c>
      <c r="C20" s="9" t="s">
        <v>29</v>
      </c>
      <c r="D20" s="9" t="s">
        <v>260</v>
      </c>
      <c r="E20" s="9" t="s">
        <v>6</v>
      </c>
      <c r="F20" s="9" t="s">
        <v>235</v>
      </c>
      <c r="G20" s="9" t="s">
        <v>278</v>
      </c>
      <c r="H20" s="6">
        <v>160998</v>
      </c>
      <c r="I20" s="6">
        <v>133617</v>
      </c>
      <c r="J20" s="6">
        <v>119859</v>
      </c>
      <c r="K20" s="6">
        <v>21388</v>
      </c>
      <c r="L20" s="6">
        <v>5993</v>
      </c>
    </row>
    <row r="21" spans="1:12">
      <c r="A21" s="9" t="s">
        <v>27</v>
      </c>
      <c r="B21" s="9" t="s">
        <v>28</v>
      </c>
      <c r="C21" s="9" t="s">
        <v>29</v>
      </c>
      <c r="D21" s="9" t="s">
        <v>260</v>
      </c>
      <c r="E21" s="9" t="s">
        <v>6</v>
      </c>
      <c r="F21" s="9" t="s">
        <v>235</v>
      </c>
      <c r="G21" s="9" t="s">
        <v>279</v>
      </c>
      <c r="H21" s="6">
        <v>95910</v>
      </c>
      <c r="I21" s="6">
        <v>77780</v>
      </c>
      <c r="J21" s="6">
        <v>69671</v>
      </c>
      <c r="K21" s="6">
        <v>14127</v>
      </c>
      <c r="L21" s="6">
        <v>4003</v>
      </c>
    </row>
    <row r="22" spans="1:12">
      <c r="A22" s="9" t="s">
        <v>27</v>
      </c>
      <c r="B22" s="9" t="s">
        <v>28</v>
      </c>
      <c r="C22" s="9" t="s">
        <v>29</v>
      </c>
      <c r="D22" s="9" t="s">
        <v>260</v>
      </c>
      <c r="E22" s="9" t="s">
        <v>6</v>
      </c>
      <c r="F22" s="9" t="s">
        <v>235</v>
      </c>
      <c r="G22" s="9" t="s">
        <v>280</v>
      </c>
      <c r="H22" s="6">
        <v>624195</v>
      </c>
      <c r="I22" s="6">
        <v>443036</v>
      </c>
      <c r="J22" s="6">
        <v>369354</v>
      </c>
      <c r="K22" s="6">
        <v>164262</v>
      </c>
      <c r="L22" s="6">
        <v>16897</v>
      </c>
    </row>
    <row r="23" spans="1:12">
      <c r="A23" s="9" t="s">
        <v>27</v>
      </c>
      <c r="B23" s="9" t="s">
        <v>28</v>
      </c>
      <c r="C23" s="9" t="s">
        <v>29</v>
      </c>
      <c r="D23" s="9" t="s">
        <v>260</v>
      </c>
      <c r="E23" s="9" t="s">
        <v>6</v>
      </c>
      <c r="F23" s="9" t="s">
        <v>281</v>
      </c>
      <c r="G23" s="9" t="s">
        <v>6</v>
      </c>
      <c r="H23" s="6">
        <v>741274</v>
      </c>
      <c r="I23" s="6">
        <v>528771</v>
      </c>
      <c r="J23" s="6">
        <v>452436</v>
      </c>
      <c r="K23" s="6">
        <v>187572</v>
      </c>
      <c r="L23" s="6">
        <v>24931</v>
      </c>
    </row>
    <row r="24" spans="1:12">
      <c r="A24" s="9" t="s">
        <v>27</v>
      </c>
      <c r="B24" s="9" t="s">
        <v>28</v>
      </c>
      <c r="C24" s="9" t="s">
        <v>29</v>
      </c>
      <c r="D24" s="9" t="s">
        <v>260</v>
      </c>
      <c r="E24" s="9" t="s">
        <v>6</v>
      </c>
      <c r="F24" s="9" t="s">
        <v>281</v>
      </c>
      <c r="G24" s="9" t="s">
        <v>272</v>
      </c>
      <c r="H24" s="6">
        <v>21246</v>
      </c>
      <c r="I24" s="6">
        <v>9610</v>
      </c>
      <c r="J24" s="6">
        <v>8675</v>
      </c>
      <c r="K24" s="6">
        <v>10055</v>
      </c>
      <c r="L24" s="6">
        <v>1581</v>
      </c>
    </row>
    <row r="25" spans="1:12">
      <c r="A25" s="9" t="s">
        <v>27</v>
      </c>
      <c r="B25" s="9" t="s">
        <v>28</v>
      </c>
      <c r="C25" s="9" t="s">
        <v>29</v>
      </c>
      <c r="D25" s="9" t="s">
        <v>260</v>
      </c>
      <c r="E25" s="9" t="s">
        <v>6</v>
      </c>
      <c r="F25" s="9" t="s">
        <v>281</v>
      </c>
      <c r="G25" s="9" t="s">
        <v>273</v>
      </c>
      <c r="H25" s="6">
        <v>38139</v>
      </c>
      <c r="I25" s="6">
        <v>23119</v>
      </c>
      <c r="J25" s="6">
        <v>20757</v>
      </c>
      <c r="K25" s="6">
        <v>12473</v>
      </c>
      <c r="L25" s="6">
        <v>2547</v>
      </c>
    </row>
    <row r="26" spans="1:12">
      <c r="A26" s="9" t="s">
        <v>27</v>
      </c>
      <c r="B26" s="9" t="s">
        <v>28</v>
      </c>
      <c r="C26" s="9" t="s">
        <v>29</v>
      </c>
      <c r="D26" s="9" t="s">
        <v>260</v>
      </c>
      <c r="E26" s="9" t="s">
        <v>6</v>
      </c>
      <c r="F26" s="9" t="s">
        <v>281</v>
      </c>
      <c r="G26" s="9" t="s">
        <v>274</v>
      </c>
      <c r="H26" s="6">
        <v>36077</v>
      </c>
      <c r="I26" s="6">
        <v>25453</v>
      </c>
      <c r="J26" s="6">
        <v>22674</v>
      </c>
      <c r="K26" s="6">
        <v>8483</v>
      </c>
      <c r="L26" s="6">
        <v>2141</v>
      </c>
    </row>
    <row r="27" spans="1:12">
      <c r="A27" s="9" t="s">
        <v>27</v>
      </c>
      <c r="B27" s="9" t="s">
        <v>28</v>
      </c>
      <c r="C27" s="9" t="s">
        <v>29</v>
      </c>
      <c r="D27" s="9" t="s">
        <v>260</v>
      </c>
      <c r="E27" s="9" t="s">
        <v>6</v>
      </c>
      <c r="F27" s="9" t="s">
        <v>281</v>
      </c>
      <c r="G27" s="9" t="s">
        <v>275</v>
      </c>
      <c r="H27" s="6">
        <v>30587</v>
      </c>
      <c r="I27" s="6">
        <v>22751</v>
      </c>
      <c r="J27" s="6">
        <v>20254</v>
      </c>
      <c r="K27" s="6">
        <v>6340</v>
      </c>
      <c r="L27" s="6">
        <v>1496</v>
      </c>
    </row>
    <row r="28" spans="1:12">
      <c r="A28" s="9" t="s">
        <v>27</v>
      </c>
      <c r="B28" s="9" t="s">
        <v>28</v>
      </c>
      <c r="C28" s="9" t="s">
        <v>29</v>
      </c>
      <c r="D28" s="9" t="s">
        <v>260</v>
      </c>
      <c r="E28" s="9" t="s">
        <v>6</v>
      </c>
      <c r="F28" s="9" t="s">
        <v>281</v>
      </c>
      <c r="G28" s="9" t="s">
        <v>276</v>
      </c>
      <c r="H28" s="6">
        <v>32281</v>
      </c>
      <c r="I28" s="6">
        <v>24548</v>
      </c>
      <c r="J28" s="6">
        <v>21907</v>
      </c>
      <c r="K28" s="6">
        <v>6172</v>
      </c>
      <c r="L28" s="6">
        <v>1561</v>
      </c>
    </row>
    <row r="29" spans="1:12">
      <c r="A29" s="9" t="s">
        <v>27</v>
      </c>
      <c r="B29" s="9" t="s">
        <v>28</v>
      </c>
      <c r="C29" s="9" t="s">
        <v>29</v>
      </c>
      <c r="D29" s="9" t="s">
        <v>260</v>
      </c>
      <c r="E29" s="9" t="s">
        <v>6</v>
      </c>
      <c r="F29" s="9" t="s">
        <v>281</v>
      </c>
      <c r="G29" s="9" t="s">
        <v>277</v>
      </c>
      <c r="H29" s="6">
        <v>39861</v>
      </c>
      <c r="I29" s="6">
        <v>31481</v>
      </c>
      <c r="J29" s="6">
        <v>28144</v>
      </c>
      <c r="K29" s="6">
        <v>6813</v>
      </c>
      <c r="L29" s="6">
        <v>1567</v>
      </c>
    </row>
    <row r="30" spans="1:12">
      <c r="A30" s="9" t="s">
        <v>27</v>
      </c>
      <c r="B30" s="9" t="s">
        <v>28</v>
      </c>
      <c r="C30" s="9" t="s">
        <v>29</v>
      </c>
      <c r="D30" s="9" t="s">
        <v>260</v>
      </c>
      <c r="E30" s="9" t="s">
        <v>6</v>
      </c>
      <c r="F30" s="9" t="s">
        <v>281</v>
      </c>
      <c r="G30" s="9" t="s">
        <v>278</v>
      </c>
      <c r="H30" s="6">
        <v>60893</v>
      </c>
      <c r="I30" s="6">
        <v>49806</v>
      </c>
      <c r="J30" s="6">
        <v>44513</v>
      </c>
      <c r="K30" s="6">
        <v>9155</v>
      </c>
      <c r="L30" s="6">
        <v>1932</v>
      </c>
    </row>
    <row r="31" spans="1:12">
      <c r="A31" s="9" t="s">
        <v>27</v>
      </c>
      <c r="B31" s="9" t="s">
        <v>28</v>
      </c>
      <c r="C31" s="9" t="s">
        <v>29</v>
      </c>
      <c r="D31" s="9" t="s">
        <v>260</v>
      </c>
      <c r="E31" s="9" t="s">
        <v>6</v>
      </c>
      <c r="F31" s="9" t="s">
        <v>281</v>
      </c>
      <c r="G31" s="9" t="s">
        <v>279</v>
      </c>
      <c r="H31" s="6">
        <v>41444</v>
      </c>
      <c r="I31" s="6">
        <v>33344</v>
      </c>
      <c r="J31" s="6">
        <v>29852</v>
      </c>
      <c r="K31" s="6">
        <v>6605</v>
      </c>
      <c r="L31" s="6">
        <v>1495</v>
      </c>
    </row>
    <row r="32" spans="1:12">
      <c r="A32" s="9" t="s">
        <v>27</v>
      </c>
      <c r="B32" s="9" t="s">
        <v>28</v>
      </c>
      <c r="C32" s="9" t="s">
        <v>29</v>
      </c>
      <c r="D32" s="9" t="s">
        <v>260</v>
      </c>
      <c r="E32" s="9" t="s">
        <v>6</v>
      </c>
      <c r="F32" s="9" t="s">
        <v>281</v>
      </c>
      <c r="G32" s="9" t="s">
        <v>280</v>
      </c>
      <c r="H32" s="6">
        <v>440746</v>
      </c>
      <c r="I32" s="6">
        <v>308659</v>
      </c>
      <c r="J32" s="6">
        <v>255660</v>
      </c>
      <c r="K32" s="6">
        <v>121476</v>
      </c>
      <c r="L32" s="6">
        <v>10611</v>
      </c>
    </row>
    <row r="33" spans="1:12">
      <c r="A33" s="9" t="s">
        <v>27</v>
      </c>
      <c r="B33" s="9" t="s">
        <v>28</v>
      </c>
      <c r="C33" s="9" t="s">
        <v>29</v>
      </c>
      <c r="D33" s="9" t="s">
        <v>260</v>
      </c>
      <c r="E33" s="9" t="s">
        <v>6</v>
      </c>
      <c r="F33" s="9" t="s">
        <v>282</v>
      </c>
      <c r="G33" s="9" t="s">
        <v>6</v>
      </c>
      <c r="H33" s="6">
        <v>621543</v>
      </c>
      <c r="I33" s="6">
        <v>483114</v>
      </c>
      <c r="J33" s="6">
        <v>428114</v>
      </c>
      <c r="K33" s="6">
        <v>113329</v>
      </c>
      <c r="L33" s="6">
        <v>25100</v>
      </c>
    </row>
    <row r="34" spans="1:12">
      <c r="A34" s="9" t="s">
        <v>27</v>
      </c>
      <c r="B34" s="9" t="s">
        <v>28</v>
      </c>
      <c r="C34" s="9" t="s">
        <v>29</v>
      </c>
      <c r="D34" s="9" t="s">
        <v>260</v>
      </c>
      <c r="E34" s="9" t="s">
        <v>6</v>
      </c>
      <c r="F34" s="9" t="s">
        <v>282</v>
      </c>
      <c r="G34" s="9" t="s">
        <v>272</v>
      </c>
      <c r="H34" s="6">
        <v>19673</v>
      </c>
      <c r="I34" s="6">
        <v>9608</v>
      </c>
      <c r="J34" s="6">
        <v>8476</v>
      </c>
      <c r="K34" s="6">
        <v>8904</v>
      </c>
      <c r="L34" s="6">
        <v>1161</v>
      </c>
    </row>
    <row r="35" spans="1:12">
      <c r="A35" s="9" t="s">
        <v>27</v>
      </c>
      <c r="B35" s="9" t="s">
        <v>28</v>
      </c>
      <c r="C35" s="9" t="s">
        <v>29</v>
      </c>
      <c r="D35" s="9" t="s">
        <v>260</v>
      </c>
      <c r="E35" s="9" t="s">
        <v>6</v>
      </c>
      <c r="F35" s="9" t="s">
        <v>282</v>
      </c>
      <c r="G35" s="9" t="s">
        <v>273</v>
      </c>
      <c r="H35" s="6">
        <v>41407</v>
      </c>
      <c r="I35" s="6">
        <v>27354</v>
      </c>
      <c r="J35" s="6">
        <v>24241</v>
      </c>
      <c r="K35" s="6">
        <v>11763</v>
      </c>
      <c r="L35" s="6">
        <v>2290</v>
      </c>
    </row>
    <row r="36" spans="1:12">
      <c r="A36" s="9" t="s">
        <v>27</v>
      </c>
      <c r="B36" s="9" t="s">
        <v>28</v>
      </c>
      <c r="C36" s="9" t="s">
        <v>29</v>
      </c>
      <c r="D36" s="9" t="s">
        <v>260</v>
      </c>
      <c r="E36" s="9" t="s">
        <v>6</v>
      </c>
      <c r="F36" s="9" t="s">
        <v>282</v>
      </c>
      <c r="G36" s="9" t="s">
        <v>274</v>
      </c>
      <c r="H36" s="6">
        <v>59229</v>
      </c>
      <c r="I36" s="6">
        <v>45193</v>
      </c>
      <c r="J36" s="6">
        <v>40362</v>
      </c>
      <c r="K36" s="6">
        <v>11339</v>
      </c>
      <c r="L36" s="6">
        <v>2697</v>
      </c>
    </row>
    <row r="37" spans="1:12">
      <c r="A37" s="9" t="s">
        <v>27</v>
      </c>
      <c r="B37" s="9" t="s">
        <v>28</v>
      </c>
      <c r="C37" s="9" t="s">
        <v>29</v>
      </c>
      <c r="D37" s="9" t="s">
        <v>260</v>
      </c>
      <c r="E37" s="9" t="s">
        <v>6</v>
      </c>
      <c r="F37" s="9" t="s">
        <v>282</v>
      </c>
      <c r="G37" s="9" t="s">
        <v>275</v>
      </c>
      <c r="H37" s="6">
        <v>63039</v>
      </c>
      <c r="I37" s="6">
        <v>51088</v>
      </c>
      <c r="J37" s="6">
        <v>45991</v>
      </c>
      <c r="K37" s="6">
        <v>9245</v>
      </c>
      <c r="L37" s="6">
        <v>2706</v>
      </c>
    </row>
    <row r="38" spans="1:12">
      <c r="A38" s="9" t="s">
        <v>27</v>
      </c>
      <c r="B38" s="9" t="s">
        <v>28</v>
      </c>
      <c r="C38" s="9" t="s">
        <v>29</v>
      </c>
      <c r="D38" s="9" t="s">
        <v>260</v>
      </c>
      <c r="E38" s="9" t="s">
        <v>6</v>
      </c>
      <c r="F38" s="9" t="s">
        <v>282</v>
      </c>
      <c r="G38" s="9" t="s">
        <v>276</v>
      </c>
      <c r="H38" s="6">
        <v>71498</v>
      </c>
      <c r="I38" s="6">
        <v>59634</v>
      </c>
      <c r="J38" s="6">
        <v>53565</v>
      </c>
      <c r="K38" s="6">
        <v>9040</v>
      </c>
      <c r="L38" s="6">
        <v>2824</v>
      </c>
    </row>
    <row r="39" spans="1:12">
      <c r="A39" s="9" t="s">
        <v>27</v>
      </c>
      <c r="B39" s="9" t="s">
        <v>28</v>
      </c>
      <c r="C39" s="9" t="s">
        <v>29</v>
      </c>
      <c r="D39" s="9" t="s">
        <v>260</v>
      </c>
      <c r="E39" s="9" t="s">
        <v>6</v>
      </c>
      <c r="F39" s="9" t="s">
        <v>282</v>
      </c>
      <c r="G39" s="9" t="s">
        <v>277</v>
      </c>
      <c r="H39" s="6">
        <v>81890</v>
      </c>
      <c r="I39" s="6">
        <v>69216</v>
      </c>
      <c r="J39" s="6">
        <v>62426</v>
      </c>
      <c r="K39" s="6">
        <v>9629</v>
      </c>
      <c r="L39" s="6">
        <v>3045</v>
      </c>
    </row>
    <row r="40" spans="1:12">
      <c r="A40" s="9" t="s">
        <v>27</v>
      </c>
      <c r="B40" s="9" t="s">
        <v>28</v>
      </c>
      <c r="C40" s="9" t="s">
        <v>29</v>
      </c>
      <c r="D40" s="9" t="s">
        <v>260</v>
      </c>
      <c r="E40" s="9" t="s">
        <v>6</v>
      </c>
      <c r="F40" s="9" t="s">
        <v>282</v>
      </c>
      <c r="G40" s="9" t="s">
        <v>278</v>
      </c>
      <c r="H40" s="6">
        <v>78947</v>
      </c>
      <c r="I40" s="6">
        <v>66383</v>
      </c>
      <c r="J40" s="6">
        <v>59926</v>
      </c>
      <c r="K40" s="6">
        <v>9556</v>
      </c>
      <c r="L40" s="6">
        <v>3008</v>
      </c>
    </row>
    <row r="41" spans="1:12">
      <c r="A41" s="9" t="s">
        <v>27</v>
      </c>
      <c r="B41" s="9" t="s">
        <v>28</v>
      </c>
      <c r="C41" s="9" t="s">
        <v>29</v>
      </c>
      <c r="D41" s="9" t="s">
        <v>260</v>
      </c>
      <c r="E41" s="9" t="s">
        <v>6</v>
      </c>
      <c r="F41" s="9" t="s">
        <v>282</v>
      </c>
      <c r="G41" s="9" t="s">
        <v>279</v>
      </c>
      <c r="H41" s="6">
        <v>44364</v>
      </c>
      <c r="I41" s="6">
        <v>36325</v>
      </c>
      <c r="J41" s="6">
        <v>32723</v>
      </c>
      <c r="K41" s="6">
        <v>6046</v>
      </c>
      <c r="L41" s="6">
        <v>1993</v>
      </c>
    </row>
    <row r="42" spans="1:12">
      <c r="A42" s="9" t="s">
        <v>27</v>
      </c>
      <c r="B42" s="9" t="s">
        <v>28</v>
      </c>
      <c r="C42" s="9" t="s">
        <v>29</v>
      </c>
      <c r="D42" s="9" t="s">
        <v>260</v>
      </c>
      <c r="E42" s="9" t="s">
        <v>6</v>
      </c>
      <c r="F42" s="9" t="s">
        <v>282</v>
      </c>
      <c r="G42" s="9" t="s">
        <v>280</v>
      </c>
      <c r="H42" s="6">
        <v>161496</v>
      </c>
      <c r="I42" s="6">
        <v>118313</v>
      </c>
      <c r="J42" s="6">
        <v>100404</v>
      </c>
      <c r="K42" s="6">
        <v>37807</v>
      </c>
      <c r="L42" s="6">
        <v>5376</v>
      </c>
    </row>
    <row r="43" spans="1:12">
      <c r="A43" s="9" t="s">
        <v>27</v>
      </c>
      <c r="B43" s="9" t="s">
        <v>28</v>
      </c>
      <c r="C43" s="9" t="s">
        <v>29</v>
      </c>
      <c r="D43" s="9" t="s">
        <v>260</v>
      </c>
      <c r="E43" s="9" t="s">
        <v>6</v>
      </c>
      <c r="F43" s="9" t="s">
        <v>283</v>
      </c>
      <c r="G43" s="9" t="s">
        <v>6</v>
      </c>
      <c r="H43" s="6">
        <v>244563</v>
      </c>
      <c r="I43" s="6">
        <v>191289</v>
      </c>
      <c r="J43" s="6">
        <v>166265</v>
      </c>
      <c r="K43" s="6">
        <v>40851</v>
      </c>
      <c r="L43" s="6">
        <v>12423</v>
      </c>
    </row>
    <row r="44" spans="1:12">
      <c r="A44" s="9" t="s">
        <v>27</v>
      </c>
      <c r="B44" s="9" t="s">
        <v>28</v>
      </c>
      <c r="C44" s="9" t="s">
        <v>29</v>
      </c>
      <c r="D44" s="9" t="s">
        <v>260</v>
      </c>
      <c r="E44" s="9" t="s">
        <v>6</v>
      </c>
      <c r="F44" s="9" t="s">
        <v>283</v>
      </c>
      <c r="G44" s="9" t="s">
        <v>272</v>
      </c>
      <c r="H44" s="6">
        <v>12697</v>
      </c>
      <c r="I44" s="6">
        <v>6545</v>
      </c>
      <c r="J44" s="6">
        <v>5495</v>
      </c>
      <c r="K44" s="6">
        <v>5381</v>
      </c>
      <c r="L44" s="6">
        <v>771</v>
      </c>
    </row>
    <row r="45" spans="1:12">
      <c r="A45" s="9" t="s">
        <v>27</v>
      </c>
      <c r="B45" s="9" t="s">
        <v>28</v>
      </c>
      <c r="C45" s="9" t="s">
        <v>29</v>
      </c>
      <c r="D45" s="9" t="s">
        <v>260</v>
      </c>
      <c r="E45" s="9" t="s">
        <v>6</v>
      </c>
      <c r="F45" s="9" t="s">
        <v>283</v>
      </c>
      <c r="G45" s="9" t="s">
        <v>273</v>
      </c>
      <c r="H45" s="6">
        <v>26193</v>
      </c>
      <c r="I45" s="6">
        <v>17681</v>
      </c>
      <c r="J45" s="6">
        <v>15148</v>
      </c>
      <c r="K45" s="6">
        <v>6905</v>
      </c>
      <c r="L45" s="6">
        <v>1607</v>
      </c>
    </row>
    <row r="46" spans="1:12">
      <c r="A46" s="9" t="s">
        <v>27</v>
      </c>
      <c r="B46" s="9" t="s">
        <v>28</v>
      </c>
      <c r="C46" s="9" t="s">
        <v>29</v>
      </c>
      <c r="D46" s="9" t="s">
        <v>260</v>
      </c>
      <c r="E46" s="9" t="s">
        <v>6</v>
      </c>
      <c r="F46" s="9" t="s">
        <v>283</v>
      </c>
      <c r="G46" s="9" t="s">
        <v>274</v>
      </c>
      <c r="H46" s="6">
        <v>39789</v>
      </c>
      <c r="I46" s="6">
        <v>31048</v>
      </c>
      <c r="J46" s="6">
        <v>26956</v>
      </c>
      <c r="K46" s="6">
        <v>6590</v>
      </c>
      <c r="L46" s="6">
        <v>2151</v>
      </c>
    </row>
    <row r="47" spans="1:12">
      <c r="A47" s="9" t="s">
        <v>27</v>
      </c>
      <c r="B47" s="9" t="s">
        <v>28</v>
      </c>
      <c r="C47" s="9" t="s">
        <v>29</v>
      </c>
      <c r="D47" s="9" t="s">
        <v>260</v>
      </c>
      <c r="E47" s="9" t="s">
        <v>6</v>
      </c>
      <c r="F47" s="9" t="s">
        <v>283</v>
      </c>
      <c r="G47" s="9" t="s">
        <v>275</v>
      </c>
      <c r="H47" s="6">
        <v>41060</v>
      </c>
      <c r="I47" s="6">
        <v>33965</v>
      </c>
      <c r="J47" s="6">
        <v>29671</v>
      </c>
      <c r="K47" s="6">
        <v>5093</v>
      </c>
      <c r="L47" s="6">
        <v>2002</v>
      </c>
    </row>
    <row r="48" spans="1:12">
      <c r="A48" s="9" t="s">
        <v>27</v>
      </c>
      <c r="B48" s="9" t="s">
        <v>28</v>
      </c>
      <c r="C48" s="9" t="s">
        <v>29</v>
      </c>
      <c r="D48" s="9" t="s">
        <v>260</v>
      </c>
      <c r="E48" s="9" t="s">
        <v>6</v>
      </c>
      <c r="F48" s="9" t="s">
        <v>283</v>
      </c>
      <c r="G48" s="9" t="s">
        <v>276</v>
      </c>
      <c r="H48" s="6">
        <v>39728</v>
      </c>
      <c r="I48" s="6">
        <v>33580</v>
      </c>
      <c r="J48" s="6">
        <v>29484</v>
      </c>
      <c r="K48" s="6">
        <v>4232</v>
      </c>
      <c r="L48" s="6">
        <v>1916</v>
      </c>
    </row>
    <row r="49" spans="1:12">
      <c r="A49" s="9" t="s">
        <v>27</v>
      </c>
      <c r="B49" s="9" t="s">
        <v>28</v>
      </c>
      <c r="C49" s="9" t="s">
        <v>29</v>
      </c>
      <c r="D49" s="9" t="s">
        <v>260</v>
      </c>
      <c r="E49" s="9" t="s">
        <v>6</v>
      </c>
      <c r="F49" s="9" t="s">
        <v>283</v>
      </c>
      <c r="G49" s="9" t="s">
        <v>277</v>
      </c>
      <c r="H49" s="6">
        <v>31883</v>
      </c>
      <c r="I49" s="6">
        <v>26867</v>
      </c>
      <c r="J49" s="6">
        <v>23705</v>
      </c>
      <c r="K49" s="6">
        <v>3518</v>
      </c>
      <c r="L49" s="6">
        <v>1498</v>
      </c>
    </row>
    <row r="50" spans="1:12">
      <c r="A50" s="9" t="s">
        <v>27</v>
      </c>
      <c r="B50" s="9" t="s">
        <v>28</v>
      </c>
      <c r="C50" s="9" t="s">
        <v>29</v>
      </c>
      <c r="D50" s="9" t="s">
        <v>260</v>
      </c>
      <c r="E50" s="9" t="s">
        <v>6</v>
      </c>
      <c r="F50" s="9" t="s">
        <v>283</v>
      </c>
      <c r="G50" s="9" t="s">
        <v>278</v>
      </c>
      <c r="H50" s="6">
        <v>21158</v>
      </c>
      <c r="I50" s="6">
        <v>17428</v>
      </c>
      <c r="J50" s="6">
        <v>15420</v>
      </c>
      <c r="K50" s="6">
        <v>2677</v>
      </c>
      <c r="L50" s="6">
        <v>1053</v>
      </c>
    </row>
    <row r="51" spans="1:12">
      <c r="A51" s="9" t="s">
        <v>27</v>
      </c>
      <c r="B51" s="9" t="s">
        <v>28</v>
      </c>
      <c r="C51" s="9" t="s">
        <v>29</v>
      </c>
      <c r="D51" s="9" t="s">
        <v>260</v>
      </c>
      <c r="E51" s="9" t="s">
        <v>6</v>
      </c>
      <c r="F51" s="9" t="s">
        <v>283</v>
      </c>
      <c r="G51" s="9" t="s">
        <v>279</v>
      </c>
      <c r="H51" s="6">
        <v>10102</v>
      </c>
      <c r="I51" s="6">
        <v>8111</v>
      </c>
      <c r="J51" s="6">
        <v>7096</v>
      </c>
      <c r="K51" s="6">
        <v>1476</v>
      </c>
      <c r="L51" s="6">
        <v>515</v>
      </c>
    </row>
    <row r="52" spans="1:12">
      <c r="A52" s="9" t="s">
        <v>27</v>
      </c>
      <c r="B52" s="9" t="s">
        <v>28</v>
      </c>
      <c r="C52" s="9" t="s">
        <v>29</v>
      </c>
      <c r="D52" s="9" t="s">
        <v>260</v>
      </c>
      <c r="E52" s="9" t="s">
        <v>6</v>
      </c>
      <c r="F52" s="9" t="s">
        <v>283</v>
      </c>
      <c r="G52" s="9" t="s">
        <v>280</v>
      </c>
      <c r="H52" s="6">
        <v>21953</v>
      </c>
      <c r="I52" s="6">
        <v>16064</v>
      </c>
      <c r="J52" s="6">
        <v>13290</v>
      </c>
      <c r="K52" s="6">
        <v>4979</v>
      </c>
      <c r="L52" s="6">
        <v>910</v>
      </c>
    </row>
    <row r="53" spans="1:12">
      <c r="A53" s="9" t="s">
        <v>27</v>
      </c>
      <c r="B53" s="9" t="s">
        <v>28</v>
      </c>
      <c r="C53" s="9" t="s">
        <v>29</v>
      </c>
      <c r="D53" s="9" t="s">
        <v>260</v>
      </c>
      <c r="E53" s="9" t="s">
        <v>226</v>
      </c>
      <c r="F53" s="9" t="s">
        <v>6</v>
      </c>
      <c r="G53" s="9" t="s">
        <v>6</v>
      </c>
      <c r="H53" s="6">
        <v>2121341</v>
      </c>
      <c r="I53" s="6">
        <v>1660719</v>
      </c>
      <c r="J53" s="6">
        <v>1416908</v>
      </c>
      <c r="K53" s="6">
        <v>456745</v>
      </c>
      <c r="L53" s="6">
        <v>3877</v>
      </c>
    </row>
    <row r="54" spans="1:12">
      <c r="A54" s="9" t="s">
        <v>27</v>
      </c>
      <c r="B54" s="9" t="s">
        <v>28</v>
      </c>
      <c r="C54" s="9" t="s">
        <v>29</v>
      </c>
      <c r="D54" s="9" t="s">
        <v>260</v>
      </c>
      <c r="E54" s="9" t="s">
        <v>226</v>
      </c>
      <c r="F54" s="9" t="s">
        <v>234</v>
      </c>
      <c r="G54" s="9" t="s">
        <v>6</v>
      </c>
      <c r="H54" s="6">
        <v>671377</v>
      </c>
      <c r="I54" s="6">
        <v>502781</v>
      </c>
      <c r="J54" s="6">
        <v>412009</v>
      </c>
      <c r="K54" s="6">
        <v>167072</v>
      </c>
      <c r="L54" s="6">
        <v>1524</v>
      </c>
    </row>
    <row r="55" spans="1:12">
      <c r="A55" s="9" t="s">
        <v>27</v>
      </c>
      <c r="B55" s="9" t="s">
        <v>28</v>
      </c>
      <c r="C55" s="9" t="s">
        <v>29</v>
      </c>
      <c r="D55" s="9" t="s">
        <v>260</v>
      </c>
      <c r="E55" s="9" t="s">
        <v>226</v>
      </c>
      <c r="F55" s="9" t="s">
        <v>235</v>
      </c>
      <c r="G55" s="9" t="s">
        <v>6</v>
      </c>
      <c r="H55" s="6">
        <v>1449964</v>
      </c>
      <c r="I55" s="6">
        <v>1157938</v>
      </c>
      <c r="J55" s="6">
        <v>1004899</v>
      </c>
      <c r="K55" s="6">
        <v>289673</v>
      </c>
      <c r="L55" s="6">
        <v>2353</v>
      </c>
    </row>
    <row r="56" spans="1:12">
      <c r="A56" s="9" t="s">
        <v>27</v>
      </c>
      <c r="B56" s="9" t="s">
        <v>28</v>
      </c>
      <c r="C56" s="9" t="s">
        <v>29</v>
      </c>
      <c r="D56" s="9" t="s">
        <v>260</v>
      </c>
      <c r="E56" s="9" t="s">
        <v>226</v>
      </c>
      <c r="F56" s="9" t="s">
        <v>235</v>
      </c>
      <c r="G56" s="9" t="s">
        <v>272</v>
      </c>
      <c r="H56" s="6">
        <v>49008</v>
      </c>
      <c r="I56" s="6">
        <v>25360</v>
      </c>
      <c r="J56" s="6">
        <v>22283</v>
      </c>
      <c r="K56" s="6">
        <v>23484</v>
      </c>
      <c r="L56" s="6">
        <v>164</v>
      </c>
    </row>
    <row r="57" spans="1:12">
      <c r="A57" s="9" t="s">
        <v>27</v>
      </c>
      <c r="B57" s="9" t="s">
        <v>28</v>
      </c>
      <c r="C57" s="9" t="s">
        <v>29</v>
      </c>
      <c r="D57" s="9" t="s">
        <v>260</v>
      </c>
      <c r="E57" s="9" t="s">
        <v>226</v>
      </c>
      <c r="F57" s="9" t="s">
        <v>235</v>
      </c>
      <c r="G57" s="9" t="s">
        <v>273</v>
      </c>
      <c r="H57" s="6">
        <v>97774</v>
      </c>
      <c r="I57" s="6">
        <v>67315</v>
      </c>
      <c r="J57" s="6">
        <v>59389</v>
      </c>
      <c r="K57" s="6">
        <v>30185</v>
      </c>
      <c r="L57" s="6">
        <v>274</v>
      </c>
    </row>
    <row r="58" spans="1:12">
      <c r="A58" s="9" t="s">
        <v>27</v>
      </c>
      <c r="B58" s="9" t="s">
        <v>28</v>
      </c>
      <c r="C58" s="9" t="s">
        <v>29</v>
      </c>
      <c r="D58" s="9" t="s">
        <v>260</v>
      </c>
      <c r="E58" s="9" t="s">
        <v>226</v>
      </c>
      <c r="F58" s="9" t="s">
        <v>235</v>
      </c>
      <c r="G58" s="9" t="s">
        <v>274</v>
      </c>
      <c r="H58" s="6">
        <v>126284</v>
      </c>
      <c r="I58" s="6">
        <v>100454</v>
      </c>
      <c r="J58" s="6">
        <v>88881</v>
      </c>
      <c r="K58" s="6">
        <v>25585</v>
      </c>
      <c r="L58" s="6">
        <v>245</v>
      </c>
    </row>
    <row r="59" spans="1:12">
      <c r="A59" s="9" t="s">
        <v>27</v>
      </c>
      <c r="B59" s="9" t="s">
        <v>28</v>
      </c>
      <c r="C59" s="9" t="s">
        <v>29</v>
      </c>
      <c r="D59" s="9" t="s">
        <v>260</v>
      </c>
      <c r="E59" s="9" t="s">
        <v>226</v>
      </c>
      <c r="F59" s="9" t="s">
        <v>235</v>
      </c>
      <c r="G59" s="9" t="s">
        <v>275</v>
      </c>
      <c r="H59" s="6">
        <v>126681</v>
      </c>
      <c r="I59" s="6">
        <v>106503</v>
      </c>
      <c r="J59" s="6">
        <v>94710</v>
      </c>
      <c r="K59" s="6">
        <v>19976</v>
      </c>
      <c r="L59" s="6">
        <v>202</v>
      </c>
    </row>
    <row r="60" spans="1:12">
      <c r="A60" s="9" t="s">
        <v>27</v>
      </c>
      <c r="B60" s="9" t="s">
        <v>28</v>
      </c>
      <c r="C60" s="9" t="s">
        <v>29</v>
      </c>
      <c r="D60" s="9" t="s">
        <v>260</v>
      </c>
      <c r="E60" s="9" t="s">
        <v>226</v>
      </c>
      <c r="F60" s="9" t="s">
        <v>235</v>
      </c>
      <c r="G60" s="9" t="s">
        <v>276</v>
      </c>
      <c r="H60" s="6">
        <v>135208</v>
      </c>
      <c r="I60" s="6">
        <v>116205</v>
      </c>
      <c r="J60" s="6">
        <v>103513</v>
      </c>
      <c r="K60" s="6">
        <v>18797</v>
      </c>
      <c r="L60" s="6">
        <v>206</v>
      </c>
    </row>
    <row r="61" spans="1:12">
      <c r="A61" s="9" t="s">
        <v>27</v>
      </c>
      <c r="B61" s="9" t="s">
        <v>28</v>
      </c>
      <c r="C61" s="9" t="s">
        <v>29</v>
      </c>
      <c r="D61" s="9" t="s">
        <v>260</v>
      </c>
      <c r="E61" s="9" t="s">
        <v>226</v>
      </c>
      <c r="F61" s="9" t="s">
        <v>235</v>
      </c>
      <c r="G61" s="9" t="s">
        <v>277</v>
      </c>
      <c r="H61" s="6">
        <v>145172</v>
      </c>
      <c r="I61" s="6">
        <v>125721</v>
      </c>
      <c r="J61" s="6">
        <v>112550</v>
      </c>
      <c r="K61" s="6">
        <v>19247</v>
      </c>
      <c r="L61" s="6">
        <v>204</v>
      </c>
    </row>
    <row r="62" spans="1:12">
      <c r="A62" s="9" t="s">
        <v>27</v>
      </c>
      <c r="B62" s="9" t="s">
        <v>28</v>
      </c>
      <c r="C62" s="9" t="s">
        <v>29</v>
      </c>
      <c r="D62" s="9" t="s">
        <v>260</v>
      </c>
      <c r="E62" s="9" t="s">
        <v>226</v>
      </c>
      <c r="F62" s="9" t="s">
        <v>235</v>
      </c>
      <c r="G62" s="9" t="s">
        <v>278</v>
      </c>
      <c r="H62" s="6">
        <v>151925</v>
      </c>
      <c r="I62" s="6">
        <v>131278</v>
      </c>
      <c r="J62" s="6">
        <v>117662</v>
      </c>
      <c r="K62" s="6">
        <v>20445</v>
      </c>
      <c r="L62" s="6">
        <v>202</v>
      </c>
    </row>
    <row r="63" spans="1:12">
      <c r="A63" s="9" t="s">
        <v>27</v>
      </c>
      <c r="B63" s="9" t="s">
        <v>28</v>
      </c>
      <c r="C63" s="9" t="s">
        <v>29</v>
      </c>
      <c r="D63" s="9" t="s">
        <v>260</v>
      </c>
      <c r="E63" s="9" t="s">
        <v>226</v>
      </c>
      <c r="F63" s="9" t="s">
        <v>235</v>
      </c>
      <c r="G63" s="9" t="s">
        <v>279</v>
      </c>
      <c r="H63" s="6">
        <v>89615</v>
      </c>
      <c r="I63" s="6">
        <v>76050</v>
      </c>
      <c r="J63" s="6">
        <v>68038</v>
      </c>
      <c r="K63" s="6">
        <v>13436</v>
      </c>
      <c r="L63" s="6">
        <v>129</v>
      </c>
    </row>
    <row r="64" spans="1:12">
      <c r="A64" s="9" t="s">
        <v>27</v>
      </c>
      <c r="B64" s="9" t="s">
        <v>28</v>
      </c>
      <c r="C64" s="9" t="s">
        <v>29</v>
      </c>
      <c r="D64" s="9" t="s">
        <v>260</v>
      </c>
      <c r="E64" s="9" t="s">
        <v>226</v>
      </c>
      <c r="F64" s="9" t="s">
        <v>235</v>
      </c>
      <c r="G64" s="9" t="s">
        <v>280</v>
      </c>
      <c r="H64" s="6">
        <v>528297</v>
      </c>
      <c r="I64" s="6">
        <v>409052</v>
      </c>
      <c r="J64" s="6">
        <v>337873</v>
      </c>
      <c r="K64" s="6">
        <v>118518</v>
      </c>
      <c r="L64" s="6">
        <v>727</v>
      </c>
    </row>
    <row r="65" spans="1:12">
      <c r="A65" s="9" t="s">
        <v>27</v>
      </c>
      <c r="B65" s="9" t="s">
        <v>28</v>
      </c>
      <c r="C65" s="9" t="s">
        <v>29</v>
      </c>
      <c r="D65" s="9" t="s">
        <v>260</v>
      </c>
      <c r="E65" s="9" t="s">
        <v>226</v>
      </c>
      <c r="F65" s="9" t="s">
        <v>281</v>
      </c>
      <c r="G65" s="9" t="s">
        <v>6</v>
      </c>
      <c r="H65" s="6">
        <v>648099</v>
      </c>
      <c r="I65" s="6">
        <v>498845</v>
      </c>
      <c r="J65" s="6">
        <v>424732</v>
      </c>
      <c r="K65" s="6">
        <v>148173</v>
      </c>
      <c r="L65" s="6">
        <v>1081</v>
      </c>
    </row>
    <row r="66" spans="1:12">
      <c r="A66" s="9" t="s">
        <v>27</v>
      </c>
      <c r="B66" s="9" t="s">
        <v>28</v>
      </c>
      <c r="C66" s="9" t="s">
        <v>29</v>
      </c>
      <c r="D66" s="9" t="s">
        <v>260</v>
      </c>
      <c r="E66" s="9" t="s">
        <v>226</v>
      </c>
      <c r="F66" s="9" t="s">
        <v>281</v>
      </c>
      <c r="G66" s="9" t="s">
        <v>272</v>
      </c>
      <c r="H66" s="6">
        <v>19040</v>
      </c>
      <c r="I66" s="6">
        <v>9396</v>
      </c>
      <c r="J66" s="6">
        <v>8481</v>
      </c>
      <c r="K66" s="6">
        <v>9574</v>
      </c>
      <c r="L66" s="6">
        <v>70</v>
      </c>
    </row>
    <row r="67" spans="1:12">
      <c r="A67" s="9" t="s">
        <v>27</v>
      </c>
      <c r="B67" s="9" t="s">
        <v>28</v>
      </c>
      <c r="C67" s="9" t="s">
        <v>29</v>
      </c>
      <c r="D67" s="9" t="s">
        <v>260</v>
      </c>
      <c r="E67" s="9" t="s">
        <v>226</v>
      </c>
      <c r="F67" s="9" t="s">
        <v>281</v>
      </c>
      <c r="G67" s="9" t="s">
        <v>273</v>
      </c>
      <c r="H67" s="6">
        <v>34850</v>
      </c>
      <c r="I67" s="6">
        <v>22730</v>
      </c>
      <c r="J67" s="6">
        <v>20402</v>
      </c>
      <c r="K67" s="6">
        <v>12002</v>
      </c>
      <c r="L67" s="6">
        <v>118</v>
      </c>
    </row>
    <row r="68" spans="1:12">
      <c r="A68" s="9" t="s">
        <v>27</v>
      </c>
      <c r="B68" s="9" t="s">
        <v>28</v>
      </c>
      <c r="C68" s="9" t="s">
        <v>29</v>
      </c>
      <c r="D68" s="9" t="s">
        <v>260</v>
      </c>
      <c r="E68" s="9" t="s">
        <v>226</v>
      </c>
      <c r="F68" s="9" t="s">
        <v>281</v>
      </c>
      <c r="G68" s="9" t="s">
        <v>274</v>
      </c>
      <c r="H68" s="6">
        <v>33211</v>
      </c>
      <c r="I68" s="6">
        <v>24975</v>
      </c>
      <c r="J68" s="6">
        <v>22249</v>
      </c>
      <c r="K68" s="6">
        <v>8146</v>
      </c>
      <c r="L68" s="6">
        <v>90</v>
      </c>
    </row>
    <row r="69" spans="1:12">
      <c r="A69" s="9" t="s">
        <v>27</v>
      </c>
      <c r="B69" s="9" t="s">
        <v>28</v>
      </c>
      <c r="C69" s="9" t="s">
        <v>29</v>
      </c>
      <c r="D69" s="9" t="s">
        <v>260</v>
      </c>
      <c r="E69" s="9" t="s">
        <v>226</v>
      </c>
      <c r="F69" s="9" t="s">
        <v>281</v>
      </c>
      <c r="G69" s="9" t="s">
        <v>275</v>
      </c>
      <c r="H69" s="6">
        <v>28443</v>
      </c>
      <c r="I69" s="6">
        <v>22299</v>
      </c>
      <c r="J69" s="6">
        <v>19844</v>
      </c>
      <c r="K69" s="6">
        <v>6082</v>
      </c>
      <c r="L69" s="6">
        <v>62</v>
      </c>
    </row>
    <row r="70" spans="1:12">
      <c r="A70" s="9" t="s">
        <v>27</v>
      </c>
      <c r="B70" s="9" t="s">
        <v>28</v>
      </c>
      <c r="C70" s="9" t="s">
        <v>29</v>
      </c>
      <c r="D70" s="9" t="s">
        <v>260</v>
      </c>
      <c r="E70" s="9" t="s">
        <v>226</v>
      </c>
      <c r="F70" s="9" t="s">
        <v>281</v>
      </c>
      <c r="G70" s="9" t="s">
        <v>276</v>
      </c>
      <c r="H70" s="6">
        <v>30002</v>
      </c>
      <c r="I70" s="6">
        <v>24014</v>
      </c>
      <c r="J70" s="6">
        <v>21415</v>
      </c>
      <c r="K70" s="6">
        <v>5931</v>
      </c>
      <c r="L70" s="6">
        <v>57</v>
      </c>
    </row>
    <row r="71" spans="1:12">
      <c r="A71" s="9" t="s">
        <v>27</v>
      </c>
      <c r="B71" s="9" t="s">
        <v>28</v>
      </c>
      <c r="C71" s="9" t="s">
        <v>29</v>
      </c>
      <c r="D71" s="9" t="s">
        <v>260</v>
      </c>
      <c r="E71" s="9" t="s">
        <v>226</v>
      </c>
      <c r="F71" s="9" t="s">
        <v>281</v>
      </c>
      <c r="G71" s="9" t="s">
        <v>277</v>
      </c>
      <c r="H71" s="6">
        <v>37388</v>
      </c>
      <c r="I71" s="6">
        <v>30815</v>
      </c>
      <c r="J71" s="6">
        <v>27527</v>
      </c>
      <c r="K71" s="6">
        <v>6514</v>
      </c>
      <c r="L71" s="6">
        <v>59</v>
      </c>
    </row>
    <row r="72" spans="1:12">
      <c r="A72" s="9" t="s">
        <v>27</v>
      </c>
      <c r="B72" s="9" t="s">
        <v>28</v>
      </c>
      <c r="C72" s="9" t="s">
        <v>29</v>
      </c>
      <c r="D72" s="9" t="s">
        <v>260</v>
      </c>
      <c r="E72" s="9" t="s">
        <v>226</v>
      </c>
      <c r="F72" s="9" t="s">
        <v>281</v>
      </c>
      <c r="G72" s="9" t="s">
        <v>278</v>
      </c>
      <c r="H72" s="6">
        <v>57538</v>
      </c>
      <c r="I72" s="6">
        <v>48758</v>
      </c>
      <c r="J72" s="6">
        <v>43535</v>
      </c>
      <c r="K72" s="6">
        <v>8707</v>
      </c>
      <c r="L72" s="6">
        <v>73</v>
      </c>
    </row>
    <row r="73" spans="1:12">
      <c r="A73" s="9" t="s">
        <v>27</v>
      </c>
      <c r="B73" s="9" t="s">
        <v>28</v>
      </c>
      <c r="C73" s="9" t="s">
        <v>29</v>
      </c>
      <c r="D73" s="9" t="s">
        <v>260</v>
      </c>
      <c r="E73" s="9" t="s">
        <v>226</v>
      </c>
      <c r="F73" s="9" t="s">
        <v>281</v>
      </c>
      <c r="G73" s="9" t="s">
        <v>279</v>
      </c>
      <c r="H73" s="6">
        <v>38767</v>
      </c>
      <c r="I73" s="6">
        <v>32501</v>
      </c>
      <c r="J73" s="6">
        <v>29056</v>
      </c>
      <c r="K73" s="6">
        <v>6219</v>
      </c>
      <c r="L73" s="6">
        <v>47</v>
      </c>
    </row>
    <row r="74" spans="1:12">
      <c r="A74" s="9" t="s">
        <v>27</v>
      </c>
      <c r="B74" s="9" t="s">
        <v>28</v>
      </c>
      <c r="C74" s="9" t="s">
        <v>29</v>
      </c>
      <c r="D74" s="9" t="s">
        <v>260</v>
      </c>
      <c r="E74" s="9" t="s">
        <v>226</v>
      </c>
      <c r="F74" s="9" t="s">
        <v>281</v>
      </c>
      <c r="G74" s="9" t="s">
        <v>280</v>
      </c>
      <c r="H74" s="6">
        <v>368860</v>
      </c>
      <c r="I74" s="6">
        <v>283357</v>
      </c>
      <c r="J74" s="6">
        <v>232223</v>
      </c>
      <c r="K74" s="6">
        <v>84998</v>
      </c>
      <c r="L74" s="6">
        <v>505</v>
      </c>
    </row>
    <row r="75" spans="1:12">
      <c r="A75" s="9" t="s">
        <v>27</v>
      </c>
      <c r="B75" s="9" t="s">
        <v>28</v>
      </c>
      <c r="C75" s="9" t="s">
        <v>29</v>
      </c>
      <c r="D75" s="9" t="s">
        <v>260</v>
      </c>
      <c r="E75" s="9" t="s">
        <v>226</v>
      </c>
      <c r="F75" s="9" t="s">
        <v>282</v>
      </c>
      <c r="G75" s="9" t="s">
        <v>6</v>
      </c>
      <c r="H75" s="6">
        <v>574326</v>
      </c>
      <c r="I75" s="6">
        <v>470795</v>
      </c>
      <c r="J75" s="6">
        <v>416663</v>
      </c>
      <c r="K75" s="6">
        <v>102688</v>
      </c>
      <c r="L75" s="6">
        <v>843</v>
      </c>
    </row>
    <row r="76" spans="1:12">
      <c r="A76" s="9" t="s">
        <v>27</v>
      </c>
      <c r="B76" s="9" t="s">
        <v>28</v>
      </c>
      <c r="C76" s="9" t="s">
        <v>29</v>
      </c>
      <c r="D76" s="9" t="s">
        <v>260</v>
      </c>
      <c r="E76" s="9" t="s">
        <v>226</v>
      </c>
      <c r="F76" s="9" t="s">
        <v>282</v>
      </c>
      <c r="G76" s="9" t="s">
        <v>272</v>
      </c>
      <c r="H76" s="6">
        <v>18205</v>
      </c>
      <c r="I76" s="6">
        <v>9489</v>
      </c>
      <c r="J76" s="6">
        <v>8371</v>
      </c>
      <c r="K76" s="6">
        <v>8662</v>
      </c>
      <c r="L76" s="6">
        <v>54</v>
      </c>
    </row>
    <row r="77" spans="1:12">
      <c r="A77" s="9" t="s">
        <v>27</v>
      </c>
      <c r="B77" s="9" t="s">
        <v>28</v>
      </c>
      <c r="C77" s="9" t="s">
        <v>29</v>
      </c>
      <c r="D77" s="9" t="s">
        <v>260</v>
      </c>
      <c r="E77" s="9" t="s">
        <v>226</v>
      </c>
      <c r="F77" s="9" t="s">
        <v>282</v>
      </c>
      <c r="G77" s="9" t="s">
        <v>273</v>
      </c>
      <c r="H77" s="6">
        <v>38627</v>
      </c>
      <c r="I77" s="6">
        <v>27074</v>
      </c>
      <c r="J77" s="6">
        <v>23990</v>
      </c>
      <c r="K77" s="6">
        <v>11450</v>
      </c>
      <c r="L77" s="6">
        <v>103</v>
      </c>
    </row>
    <row r="78" spans="1:12">
      <c r="A78" s="9" t="s">
        <v>27</v>
      </c>
      <c r="B78" s="9" t="s">
        <v>28</v>
      </c>
      <c r="C78" s="9" t="s">
        <v>29</v>
      </c>
      <c r="D78" s="9" t="s">
        <v>260</v>
      </c>
      <c r="E78" s="9" t="s">
        <v>226</v>
      </c>
      <c r="F78" s="9" t="s">
        <v>282</v>
      </c>
      <c r="G78" s="9" t="s">
        <v>274</v>
      </c>
      <c r="H78" s="6">
        <v>55850</v>
      </c>
      <c r="I78" s="6">
        <v>44727</v>
      </c>
      <c r="J78" s="6">
        <v>39936</v>
      </c>
      <c r="K78" s="6">
        <v>11042</v>
      </c>
      <c r="L78" s="6">
        <v>81</v>
      </c>
    </row>
    <row r="79" spans="1:12">
      <c r="A79" s="9" t="s">
        <v>27</v>
      </c>
      <c r="B79" s="9" t="s">
        <v>28</v>
      </c>
      <c r="C79" s="9" t="s">
        <v>29</v>
      </c>
      <c r="D79" s="9" t="s">
        <v>260</v>
      </c>
      <c r="E79" s="9" t="s">
        <v>226</v>
      </c>
      <c r="F79" s="9" t="s">
        <v>282</v>
      </c>
      <c r="G79" s="9" t="s">
        <v>275</v>
      </c>
      <c r="H79" s="6">
        <v>59633</v>
      </c>
      <c r="I79" s="6">
        <v>50559</v>
      </c>
      <c r="J79" s="6">
        <v>45493</v>
      </c>
      <c r="K79" s="6">
        <v>9003</v>
      </c>
      <c r="L79" s="6">
        <v>71</v>
      </c>
    </row>
    <row r="80" spans="1:12">
      <c r="A80" s="9" t="s">
        <v>27</v>
      </c>
      <c r="B80" s="9" t="s">
        <v>28</v>
      </c>
      <c r="C80" s="9" t="s">
        <v>29</v>
      </c>
      <c r="D80" s="9" t="s">
        <v>260</v>
      </c>
      <c r="E80" s="9" t="s">
        <v>226</v>
      </c>
      <c r="F80" s="9" t="s">
        <v>282</v>
      </c>
      <c r="G80" s="9" t="s">
        <v>276</v>
      </c>
      <c r="H80" s="6">
        <v>67810</v>
      </c>
      <c r="I80" s="6">
        <v>58941</v>
      </c>
      <c r="J80" s="6">
        <v>52921</v>
      </c>
      <c r="K80" s="6">
        <v>8778</v>
      </c>
      <c r="L80" s="6">
        <v>91</v>
      </c>
    </row>
    <row r="81" spans="1:12">
      <c r="A81" s="9" t="s">
        <v>27</v>
      </c>
      <c r="B81" s="9" t="s">
        <v>28</v>
      </c>
      <c r="C81" s="9" t="s">
        <v>29</v>
      </c>
      <c r="D81" s="9" t="s">
        <v>260</v>
      </c>
      <c r="E81" s="9" t="s">
        <v>226</v>
      </c>
      <c r="F81" s="9" t="s">
        <v>282</v>
      </c>
      <c r="G81" s="9" t="s">
        <v>277</v>
      </c>
      <c r="H81" s="6">
        <v>77780</v>
      </c>
      <c r="I81" s="6">
        <v>68373</v>
      </c>
      <c r="J81" s="6">
        <v>61625</v>
      </c>
      <c r="K81" s="6">
        <v>9316</v>
      </c>
      <c r="L81" s="6">
        <v>91</v>
      </c>
    </row>
    <row r="82" spans="1:12">
      <c r="A82" s="9" t="s">
        <v>27</v>
      </c>
      <c r="B82" s="9" t="s">
        <v>28</v>
      </c>
      <c r="C82" s="9" t="s">
        <v>29</v>
      </c>
      <c r="D82" s="9" t="s">
        <v>260</v>
      </c>
      <c r="E82" s="9" t="s">
        <v>226</v>
      </c>
      <c r="F82" s="9" t="s">
        <v>282</v>
      </c>
      <c r="G82" s="9" t="s">
        <v>278</v>
      </c>
      <c r="H82" s="6">
        <v>74641</v>
      </c>
      <c r="I82" s="6">
        <v>65378</v>
      </c>
      <c r="J82" s="6">
        <v>58978</v>
      </c>
      <c r="K82" s="6">
        <v>9166</v>
      </c>
      <c r="L82" s="6">
        <v>97</v>
      </c>
    </row>
    <row r="83" spans="1:12">
      <c r="A83" s="9" t="s">
        <v>27</v>
      </c>
      <c r="B83" s="9" t="s">
        <v>28</v>
      </c>
      <c r="C83" s="9" t="s">
        <v>29</v>
      </c>
      <c r="D83" s="9" t="s">
        <v>260</v>
      </c>
      <c r="E83" s="9" t="s">
        <v>226</v>
      </c>
      <c r="F83" s="9" t="s">
        <v>282</v>
      </c>
      <c r="G83" s="9" t="s">
        <v>279</v>
      </c>
      <c r="H83" s="6">
        <v>41484</v>
      </c>
      <c r="I83" s="6">
        <v>35622</v>
      </c>
      <c r="J83" s="6">
        <v>32061</v>
      </c>
      <c r="K83" s="6">
        <v>5798</v>
      </c>
      <c r="L83" s="6">
        <v>64</v>
      </c>
    </row>
    <row r="84" spans="1:12">
      <c r="A84" s="9" t="s">
        <v>27</v>
      </c>
      <c r="B84" s="9" t="s">
        <v>28</v>
      </c>
      <c r="C84" s="9" t="s">
        <v>29</v>
      </c>
      <c r="D84" s="9" t="s">
        <v>260</v>
      </c>
      <c r="E84" s="9" t="s">
        <v>226</v>
      </c>
      <c r="F84" s="9" t="s">
        <v>282</v>
      </c>
      <c r="G84" s="9" t="s">
        <v>280</v>
      </c>
      <c r="H84" s="6">
        <v>140296</v>
      </c>
      <c r="I84" s="6">
        <v>110632</v>
      </c>
      <c r="J84" s="6">
        <v>93288</v>
      </c>
      <c r="K84" s="6">
        <v>29473</v>
      </c>
      <c r="L84" s="6">
        <v>191</v>
      </c>
    </row>
    <row r="85" spans="1:12">
      <c r="A85" s="9" t="s">
        <v>27</v>
      </c>
      <c r="B85" s="9" t="s">
        <v>28</v>
      </c>
      <c r="C85" s="9" t="s">
        <v>29</v>
      </c>
      <c r="D85" s="9" t="s">
        <v>260</v>
      </c>
      <c r="E85" s="9" t="s">
        <v>226</v>
      </c>
      <c r="F85" s="9" t="s">
        <v>283</v>
      </c>
      <c r="G85" s="9" t="s">
        <v>6</v>
      </c>
      <c r="H85" s="6">
        <v>227539</v>
      </c>
      <c r="I85" s="6">
        <v>188298</v>
      </c>
      <c r="J85" s="6">
        <v>163504</v>
      </c>
      <c r="K85" s="6">
        <v>38812</v>
      </c>
      <c r="L85" s="6">
        <v>429</v>
      </c>
    </row>
    <row r="86" spans="1:12">
      <c r="A86" s="9" t="s">
        <v>27</v>
      </c>
      <c r="B86" s="9" t="s">
        <v>28</v>
      </c>
      <c r="C86" s="9" t="s">
        <v>29</v>
      </c>
      <c r="D86" s="9" t="s">
        <v>260</v>
      </c>
      <c r="E86" s="9" t="s">
        <v>226</v>
      </c>
      <c r="F86" s="9" t="s">
        <v>283</v>
      </c>
      <c r="G86" s="9" t="s">
        <v>272</v>
      </c>
      <c r="H86" s="6">
        <v>11763</v>
      </c>
      <c r="I86" s="6">
        <v>6475</v>
      </c>
      <c r="J86" s="6">
        <v>5431</v>
      </c>
      <c r="K86" s="6">
        <v>5248</v>
      </c>
      <c r="L86" s="6">
        <v>40</v>
      </c>
    </row>
    <row r="87" spans="1:12">
      <c r="A87" s="9" t="s">
        <v>27</v>
      </c>
      <c r="B87" s="9" t="s">
        <v>28</v>
      </c>
      <c r="C87" s="9" t="s">
        <v>29</v>
      </c>
      <c r="D87" s="9" t="s">
        <v>260</v>
      </c>
      <c r="E87" s="9" t="s">
        <v>226</v>
      </c>
      <c r="F87" s="9" t="s">
        <v>283</v>
      </c>
      <c r="G87" s="9" t="s">
        <v>273</v>
      </c>
      <c r="H87" s="6">
        <v>24297</v>
      </c>
      <c r="I87" s="6">
        <v>17511</v>
      </c>
      <c r="J87" s="6">
        <v>14997</v>
      </c>
      <c r="K87" s="6">
        <v>6733</v>
      </c>
      <c r="L87" s="6">
        <v>53</v>
      </c>
    </row>
    <row r="88" spans="1:12">
      <c r="A88" s="9" t="s">
        <v>27</v>
      </c>
      <c r="B88" s="9" t="s">
        <v>28</v>
      </c>
      <c r="C88" s="9" t="s">
        <v>29</v>
      </c>
      <c r="D88" s="9" t="s">
        <v>260</v>
      </c>
      <c r="E88" s="9" t="s">
        <v>226</v>
      </c>
      <c r="F88" s="9" t="s">
        <v>283</v>
      </c>
      <c r="G88" s="9" t="s">
        <v>274</v>
      </c>
      <c r="H88" s="6">
        <v>37223</v>
      </c>
      <c r="I88" s="6">
        <v>30752</v>
      </c>
      <c r="J88" s="6">
        <v>26696</v>
      </c>
      <c r="K88" s="6">
        <v>6397</v>
      </c>
      <c r="L88" s="6">
        <v>74</v>
      </c>
    </row>
    <row r="89" spans="1:12">
      <c r="A89" s="9" t="s">
        <v>27</v>
      </c>
      <c r="B89" s="9" t="s">
        <v>28</v>
      </c>
      <c r="C89" s="9" t="s">
        <v>29</v>
      </c>
      <c r="D89" s="9" t="s">
        <v>260</v>
      </c>
      <c r="E89" s="9" t="s">
        <v>226</v>
      </c>
      <c r="F89" s="9" t="s">
        <v>283</v>
      </c>
      <c r="G89" s="9" t="s">
        <v>275</v>
      </c>
      <c r="H89" s="6">
        <v>38605</v>
      </c>
      <c r="I89" s="6">
        <v>33645</v>
      </c>
      <c r="J89" s="6">
        <v>29373</v>
      </c>
      <c r="K89" s="6">
        <v>4891</v>
      </c>
      <c r="L89" s="6">
        <v>69</v>
      </c>
    </row>
    <row r="90" spans="1:12">
      <c r="A90" s="9" t="s">
        <v>27</v>
      </c>
      <c r="B90" s="9" t="s">
        <v>28</v>
      </c>
      <c r="C90" s="9" t="s">
        <v>29</v>
      </c>
      <c r="D90" s="9" t="s">
        <v>260</v>
      </c>
      <c r="E90" s="9" t="s">
        <v>226</v>
      </c>
      <c r="F90" s="9" t="s">
        <v>283</v>
      </c>
      <c r="G90" s="9" t="s">
        <v>276</v>
      </c>
      <c r="H90" s="6">
        <v>37396</v>
      </c>
      <c r="I90" s="6">
        <v>33250</v>
      </c>
      <c r="J90" s="6">
        <v>29177</v>
      </c>
      <c r="K90" s="6">
        <v>4088</v>
      </c>
      <c r="L90" s="6">
        <v>58</v>
      </c>
    </row>
    <row r="91" spans="1:12">
      <c r="A91" s="9" t="s">
        <v>27</v>
      </c>
      <c r="B91" s="9" t="s">
        <v>28</v>
      </c>
      <c r="C91" s="9" t="s">
        <v>29</v>
      </c>
      <c r="D91" s="9" t="s">
        <v>260</v>
      </c>
      <c r="E91" s="9" t="s">
        <v>226</v>
      </c>
      <c r="F91" s="9" t="s">
        <v>283</v>
      </c>
      <c r="G91" s="9" t="s">
        <v>277</v>
      </c>
      <c r="H91" s="6">
        <v>30004</v>
      </c>
      <c r="I91" s="6">
        <v>26533</v>
      </c>
      <c r="J91" s="6">
        <v>23398</v>
      </c>
      <c r="K91" s="6">
        <v>3417</v>
      </c>
      <c r="L91" s="6">
        <v>54</v>
      </c>
    </row>
    <row r="92" spans="1:12">
      <c r="A92" s="9" t="s">
        <v>27</v>
      </c>
      <c r="B92" s="9" t="s">
        <v>28</v>
      </c>
      <c r="C92" s="9" t="s">
        <v>29</v>
      </c>
      <c r="D92" s="9" t="s">
        <v>260</v>
      </c>
      <c r="E92" s="9" t="s">
        <v>226</v>
      </c>
      <c r="F92" s="9" t="s">
        <v>283</v>
      </c>
      <c r="G92" s="9" t="s">
        <v>278</v>
      </c>
      <c r="H92" s="6">
        <v>19746</v>
      </c>
      <c r="I92" s="6">
        <v>17142</v>
      </c>
      <c r="J92" s="6">
        <v>15149</v>
      </c>
      <c r="K92" s="6">
        <v>2572</v>
      </c>
      <c r="L92" s="6">
        <v>32</v>
      </c>
    </row>
    <row r="93" spans="1:12">
      <c r="A93" s="9" t="s">
        <v>27</v>
      </c>
      <c r="B93" s="9" t="s">
        <v>28</v>
      </c>
      <c r="C93" s="9" t="s">
        <v>29</v>
      </c>
      <c r="D93" s="9" t="s">
        <v>260</v>
      </c>
      <c r="E93" s="9" t="s">
        <v>226</v>
      </c>
      <c r="F93" s="9" t="s">
        <v>283</v>
      </c>
      <c r="G93" s="9" t="s">
        <v>279</v>
      </c>
      <c r="H93" s="6">
        <v>9364</v>
      </c>
      <c r="I93" s="6">
        <v>7927</v>
      </c>
      <c r="J93" s="6">
        <v>6921</v>
      </c>
      <c r="K93" s="6">
        <v>1419</v>
      </c>
      <c r="L93" s="6">
        <v>18</v>
      </c>
    </row>
    <row r="94" spans="1:12">
      <c r="A94" s="9" t="s">
        <v>27</v>
      </c>
      <c r="B94" s="9" t="s">
        <v>28</v>
      </c>
      <c r="C94" s="9" t="s">
        <v>29</v>
      </c>
      <c r="D94" s="9" t="s">
        <v>260</v>
      </c>
      <c r="E94" s="9" t="s">
        <v>226</v>
      </c>
      <c r="F94" s="9" t="s">
        <v>283</v>
      </c>
      <c r="G94" s="9" t="s">
        <v>280</v>
      </c>
      <c r="H94" s="6">
        <v>19141</v>
      </c>
      <c r="I94" s="6">
        <v>15063</v>
      </c>
      <c r="J94" s="6">
        <v>12362</v>
      </c>
      <c r="K94" s="6">
        <v>4047</v>
      </c>
      <c r="L94" s="6">
        <v>31</v>
      </c>
    </row>
    <row r="95" spans="1:12">
      <c r="A95" s="9" t="s">
        <v>27</v>
      </c>
      <c r="B95" s="9" t="s">
        <v>28</v>
      </c>
      <c r="C95" s="9" t="s">
        <v>29</v>
      </c>
      <c r="D95" s="9" t="s">
        <v>260</v>
      </c>
      <c r="E95" s="9" t="s">
        <v>227</v>
      </c>
      <c r="F95" s="9" t="s">
        <v>6</v>
      </c>
      <c r="G95" s="9" t="s">
        <v>6</v>
      </c>
      <c r="H95" s="6">
        <v>1727841</v>
      </c>
      <c r="I95" s="6">
        <v>1333965</v>
      </c>
      <c r="J95" s="6">
        <v>1275331</v>
      </c>
      <c r="K95" s="6">
        <v>391273</v>
      </c>
      <c r="L95" s="6">
        <v>2603</v>
      </c>
    </row>
    <row r="96" spans="1:12">
      <c r="A96" s="9" t="s">
        <v>27</v>
      </c>
      <c r="B96" s="9" t="s">
        <v>28</v>
      </c>
      <c r="C96" s="9" t="s">
        <v>29</v>
      </c>
      <c r="D96" s="9" t="s">
        <v>260</v>
      </c>
      <c r="E96" s="9" t="s">
        <v>227</v>
      </c>
      <c r="F96" s="9" t="s">
        <v>234</v>
      </c>
      <c r="G96" s="9" t="s">
        <v>6</v>
      </c>
      <c r="H96" s="6">
        <v>525188</v>
      </c>
      <c r="I96" s="6">
        <v>384376</v>
      </c>
      <c r="J96" s="6">
        <v>364870</v>
      </c>
      <c r="K96" s="6">
        <v>139774</v>
      </c>
      <c r="L96" s="6">
        <v>1038</v>
      </c>
    </row>
    <row r="97" spans="1:12">
      <c r="A97" s="9" t="s">
        <v>27</v>
      </c>
      <c r="B97" s="9" t="s">
        <v>28</v>
      </c>
      <c r="C97" s="9" t="s">
        <v>29</v>
      </c>
      <c r="D97" s="9" t="s">
        <v>260</v>
      </c>
      <c r="E97" s="9" t="s">
        <v>227</v>
      </c>
      <c r="F97" s="9" t="s">
        <v>235</v>
      </c>
      <c r="G97" s="9" t="s">
        <v>6</v>
      </c>
      <c r="H97" s="6">
        <v>1202653</v>
      </c>
      <c r="I97" s="6">
        <v>949589</v>
      </c>
      <c r="J97" s="6">
        <v>910461</v>
      </c>
      <c r="K97" s="6">
        <v>251499</v>
      </c>
      <c r="L97" s="6">
        <v>1565</v>
      </c>
    </row>
    <row r="98" spans="1:12">
      <c r="A98" s="9" t="s">
        <v>27</v>
      </c>
      <c r="B98" s="9" t="s">
        <v>28</v>
      </c>
      <c r="C98" s="9" t="s">
        <v>29</v>
      </c>
      <c r="D98" s="9" t="s">
        <v>260</v>
      </c>
      <c r="E98" s="9" t="s">
        <v>227</v>
      </c>
      <c r="F98" s="9" t="s">
        <v>235</v>
      </c>
      <c r="G98" s="9" t="s">
        <v>272</v>
      </c>
      <c r="H98" s="6">
        <v>42547</v>
      </c>
      <c r="I98" s="6">
        <v>21742</v>
      </c>
      <c r="J98" s="6">
        <v>20611</v>
      </c>
      <c r="K98" s="6">
        <v>20681</v>
      </c>
      <c r="L98" s="6">
        <v>124</v>
      </c>
    </row>
    <row r="99" spans="1:12">
      <c r="A99" s="9" t="s">
        <v>27</v>
      </c>
      <c r="B99" s="9" t="s">
        <v>28</v>
      </c>
      <c r="C99" s="9" t="s">
        <v>29</v>
      </c>
      <c r="D99" s="9" t="s">
        <v>260</v>
      </c>
      <c r="E99" s="9" t="s">
        <v>227</v>
      </c>
      <c r="F99" s="9" t="s">
        <v>235</v>
      </c>
      <c r="G99" s="9" t="s">
        <v>273</v>
      </c>
      <c r="H99" s="6">
        <v>84586</v>
      </c>
      <c r="I99" s="6">
        <v>57534</v>
      </c>
      <c r="J99" s="6">
        <v>54822</v>
      </c>
      <c r="K99" s="6">
        <v>26868</v>
      </c>
      <c r="L99" s="6">
        <v>184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0</v>
      </c>
      <c r="E100" s="9" t="s">
        <v>227</v>
      </c>
      <c r="F100" s="9" t="s">
        <v>235</v>
      </c>
      <c r="G100" s="9" t="s">
        <v>274</v>
      </c>
      <c r="H100" s="6">
        <v>108531</v>
      </c>
      <c r="I100" s="6">
        <v>85580</v>
      </c>
      <c r="J100" s="6">
        <v>81811</v>
      </c>
      <c r="K100" s="6">
        <v>22781</v>
      </c>
      <c r="L100" s="6">
        <v>170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0</v>
      </c>
      <c r="E101" s="9" t="s">
        <v>227</v>
      </c>
      <c r="F101" s="9" t="s">
        <v>235</v>
      </c>
      <c r="G101" s="9" t="s">
        <v>275</v>
      </c>
      <c r="H101" s="6">
        <v>108379</v>
      </c>
      <c r="I101" s="6">
        <v>90464</v>
      </c>
      <c r="J101" s="6">
        <v>86847</v>
      </c>
      <c r="K101" s="6">
        <v>17790</v>
      </c>
      <c r="L101" s="6">
        <v>125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0</v>
      </c>
      <c r="E102" s="9" t="s">
        <v>227</v>
      </c>
      <c r="F102" s="9" t="s">
        <v>235</v>
      </c>
      <c r="G102" s="9" t="s">
        <v>276</v>
      </c>
      <c r="H102" s="6">
        <v>115225</v>
      </c>
      <c r="I102" s="6">
        <v>98415</v>
      </c>
      <c r="J102" s="6">
        <v>94758</v>
      </c>
      <c r="K102" s="6">
        <v>16676</v>
      </c>
      <c r="L102" s="6">
        <v>134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0</v>
      </c>
      <c r="E103" s="9" t="s">
        <v>227</v>
      </c>
      <c r="F103" s="9" t="s">
        <v>235</v>
      </c>
      <c r="G103" s="9" t="s">
        <v>277</v>
      </c>
      <c r="H103" s="6">
        <v>123955</v>
      </c>
      <c r="I103" s="6">
        <v>106816</v>
      </c>
      <c r="J103" s="6">
        <v>103090</v>
      </c>
      <c r="K103" s="6">
        <v>16995</v>
      </c>
      <c r="L103" s="6">
        <v>144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0</v>
      </c>
      <c r="E104" s="9" t="s">
        <v>227</v>
      </c>
      <c r="F104" s="9" t="s">
        <v>235</v>
      </c>
      <c r="G104" s="9" t="s">
        <v>278</v>
      </c>
      <c r="H104" s="6">
        <v>129687</v>
      </c>
      <c r="I104" s="6">
        <v>111341</v>
      </c>
      <c r="J104" s="6">
        <v>107492</v>
      </c>
      <c r="K104" s="6">
        <v>18231</v>
      </c>
      <c r="L104" s="6">
        <v>115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0</v>
      </c>
      <c r="E105" s="9" t="s">
        <v>227</v>
      </c>
      <c r="F105" s="9" t="s">
        <v>235</v>
      </c>
      <c r="G105" s="9" t="s">
        <v>279</v>
      </c>
      <c r="H105" s="6">
        <v>76278</v>
      </c>
      <c r="I105" s="6">
        <v>64283</v>
      </c>
      <c r="J105" s="6">
        <v>62067</v>
      </c>
      <c r="K105" s="6">
        <v>11912</v>
      </c>
      <c r="L105" s="6">
        <v>83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0</v>
      </c>
      <c r="E106" s="9" t="s">
        <v>227</v>
      </c>
      <c r="F106" s="9" t="s">
        <v>235</v>
      </c>
      <c r="G106" s="9" t="s">
        <v>280</v>
      </c>
      <c r="H106" s="6">
        <v>413465</v>
      </c>
      <c r="I106" s="6">
        <v>313414</v>
      </c>
      <c r="J106" s="6">
        <v>298963</v>
      </c>
      <c r="K106" s="6">
        <v>99565</v>
      </c>
      <c r="L106" s="6">
        <v>486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0</v>
      </c>
      <c r="E107" s="9" t="s">
        <v>227</v>
      </c>
      <c r="F107" s="9" t="s">
        <v>281</v>
      </c>
      <c r="G107" s="9" t="s">
        <v>6</v>
      </c>
      <c r="H107" s="6">
        <v>527807</v>
      </c>
      <c r="I107" s="6">
        <v>399502</v>
      </c>
      <c r="J107" s="6">
        <v>381567</v>
      </c>
      <c r="K107" s="6">
        <v>127557</v>
      </c>
      <c r="L107" s="6">
        <v>748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0</v>
      </c>
      <c r="E108" s="9" t="s">
        <v>227</v>
      </c>
      <c r="F108" s="9" t="s">
        <v>281</v>
      </c>
      <c r="G108" s="9" t="s">
        <v>272</v>
      </c>
      <c r="H108" s="6">
        <v>16846</v>
      </c>
      <c r="I108" s="6">
        <v>8262</v>
      </c>
      <c r="J108" s="6">
        <v>7891</v>
      </c>
      <c r="K108" s="6">
        <v>8524</v>
      </c>
      <c r="L108" s="6">
        <v>60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0</v>
      </c>
      <c r="E109" s="9" t="s">
        <v>227</v>
      </c>
      <c r="F109" s="9" t="s">
        <v>281</v>
      </c>
      <c r="G109" s="9" t="s">
        <v>273</v>
      </c>
      <c r="H109" s="6">
        <v>30587</v>
      </c>
      <c r="I109" s="6">
        <v>19800</v>
      </c>
      <c r="J109" s="6">
        <v>18927</v>
      </c>
      <c r="K109" s="6">
        <v>10701</v>
      </c>
      <c r="L109" s="6">
        <v>86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0</v>
      </c>
      <c r="E110" s="9" t="s">
        <v>227</v>
      </c>
      <c r="F110" s="9" t="s">
        <v>281</v>
      </c>
      <c r="G110" s="9" t="s">
        <v>274</v>
      </c>
      <c r="H110" s="6">
        <v>28884</v>
      </c>
      <c r="I110" s="6">
        <v>21500</v>
      </c>
      <c r="J110" s="6">
        <v>20502</v>
      </c>
      <c r="K110" s="6">
        <v>7316</v>
      </c>
      <c r="L110" s="6">
        <v>68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0</v>
      </c>
      <c r="E111" s="9" t="s">
        <v>227</v>
      </c>
      <c r="F111" s="9" t="s">
        <v>281</v>
      </c>
      <c r="G111" s="9" t="s">
        <v>275</v>
      </c>
      <c r="H111" s="6">
        <v>24616</v>
      </c>
      <c r="I111" s="6">
        <v>19061</v>
      </c>
      <c r="J111" s="6">
        <v>18165</v>
      </c>
      <c r="K111" s="6">
        <v>5516</v>
      </c>
      <c r="L111" s="6">
        <v>39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0</v>
      </c>
      <c r="E112" s="9" t="s">
        <v>227</v>
      </c>
      <c r="F112" s="9" t="s">
        <v>281</v>
      </c>
      <c r="G112" s="9" t="s">
        <v>276</v>
      </c>
      <c r="H112" s="6">
        <v>25841</v>
      </c>
      <c r="I112" s="6">
        <v>20455</v>
      </c>
      <c r="J112" s="6">
        <v>19559</v>
      </c>
      <c r="K112" s="6">
        <v>5349</v>
      </c>
      <c r="L112" s="6">
        <v>37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0</v>
      </c>
      <c r="E113" s="9" t="s">
        <v>227</v>
      </c>
      <c r="F113" s="9" t="s">
        <v>281</v>
      </c>
      <c r="G113" s="9" t="s">
        <v>277</v>
      </c>
      <c r="H113" s="6">
        <v>32016</v>
      </c>
      <c r="I113" s="6">
        <v>26157</v>
      </c>
      <c r="J113" s="6">
        <v>25110</v>
      </c>
      <c r="K113" s="6">
        <v>5818</v>
      </c>
      <c r="L113" s="6">
        <v>41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0</v>
      </c>
      <c r="E114" s="9" t="s">
        <v>227</v>
      </c>
      <c r="F114" s="9" t="s">
        <v>281</v>
      </c>
      <c r="G114" s="9" t="s">
        <v>278</v>
      </c>
      <c r="H114" s="6">
        <v>49253</v>
      </c>
      <c r="I114" s="6">
        <v>41426</v>
      </c>
      <c r="J114" s="6">
        <v>39858</v>
      </c>
      <c r="K114" s="6">
        <v>7784</v>
      </c>
      <c r="L114" s="6">
        <v>43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0</v>
      </c>
      <c r="E115" s="9" t="s">
        <v>227</v>
      </c>
      <c r="F115" s="9" t="s">
        <v>281</v>
      </c>
      <c r="G115" s="9" t="s">
        <v>279</v>
      </c>
      <c r="H115" s="6">
        <v>33132</v>
      </c>
      <c r="I115" s="6">
        <v>27542</v>
      </c>
      <c r="J115" s="6">
        <v>26535</v>
      </c>
      <c r="K115" s="6">
        <v>5557</v>
      </c>
      <c r="L115" s="6">
        <v>33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0</v>
      </c>
      <c r="E116" s="9" t="s">
        <v>227</v>
      </c>
      <c r="F116" s="9" t="s">
        <v>281</v>
      </c>
      <c r="G116" s="9" t="s">
        <v>280</v>
      </c>
      <c r="H116" s="6">
        <v>286632</v>
      </c>
      <c r="I116" s="6">
        <v>215299</v>
      </c>
      <c r="J116" s="6">
        <v>205020</v>
      </c>
      <c r="K116" s="6">
        <v>70992</v>
      </c>
      <c r="L116" s="6">
        <v>341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0</v>
      </c>
      <c r="E117" s="9" t="s">
        <v>227</v>
      </c>
      <c r="F117" s="9" t="s">
        <v>282</v>
      </c>
      <c r="G117" s="9" t="s">
        <v>6</v>
      </c>
      <c r="H117" s="6">
        <v>486891</v>
      </c>
      <c r="I117" s="6">
        <v>395740</v>
      </c>
      <c r="J117" s="6">
        <v>380886</v>
      </c>
      <c r="K117" s="6">
        <v>90606</v>
      </c>
      <c r="L117" s="6">
        <v>545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0</v>
      </c>
      <c r="E118" s="9" t="s">
        <v>227</v>
      </c>
      <c r="F118" s="9" t="s">
        <v>282</v>
      </c>
      <c r="G118" s="9" t="s">
        <v>272</v>
      </c>
      <c r="H118" s="6">
        <v>15873</v>
      </c>
      <c r="I118" s="6">
        <v>8165</v>
      </c>
      <c r="J118" s="6">
        <v>7754</v>
      </c>
      <c r="K118" s="6">
        <v>7672</v>
      </c>
      <c r="L118" s="6">
        <v>36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0</v>
      </c>
      <c r="E119" s="9" t="s">
        <v>227</v>
      </c>
      <c r="F119" s="9" t="s">
        <v>282</v>
      </c>
      <c r="G119" s="9" t="s">
        <v>273</v>
      </c>
      <c r="H119" s="6">
        <v>33655</v>
      </c>
      <c r="I119" s="6">
        <v>23314</v>
      </c>
      <c r="J119" s="6">
        <v>22212</v>
      </c>
      <c r="K119" s="6">
        <v>10277</v>
      </c>
      <c r="L119" s="6">
        <v>64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0</v>
      </c>
      <c r="E120" s="9" t="s">
        <v>227</v>
      </c>
      <c r="F120" s="9" t="s">
        <v>282</v>
      </c>
      <c r="G120" s="9" t="s">
        <v>274</v>
      </c>
      <c r="H120" s="6">
        <v>48537</v>
      </c>
      <c r="I120" s="6">
        <v>38569</v>
      </c>
      <c r="J120" s="6">
        <v>36955</v>
      </c>
      <c r="K120" s="6">
        <v>9909</v>
      </c>
      <c r="L120" s="6">
        <v>59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0</v>
      </c>
      <c r="E121" s="9" t="s">
        <v>227</v>
      </c>
      <c r="F121" s="9" t="s">
        <v>282</v>
      </c>
      <c r="G121" s="9" t="s">
        <v>275</v>
      </c>
      <c r="H121" s="6">
        <v>51815</v>
      </c>
      <c r="I121" s="6">
        <v>43674</v>
      </c>
      <c r="J121" s="6">
        <v>42009</v>
      </c>
      <c r="K121" s="6">
        <v>8095</v>
      </c>
      <c r="L121" s="6">
        <v>46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0</v>
      </c>
      <c r="E122" s="9" t="s">
        <v>227</v>
      </c>
      <c r="F122" s="9" t="s">
        <v>282</v>
      </c>
      <c r="G122" s="9" t="s">
        <v>276</v>
      </c>
      <c r="H122" s="6">
        <v>58475</v>
      </c>
      <c r="I122" s="6">
        <v>50577</v>
      </c>
      <c r="J122" s="6">
        <v>48809</v>
      </c>
      <c r="K122" s="6">
        <v>7840</v>
      </c>
      <c r="L122" s="6">
        <v>58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0</v>
      </c>
      <c r="E123" s="9" t="s">
        <v>227</v>
      </c>
      <c r="F123" s="9" t="s">
        <v>282</v>
      </c>
      <c r="G123" s="9" t="s">
        <v>277</v>
      </c>
      <c r="H123" s="6">
        <v>66985</v>
      </c>
      <c r="I123" s="6">
        <v>58678</v>
      </c>
      <c r="J123" s="6">
        <v>56753</v>
      </c>
      <c r="K123" s="6">
        <v>8241</v>
      </c>
      <c r="L123" s="6">
        <v>66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0</v>
      </c>
      <c r="E124" s="9" t="s">
        <v>227</v>
      </c>
      <c r="F124" s="9" t="s">
        <v>282</v>
      </c>
      <c r="G124" s="9" t="s">
        <v>278</v>
      </c>
      <c r="H124" s="6">
        <v>64046</v>
      </c>
      <c r="I124" s="6">
        <v>55758</v>
      </c>
      <c r="J124" s="6">
        <v>53992</v>
      </c>
      <c r="K124" s="6">
        <v>8235</v>
      </c>
      <c r="L124" s="6">
        <v>53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0</v>
      </c>
      <c r="E125" s="9" t="s">
        <v>227</v>
      </c>
      <c r="F125" s="9" t="s">
        <v>282</v>
      </c>
      <c r="G125" s="9" t="s">
        <v>279</v>
      </c>
      <c r="H125" s="6">
        <v>35447</v>
      </c>
      <c r="I125" s="6">
        <v>30274</v>
      </c>
      <c r="J125" s="6">
        <v>29307</v>
      </c>
      <c r="K125" s="6">
        <v>5134</v>
      </c>
      <c r="L125" s="6">
        <v>39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0</v>
      </c>
      <c r="E126" s="9" t="s">
        <v>227</v>
      </c>
      <c r="F126" s="9" t="s">
        <v>282</v>
      </c>
      <c r="G126" s="9" t="s">
        <v>280</v>
      </c>
      <c r="H126" s="6">
        <v>112058</v>
      </c>
      <c r="I126" s="6">
        <v>86731</v>
      </c>
      <c r="J126" s="6">
        <v>83095</v>
      </c>
      <c r="K126" s="6">
        <v>25203</v>
      </c>
      <c r="L126" s="6">
        <v>12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0</v>
      </c>
      <c r="E127" s="9" t="s">
        <v>227</v>
      </c>
      <c r="F127" s="9" t="s">
        <v>283</v>
      </c>
      <c r="G127" s="9" t="s">
        <v>6</v>
      </c>
      <c r="H127" s="6">
        <v>187955</v>
      </c>
      <c r="I127" s="6">
        <v>154347</v>
      </c>
      <c r="J127" s="6">
        <v>148008</v>
      </c>
      <c r="K127" s="6">
        <v>33336</v>
      </c>
      <c r="L127" s="6">
        <v>272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0</v>
      </c>
      <c r="E128" s="9" t="s">
        <v>227</v>
      </c>
      <c r="F128" s="9" t="s">
        <v>283</v>
      </c>
      <c r="G128" s="9" t="s">
        <v>272</v>
      </c>
      <c r="H128" s="6">
        <v>9828</v>
      </c>
      <c r="I128" s="6">
        <v>5315</v>
      </c>
      <c r="J128" s="6">
        <v>4966</v>
      </c>
      <c r="K128" s="6">
        <v>4485</v>
      </c>
      <c r="L128" s="6">
        <v>28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0</v>
      </c>
      <c r="E129" s="9" t="s">
        <v>227</v>
      </c>
      <c r="F129" s="9" t="s">
        <v>283</v>
      </c>
      <c r="G129" s="9" t="s">
        <v>273</v>
      </c>
      <c r="H129" s="6">
        <v>20344</v>
      </c>
      <c r="I129" s="6">
        <v>14420</v>
      </c>
      <c r="J129" s="6">
        <v>13683</v>
      </c>
      <c r="K129" s="6">
        <v>5890</v>
      </c>
      <c r="L129" s="6">
        <v>34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0</v>
      </c>
      <c r="E130" s="9" t="s">
        <v>227</v>
      </c>
      <c r="F130" s="9" t="s">
        <v>283</v>
      </c>
      <c r="G130" s="9" t="s">
        <v>274</v>
      </c>
      <c r="H130" s="6">
        <v>31110</v>
      </c>
      <c r="I130" s="6">
        <v>25511</v>
      </c>
      <c r="J130" s="6">
        <v>24354</v>
      </c>
      <c r="K130" s="6">
        <v>5556</v>
      </c>
      <c r="L130" s="6">
        <v>43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0</v>
      </c>
      <c r="E131" s="9" t="s">
        <v>227</v>
      </c>
      <c r="F131" s="9" t="s">
        <v>283</v>
      </c>
      <c r="G131" s="9" t="s">
        <v>275</v>
      </c>
      <c r="H131" s="6">
        <v>31948</v>
      </c>
      <c r="I131" s="6">
        <v>27729</v>
      </c>
      <c r="J131" s="6">
        <v>26673</v>
      </c>
      <c r="K131" s="6">
        <v>4179</v>
      </c>
      <c r="L131" s="6">
        <v>40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0</v>
      </c>
      <c r="E132" s="9" t="s">
        <v>227</v>
      </c>
      <c r="F132" s="9" t="s">
        <v>283</v>
      </c>
      <c r="G132" s="9" t="s">
        <v>276</v>
      </c>
      <c r="H132" s="6">
        <v>30909</v>
      </c>
      <c r="I132" s="6">
        <v>27383</v>
      </c>
      <c r="J132" s="6">
        <v>26390</v>
      </c>
      <c r="K132" s="6">
        <v>3487</v>
      </c>
      <c r="L132" s="6">
        <v>39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0</v>
      </c>
      <c r="E133" s="9" t="s">
        <v>227</v>
      </c>
      <c r="F133" s="9" t="s">
        <v>283</v>
      </c>
      <c r="G133" s="9" t="s">
        <v>277</v>
      </c>
      <c r="H133" s="6">
        <v>24954</v>
      </c>
      <c r="I133" s="6">
        <v>21981</v>
      </c>
      <c r="J133" s="6">
        <v>21227</v>
      </c>
      <c r="K133" s="6">
        <v>2936</v>
      </c>
      <c r="L133" s="6">
        <v>37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0</v>
      </c>
      <c r="E134" s="9" t="s">
        <v>227</v>
      </c>
      <c r="F134" s="9" t="s">
        <v>283</v>
      </c>
      <c r="G134" s="9" t="s">
        <v>278</v>
      </c>
      <c r="H134" s="6">
        <v>16388</v>
      </c>
      <c r="I134" s="6">
        <v>14157</v>
      </c>
      <c r="J134" s="6">
        <v>13642</v>
      </c>
      <c r="K134" s="6">
        <v>2212</v>
      </c>
      <c r="L134" s="6">
        <v>19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0</v>
      </c>
      <c r="E135" s="9" t="s">
        <v>227</v>
      </c>
      <c r="F135" s="9" t="s">
        <v>283</v>
      </c>
      <c r="G135" s="9" t="s">
        <v>279</v>
      </c>
      <c r="H135" s="6">
        <v>7699</v>
      </c>
      <c r="I135" s="6">
        <v>6467</v>
      </c>
      <c r="J135" s="6">
        <v>6225</v>
      </c>
      <c r="K135" s="6">
        <v>1221</v>
      </c>
      <c r="L135" s="6">
        <v>11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0</v>
      </c>
      <c r="E136" s="9" t="s">
        <v>227</v>
      </c>
      <c r="F136" s="9" t="s">
        <v>283</v>
      </c>
      <c r="G136" s="9" t="s">
        <v>280</v>
      </c>
      <c r="H136" s="6">
        <v>14775</v>
      </c>
      <c r="I136" s="6">
        <v>11384</v>
      </c>
      <c r="J136" s="6">
        <v>10848</v>
      </c>
      <c r="K136" s="6">
        <v>3370</v>
      </c>
      <c r="L136" s="6">
        <v>21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0</v>
      </c>
      <c r="E137" s="9" t="s">
        <v>228</v>
      </c>
      <c r="F137" s="9" t="s">
        <v>6</v>
      </c>
      <c r="G137" s="9" t="s">
        <v>6</v>
      </c>
      <c r="H137" s="6">
        <v>235510</v>
      </c>
      <c r="I137" s="6">
        <v>92398</v>
      </c>
      <c r="J137" s="6">
        <v>85545</v>
      </c>
      <c r="K137" s="6">
        <v>142777</v>
      </c>
      <c r="L137" s="6">
        <v>335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0</v>
      </c>
      <c r="E138" s="9" t="s">
        <v>228</v>
      </c>
      <c r="F138" s="9" t="s">
        <v>234</v>
      </c>
      <c r="G138" s="9" t="s">
        <v>6</v>
      </c>
      <c r="H138" s="6">
        <v>139566</v>
      </c>
      <c r="I138" s="6">
        <v>48239</v>
      </c>
      <c r="J138" s="6">
        <v>44489</v>
      </c>
      <c r="K138" s="6">
        <v>91185</v>
      </c>
      <c r="L138" s="6">
        <v>142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0</v>
      </c>
      <c r="E139" s="9" t="s">
        <v>228</v>
      </c>
      <c r="F139" s="9" t="s">
        <v>235</v>
      </c>
      <c r="G139" s="9" t="s">
        <v>6</v>
      </c>
      <c r="H139" s="6">
        <v>95944</v>
      </c>
      <c r="I139" s="6">
        <v>44159</v>
      </c>
      <c r="J139" s="6">
        <v>41056</v>
      </c>
      <c r="K139" s="6">
        <v>51592</v>
      </c>
      <c r="L139" s="6">
        <v>193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0</v>
      </c>
      <c r="E140" s="9" t="s">
        <v>228</v>
      </c>
      <c r="F140" s="9" t="s">
        <v>235</v>
      </c>
      <c r="G140" s="9" t="s">
        <v>272</v>
      </c>
      <c r="H140" s="6">
        <v>1211</v>
      </c>
      <c r="I140" s="6">
        <v>370</v>
      </c>
      <c r="J140" s="6">
        <v>340</v>
      </c>
      <c r="K140" s="6">
        <v>826</v>
      </c>
      <c r="L140" s="6">
        <v>15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0</v>
      </c>
      <c r="E141" s="9" t="s">
        <v>228</v>
      </c>
      <c r="F141" s="9" t="s">
        <v>235</v>
      </c>
      <c r="G141" s="9" t="s">
        <v>273</v>
      </c>
      <c r="H141" s="6">
        <v>1706</v>
      </c>
      <c r="I141" s="6">
        <v>795</v>
      </c>
      <c r="J141" s="6">
        <v>724</v>
      </c>
      <c r="K141" s="6">
        <v>901</v>
      </c>
      <c r="L141" s="6">
        <v>10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0</v>
      </c>
      <c r="E142" s="9" t="s">
        <v>228</v>
      </c>
      <c r="F142" s="9" t="s">
        <v>235</v>
      </c>
      <c r="G142" s="9" t="s">
        <v>274</v>
      </c>
      <c r="H142" s="6">
        <v>1951</v>
      </c>
      <c r="I142" s="6">
        <v>1159</v>
      </c>
      <c r="J142" s="6">
        <v>1053</v>
      </c>
      <c r="K142" s="6">
        <v>778</v>
      </c>
      <c r="L142" s="6">
        <v>14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0</v>
      </c>
      <c r="E143" s="9" t="s">
        <v>228</v>
      </c>
      <c r="F143" s="9" t="s">
        <v>235</v>
      </c>
      <c r="G143" s="9" t="s">
        <v>275</v>
      </c>
      <c r="H143" s="6">
        <v>1924</v>
      </c>
      <c r="I143" s="6">
        <v>1238</v>
      </c>
      <c r="J143" s="6">
        <v>1158</v>
      </c>
      <c r="K143" s="6">
        <v>673</v>
      </c>
      <c r="L143" s="6">
        <v>13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0</v>
      </c>
      <c r="E144" s="9" t="s">
        <v>228</v>
      </c>
      <c r="F144" s="9" t="s">
        <v>235</v>
      </c>
      <c r="G144" s="9" t="s">
        <v>276</v>
      </c>
      <c r="H144" s="6">
        <v>2126</v>
      </c>
      <c r="I144" s="6">
        <v>1494</v>
      </c>
      <c r="J144" s="6">
        <v>1394</v>
      </c>
      <c r="K144" s="6">
        <v>618</v>
      </c>
      <c r="L144" s="6">
        <v>14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0</v>
      </c>
      <c r="E145" s="9" t="s">
        <v>228</v>
      </c>
      <c r="F145" s="9" t="s">
        <v>235</v>
      </c>
      <c r="G145" s="9" t="s">
        <v>277</v>
      </c>
      <c r="H145" s="6">
        <v>2452</v>
      </c>
      <c r="I145" s="6">
        <v>1753</v>
      </c>
      <c r="J145" s="6">
        <v>1651</v>
      </c>
      <c r="K145" s="6">
        <v>688</v>
      </c>
      <c r="L145" s="6">
        <v>11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0</v>
      </c>
      <c r="E146" s="9" t="s">
        <v>228</v>
      </c>
      <c r="F146" s="9" t="s">
        <v>235</v>
      </c>
      <c r="G146" s="9" t="s">
        <v>278</v>
      </c>
      <c r="H146" s="6">
        <v>3154</v>
      </c>
      <c r="I146" s="6">
        <v>2222</v>
      </c>
      <c r="J146" s="6">
        <v>2102</v>
      </c>
      <c r="K146" s="6">
        <v>914</v>
      </c>
      <c r="L146" s="6">
        <v>18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0</v>
      </c>
      <c r="E147" s="9" t="s">
        <v>228</v>
      </c>
      <c r="F147" s="9" t="s">
        <v>235</v>
      </c>
      <c r="G147" s="9" t="s">
        <v>279</v>
      </c>
      <c r="H147" s="6">
        <v>2341</v>
      </c>
      <c r="I147" s="6">
        <v>1661</v>
      </c>
      <c r="J147" s="6">
        <v>1573</v>
      </c>
      <c r="K147" s="6">
        <v>672</v>
      </c>
      <c r="L147" s="6">
        <v>8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0</v>
      </c>
      <c r="E148" s="9" t="s">
        <v>228</v>
      </c>
      <c r="F148" s="9" t="s">
        <v>235</v>
      </c>
      <c r="G148" s="9" t="s">
        <v>280</v>
      </c>
      <c r="H148" s="6">
        <v>79079</v>
      </c>
      <c r="I148" s="6">
        <v>33467</v>
      </c>
      <c r="J148" s="6">
        <v>31061</v>
      </c>
      <c r="K148" s="6">
        <v>45522</v>
      </c>
      <c r="L148" s="6">
        <v>90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0</v>
      </c>
      <c r="E149" s="9" t="s">
        <v>228</v>
      </c>
      <c r="F149" s="9" t="s">
        <v>281</v>
      </c>
      <c r="G149" s="9" t="s">
        <v>6</v>
      </c>
      <c r="H149" s="6">
        <v>68702</v>
      </c>
      <c r="I149" s="6">
        <v>29454</v>
      </c>
      <c r="J149" s="6">
        <v>27326</v>
      </c>
      <c r="K149" s="6">
        <v>39152</v>
      </c>
      <c r="L149" s="6">
        <v>96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0</v>
      </c>
      <c r="E150" s="9" t="s">
        <v>228</v>
      </c>
      <c r="F150" s="9" t="s">
        <v>281</v>
      </c>
      <c r="G150" s="9" t="s">
        <v>272</v>
      </c>
      <c r="H150" s="6">
        <v>676</v>
      </c>
      <c r="I150" s="6">
        <v>197</v>
      </c>
      <c r="J150" s="6">
        <v>181</v>
      </c>
      <c r="K150" s="6">
        <v>468</v>
      </c>
      <c r="L150" s="6">
        <v>11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0</v>
      </c>
      <c r="E151" s="9" t="s">
        <v>228</v>
      </c>
      <c r="F151" s="9" t="s">
        <v>281</v>
      </c>
      <c r="G151" s="9" t="s">
        <v>273</v>
      </c>
      <c r="H151" s="6">
        <v>822</v>
      </c>
      <c r="I151" s="6">
        <v>373</v>
      </c>
      <c r="J151" s="6">
        <v>343</v>
      </c>
      <c r="K151" s="6">
        <v>445</v>
      </c>
      <c r="L151" s="6">
        <v>4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0</v>
      </c>
      <c r="E152" s="9" t="s">
        <v>228</v>
      </c>
      <c r="F152" s="9" t="s">
        <v>281</v>
      </c>
      <c r="G152" s="9" t="s">
        <v>274</v>
      </c>
      <c r="H152" s="6">
        <v>774</v>
      </c>
      <c r="I152" s="6">
        <v>451</v>
      </c>
      <c r="J152" s="6">
        <v>406</v>
      </c>
      <c r="K152" s="6">
        <v>320</v>
      </c>
      <c r="L152" s="6">
        <v>3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0</v>
      </c>
      <c r="E153" s="9" t="s">
        <v>228</v>
      </c>
      <c r="F153" s="9" t="s">
        <v>281</v>
      </c>
      <c r="G153" s="9" t="s">
        <v>275</v>
      </c>
      <c r="H153" s="6">
        <v>697</v>
      </c>
      <c r="I153" s="6">
        <v>441</v>
      </c>
      <c r="J153" s="6">
        <v>404</v>
      </c>
      <c r="K153" s="6">
        <v>251</v>
      </c>
      <c r="L153" s="6">
        <v>5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0</v>
      </c>
      <c r="E154" s="9" t="s">
        <v>228</v>
      </c>
      <c r="F154" s="9" t="s">
        <v>281</v>
      </c>
      <c r="G154" s="9" t="s">
        <v>276</v>
      </c>
      <c r="H154" s="6">
        <v>756</v>
      </c>
      <c r="I154" s="6">
        <v>517</v>
      </c>
      <c r="J154" s="6">
        <v>482</v>
      </c>
      <c r="K154" s="6">
        <v>234</v>
      </c>
      <c r="L154" s="6">
        <v>5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0</v>
      </c>
      <c r="E155" s="9" t="s">
        <v>228</v>
      </c>
      <c r="F155" s="9" t="s">
        <v>281</v>
      </c>
      <c r="G155" s="9" t="s">
        <v>277</v>
      </c>
      <c r="H155" s="6">
        <v>933</v>
      </c>
      <c r="I155" s="6">
        <v>641</v>
      </c>
      <c r="J155" s="6">
        <v>597</v>
      </c>
      <c r="K155" s="6">
        <v>289</v>
      </c>
      <c r="L155" s="6">
        <v>3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0</v>
      </c>
      <c r="E156" s="9" t="s">
        <v>228</v>
      </c>
      <c r="F156" s="9" t="s">
        <v>281</v>
      </c>
      <c r="G156" s="9" t="s">
        <v>278</v>
      </c>
      <c r="H156" s="6">
        <v>1458</v>
      </c>
      <c r="I156" s="6">
        <v>1011</v>
      </c>
      <c r="J156" s="6">
        <v>948</v>
      </c>
      <c r="K156" s="6">
        <v>441</v>
      </c>
      <c r="L156" s="6">
        <v>6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0</v>
      </c>
      <c r="E157" s="9" t="s">
        <v>228</v>
      </c>
      <c r="F157" s="9" t="s">
        <v>281</v>
      </c>
      <c r="G157" s="9" t="s">
        <v>279</v>
      </c>
      <c r="H157" s="6">
        <v>1213</v>
      </c>
      <c r="I157" s="6">
        <v>828</v>
      </c>
      <c r="J157" s="6">
        <v>782</v>
      </c>
      <c r="K157" s="6">
        <v>381</v>
      </c>
      <c r="L157" s="6">
        <v>4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0</v>
      </c>
      <c r="E158" s="9" t="s">
        <v>228</v>
      </c>
      <c r="F158" s="9" t="s">
        <v>281</v>
      </c>
      <c r="G158" s="9" t="s">
        <v>280</v>
      </c>
      <c r="H158" s="6">
        <v>61373</v>
      </c>
      <c r="I158" s="6">
        <v>24995</v>
      </c>
      <c r="J158" s="6">
        <v>23183</v>
      </c>
      <c r="K158" s="6">
        <v>36323</v>
      </c>
      <c r="L158" s="6">
        <v>55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0</v>
      </c>
      <c r="E159" s="9" t="s">
        <v>228</v>
      </c>
      <c r="F159" s="9" t="s">
        <v>282</v>
      </c>
      <c r="G159" s="9" t="s">
        <v>6</v>
      </c>
      <c r="H159" s="6">
        <v>22392</v>
      </c>
      <c r="I159" s="6">
        <v>11860</v>
      </c>
      <c r="J159" s="6">
        <v>11076</v>
      </c>
      <c r="K159" s="6">
        <v>10471</v>
      </c>
      <c r="L159" s="6">
        <v>61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0</v>
      </c>
      <c r="E160" s="9" t="s">
        <v>228</v>
      </c>
      <c r="F160" s="9" t="s">
        <v>282</v>
      </c>
      <c r="G160" s="9" t="s">
        <v>272</v>
      </c>
      <c r="H160" s="6">
        <v>344</v>
      </c>
      <c r="I160" s="6">
        <v>111</v>
      </c>
      <c r="J160" s="6">
        <v>101</v>
      </c>
      <c r="K160" s="6">
        <v>231</v>
      </c>
      <c r="L160" s="6">
        <v>2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0</v>
      </c>
      <c r="E161" s="9" t="s">
        <v>228</v>
      </c>
      <c r="F161" s="9" t="s">
        <v>282</v>
      </c>
      <c r="G161" s="9" t="s">
        <v>273</v>
      </c>
      <c r="H161" s="6">
        <v>557</v>
      </c>
      <c r="I161" s="6">
        <v>263</v>
      </c>
      <c r="J161" s="6">
        <v>238</v>
      </c>
      <c r="K161" s="6">
        <v>290</v>
      </c>
      <c r="L161" s="6">
        <v>4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0</v>
      </c>
      <c r="E162" s="9" t="s">
        <v>228</v>
      </c>
      <c r="F162" s="9" t="s">
        <v>282</v>
      </c>
      <c r="G162" s="9" t="s">
        <v>274</v>
      </c>
      <c r="H162" s="6">
        <v>720</v>
      </c>
      <c r="I162" s="6">
        <v>436</v>
      </c>
      <c r="J162" s="6">
        <v>404</v>
      </c>
      <c r="K162" s="6">
        <v>280</v>
      </c>
      <c r="L162" s="6">
        <v>4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0</v>
      </c>
      <c r="E163" s="9" t="s">
        <v>228</v>
      </c>
      <c r="F163" s="9" t="s">
        <v>282</v>
      </c>
      <c r="G163" s="9" t="s">
        <v>275</v>
      </c>
      <c r="H163" s="6">
        <v>736</v>
      </c>
      <c r="I163" s="6">
        <v>499</v>
      </c>
      <c r="J163" s="6">
        <v>472</v>
      </c>
      <c r="K163" s="6">
        <v>233</v>
      </c>
      <c r="L163" s="6">
        <v>4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0</v>
      </c>
      <c r="E164" s="9" t="s">
        <v>228</v>
      </c>
      <c r="F164" s="9" t="s">
        <v>282</v>
      </c>
      <c r="G164" s="9" t="s">
        <v>276</v>
      </c>
      <c r="H164" s="6">
        <v>904</v>
      </c>
      <c r="I164" s="6">
        <v>653</v>
      </c>
      <c r="J164" s="6">
        <v>609</v>
      </c>
      <c r="K164" s="6">
        <v>247</v>
      </c>
      <c r="L164" s="6">
        <v>4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0</v>
      </c>
      <c r="E165" s="9" t="s">
        <v>228</v>
      </c>
      <c r="F165" s="9" t="s">
        <v>282</v>
      </c>
      <c r="G165" s="9" t="s">
        <v>277</v>
      </c>
      <c r="H165" s="6">
        <v>1110</v>
      </c>
      <c r="I165" s="6">
        <v>803</v>
      </c>
      <c r="J165" s="6">
        <v>764</v>
      </c>
      <c r="K165" s="6">
        <v>303</v>
      </c>
      <c r="L165" s="6">
        <v>4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0</v>
      </c>
      <c r="E166" s="9" t="s">
        <v>228</v>
      </c>
      <c r="F166" s="9" t="s">
        <v>282</v>
      </c>
      <c r="G166" s="9" t="s">
        <v>278</v>
      </c>
      <c r="H166" s="6">
        <v>1322</v>
      </c>
      <c r="I166" s="6">
        <v>942</v>
      </c>
      <c r="J166" s="6">
        <v>897</v>
      </c>
      <c r="K166" s="6">
        <v>374</v>
      </c>
      <c r="L166" s="6">
        <v>6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0</v>
      </c>
      <c r="E167" s="9" t="s">
        <v>228</v>
      </c>
      <c r="F167" s="9" t="s">
        <v>282</v>
      </c>
      <c r="G167" s="9" t="s">
        <v>279</v>
      </c>
      <c r="H167" s="6">
        <v>902</v>
      </c>
      <c r="I167" s="6">
        <v>661</v>
      </c>
      <c r="J167" s="6">
        <v>626</v>
      </c>
      <c r="K167" s="6">
        <v>238</v>
      </c>
      <c r="L167" s="6">
        <v>3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0</v>
      </c>
      <c r="E168" s="9" t="s">
        <v>228</v>
      </c>
      <c r="F168" s="9" t="s">
        <v>282</v>
      </c>
      <c r="G168" s="9" t="s">
        <v>280</v>
      </c>
      <c r="H168" s="6">
        <v>15797</v>
      </c>
      <c r="I168" s="6">
        <v>7492</v>
      </c>
      <c r="J168" s="6">
        <v>6965</v>
      </c>
      <c r="K168" s="6">
        <v>8275</v>
      </c>
      <c r="L168" s="6">
        <v>30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0</v>
      </c>
      <c r="E169" s="9" t="s">
        <v>228</v>
      </c>
      <c r="F169" s="9" t="s">
        <v>283</v>
      </c>
      <c r="G169" s="9" t="s">
        <v>6</v>
      </c>
      <c r="H169" s="6">
        <v>4850</v>
      </c>
      <c r="I169" s="6">
        <v>2845</v>
      </c>
      <c r="J169" s="6">
        <v>2654</v>
      </c>
      <c r="K169" s="6">
        <v>1969</v>
      </c>
      <c r="L169" s="6">
        <v>36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0</v>
      </c>
      <c r="E170" s="9" t="s">
        <v>228</v>
      </c>
      <c r="F170" s="9" t="s">
        <v>283</v>
      </c>
      <c r="G170" s="9" t="s">
        <v>272</v>
      </c>
      <c r="H170" s="6">
        <v>191</v>
      </c>
      <c r="I170" s="6">
        <v>62</v>
      </c>
      <c r="J170" s="6">
        <v>58</v>
      </c>
      <c r="K170" s="6">
        <v>127</v>
      </c>
      <c r="L170" s="6">
        <v>2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0</v>
      </c>
      <c r="E171" s="9" t="s">
        <v>228</v>
      </c>
      <c r="F171" s="9" t="s">
        <v>283</v>
      </c>
      <c r="G171" s="9" t="s">
        <v>273</v>
      </c>
      <c r="H171" s="6">
        <v>327</v>
      </c>
      <c r="I171" s="6">
        <v>159</v>
      </c>
      <c r="J171" s="6">
        <v>143</v>
      </c>
      <c r="K171" s="6">
        <v>166</v>
      </c>
      <c r="L171" s="6">
        <v>2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0</v>
      </c>
      <c r="E172" s="9" t="s">
        <v>228</v>
      </c>
      <c r="F172" s="9" t="s">
        <v>283</v>
      </c>
      <c r="G172" s="9" t="s">
        <v>274</v>
      </c>
      <c r="H172" s="6">
        <v>457</v>
      </c>
      <c r="I172" s="6">
        <v>272</v>
      </c>
      <c r="J172" s="6">
        <v>243</v>
      </c>
      <c r="K172" s="6">
        <v>178</v>
      </c>
      <c r="L172" s="6">
        <v>7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0</v>
      </c>
      <c r="E173" s="9" t="s">
        <v>228</v>
      </c>
      <c r="F173" s="9" t="s">
        <v>283</v>
      </c>
      <c r="G173" s="9" t="s">
        <v>275</v>
      </c>
      <c r="H173" s="6">
        <v>491</v>
      </c>
      <c r="I173" s="6">
        <v>298</v>
      </c>
      <c r="J173" s="6">
        <v>282</v>
      </c>
      <c r="K173" s="6">
        <v>189</v>
      </c>
      <c r="L173" s="6">
        <v>4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0</v>
      </c>
      <c r="E174" s="9" t="s">
        <v>228</v>
      </c>
      <c r="F174" s="9" t="s">
        <v>283</v>
      </c>
      <c r="G174" s="9" t="s">
        <v>276</v>
      </c>
      <c r="H174" s="6">
        <v>466</v>
      </c>
      <c r="I174" s="6">
        <v>324</v>
      </c>
      <c r="J174" s="6">
        <v>303</v>
      </c>
      <c r="K174" s="6">
        <v>137</v>
      </c>
      <c r="L174" s="6">
        <v>5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0</v>
      </c>
      <c r="E175" s="9" t="s">
        <v>228</v>
      </c>
      <c r="F175" s="9" t="s">
        <v>283</v>
      </c>
      <c r="G175" s="9" t="s">
        <v>277</v>
      </c>
      <c r="H175" s="6">
        <v>409</v>
      </c>
      <c r="I175" s="6">
        <v>309</v>
      </c>
      <c r="J175" s="6">
        <v>290</v>
      </c>
      <c r="K175" s="6">
        <v>96</v>
      </c>
      <c r="L175" s="6">
        <v>4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0</v>
      </c>
      <c r="E176" s="9" t="s">
        <v>228</v>
      </c>
      <c r="F176" s="9" t="s">
        <v>283</v>
      </c>
      <c r="G176" s="9" t="s">
        <v>278</v>
      </c>
      <c r="H176" s="6">
        <v>374</v>
      </c>
      <c r="I176" s="6">
        <v>269</v>
      </c>
      <c r="J176" s="6">
        <v>257</v>
      </c>
      <c r="K176" s="6">
        <v>99</v>
      </c>
      <c r="L176" s="6">
        <v>6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0</v>
      </c>
      <c r="E177" s="9" t="s">
        <v>228</v>
      </c>
      <c r="F177" s="9" t="s">
        <v>283</v>
      </c>
      <c r="G177" s="9" t="s">
        <v>279</v>
      </c>
      <c r="H177" s="6">
        <v>226</v>
      </c>
      <c r="I177" s="6">
        <v>172</v>
      </c>
      <c r="J177" s="6">
        <v>165</v>
      </c>
      <c r="K177" s="6">
        <v>53</v>
      </c>
      <c r="L177" s="6">
        <v>1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0</v>
      </c>
      <c r="E178" s="9" t="s">
        <v>228</v>
      </c>
      <c r="F178" s="9" t="s">
        <v>283</v>
      </c>
      <c r="G178" s="9" t="s">
        <v>280</v>
      </c>
      <c r="H178" s="6">
        <v>1909</v>
      </c>
      <c r="I178" s="6">
        <v>980</v>
      </c>
      <c r="J178" s="6">
        <v>913</v>
      </c>
      <c r="K178" s="6">
        <v>924</v>
      </c>
      <c r="L178" s="6">
        <v>5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0</v>
      </c>
      <c r="E179" s="9" t="s">
        <v>18</v>
      </c>
      <c r="F179" s="9" t="s">
        <v>6</v>
      </c>
      <c r="G179" s="9" t="s">
        <v>6</v>
      </c>
      <c r="H179" s="6">
        <v>85569</v>
      </c>
      <c r="I179" s="6">
        <v>1767</v>
      </c>
      <c r="J179" s="6">
        <v>1405</v>
      </c>
      <c r="K179" s="6">
        <v>766</v>
      </c>
      <c r="L179" s="6">
        <v>83036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0</v>
      </c>
      <c r="E180" s="9" t="s">
        <v>18</v>
      </c>
      <c r="F180" s="9" t="s">
        <v>234</v>
      </c>
      <c r="G180" s="9" t="s">
        <v>6</v>
      </c>
      <c r="H180" s="6">
        <v>24097</v>
      </c>
      <c r="I180" s="6">
        <v>690</v>
      </c>
      <c r="J180" s="6">
        <v>545</v>
      </c>
      <c r="K180" s="6">
        <v>279</v>
      </c>
      <c r="L180" s="6">
        <v>23128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0</v>
      </c>
      <c r="E181" s="9" t="s">
        <v>18</v>
      </c>
      <c r="F181" s="9" t="s">
        <v>235</v>
      </c>
      <c r="G181" s="9" t="s">
        <v>6</v>
      </c>
      <c r="H181" s="6">
        <v>61472</v>
      </c>
      <c r="I181" s="6">
        <v>1077</v>
      </c>
      <c r="J181" s="6">
        <v>860</v>
      </c>
      <c r="K181" s="6">
        <v>487</v>
      </c>
      <c r="L181" s="6">
        <v>59908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0</v>
      </c>
      <c r="E182" s="9" t="s">
        <v>18</v>
      </c>
      <c r="F182" s="9" t="s">
        <v>235</v>
      </c>
      <c r="G182" s="9" t="s">
        <v>272</v>
      </c>
      <c r="H182" s="6">
        <v>3397</v>
      </c>
      <c r="I182" s="6">
        <v>33</v>
      </c>
      <c r="J182" s="6">
        <v>23</v>
      </c>
      <c r="K182" s="6">
        <v>30</v>
      </c>
      <c r="L182" s="6">
        <v>3334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0</v>
      </c>
      <c r="E183" s="9" t="s">
        <v>18</v>
      </c>
      <c r="F183" s="9" t="s">
        <v>235</v>
      </c>
      <c r="G183" s="9" t="s">
        <v>273</v>
      </c>
      <c r="H183" s="6">
        <v>6259</v>
      </c>
      <c r="I183" s="6">
        <v>44</v>
      </c>
      <c r="J183" s="6">
        <v>33</v>
      </c>
      <c r="K183" s="6">
        <v>55</v>
      </c>
      <c r="L183" s="6">
        <v>6160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0</v>
      </c>
      <c r="E184" s="9" t="s">
        <v>18</v>
      </c>
      <c r="F184" s="9" t="s">
        <v>235</v>
      </c>
      <c r="G184" s="9" t="s">
        <v>274</v>
      </c>
      <c r="H184" s="6">
        <v>6860</v>
      </c>
      <c r="I184" s="6">
        <v>81</v>
      </c>
      <c r="J184" s="6">
        <v>58</v>
      </c>
      <c r="K184" s="6">
        <v>49</v>
      </c>
      <c r="L184" s="6">
        <v>6730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0</v>
      </c>
      <c r="E185" s="9" t="s">
        <v>18</v>
      </c>
      <c r="F185" s="9" t="s">
        <v>235</v>
      </c>
      <c r="G185" s="9" t="s">
        <v>275</v>
      </c>
      <c r="H185" s="6">
        <v>6081</v>
      </c>
      <c r="I185" s="6">
        <v>63</v>
      </c>
      <c r="J185" s="6">
        <v>48</v>
      </c>
      <c r="K185" s="6">
        <v>29</v>
      </c>
      <c r="L185" s="6">
        <v>5989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0</v>
      </c>
      <c r="E186" s="9" t="s">
        <v>18</v>
      </c>
      <c r="F186" s="9" t="s">
        <v>235</v>
      </c>
      <c r="G186" s="9" t="s">
        <v>276</v>
      </c>
      <c r="H186" s="6">
        <v>6173</v>
      </c>
      <c r="I186" s="6">
        <v>63</v>
      </c>
      <c r="J186" s="6">
        <v>49</v>
      </c>
      <c r="K186" s="6">
        <v>29</v>
      </c>
      <c r="L186" s="6">
        <v>6081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0</v>
      </c>
      <c r="E187" s="9" t="s">
        <v>18</v>
      </c>
      <c r="F187" s="9" t="s">
        <v>235</v>
      </c>
      <c r="G187" s="9" t="s">
        <v>277</v>
      </c>
      <c r="H187" s="6">
        <v>6010</v>
      </c>
      <c r="I187" s="6">
        <v>90</v>
      </c>
      <c r="J187" s="6">
        <v>74</v>
      </c>
      <c r="K187" s="6">
        <v>25</v>
      </c>
      <c r="L187" s="6">
        <v>5895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0</v>
      </c>
      <c r="E188" s="9" t="s">
        <v>18</v>
      </c>
      <c r="F188" s="9" t="s">
        <v>235</v>
      </c>
      <c r="G188" s="9" t="s">
        <v>278</v>
      </c>
      <c r="H188" s="6">
        <v>5919</v>
      </c>
      <c r="I188" s="6">
        <v>117</v>
      </c>
      <c r="J188" s="6">
        <v>95</v>
      </c>
      <c r="K188" s="6">
        <v>29</v>
      </c>
      <c r="L188" s="6">
        <v>5773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0</v>
      </c>
      <c r="E189" s="9" t="s">
        <v>18</v>
      </c>
      <c r="F189" s="9" t="s">
        <v>235</v>
      </c>
      <c r="G189" s="9" t="s">
        <v>279</v>
      </c>
      <c r="H189" s="6">
        <v>3954</v>
      </c>
      <c r="I189" s="6">
        <v>69</v>
      </c>
      <c r="J189" s="6">
        <v>60</v>
      </c>
      <c r="K189" s="6">
        <v>19</v>
      </c>
      <c r="L189" s="6">
        <v>3866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0</v>
      </c>
      <c r="E190" s="9" t="s">
        <v>18</v>
      </c>
      <c r="F190" s="9" t="s">
        <v>235</v>
      </c>
      <c r="G190" s="9" t="s">
        <v>280</v>
      </c>
      <c r="H190" s="6">
        <v>16819</v>
      </c>
      <c r="I190" s="6">
        <v>517</v>
      </c>
      <c r="J190" s="6">
        <v>420</v>
      </c>
      <c r="K190" s="6">
        <v>222</v>
      </c>
      <c r="L190" s="6">
        <v>16080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0</v>
      </c>
      <c r="E191" s="9" t="s">
        <v>18</v>
      </c>
      <c r="F191" s="9" t="s">
        <v>281</v>
      </c>
      <c r="G191" s="9" t="s">
        <v>6</v>
      </c>
      <c r="H191" s="6">
        <v>24473</v>
      </c>
      <c r="I191" s="6">
        <v>472</v>
      </c>
      <c r="J191" s="6">
        <v>378</v>
      </c>
      <c r="K191" s="6">
        <v>247</v>
      </c>
      <c r="L191" s="6">
        <v>23754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0</v>
      </c>
      <c r="E192" s="9" t="s">
        <v>18</v>
      </c>
      <c r="F192" s="9" t="s">
        <v>281</v>
      </c>
      <c r="G192" s="9" t="s">
        <v>272</v>
      </c>
      <c r="H192" s="6">
        <v>1530</v>
      </c>
      <c r="I192" s="6">
        <v>17</v>
      </c>
      <c r="J192" s="6">
        <v>13</v>
      </c>
      <c r="K192" s="6">
        <v>13</v>
      </c>
      <c r="L192" s="6">
        <v>1500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0</v>
      </c>
      <c r="E193" s="9" t="s">
        <v>18</v>
      </c>
      <c r="F193" s="9" t="s">
        <v>281</v>
      </c>
      <c r="G193" s="9" t="s">
        <v>273</v>
      </c>
      <c r="H193" s="6">
        <v>2467</v>
      </c>
      <c r="I193" s="6">
        <v>16</v>
      </c>
      <c r="J193" s="6">
        <v>12</v>
      </c>
      <c r="K193" s="6">
        <v>26</v>
      </c>
      <c r="L193" s="6">
        <v>2425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0</v>
      </c>
      <c r="E194" s="9" t="s">
        <v>18</v>
      </c>
      <c r="F194" s="9" t="s">
        <v>281</v>
      </c>
      <c r="G194" s="9" t="s">
        <v>274</v>
      </c>
      <c r="H194" s="6">
        <v>2092</v>
      </c>
      <c r="I194" s="6">
        <v>27</v>
      </c>
      <c r="J194" s="6">
        <v>19</v>
      </c>
      <c r="K194" s="6">
        <v>17</v>
      </c>
      <c r="L194" s="6">
        <v>2048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0</v>
      </c>
      <c r="E195" s="9" t="s">
        <v>18</v>
      </c>
      <c r="F195" s="9" t="s">
        <v>281</v>
      </c>
      <c r="G195" s="9" t="s">
        <v>275</v>
      </c>
      <c r="H195" s="6">
        <v>1447</v>
      </c>
      <c r="I195" s="6">
        <v>11</v>
      </c>
      <c r="J195" s="6">
        <v>6</v>
      </c>
      <c r="K195" s="6">
        <v>7</v>
      </c>
      <c r="L195" s="6">
        <v>1429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0</v>
      </c>
      <c r="E196" s="9" t="s">
        <v>18</v>
      </c>
      <c r="F196" s="9" t="s">
        <v>281</v>
      </c>
      <c r="G196" s="9" t="s">
        <v>276</v>
      </c>
      <c r="H196" s="6">
        <v>1523</v>
      </c>
      <c r="I196" s="6">
        <v>17</v>
      </c>
      <c r="J196" s="6">
        <v>10</v>
      </c>
      <c r="K196" s="6">
        <v>7</v>
      </c>
      <c r="L196" s="6">
        <v>1499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0</v>
      </c>
      <c r="E197" s="9" t="s">
        <v>18</v>
      </c>
      <c r="F197" s="9" t="s">
        <v>281</v>
      </c>
      <c r="G197" s="9" t="s">
        <v>277</v>
      </c>
      <c r="H197" s="6">
        <v>1540</v>
      </c>
      <c r="I197" s="6">
        <v>25</v>
      </c>
      <c r="J197" s="6">
        <v>20</v>
      </c>
      <c r="K197" s="6">
        <v>10</v>
      </c>
      <c r="L197" s="6">
        <v>1505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0</v>
      </c>
      <c r="E198" s="9" t="s">
        <v>18</v>
      </c>
      <c r="F198" s="9" t="s">
        <v>281</v>
      </c>
      <c r="G198" s="9" t="s">
        <v>278</v>
      </c>
      <c r="H198" s="6">
        <v>1897</v>
      </c>
      <c r="I198" s="6">
        <v>37</v>
      </c>
      <c r="J198" s="6">
        <v>30</v>
      </c>
      <c r="K198" s="6">
        <v>7</v>
      </c>
      <c r="L198" s="6">
        <v>1853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0</v>
      </c>
      <c r="E199" s="9" t="s">
        <v>18</v>
      </c>
      <c r="F199" s="9" t="s">
        <v>281</v>
      </c>
      <c r="G199" s="9" t="s">
        <v>279</v>
      </c>
      <c r="H199" s="6">
        <v>1464</v>
      </c>
      <c r="I199" s="6">
        <v>15</v>
      </c>
      <c r="J199" s="6">
        <v>14</v>
      </c>
      <c r="K199" s="6">
        <v>5</v>
      </c>
      <c r="L199" s="6">
        <v>1444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0</v>
      </c>
      <c r="E200" s="9" t="s">
        <v>18</v>
      </c>
      <c r="F200" s="9" t="s">
        <v>281</v>
      </c>
      <c r="G200" s="9" t="s">
        <v>280</v>
      </c>
      <c r="H200" s="6">
        <v>10513</v>
      </c>
      <c r="I200" s="6">
        <v>307</v>
      </c>
      <c r="J200" s="6">
        <v>254</v>
      </c>
      <c r="K200" s="6">
        <v>155</v>
      </c>
      <c r="L200" s="6">
        <v>10051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0</v>
      </c>
      <c r="E201" s="9" t="s">
        <v>18</v>
      </c>
      <c r="F201" s="9" t="s">
        <v>282</v>
      </c>
      <c r="G201" s="9" t="s">
        <v>6</v>
      </c>
      <c r="H201" s="6">
        <v>24825</v>
      </c>
      <c r="I201" s="6">
        <v>459</v>
      </c>
      <c r="J201" s="6">
        <v>375</v>
      </c>
      <c r="K201" s="6">
        <v>170</v>
      </c>
      <c r="L201" s="6">
        <v>24196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0</v>
      </c>
      <c r="E202" s="9" t="s">
        <v>18</v>
      </c>
      <c r="F202" s="9" t="s">
        <v>282</v>
      </c>
      <c r="G202" s="9" t="s">
        <v>272</v>
      </c>
      <c r="H202" s="6">
        <v>1124</v>
      </c>
      <c r="I202" s="6">
        <v>8</v>
      </c>
      <c r="J202" s="6">
        <v>4</v>
      </c>
      <c r="K202" s="6">
        <v>11</v>
      </c>
      <c r="L202" s="6">
        <v>1105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0</v>
      </c>
      <c r="E203" s="9" t="s">
        <v>18</v>
      </c>
      <c r="F203" s="9" t="s">
        <v>282</v>
      </c>
      <c r="G203" s="9" t="s">
        <v>273</v>
      </c>
      <c r="H203" s="6">
        <v>2223</v>
      </c>
      <c r="I203" s="6">
        <v>17</v>
      </c>
      <c r="J203" s="6">
        <v>13</v>
      </c>
      <c r="K203" s="6">
        <v>23</v>
      </c>
      <c r="L203" s="6">
        <v>2183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0</v>
      </c>
      <c r="E204" s="9" t="s">
        <v>18</v>
      </c>
      <c r="F204" s="9" t="s">
        <v>282</v>
      </c>
      <c r="G204" s="9" t="s">
        <v>274</v>
      </c>
      <c r="H204" s="6">
        <v>2659</v>
      </c>
      <c r="I204" s="6">
        <v>30</v>
      </c>
      <c r="J204" s="6">
        <v>22</v>
      </c>
      <c r="K204" s="6">
        <v>17</v>
      </c>
      <c r="L204" s="6">
        <v>2612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0</v>
      </c>
      <c r="E205" s="9" t="s">
        <v>18</v>
      </c>
      <c r="F205" s="9" t="s">
        <v>282</v>
      </c>
      <c r="G205" s="9" t="s">
        <v>275</v>
      </c>
      <c r="H205" s="6">
        <v>2670</v>
      </c>
      <c r="I205" s="6">
        <v>30</v>
      </c>
      <c r="J205" s="6">
        <v>26</v>
      </c>
      <c r="K205" s="6">
        <v>9</v>
      </c>
      <c r="L205" s="6">
        <v>2631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0</v>
      </c>
      <c r="E206" s="9" t="s">
        <v>18</v>
      </c>
      <c r="F206" s="9" t="s">
        <v>282</v>
      </c>
      <c r="G206" s="9" t="s">
        <v>276</v>
      </c>
      <c r="H206" s="6">
        <v>2784</v>
      </c>
      <c r="I206" s="6">
        <v>40</v>
      </c>
      <c r="J206" s="6">
        <v>35</v>
      </c>
      <c r="K206" s="6">
        <v>15</v>
      </c>
      <c r="L206" s="6">
        <v>2729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0</v>
      </c>
      <c r="E207" s="9" t="s">
        <v>18</v>
      </c>
      <c r="F207" s="9" t="s">
        <v>282</v>
      </c>
      <c r="G207" s="9" t="s">
        <v>277</v>
      </c>
      <c r="H207" s="6">
        <v>3000</v>
      </c>
      <c r="I207" s="6">
        <v>40</v>
      </c>
      <c r="J207" s="6">
        <v>37</v>
      </c>
      <c r="K207" s="6">
        <v>10</v>
      </c>
      <c r="L207" s="6">
        <v>2950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0</v>
      </c>
      <c r="E208" s="9" t="s">
        <v>18</v>
      </c>
      <c r="F208" s="9" t="s">
        <v>282</v>
      </c>
      <c r="G208" s="9" t="s">
        <v>278</v>
      </c>
      <c r="H208" s="6">
        <v>2984</v>
      </c>
      <c r="I208" s="6">
        <v>63</v>
      </c>
      <c r="J208" s="6">
        <v>51</v>
      </c>
      <c r="K208" s="6">
        <v>16</v>
      </c>
      <c r="L208" s="6">
        <v>2905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0</v>
      </c>
      <c r="E209" s="9" t="s">
        <v>18</v>
      </c>
      <c r="F209" s="9" t="s">
        <v>282</v>
      </c>
      <c r="G209" s="9" t="s">
        <v>279</v>
      </c>
      <c r="H209" s="6">
        <v>1978</v>
      </c>
      <c r="I209" s="6">
        <v>42</v>
      </c>
      <c r="J209" s="6">
        <v>36</v>
      </c>
      <c r="K209" s="6">
        <v>10</v>
      </c>
      <c r="L209" s="6">
        <v>1926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0</v>
      </c>
      <c r="E210" s="9" t="s">
        <v>18</v>
      </c>
      <c r="F210" s="9" t="s">
        <v>282</v>
      </c>
      <c r="G210" s="9" t="s">
        <v>280</v>
      </c>
      <c r="H210" s="6">
        <v>5403</v>
      </c>
      <c r="I210" s="6">
        <v>189</v>
      </c>
      <c r="J210" s="6">
        <v>151</v>
      </c>
      <c r="K210" s="6">
        <v>59</v>
      </c>
      <c r="L210" s="6">
        <v>5155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0</v>
      </c>
      <c r="E211" s="9" t="s">
        <v>18</v>
      </c>
      <c r="F211" s="9" t="s">
        <v>283</v>
      </c>
      <c r="G211" s="9" t="s">
        <v>6</v>
      </c>
      <c r="H211" s="6">
        <v>12174</v>
      </c>
      <c r="I211" s="6">
        <v>146</v>
      </c>
      <c r="J211" s="6">
        <v>107</v>
      </c>
      <c r="K211" s="6">
        <v>70</v>
      </c>
      <c r="L211" s="6">
        <v>11958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0</v>
      </c>
      <c r="E212" s="9" t="s">
        <v>18</v>
      </c>
      <c r="F212" s="9" t="s">
        <v>283</v>
      </c>
      <c r="G212" s="9" t="s">
        <v>272</v>
      </c>
      <c r="H212" s="6">
        <v>743</v>
      </c>
      <c r="I212" s="6">
        <v>8</v>
      </c>
      <c r="J212" s="6">
        <v>6</v>
      </c>
      <c r="K212" s="6">
        <v>6</v>
      </c>
      <c r="L212" s="6">
        <v>729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0</v>
      </c>
      <c r="E213" s="9" t="s">
        <v>18</v>
      </c>
      <c r="F213" s="9" t="s">
        <v>283</v>
      </c>
      <c r="G213" s="9" t="s">
        <v>273</v>
      </c>
      <c r="H213" s="6">
        <v>1569</v>
      </c>
      <c r="I213" s="6">
        <v>11</v>
      </c>
      <c r="J213" s="6">
        <v>8</v>
      </c>
      <c r="K213" s="6">
        <v>6</v>
      </c>
      <c r="L213" s="6">
        <v>1552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0</v>
      </c>
      <c r="E214" s="9" t="s">
        <v>18</v>
      </c>
      <c r="F214" s="9" t="s">
        <v>283</v>
      </c>
      <c r="G214" s="9" t="s">
        <v>274</v>
      </c>
      <c r="H214" s="6">
        <v>2109</v>
      </c>
      <c r="I214" s="6">
        <v>24</v>
      </c>
      <c r="J214" s="6">
        <v>17</v>
      </c>
      <c r="K214" s="6">
        <v>15</v>
      </c>
      <c r="L214" s="6">
        <v>2070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0</v>
      </c>
      <c r="E215" s="9" t="s">
        <v>18</v>
      </c>
      <c r="F215" s="9" t="s">
        <v>283</v>
      </c>
      <c r="G215" s="9" t="s">
        <v>275</v>
      </c>
      <c r="H215" s="6">
        <v>1964</v>
      </c>
      <c r="I215" s="6">
        <v>22</v>
      </c>
      <c r="J215" s="6">
        <v>16</v>
      </c>
      <c r="K215" s="6">
        <v>13</v>
      </c>
      <c r="L215" s="6">
        <v>1929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0</v>
      </c>
      <c r="E216" s="9" t="s">
        <v>18</v>
      </c>
      <c r="F216" s="9" t="s">
        <v>283</v>
      </c>
      <c r="G216" s="9" t="s">
        <v>276</v>
      </c>
      <c r="H216" s="6">
        <v>1866</v>
      </c>
      <c r="I216" s="6">
        <v>6</v>
      </c>
      <c r="J216" s="6">
        <v>4</v>
      </c>
      <c r="K216" s="6">
        <v>7</v>
      </c>
      <c r="L216" s="6">
        <v>1853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0</v>
      </c>
      <c r="E217" s="9" t="s">
        <v>18</v>
      </c>
      <c r="F217" s="9" t="s">
        <v>283</v>
      </c>
      <c r="G217" s="9" t="s">
        <v>277</v>
      </c>
      <c r="H217" s="6">
        <v>1470</v>
      </c>
      <c r="I217" s="6">
        <v>25</v>
      </c>
      <c r="J217" s="6">
        <v>17</v>
      </c>
      <c r="K217" s="6">
        <v>5</v>
      </c>
      <c r="L217" s="6">
        <v>1440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0</v>
      </c>
      <c r="E218" s="9" t="s">
        <v>18</v>
      </c>
      <c r="F218" s="9" t="s">
        <v>283</v>
      </c>
      <c r="G218" s="9" t="s">
        <v>278</v>
      </c>
      <c r="H218" s="6">
        <v>1038</v>
      </c>
      <c r="I218" s="6">
        <v>17</v>
      </c>
      <c r="J218" s="6">
        <v>14</v>
      </c>
      <c r="K218" s="6">
        <v>6</v>
      </c>
      <c r="L218" s="6">
        <v>1015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0</v>
      </c>
      <c r="E219" s="9" t="s">
        <v>18</v>
      </c>
      <c r="F219" s="9" t="s">
        <v>283</v>
      </c>
      <c r="G219" s="9" t="s">
        <v>279</v>
      </c>
      <c r="H219" s="6">
        <v>512</v>
      </c>
      <c r="I219" s="6">
        <v>12</v>
      </c>
      <c r="J219" s="6">
        <v>10</v>
      </c>
      <c r="K219" s="6">
        <v>4</v>
      </c>
      <c r="L219" s="6">
        <v>496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0</v>
      </c>
      <c r="E220" s="9" t="s">
        <v>18</v>
      </c>
      <c r="F220" s="9" t="s">
        <v>283</v>
      </c>
      <c r="G220" s="9" t="s">
        <v>280</v>
      </c>
      <c r="H220" s="6">
        <v>903</v>
      </c>
      <c r="I220" s="6">
        <v>21</v>
      </c>
      <c r="J220" s="6">
        <v>15</v>
      </c>
      <c r="K220" s="6">
        <v>8</v>
      </c>
      <c r="L220" s="6">
        <v>874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0</v>
      </c>
      <c r="E221" s="9" t="s">
        <v>6</v>
      </c>
      <c r="F221" s="9" t="s">
        <v>6</v>
      </c>
      <c r="G221" s="9" t="s">
        <v>6</v>
      </c>
      <c r="H221" s="6">
        <v>46542</v>
      </c>
      <c r="I221" s="6">
        <v>35909</v>
      </c>
      <c r="J221" s="6">
        <v>27935</v>
      </c>
      <c r="K221" s="6">
        <v>9631</v>
      </c>
      <c r="L221" s="6">
        <v>1002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0</v>
      </c>
      <c r="E222" s="9" t="s">
        <v>6</v>
      </c>
      <c r="F222" s="9" t="s">
        <v>234</v>
      </c>
      <c r="G222" s="9" t="s">
        <v>6</v>
      </c>
      <c r="H222" s="6">
        <v>17092</v>
      </c>
      <c r="I222" s="6">
        <v>12089</v>
      </c>
      <c r="J222" s="6">
        <v>9106</v>
      </c>
      <c r="K222" s="6">
        <v>4757</v>
      </c>
      <c r="L222" s="6">
        <v>246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0</v>
      </c>
      <c r="E223" s="9" t="s">
        <v>6</v>
      </c>
      <c r="F223" s="9" t="s">
        <v>235</v>
      </c>
      <c r="G223" s="9" t="s">
        <v>6</v>
      </c>
      <c r="H223" s="6">
        <v>29450</v>
      </c>
      <c r="I223" s="6">
        <v>23820</v>
      </c>
      <c r="J223" s="6">
        <v>18829</v>
      </c>
      <c r="K223" s="6">
        <v>4874</v>
      </c>
      <c r="L223" s="6">
        <v>756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0</v>
      </c>
      <c r="E224" s="9" t="s">
        <v>6</v>
      </c>
      <c r="F224" s="9" t="s">
        <v>235</v>
      </c>
      <c r="G224" s="9" t="s">
        <v>272</v>
      </c>
      <c r="H224" s="6">
        <v>1278</v>
      </c>
      <c r="I224" s="6">
        <v>698</v>
      </c>
      <c r="J224" s="6">
        <v>590</v>
      </c>
      <c r="K224" s="6">
        <v>523</v>
      </c>
      <c r="L224" s="6">
        <v>57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0</v>
      </c>
      <c r="E225" s="9" t="s">
        <v>6</v>
      </c>
      <c r="F225" s="9" t="s">
        <v>235</v>
      </c>
      <c r="G225" s="9" t="s">
        <v>273</v>
      </c>
      <c r="H225" s="6">
        <v>2343</v>
      </c>
      <c r="I225" s="6">
        <v>1864</v>
      </c>
      <c r="J225" s="6">
        <v>1542</v>
      </c>
      <c r="K225" s="6">
        <v>385</v>
      </c>
      <c r="L225" s="6">
        <v>94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0</v>
      </c>
      <c r="E226" s="9" t="s">
        <v>6</v>
      </c>
      <c r="F226" s="9" t="s">
        <v>235</v>
      </c>
      <c r="G226" s="9" t="s">
        <v>274</v>
      </c>
      <c r="H226" s="6">
        <v>2684</v>
      </c>
      <c r="I226" s="6">
        <v>2296</v>
      </c>
      <c r="J226" s="6">
        <v>1906</v>
      </c>
      <c r="K226" s="6">
        <v>306</v>
      </c>
      <c r="L226" s="6">
        <v>82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0</v>
      </c>
      <c r="E227" s="9" t="s">
        <v>6</v>
      </c>
      <c r="F227" s="9" t="s">
        <v>235</v>
      </c>
      <c r="G227" s="9" t="s">
        <v>275</v>
      </c>
      <c r="H227" s="6">
        <v>2598</v>
      </c>
      <c r="I227" s="6">
        <v>2282</v>
      </c>
      <c r="J227" s="6">
        <v>1906</v>
      </c>
      <c r="K227" s="6">
        <v>251</v>
      </c>
      <c r="L227" s="6">
        <v>65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0</v>
      </c>
      <c r="E228" s="9" t="s">
        <v>6</v>
      </c>
      <c r="F228" s="9" t="s">
        <v>235</v>
      </c>
      <c r="G228" s="9" t="s">
        <v>276</v>
      </c>
      <c r="H228" s="6">
        <v>2686</v>
      </c>
      <c r="I228" s="6">
        <v>2358</v>
      </c>
      <c r="J228" s="6">
        <v>1934</v>
      </c>
      <c r="K228" s="6">
        <v>243</v>
      </c>
      <c r="L228" s="6">
        <v>85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0</v>
      </c>
      <c r="E229" s="9" t="s">
        <v>6</v>
      </c>
      <c r="F229" s="9" t="s">
        <v>235</v>
      </c>
      <c r="G229" s="9" t="s">
        <v>277</v>
      </c>
      <c r="H229" s="6">
        <v>2641</v>
      </c>
      <c r="I229" s="6">
        <v>2314</v>
      </c>
      <c r="J229" s="6">
        <v>1905</v>
      </c>
      <c r="K229" s="6">
        <v>245</v>
      </c>
      <c r="L229" s="6">
        <v>82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0</v>
      </c>
      <c r="E230" s="9" t="s">
        <v>6</v>
      </c>
      <c r="F230" s="9" t="s">
        <v>235</v>
      </c>
      <c r="G230" s="9" t="s">
        <v>278</v>
      </c>
      <c r="H230" s="6">
        <v>2712</v>
      </c>
      <c r="I230" s="6">
        <v>2350</v>
      </c>
      <c r="J230" s="6">
        <v>1945</v>
      </c>
      <c r="K230" s="6">
        <v>308</v>
      </c>
      <c r="L230" s="6">
        <v>54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0</v>
      </c>
      <c r="E231" s="9" t="s">
        <v>6</v>
      </c>
      <c r="F231" s="9" t="s">
        <v>235</v>
      </c>
      <c r="G231" s="9" t="s">
        <v>279</v>
      </c>
      <c r="H231" s="6">
        <v>1485</v>
      </c>
      <c r="I231" s="6">
        <v>1256</v>
      </c>
      <c r="J231" s="6">
        <v>986</v>
      </c>
      <c r="K231" s="6">
        <v>184</v>
      </c>
      <c r="L231" s="6">
        <v>4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0</v>
      </c>
      <c r="E232" s="9" t="s">
        <v>6</v>
      </c>
      <c r="F232" s="9" t="s">
        <v>235</v>
      </c>
      <c r="G232" s="9" t="s">
        <v>280</v>
      </c>
      <c r="H232" s="6">
        <v>11023</v>
      </c>
      <c r="I232" s="6">
        <v>8402</v>
      </c>
      <c r="J232" s="6">
        <v>6115</v>
      </c>
      <c r="K232" s="6">
        <v>2429</v>
      </c>
      <c r="L232" s="6">
        <v>19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0</v>
      </c>
      <c r="E233" s="9" t="s">
        <v>6</v>
      </c>
      <c r="F233" s="9" t="s">
        <v>281</v>
      </c>
      <c r="G233" s="9" t="s">
        <v>6</v>
      </c>
      <c r="H233" s="6">
        <v>13297</v>
      </c>
      <c r="I233" s="6">
        <v>10292</v>
      </c>
      <c r="J233" s="6">
        <v>7958</v>
      </c>
      <c r="K233" s="6">
        <v>2732</v>
      </c>
      <c r="L233" s="6">
        <v>273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0</v>
      </c>
      <c r="E234" s="9" t="s">
        <v>6</v>
      </c>
      <c r="F234" s="9" t="s">
        <v>281</v>
      </c>
      <c r="G234" s="9" t="s">
        <v>272</v>
      </c>
      <c r="H234" s="6">
        <v>431</v>
      </c>
      <c r="I234" s="6">
        <v>209</v>
      </c>
      <c r="J234" s="6">
        <v>188</v>
      </c>
      <c r="K234" s="6">
        <v>195</v>
      </c>
      <c r="L234" s="6">
        <v>27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0</v>
      </c>
      <c r="E235" s="9" t="s">
        <v>6</v>
      </c>
      <c r="F235" s="9" t="s">
        <v>281</v>
      </c>
      <c r="G235" s="9" t="s">
        <v>273</v>
      </c>
      <c r="H235" s="6">
        <v>700</v>
      </c>
      <c r="I235" s="6">
        <v>526</v>
      </c>
      <c r="J235" s="6">
        <v>444</v>
      </c>
      <c r="K235" s="6">
        <v>146</v>
      </c>
      <c r="L235" s="6">
        <v>28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0</v>
      </c>
      <c r="E236" s="9" t="s">
        <v>6</v>
      </c>
      <c r="F236" s="9" t="s">
        <v>281</v>
      </c>
      <c r="G236" s="9" t="s">
        <v>274</v>
      </c>
      <c r="H236" s="6">
        <v>538</v>
      </c>
      <c r="I236" s="6">
        <v>451</v>
      </c>
      <c r="J236" s="6">
        <v>392</v>
      </c>
      <c r="K236" s="6">
        <v>70</v>
      </c>
      <c r="L236" s="6">
        <v>17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0</v>
      </c>
      <c r="E237" s="9" t="s">
        <v>6</v>
      </c>
      <c r="F237" s="9" t="s">
        <v>281</v>
      </c>
      <c r="G237" s="9" t="s">
        <v>275</v>
      </c>
      <c r="H237" s="6">
        <v>458</v>
      </c>
      <c r="I237" s="6">
        <v>378</v>
      </c>
      <c r="J237" s="6">
        <v>325</v>
      </c>
      <c r="K237" s="6">
        <v>67</v>
      </c>
      <c r="L237" s="6">
        <v>13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0</v>
      </c>
      <c r="E238" s="9" t="s">
        <v>6</v>
      </c>
      <c r="F238" s="9" t="s">
        <v>281</v>
      </c>
      <c r="G238" s="9" t="s">
        <v>276</v>
      </c>
      <c r="H238" s="6">
        <v>493</v>
      </c>
      <c r="I238" s="6">
        <v>423</v>
      </c>
      <c r="J238" s="6">
        <v>373</v>
      </c>
      <c r="K238" s="6">
        <v>62</v>
      </c>
      <c r="L238" s="6">
        <v>8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0</v>
      </c>
      <c r="E239" s="9" t="s">
        <v>6</v>
      </c>
      <c r="F239" s="9" t="s">
        <v>281</v>
      </c>
      <c r="G239" s="9" t="s">
        <v>277</v>
      </c>
      <c r="H239" s="6">
        <v>676</v>
      </c>
      <c r="I239" s="6">
        <v>569</v>
      </c>
      <c r="J239" s="6">
        <v>478</v>
      </c>
      <c r="K239" s="6">
        <v>89</v>
      </c>
      <c r="L239" s="6">
        <v>18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0</v>
      </c>
      <c r="E240" s="9" t="s">
        <v>6</v>
      </c>
      <c r="F240" s="9" t="s">
        <v>281</v>
      </c>
      <c r="G240" s="9" t="s">
        <v>278</v>
      </c>
      <c r="H240" s="6">
        <v>1107</v>
      </c>
      <c r="I240" s="6">
        <v>953</v>
      </c>
      <c r="J240" s="6">
        <v>793</v>
      </c>
      <c r="K240" s="6">
        <v>139</v>
      </c>
      <c r="L240" s="6">
        <v>1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0</v>
      </c>
      <c r="E241" s="9" t="s">
        <v>6</v>
      </c>
      <c r="F241" s="9" t="s">
        <v>281</v>
      </c>
      <c r="G241" s="9" t="s">
        <v>279</v>
      </c>
      <c r="H241" s="6">
        <v>709</v>
      </c>
      <c r="I241" s="6">
        <v>599</v>
      </c>
      <c r="J241" s="6">
        <v>480</v>
      </c>
      <c r="K241" s="6">
        <v>91</v>
      </c>
      <c r="L241" s="6">
        <v>19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0</v>
      </c>
      <c r="E242" s="9" t="s">
        <v>6</v>
      </c>
      <c r="F242" s="9" t="s">
        <v>281</v>
      </c>
      <c r="G242" s="9" t="s">
        <v>280</v>
      </c>
      <c r="H242" s="6">
        <v>8185</v>
      </c>
      <c r="I242" s="6">
        <v>6184</v>
      </c>
      <c r="J242" s="6">
        <v>4485</v>
      </c>
      <c r="K242" s="6">
        <v>1873</v>
      </c>
      <c r="L242" s="6">
        <v>128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0</v>
      </c>
      <c r="E243" s="9" t="s">
        <v>6</v>
      </c>
      <c r="F243" s="9" t="s">
        <v>282</v>
      </c>
      <c r="G243" s="9" t="s">
        <v>6</v>
      </c>
      <c r="H243" s="6">
        <v>10263</v>
      </c>
      <c r="I243" s="6">
        <v>8492</v>
      </c>
      <c r="J243" s="6">
        <v>6905</v>
      </c>
      <c r="K243" s="6">
        <v>1482</v>
      </c>
      <c r="L243" s="6">
        <v>289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0</v>
      </c>
      <c r="E244" s="9" t="s">
        <v>6</v>
      </c>
      <c r="F244" s="9" t="s">
        <v>282</v>
      </c>
      <c r="G244" s="9" t="s">
        <v>272</v>
      </c>
      <c r="H244" s="6">
        <v>443</v>
      </c>
      <c r="I244" s="6">
        <v>233</v>
      </c>
      <c r="J244" s="6">
        <v>192</v>
      </c>
      <c r="K244" s="6">
        <v>191</v>
      </c>
      <c r="L244" s="6">
        <v>19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0</v>
      </c>
      <c r="E245" s="9" t="s">
        <v>6</v>
      </c>
      <c r="F245" s="9" t="s">
        <v>282</v>
      </c>
      <c r="G245" s="9" t="s">
        <v>273</v>
      </c>
      <c r="H245" s="6">
        <v>856</v>
      </c>
      <c r="I245" s="6">
        <v>686</v>
      </c>
      <c r="J245" s="6">
        <v>575</v>
      </c>
      <c r="K245" s="6">
        <v>133</v>
      </c>
      <c r="L245" s="6">
        <v>37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0</v>
      </c>
      <c r="E246" s="9" t="s">
        <v>6</v>
      </c>
      <c r="F246" s="9" t="s">
        <v>282</v>
      </c>
      <c r="G246" s="9" t="s">
        <v>274</v>
      </c>
      <c r="H246" s="6">
        <v>1026</v>
      </c>
      <c r="I246" s="6">
        <v>872</v>
      </c>
      <c r="J246" s="6">
        <v>741</v>
      </c>
      <c r="K246" s="6">
        <v>129</v>
      </c>
      <c r="L246" s="6">
        <v>25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0</v>
      </c>
      <c r="E247" s="9" t="s">
        <v>6</v>
      </c>
      <c r="F247" s="9" t="s">
        <v>282</v>
      </c>
      <c r="G247" s="9" t="s">
        <v>275</v>
      </c>
      <c r="H247" s="6">
        <v>1054</v>
      </c>
      <c r="I247" s="6">
        <v>928</v>
      </c>
      <c r="J247" s="6">
        <v>796</v>
      </c>
      <c r="K247" s="6">
        <v>98</v>
      </c>
      <c r="L247" s="6">
        <v>28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0</v>
      </c>
      <c r="E248" s="9" t="s">
        <v>6</v>
      </c>
      <c r="F248" s="9" t="s">
        <v>282</v>
      </c>
      <c r="G248" s="9" t="s">
        <v>276</v>
      </c>
      <c r="H248" s="6">
        <v>1215</v>
      </c>
      <c r="I248" s="6">
        <v>1062</v>
      </c>
      <c r="J248" s="6">
        <v>869</v>
      </c>
      <c r="K248" s="6">
        <v>112</v>
      </c>
      <c r="L248" s="6">
        <v>41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0</v>
      </c>
      <c r="E249" s="9" t="s">
        <v>6</v>
      </c>
      <c r="F249" s="9" t="s">
        <v>282</v>
      </c>
      <c r="G249" s="9" t="s">
        <v>277</v>
      </c>
      <c r="H249" s="6">
        <v>1299</v>
      </c>
      <c r="I249" s="6">
        <v>1146</v>
      </c>
      <c r="J249" s="6">
        <v>952</v>
      </c>
      <c r="K249" s="6">
        <v>115</v>
      </c>
      <c r="L249" s="6">
        <v>38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0</v>
      </c>
      <c r="E250" s="9" t="s">
        <v>6</v>
      </c>
      <c r="F250" s="9" t="s">
        <v>282</v>
      </c>
      <c r="G250" s="9" t="s">
        <v>278</v>
      </c>
      <c r="H250" s="6">
        <v>1257</v>
      </c>
      <c r="I250" s="6">
        <v>1090</v>
      </c>
      <c r="J250" s="6">
        <v>908</v>
      </c>
      <c r="K250" s="6">
        <v>141</v>
      </c>
      <c r="L250" s="6">
        <v>26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0</v>
      </c>
      <c r="E251" s="9" t="s">
        <v>6</v>
      </c>
      <c r="F251" s="9" t="s">
        <v>282</v>
      </c>
      <c r="G251" s="9" t="s">
        <v>279</v>
      </c>
      <c r="H251" s="6">
        <v>621</v>
      </c>
      <c r="I251" s="6">
        <v>530</v>
      </c>
      <c r="J251" s="6">
        <v>421</v>
      </c>
      <c r="K251" s="6">
        <v>75</v>
      </c>
      <c r="L251" s="6">
        <v>16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0</v>
      </c>
      <c r="E252" s="9" t="s">
        <v>6</v>
      </c>
      <c r="F252" s="9" t="s">
        <v>282</v>
      </c>
      <c r="G252" s="9" t="s">
        <v>280</v>
      </c>
      <c r="H252" s="6">
        <v>2492</v>
      </c>
      <c r="I252" s="6">
        <v>1945</v>
      </c>
      <c r="J252" s="6">
        <v>1451</v>
      </c>
      <c r="K252" s="6">
        <v>488</v>
      </c>
      <c r="L252" s="6">
        <v>59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0</v>
      </c>
      <c r="E253" s="9" t="s">
        <v>6</v>
      </c>
      <c r="F253" s="9" t="s">
        <v>283</v>
      </c>
      <c r="G253" s="9" t="s">
        <v>6</v>
      </c>
      <c r="H253" s="6">
        <v>5890</v>
      </c>
      <c r="I253" s="6">
        <v>5036</v>
      </c>
      <c r="J253" s="6">
        <v>3966</v>
      </c>
      <c r="K253" s="6">
        <v>660</v>
      </c>
      <c r="L253" s="6">
        <v>194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0</v>
      </c>
      <c r="E254" s="9" t="s">
        <v>6</v>
      </c>
      <c r="F254" s="9" t="s">
        <v>283</v>
      </c>
      <c r="G254" s="9" t="s">
        <v>272</v>
      </c>
      <c r="H254" s="6">
        <v>404</v>
      </c>
      <c r="I254" s="6">
        <v>256</v>
      </c>
      <c r="J254" s="6">
        <v>210</v>
      </c>
      <c r="K254" s="6">
        <v>137</v>
      </c>
      <c r="L254" s="6">
        <v>11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0</v>
      </c>
      <c r="E255" s="9" t="s">
        <v>6</v>
      </c>
      <c r="F255" s="9" t="s">
        <v>283</v>
      </c>
      <c r="G255" s="9" t="s">
        <v>273</v>
      </c>
      <c r="H255" s="6">
        <v>787</v>
      </c>
      <c r="I255" s="6">
        <v>652</v>
      </c>
      <c r="J255" s="6">
        <v>523</v>
      </c>
      <c r="K255" s="6">
        <v>106</v>
      </c>
      <c r="L255" s="6">
        <v>29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0</v>
      </c>
      <c r="E256" s="9" t="s">
        <v>6</v>
      </c>
      <c r="F256" s="9" t="s">
        <v>283</v>
      </c>
      <c r="G256" s="9" t="s">
        <v>274</v>
      </c>
      <c r="H256" s="6">
        <v>1120</v>
      </c>
      <c r="I256" s="6">
        <v>973</v>
      </c>
      <c r="J256" s="6">
        <v>773</v>
      </c>
      <c r="K256" s="6">
        <v>107</v>
      </c>
      <c r="L256" s="6">
        <v>40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0</v>
      </c>
      <c r="E257" s="9" t="s">
        <v>6</v>
      </c>
      <c r="F257" s="9" t="s">
        <v>283</v>
      </c>
      <c r="G257" s="9" t="s">
        <v>275</v>
      </c>
      <c r="H257" s="6">
        <v>1086</v>
      </c>
      <c r="I257" s="6">
        <v>976</v>
      </c>
      <c r="J257" s="6">
        <v>785</v>
      </c>
      <c r="K257" s="6">
        <v>86</v>
      </c>
      <c r="L257" s="6">
        <v>24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0</v>
      </c>
      <c r="E258" s="9" t="s">
        <v>6</v>
      </c>
      <c r="F258" s="9" t="s">
        <v>283</v>
      </c>
      <c r="G258" s="9" t="s">
        <v>276</v>
      </c>
      <c r="H258" s="6">
        <v>978</v>
      </c>
      <c r="I258" s="6">
        <v>873</v>
      </c>
      <c r="J258" s="6">
        <v>692</v>
      </c>
      <c r="K258" s="6">
        <v>69</v>
      </c>
      <c r="L258" s="6">
        <v>36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0</v>
      </c>
      <c r="E259" s="9" t="s">
        <v>6</v>
      </c>
      <c r="F259" s="9" t="s">
        <v>283</v>
      </c>
      <c r="G259" s="9" t="s">
        <v>277</v>
      </c>
      <c r="H259" s="6">
        <v>666</v>
      </c>
      <c r="I259" s="6">
        <v>599</v>
      </c>
      <c r="J259" s="6">
        <v>475</v>
      </c>
      <c r="K259" s="6">
        <v>41</v>
      </c>
      <c r="L259" s="6">
        <v>26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0</v>
      </c>
      <c r="E260" s="9" t="s">
        <v>6</v>
      </c>
      <c r="F260" s="9" t="s">
        <v>283</v>
      </c>
      <c r="G260" s="9" t="s">
        <v>278</v>
      </c>
      <c r="H260" s="6">
        <v>348</v>
      </c>
      <c r="I260" s="6">
        <v>307</v>
      </c>
      <c r="J260" s="6">
        <v>244</v>
      </c>
      <c r="K260" s="6">
        <v>28</v>
      </c>
      <c r="L260" s="6">
        <v>13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0</v>
      </c>
      <c r="E261" s="9" t="s">
        <v>6</v>
      </c>
      <c r="F261" s="9" t="s">
        <v>283</v>
      </c>
      <c r="G261" s="9" t="s">
        <v>279</v>
      </c>
      <c r="H261" s="6">
        <v>155</v>
      </c>
      <c r="I261" s="6">
        <v>127</v>
      </c>
      <c r="J261" s="6">
        <v>85</v>
      </c>
      <c r="K261" s="6">
        <v>18</v>
      </c>
      <c r="L261" s="6">
        <v>10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0</v>
      </c>
      <c r="E262" s="9" t="s">
        <v>6</v>
      </c>
      <c r="F262" s="9" t="s">
        <v>283</v>
      </c>
      <c r="G262" s="9" t="s">
        <v>280</v>
      </c>
      <c r="H262" s="6">
        <v>346</v>
      </c>
      <c r="I262" s="6">
        <v>273</v>
      </c>
      <c r="J262" s="6">
        <v>179</v>
      </c>
      <c r="K262" s="6">
        <v>68</v>
      </c>
      <c r="L262" s="6">
        <v>5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0</v>
      </c>
      <c r="E263" s="9" t="s">
        <v>226</v>
      </c>
      <c r="F263" s="9" t="s">
        <v>6</v>
      </c>
      <c r="G263" s="9" t="s">
        <v>6</v>
      </c>
      <c r="H263" s="6">
        <v>41018</v>
      </c>
      <c r="I263" s="6">
        <v>34042</v>
      </c>
      <c r="J263" s="6">
        <v>26210</v>
      </c>
      <c r="K263" s="6">
        <v>6934</v>
      </c>
      <c r="L263" s="6">
        <v>42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0</v>
      </c>
      <c r="E264" s="9" t="s">
        <v>226</v>
      </c>
      <c r="F264" s="9" t="s">
        <v>234</v>
      </c>
      <c r="G264" s="9" t="s">
        <v>6</v>
      </c>
      <c r="H264" s="6">
        <v>13956</v>
      </c>
      <c r="I264" s="6">
        <v>11028</v>
      </c>
      <c r="J264" s="6">
        <v>8119</v>
      </c>
      <c r="K264" s="6">
        <v>2912</v>
      </c>
      <c r="L264" s="6">
        <v>16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0</v>
      </c>
      <c r="E265" s="9" t="s">
        <v>226</v>
      </c>
      <c r="F265" s="9" t="s">
        <v>235</v>
      </c>
      <c r="G265" s="9" t="s">
        <v>6</v>
      </c>
      <c r="H265" s="6">
        <v>27062</v>
      </c>
      <c r="I265" s="6">
        <v>23014</v>
      </c>
      <c r="J265" s="6">
        <v>18091</v>
      </c>
      <c r="K265" s="6">
        <v>4022</v>
      </c>
      <c r="L265" s="6">
        <v>26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0</v>
      </c>
      <c r="E266" s="9" t="s">
        <v>226</v>
      </c>
      <c r="F266" s="9" t="s">
        <v>235</v>
      </c>
      <c r="G266" s="9" t="s">
        <v>272</v>
      </c>
      <c r="H266" s="6">
        <v>1193</v>
      </c>
      <c r="I266" s="6">
        <v>693</v>
      </c>
      <c r="J266" s="6">
        <v>585</v>
      </c>
      <c r="K266" s="6">
        <v>500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0</v>
      </c>
      <c r="E267" s="9" t="s">
        <v>226</v>
      </c>
      <c r="F267" s="9" t="s">
        <v>235</v>
      </c>
      <c r="G267" s="9" t="s">
        <v>273</v>
      </c>
      <c r="H267" s="6">
        <v>2201</v>
      </c>
      <c r="I267" s="6">
        <v>1835</v>
      </c>
      <c r="J267" s="6">
        <v>1515</v>
      </c>
      <c r="K267" s="6">
        <v>364</v>
      </c>
      <c r="L267" s="6">
        <v>2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0</v>
      </c>
      <c r="E268" s="9" t="s">
        <v>226</v>
      </c>
      <c r="F268" s="9" t="s">
        <v>235</v>
      </c>
      <c r="G268" s="9" t="s">
        <v>274</v>
      </c>
      <c r="H268" s="6">
        <v>2551</v>
      </c>
      <c r="I268" s="6">
        <v>2259</v>
      </c>
      <c r="J268" s="6">
        <v>1876</v>
      </c>
      <c r="K268" s="6">
        <v>291</v>
      </c>
      <c r="L268" s="6">
        <v>1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0</v>
      </c>
      <c r="E269" s="9" t="s">
        <v>226</v>
      </c>
      <c r="F269" s="9" t="s">
        <v>235</v>
      </c>
      <c r="G269" s="9" t="s">
        <v>275</v>
      </c>
      <c r="H269" s="6">
        <v>2512</v>
      </c>
      <c r="I269" s="6">
        <v>2265</v>
      </c>
      <c r="J269" s="6">
        <v>1890</v>
      </c>
      <c r="K269" s="6">
        <v>243</v>
      </c>
      <c r="L269" s="6">
        <v>4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0</v>
      </c>
      <c r="E270" s="9" t="s">
        <v>226</v>
      </c>
      <c r="F270" s="9" t="s">
        <v>235</v>
      </c>
      <c r="G270" s="9" t="s">
        <v>276</v>
      </c>
      <c r="H270" s="6">
        <v>2558</v>
      </c>
      <c r="I270" s="6">
        <v>2319</v>
      </c>
      <c r="J270" s="6">
        <v>1901</v>
      </c>
      <c r="K270" s="6">
        <v>236</v>
      </c>
      <c r="L270" s="6">
        <v>3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0</v>
      </c>
      <c r="E271" s="9" t="s">
        <v>226</v>
      </c>
      <c r="F271" s="9" t="s">
        <v>235</v>
      </c>
      <c r="G271" s="9" t="s">
        <v>277</v>
      </c>
      <c r="H271" s="6">
        <v>2517</v>
      </c>
      <c r="I271" s="6">
        <v>2282</v>
      </c>
      <c r="J271" s="6">
        <v>1875</v>
      </c>
      <c r="K271" s="6">
        <v>234</v>
      </c>
      <c r="L271" s="6">
        <v>1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0</v>
      </c>
      <c r="E272" s="9" t="s">
        <v>226</v>
      </c>
      <c r="F272" s="9" t="s">
        <v>235</v>
      </c>
      <c r="G272" s="9" t="s">
        <v>278</v>
      </c>
      <c r="H272" s="6">
        <v>2599</v>
      </c>
      <c r="I272" s="6">
        <v>2305</v>
      </c>
      <c r="J272" s="6">
        <v>1902</v>
      </c>
      <c r="K272" s="6">
        <v>291</v>
      </c>
      <c r="L272" s="6">
        <v>3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0</v>
      </c>
      <c r="E273" s="9" t="s">
        <v>226</v>
      </c>
      <c r="F273" s="9" t="s">
        <v>235</v>
      </c>
      <c r="G273" s="9" t="s">
        <v>279</v>
      </c>
      <c r="H273" s="6">
        <v>1397</v>
      </c>
      <c r="I273" s="6">
        <v>1231</v>
      </c>
      <c r="J273" s="6">
        <v>964</v>
      </c>
      <c r="K273" s="6">
        <v>165</v>
      </c>
      <c r="L273" s="6">
        <v>1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0</v>
      </c>
      <c r="E274" s="9" t="s">
        <v>226</v>
      </c>
      <c r="F274" s="9" t="s">
        <v>235</v>
      </c>
      <c r="G274" s="9" t="s">
        <v>280</v>
      </c>
      <c r="H274" s="6">
        <v>9534</v>
      </c>
      <c r="I274" s="6">
        <v>7825</v>
      </c>
      <c r="J274" s="6">
        <v>5583</v>
      </c>
      <c r="K274" s="6">
        <v>1698</v>
      </c>
      <c r="L274" s="6">
        <v>11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0</v>
      </c>
      <c r="E275" s="9" t="s">
        <v>226</v>
      </c>
      <c r="F275" s="9" t="s">
        <v>281</v>
      </c>
      <c r="G275" s="9" t="s">
        <v>6</v>
      </c>
      <c r="H275" s="6">
        <v>11861</v>
      </c>
      <c r="I275" s="6">
        <v>9763</v>
      </c>
      <c r="J275" s="6">
        <v>7469</v>
      </c>
      <c r="K275" s="6">
        <v>2085</v>
      </c>
      <c r="L275" s="6">
        <v>13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0</v>
      </c>
      <c r="E276" s="9" t="s">
        <v>226</v>
      </c>
      <c r="F276" s="9" t="s">
        <v>281</v>
      </c>
      <c r="G276" s="9" t="s">
        <v>272</v>
      </c>
      <c r="H276" s="6">
        <v>391</v>
      </c>
      <c r="I276" s="6">
        <v>208</v>
      </c>
      <c r="J276" s="6">
        <v>187</v>
      </c>
      <c r="K276" s="6">
        <v>183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0</v>
      </c>
      <c r="E277" s="9" t="s">
        <v>226</v>
      </c>
      <c r="F277" s="9" t="s">
        <v>281</v>
      </c>
      <c r="G277" s="9" t="s">
        <v>273</v>
      </c>
      <c r="H277" s="6">
        <v>650</v>
      </c>
      <c r="I277" s="6">
        <v>513</v>
      </c>
      <c r="J277" s="6">
        <v>433</v>
      </c>
      <c r="K277" s="6">
        <v>136</v>
      </c>
      <c r="L277" s="6">
        <v>1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0</v>
      </c>
      <c r="E278" s="9" t="s">
        <v>226</v>
      </c>
      <c r="F278" s="9" t="s">
        <v>281</v>
      </c>
      <c r="G278" s="9" t="s">
        <v>274</v>
      </c>
      <c r="H278" s="6">
        <v>510</v>
      </c>
      <c r="I278" s="6">
        <v>441</v>
      </c>
      <c r="J278" s="6">
        <v>384</v>
      </c>
      <c r="K278" s="6">
        <v>68</v>
      </c>
      <c r="L278" s="6">
        <v>1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0</v>
      </c>
      <c r="E279" s="9" t="s">
        <v>226</v>
      </c>
      <c r="F279" s="9" t="s">
        <v>281</v>
      </c>
      <c r="G279" s="9" t="s">
        <v>275</v>
      </c>
      <c r="H279" s="6">
        <v>435</v>
      </c>
      <c r="I279" s="6">
        <v>370</v>
      </c>
      <c r="J279" s="6">
        <v>317</v>
      </c>
      <c r="K279" s="6">
        <v>65</v>
      </c>
      <c r="L279" s="10" t="s">
        <v>55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0</v>
      </c>
      <c r="E280" s="9" t="s">
        <v>226</v>
      </c>
      <c r="F280" s="9" t="s">
        <v>281</v>
      </c>
      <c r="G280" s="9" t="s">
        <v>276</v>
      </c>
      <c r="H280" s="6">
        <v>469</v>
      </c>
      <c r="I280" s="6">
        <v>407</v>
      </c>
      <c r="J280" s="6">
        <v>358</v>
      </c>
      <c r="K280" s="6">
        <v>61</v>
      </c>
      <c r="L280" s="6">
        <v>1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0</v>
      </c>
      <c r="E281" s="9" t="s">
        <v>226</v>
      </c>
      <c r="F281" s="9" t="s">
        <v>281</v>
      </c>
      <c r="G281" s="9" t="s">
        <v>277</v>
      </c>
      <c r="H281" s="6">
        <v>644</v>
      </c>
      <c r="I281" s="6">
        <v>558</v>
      </c>
      <c r="J281" s="6">
        <v>468</v>
      </c>
      <c r="K281" s="6">
        <v>86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0</v>
      </c>
      <c r="E282" s="9" t="s">
        <v>226</v>
      </c>
      <c r="F282" s="9" t="s">
        <v>281</v>
      </c>
      <c r="G282" s="9" t="s">
        <v>278</v>
      </c>
      <c r="H282" s="6">
        <v>1064</v>
      </c>
      <c r="I282" s="6">
        <v>934</v>
      </c>
      <c r="J282" s="6">
        <v>775</v>
      </c>
      <c r="K282" s="6">
        <v>129</v>
      </c>
      <c r="L282" s="6">
        <v>1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0</v>
      </c>
      <c r="E283" s="9" t="s">
        <v>226</v>
      </c>
      <c r="F283" s="9" t="s">
        <v>281</v>
      </c>
      <c r="G283" s="9" t="s">
        <v>279</v>
      </c>
      <c r="H283" s="6">
        <v>666</v>
      </c>
      <c r="I283" s="6">
        <v>586</v>
      </c>
      <c r="J283" s="6">
        <v>467</v>
      </c>
      <c r="K283" s="6">
        <v>79</v>
      </c>
      <c r="L283" s="6">
        <v>1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0</v>
      </c>
      <c r="E284" s="9" t="s">
        <v>226</v>
      </c>
      <c r="F284" s="9" t="s">
        <v>281</v>
      </c>
      <c r="G284" s="9" t="s">
        <v>280</v>
      </c>
      <c r="H284" s="6">
        <v>7032</v>
      </c>
      <c r="I284" s="6">
        <v>5746</v>
      </c>
      <c r="J284" s="6">
        <v>4080</v>
      </c>
      <c r="K284" s="6">
        <v>1278</v>
      </c>
      <c r="L284" s="6">
        <v>8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0</v>
      </c>
      <c r="E285" s="9" t="s">
        <v>226</v>
      </c>
      <c r="F285" s="9" t="s">
        <v>282</v>
      </c>
      <c r="G285" s="9" t="s">
        <v>6</v>
      </c>
      <c r="H285" s="6">
        <v>9596</v>
      </c>
      <c r="I285" s="6">
        <v>8280</v>
      </c>
      <c r="J285" s="6">
        <v>6712</v>
      </c>
      <c r="K285" s="6">
        <v>1308</v>
      </c>
      <c r="L285" s="6">
        <v>8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0</v>
      </c>
      <c r="E286" s="9" t="s">
        <v>226</v>
      </c>
      <c r="F286" s="9" t="s">
        <v>282</v>
      </c>
      <c r="G286" s="9" t="s">
        <v>272</v>
      </c>
      <c r="H286" s="6">
        <v>416</v>
      </c>
      <c r="I286" s="6">
        <v>233</v>
      </c>
      <c r="J286" s="6">
        <v>192</v>
      </c>
      <c r="K286" s="6">
        <v>183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0</v>
      </c>
      <c r="E287" s="9" t="s">
        <v>226</v>
      </c>
      <c r="F287" s="9" t="s">
        <v>282</v>
      </c>
      <c r="G287" s="9" t="s">
        <v>273</v>
      </c>
      <c r="H287" s="6">
        <v>803</v>
      </c>
      <c r="I287" s="6">
        <v>677</v>
      </c>
      <c r="J287" s="6">
        <v>566</v>
      </c>
      <c r="K287" s="6">
        <v>125</v>
      </c>
      <c r="L287" s="6">
        <v>1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0</v>
      </c>
      <c r="E288" s="9" t="s">
        <v>226</v>
      </c>
      <c r="F288" s="9" t="s">
        <v>282</v>
      </c>
      <c r="G288" s="9" t="s">
        <v>274</v>
      </c>
      <c r="H288" s="6">
        <v>983</v>
      </c>
      <c r="I288" s="6">
        <v>861</v>
      </c>
      <c r="J288" s="6">
        <v>731</v>
      </c>
      <c r="K288" s="6">
        <v>122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0</v>
      </c>
      <c r="E289" s="9" t="s">
        <v>226</v>
      </c>
      <c r="F289" s="9" t="s">
        <v>282</v>
      </c>
      <c r="G289" s="9" t="s">
        <v>275</v>
      </c>
      <c r="H289" s="6">
        <v>1017</v>
      </c>
      <c r="I289" s="6">
        <v>920</v>
      </c>
      <c r="J289" s="6">
        <v>788</v>
      </c>
      <c r="K289" s="6">
        <v>95</v>
      </c>
      <c r="L289" s="6">
        <v>2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0</v>
      </c>
      <c r="E290" s="9" t="s">
        <v>226</v>
      </c>
      <c r="F290" s="9" t="s">
        <v>282</v>
      </c>
      <c r="G290" s="9" t="s">
        <v>276</v>
      </c>
      <c r="H290" s="6">
        <v>1159</v>
      </c>
      <c r="I290" s="6">
        <v>1050</v>
      </c>
      <c r="J290" s="6">
        <v>860</v>
      </c>
      <c r="K290" s="6">
        <v>108</v>
      </c>
      <c r="L290" s="6">
        <v>1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0</v>
      </c>
      <c r="E291" s="9" t="s">
        <v>226</v>
      </c>
      <c r="F291" s="9" t="s">
        <v>282</v>
      </c>
      <c r="G291" s="9" t="s">
        <v>277</v>
      </c>
      <c r="H291" s="6">
        <v>1238</v>
      </c>
      <c r="I291" s="6">
        <v>1130</v>
      </c>
      <c r="J291" s="6">
        <v>937</v>
      </c>
      <c r="K291" s="6">
        <v>108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0</v>
      </c>
      <c r="E292" s="9" t="s">
        <v>226</v>
      </c>
      <c r="F292" s="9" t="s">
        <v>282</v>
      </c>
      <c r="G292" s="9" t="s">
        <v>278</v>
      </c>
      <c r="H292" s="6">
        <v>1204</v>
      </c>
      <c r="I292" s="6">
        <v>1068</v>
      </c>
      <c r="J292" s="6">
        <v>887</v>
      </c>
      <c r="K292" s="6">
        <v>135</v>
      </c>
      <c r="L292" s="6">
        <v>1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0</v>
      </c>
      <c r="E293" s="9" t="s">
        <v>226</v>
      </c>
      <c r="F293" s="9" t="s">
        <v>282</v>
      </c>
      <c r="G293" s="9" t="s">
        <v>279</v>
      </c>
      <c r="H293" s="6">
        <v>589</v>
      </c>
      <c r="I293" s="6">
        <v>521</v>
      </c>
      <c r="J293" s="6">
        <v>415</v>
      </c>
      <c r="K293" s="6">
        <v>68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0</v>
      </c>
      <c r="E294" s="9" t="s">
        <v>226</v>
      </c>
      <c r="F294" s="9" t="s">
        <v>282</v>
      </c>
      <c r="G294" s="9" t="s">
        <v>280</v>
      </c>
      <c r="H294" s="6">
        <v>2187</v>
      </c>
      <c r="I294" s="6">
        <v>1820</v>
      </c>
      <c r="J294" s="6">
        <v>1336</v>
      </c>
      <c r="K294" s="6">
        <v>364</v>
      </c>
      <c r="L294" s="6">
        <v>3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0</v>
      </c>
      <c r="E295" s="9" t="s">
        <v>226</v>
      </c>
      <c r="F295" s="9" t="s">
        <v>283</v>
      </c>
      <c r="G295" s="9" t="s">
        <v>6</v>
      </c>
      <c r="H295" s="6">
        <v>5605</v>
      </c>
      <c r="I295" s="6">
        <v>4971</v>
      </c>
      <c r="J295" s="6">
        <v>3910</v>
      </c>
      <c r="K295" s="6">
        <v>629</v>
      </c>
      <c r="L295" s="6">
        <v>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0</v>
      </c>
      <c r="E296" s="9" t="s">
        <v>226</v>
      </c>
      <c r="F296" s="9" t="s">
        <v>283</v>
      </c>
      <c r="G296" s="9" t="s">
        <v>272</v>
      </c>
      <c r="H296" s="6">
        <v>386</v>
      </c>
      <c r="I296" s="6">
        <v>252</v>
      </c>
      <c r="J296" s="6">
        <v>206</v>
      </c>
      <c r="K296" s="6">
        <v>134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0</v>
      </c>
      <c r="E297" s="9" t="s">
        <v>226</v>
      </c>
      <c r="F297" s="9" t="s">
        <v>283</v>
      </c>
      <c r="G297" s="9" t="s">
        <v>273</v>
      </c>
      <c r="H297" s="6">
        <v>748</v>
      </c>
      <c r="I297" s="6">
        <v>645</v>
      </c>
      <c r="J297" s="6">
        <v>516</v>
      </c>
      <c r="K297" s="6">
        <v>103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0</v>
      </c>
      <c r="E298" s="9" t="s">
        <v>226</v>
      </c>
      <c r="F298" s="9" t="s">
        <v>283</v>
      </c>
      <c r="G298" s="9" t="s">
        <v>274</v>
      </c>
      <c r="H298" s="6">
        <v>1058</v>
      </c>
      <c r="I298" s="6">
        <v>957</v>
      </c>
      <c r="J298" s="6">
        <v>761</v>
      </c>
      <c r="K298" s="6">
        <v>101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0</v>
      </c>
      <c r="E299" s="9" t="s">
        <v>226</v>
      </c>
      <c r="F299" s="9" t="s">
        <v>283</v>
      </c>
      <c r="G299" s="9" t="s">
        <v>275</v>
      </c>
      <c r="H299" s="6">
        <v>1060</v>
      </c>
      <c r="I299" s="6">
        <v>975</v>
      </c>
      <c r="J299" s="6">
        <v>785</v>
      </c>
      <c r="K299" s="6">
        <v>83</v>
      </c>
      <c r="L299" s="6">
        <v>2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0</v>
      </c>
      <c r="E300" s="9" t="s">
        <v>226</v>
      </c>
      <c r="F300" s="9" t="s">
        <v>283</v>
      </c>
      <c r="G300" s="9" t="s">
        <v>276</v>
      </c>
      <c r="H300" s="6">
        <v>930</v>
      </c>
      <c r="I300" s="6">
        <v>862</v>
      </c>
      <c r="J300" s="6">
        <v>683</v>
      </c>
      <c r="K300" s="6">
        <v>67</v>
      </c>
      <c r="L300" s="6">
        <v>1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0</v>
      </c>
      <c r="E301" s="9" t="s">
        <v>226</v>
      </c>
      <c r="F301" s="9" t="s">
        <v>283</v>
      </c>
      <c r="G301" s="9" t="s">
        <v>277</v>
      </c>
      <c r="H301" s="6">
        <v>635</v>
      </c>
      <c r="I301" s="6">
        <v>594</v>
      </c>
      <c r="J301" s="6">
        <v>470</v>
      </c>
      <c r="K301" s="6">
        <v>40</v>
      </c>
      <c r="L301" s="6">
        <v>1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0</v>
      </c>
      <c r="E302" s="9" t="s">
        <v>226</v>
      </c>
      <c r="F302" s="9" t="s">
        <v>283</v>
      </c>
      <c r="G302" s="9" t="s">
        <v>278</v>
      </c>
      <c r="H302" s="6">
        <v>331</v>
      </c>
      <c r="I302" s="6">
        <v>303</v>
      </c>
      <c r="J302" s="6">
        <v>240</v>
      </c>
      <c r="K302" s="6">
        <v>27</v>
      </c>
      <c r="L302" s="6">
        <v>1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0</v>
      </c>
      <c r="E303" s="9" t="s">
        <v>226</v>
      </c>
      <c r="F303" s="9" t="s">
        <v>283</v>
      </c>
      <c r="G303" s="9" t="s">
        <v>279</v>
      </c>
      <c r="H303" s="6">
        <v>142</v>
      </c>
      <c r="I303" s="6">
        <v>124</v>
      </c>
      <c r="J303" s="6">
        <v>82</v>
      </c>
      <c r="K303" s="6">
        <v>18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0</v>
      </c>
      <c r="E304" s="9" t="s">
        <v>226</v>
      </c>
      <c r="F304" s="9" t="s">
        <v>283</v>
      </c>
      <c r="G304" s="9" t="s">
        <v>280</v>
      </c>
      <c r="H304" s="6">
        <v>315</v>
      </c>
      <c r="I304" s="6">
        <v>259</v>
      </c>
      <c r="J304" s="6">
        <v>167</v>
      </c>
      <c r="K304" s="6">
        <v>56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0</v>
      </c>
      <c r="E305" s="9" t="s">
        <v>227</v>
      </c>
      <c r="F305" s="9" t="s">
        <v>6</v>
      </c>
      <c r="G305" s="9" t="s">
        <v>6</v>
      </c>
      <c r="H305" s="6">
        <v>29238</v>
      </c>
      <c r="I305" s="6">
        <v>23650</v>
      </c>
      <c r="J305" s="6">
        <v>22642</v>
      </c>
      <c r="K305" s="6">
        <v>5568</v>
      </c>
      <c r="L305" s="6">
        <v>20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0</v>
      </c>
      <c r="E306" s="9" t="s">
        <v>227</v>
      </c>
      <c r="F306" s="9" t="s">
        <v>234</v>
      </c>
      <c r="G306" s="9" t="s">
        <v>6</v>
      </c>
      <c r="H306" s="6">
        <v>9479</v>
      </c>
      <c r="I306" s="6">
        <v>7180</v>
      </c>
      <c r="J306" s="6">
        <v>6824</v>
      </c>
      <c r="K306" s="6">
        <v>2293</v>
      </c>
      <c r="L306" s="6">
        <v>6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0</v>
      </c>
      <c r="E307" s="9" t="s">
        <v>227</v>
      </c>
      <c r="F307" s="9" t="s">
        <v>235</v>
      </c>
      <c r="G307" s="9" t="s">
        <v>6</v>
      </c>
      <c r="H307" s="6">
        <v>19759</v>
      </c>
      <c r="I307" s="6">
        <v>16470</v>
      </c>
      <c r="J307" s="6">
        <v>15818</v>
      </c>
      <c r="K307" s="6">
        <v>3275</v>
      </c>
      <c r="L307" s="6">
        <v>14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0</v>
      </c>
      <c r="E308" s="9" t="s">
        <v>227</v>
      </c>
      <c r="F308" s="9" t="s">
        <v>235</v>
      </c>
      <c r="G308" s="9" t="s">
        <v>272</v>
      </c>
      <c r="H308" s="6">
        <v>949</v>
      </c>
      <c r="I308" s="6">
        <v>545</v>
      </c>
      <c r="J308" s="6">
        <v>530</v>
      </c>
      <c r="K308" s="6">
        <v>404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0</v>
      </c>
      <c r="E309" s="9" t="s">
        <v>227</v>
      </c>
      <c r="F309" s="9" t="s">
        <v>235</v>
      </c>
      <c r="G309" s="9" t="s">
        <v>273</v>
      </c>
      <c r="H309" s="6">
        <v>1705</v>
      </c>
      <c r="I309" s="6">
        <v>1405</v>
      </c>
      <c r="J309" s="6">
        <v>1345</v>
      </c>
      <c r="K309" s="6">
        <v>298</v>
      </c>
      <c r="L309" s="6">
        <v>2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0</v>
      </c>
      <c r="E310" s="9" t="s">
        <v>227</v>
      </c>
      <c r="F310" s="9" t="s">
        <v>235</v>
      </c>
      <c r="G310" s="9" t="s">
        <v>274</v>
      </c>
      <c r="H310" s="6">
        <v>1962</v>
      </c>
      <c r="I310" s="6">
        <v>1722</v>
      </c>
      <c r="J310" s="6">
        <v>1663</v>
      </c>
      <c r="K310" s="6">
        <v>239</v>
      </c>
      <c r="L310" s="6">
        <v>1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0</v>
      </c>
      <c r="E311" s="9" t="s">
        <v>227</v>
      </c>
      <c r="F311" s="9" t="s">
        <v>235</v>
      </c>
      <c r="G311" s="9" t="s">
        <v>275</v>
      </c>
      <c r="H311" s="6">
        <v>1967</v>
      </c>
      <c r="I311" s="6">
        <v>1757</v>
      </c>
      <c r="J311" s="6">
        <v>1702</v>
      </c>
      <c r="K311" s="6">
        <v>208</v>
      </c>
      <c r="L311" s="6">
        <v>2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0</v>
      </c>
      <c r="E312" s="9" t="s">
        <v>227</v>
      </c>
      <c r="F312" s="9" t="s">
        <v>235</v>
      </c>
      <c r="G312" s="9" t="s">
        <v>276</v>
      </c>
      <c r="H312" s="6">
        <v>1956</v>
      </c>
      <c r="I312" s="6">
        <v>1747</v>
      </c>
      <c r="J312" s="6">
        <v>1690</v>
      </c>
      <c r="K312" s="6">
        <v>208</v>
      </c>
      <c r="L312" s="6">
        <v>1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0</v>
      </c>
      <c r="E313" s="9" t="s">
        <v>227</v>
      </c>
      <c r="F313" s="9" t="s">
        <v>235</v>
      </c>
      <c r="G313" s="9" t="s">
        <v>277</v>
      </c>
      <c r="H313" s="6">
        <v>1930</v>
      </c>
      <c r="I313" s="6">
        <v>1731</v>
      </c>
      <c r="J313" s="6">
        <v>1663</v>
      </c>
      <c r="K313" s="6">
        <v>198</v>
      </c>
      <c r="L313" s="6">
        <v>1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0</v>
      </c>
      <c r="E314" s="9" t="s">
        <v>227</v>
      </c>
      <c r="F314" s="9" t="s">
        <v>235</v>
      </c>
      <c r="G314" s="9" t="s">
        <v>278</v>
      </c>
      <c r="H314" s="6">
        <v>1991</v>
      </c>
      <c r="I314" s="6">
        <v>1746</v>
      </c>
      <c r="J314" s="6">
        <v>1672</v>
      </c>
      <c r="K314" s="6">
        <v>244</v>
      </c>
      <c r="L314" s="6">
        <v>1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0</v>
      </c>
      <c r="E315" s="9" t="s">
        <v>227</v>
      </c>
      <c r="F315" s="9" t="s">
        <v>235</v>
      </c>
      <c r="G315" s="9" t="s">
        <v>279</v>
      </c>
      <c r="H315" s="6">
        <v>1008</v>
      </c>
      <c r="I315" s="6">
        <v>869</v>
      </c>
      <c r="J315" s="6">
        <v>836</v>
      </c>
      <c r="K315" s="6">
        <v>138</v>
      </c>
      <c r="L315" s="6">
        <v>1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0</v>
      </c>
      <c r="E316" s="9" t="s">
        <v>227</v>
      </c>
      <c r="F316" s="9" t="s">
        <v>235</v>
      </c>
      <c r="G316" s="9" t="s">
        <v>280</v>
      </c>
      <c r="H316" s="6">
        <v>6291</v>
      </c>
      <c r="I316" s="6">
        <v>4948</v>
      </c>
      <c r="J316" s="6">
        <v>4717</v>
      </c>
      <c r="K316" s="6">
        <v>1338</v>
      </c>
      <c r="L316" s="6">
        <v>5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0</v>
      </c>
      <c r="E317" s="9" t="s">
        <v>227</v>
      </c>
      <c r="F317" s="9" t="s">
        <v>281</v>
      </c>
      <c r="G317" s="9" t="s">
        <v>6</v>
      </c>
      <c r="H317" s="6">
        <v>8416</v>
      </c>
      <c r="I317" s="6">
        <v>6731</v>
      </c>
      <c r="J317" s="6">
        <v>6424</v>
      </c>
      <c r="K317" s="6">
        <v>1678</v>
      </c>
      <c r="L317" s="6">
        <v>7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0</v>
      </c>
      <c r="E318" s="9" t="s">
        <v>227</v>
      </c>
      <c r="F318" s="9" t="s">
        <v>281</v>
      </c>
      <c r="G318" s="9" t="s">
        <v>272</v>
      </c>
      <c r="H318" s="6">
        <v>324</v>
      </c>
      <c r="I318" s="6">
        <v>173</v>
      </c>
      <c r="J318" s="6">
        <v>169</v>
      </c>
      <c r="K318" s="6">
        <v>151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0</v>
      </c>
      <c r="E319" s="9" t="s">
        <v>227</v>
      </c>
      <c r="F319" s="9" t="s">
        <v>281</v>
      </c>
      <c r="G319" s="9" t="s">
        <v>273</v>
      </c>
      <c r="H319" s="6">
        <v>519</v>
      </c>
      <c r="I319" s="6">
        <v>405</v>
      </c>
      <c r="J319" s="6">
        <v>389</v>
      </c>
      <c r="K319" s="6">
        <v>113</v>
      </c>
      <c r="L319" s="6">
        <v>1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0</v>
      </c>
      <c r="E320" s="9" t="s">
        <v>227</v>
      </c>
      <c r="F320" s="9" t="s">
        <v>281</v>
      </c>
      <c r="G320" s="9" t="s">
        <v>274</v>
      </c>
      <c r="H320" s="6">
        <v>413</v>
      </c>
      <c r="I320" s="6">
        <v>355</v>
      </c>
      <c r="J320" s="6">
        <v>338</v>
      </c>
      <c r="K320" s="6">
        <v>57</v>
      </c>
      <c r="L320" s="6">
        <v>1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0</v>
      </c>
      <c r="E321" s="9" t="s">
        <v>227</v>
      </c>
      <c r="F321" s="9" t="s">
        <v>281</v>
      </c>
      <c r="G321" s="9" t="s">
        <v>275</v>
      </c>
      <c r="H321" s="6">
        <v>356</v>
      </c>
      <c r="I321" s="6">
        <v>298</v>
      </c>
      <c r="J321" s="6">
        <v>294</v>
      </c>
      <c r="K321" s="6">
        <v>58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0</v>
      </c>
      <c r="E322" s="9" t="s">
        <v>227</v>
      </c>
      <c r="F322" s="9" t="s">
        <v>281</v>
      </c>
      <c r="G322" s="9" t="s">
        <v>276</v>
      </c>
      <c r="H322" s="6">
        <v>384</v>
      </c>
      <c r="I322" s="6">
        <v>327</v>
      </c>
      <c r="J322" s="6">
        <v>315</v>
      </c>
      <c r="K322" s="6">
        <v>57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0</v>
      </c>
      <c r="E323" s="9" t="s">
        <v>227</v>
      </c>
      <c r="F323" s="9" t="s">
        <v>281</v>
      </c>
      <c r="G323" s="9" t="s">
        <v>277</v>
      </c>
      <c r="H323" s="6">
        <v>496</v>
      </c>
      <c r="I323" s="6">
        <v>424</v>
      </c>
      <c r="J323" s="6">
        <v>405</v>
      </c>
      <c r="K323" s="6">
        <v>72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0</v>
      </c>
      <c r="E324" s="9" t="s">
        <v>227</v>
      </c>
      <c r="F324" s="9" t="s">
        <v>281</v>
      </c>
      <c r="G324" s="9" t="s">
        <v>278</v>
      </c>
      <c r="H324" s="6">
        <v>829</v>
      </c>
      <c r="I324" s="6">
        <v>721</v>
      </c>
      <c r="J324" s="6">
        <v>688</v>
      </c>
      <c r="K324" s="6">
        <v>108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0</v>
      </c>
      <c r="E325" s="9" t="s">
        <v>227</v>
      </c>
      <c r="F325" s="9" t="s">
        <v>281</v>
      </c>
      <c r="G325" s="9" t="s">
        <v>279</v>
      </c>
      <c r="H325" s="6">
        <v>493</v>
      </c>
      <c r="I325" s="6">
        <v>425</v>
      </c>
      <c r="J325" s="6">
        <v>406</v>
      </c>
      <c r="K325" s="6">
        <v>67</v>
      </c>
      <c r="L325" s="6">
        <v>1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0</v>
      </c>
      <c r="E326" s="9" t="s">
        <v>227</v>
      </c>
      <c r="F326" s="9" t="s">
        <v>281</v>
      </c>
      <c r="G326" s="9" t="s">
        <v>280</v>
      </c>
      <c r="H326" s="6">
        <v>4602</v>
      </c>
      <c r="I326" s="6">
        <v>3603</v>
      </c>
      <c r="J326" s="6">
        <v>3420</v>
      </c>
      <c r="K326" s="6">
        <v>995</v>
      </c>
      <c r="L326" s="6">
        <v>4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0</v>
      </c>
      <c r="E327" s="9" t="s">
        <v>227</v>
      </c>
      <c r="F327" s="9" t="s">
        <v>282</v>
      </c>
      <c r="G327" s="9" t="s">
        <v>6</v>
      </c>
      <c r="H327" s="6">
        <v>7261</v>
      </c>
      <c r="I327" s="6">
        <v>6163</v>
      </c>
      <c r="J327" s="6">
        <v>5950</v>
      </c>
      <c r="K327" s="6">
        <v>1094</v>
      </c>
      <c r="L327" s="6">
        <v>4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0</v>
      </c>
      <c r="E328" s="9" t="s">
        <v>227</v>
      </c>
      <c r="F328" s="9" t="s">
        <v>282</v>
      </c>
      <c r="G328" s="9" t="s">
        <v>272</v>
      </c>
      <c r="H328" s="6">
        <v>336</v>
      </c>
      <c r="I328" s="6">
        <v>184</v>
      </c>
      <c r="J328" s="6">
        <v>176</v>
      </c>
      <c r="K328" s="6">
        <v>152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0</v>
      </c>
      <c r="E329" s="9" t="s">
        <v>227</v>
      </c>
      <c r="F329" s="9" t="s">
        <v>282</v>
      </c>
      <c r="G329" s="9" t="s">
        <v>273</v>
      </c>
      <c r="H329" s="6">
        <v>634</v>
      </c>
      <c r="I329" s="6">
        <v>531</v>
      </c>
      <c r="J329" s="6">
        <v>508</v>
      </c>
      <c r="K329" s="6">
        <v>102</v>
      </c>
      <c r="L329" s="6">
        <v>1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0</v>
      </c>
      <c r="E330" s="9" t="s">
        <v>227</v>
      </c>
      <c r="F330" s="9" t="s">
        <v>282</v>
      </c>
      <c r="G330" s="9" t="s">
        <v>274</v>
      </c>
      <c r="H330" s="6">
        <v>783</v>
      </c>
      <c r="I330" s="6">
        <v>681</v>
      </c>
      <c r="J330" s="6">
        <v>658</v>
      </c>
      <c r="K330" s="6">
        <v>102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0</v>
      </c>
      <c r="E331" s="9" t="s">
        <v>227</v>
      </c>
      <c r="F331" s="9" t="s">
        <v>282</v>
      </c>
      <c r="G331" s="9" t="s">
        <v>275</v>
      </c>
      <c r="H331" s="6">
        <v>814</v>
      </c>
      <c r="I331" s="6">
        <v>733</v>
      </c>
      <c r="J331" s="6">
        <v>709</v>
      </c>
      <c r="K331" s="6">
        <v>80</v>
      </c>
      <c r="L331" s="6">
        <v>1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0</v>
      </c>
      <c r="E332" s="9" t="s">
        <v>227</v>
      </c>
      <c r="F332" s="9" t="s">
        <v>282</v>
      </c>
      <c r="G332" s="9" t="s">
        <v>276</v>
      </c>
      <c r="H332" s="6">
        <v>893</v>
      </c>
      <c r="I332" s="6">
        <v>796</v>
      </c>
      <c r="J332" s="6">
        <v>772</v>
      </c>
      <c r="K332" s="6">
        <v>97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0</v>
      </c>
      <c r="E333" s="9" t="s">
        <v>227</v>
      </c>
      <c r="F333" s="9" t="s">
        <v>282</v>
      </c>
      <c r="G333" s="9" t="s">
        <v>277</v>
      </c>
      <c r="H333" s="6">
        <v>965</v>
      </c>
      <c r="I333" s="6">
        <v>872</v>
      </c>
      <c r="J333" s="6">
        <v>846</v>
      </c>
      <c r="K333" s="6">
        <v>93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0</v>
      </c>
      <c r="E334" s="9" t="s">
        <v>227</v>
      </c>
      <c r="F334" s="9" t="s">
        <v>282</v>
      </c>
      <c r="G334" s="9" t="s">
        <v>278</v>
      </c>
      <c r="H334" s="6">
        <v>922</v>
      </c>
      <c r="I334" s="6">
        <v>806</v>
      </c>
      <c r="J334" s="6">
        <v>770</v>
      </c>
      <c r="K334" s="6">
        <v>115</v>
      </c>
      <c r="L334" s="6">
        <v>1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0</v>
      </c>
      <c r="E335" s="9" t="s">
        <v>227</v>
      </c>
      <c r="F335" s="9" t="s">
        <v>282</v>
      </c>
      <c r="G335" s="9" t="s">
        <v>279</v>
      </c>
      <c r="H335" s="6">
        <v>427</v>
      </c>
      <c r="I335" s="6">
        <v>370</v>
      </c>
      <c r="J335" s="6">
        <v>359</v>
      </c>
      <c r="K335" s="6">
        <v>57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0</v>
      </c>
      <c r="E336" s="9" t="s">
        <v>227</v>
      </c>
      <c r="F336" s="9" t="s">
        <v>282</v>
      </c>
      <c r="G336" s="9" t="s">
        <v>280</v>
      </c>
      <c r="H336" s="6">
        <v>1487</v>
      </c>
      <c r="I336" s="6">
        <v>1190</v>
      </c>
      <c r="J336" s="6">
        <v>1152</v>
      </c>
      <c r="K336" s="6">
        <v>296</v>
      </c>
      <c r="L336" s="6">
        <v>1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0</v>
      </c>
      <c r="E337" s="9" t="s">
        <v>227</v>
      </c>
      <c r="F337" s="9" t="s">
        <v>283</v>
      </c>
      <c r="G337" s="9" t="s">
        <v>6</v>
      </c>
      <c r="H337" s="6">
        <v>4082</v>
      </c>
      <c r="I337" s="6">
        <v>3576</v>
      </c>
      <c r="J337" s="6">
        <v>3444</v>
      </c>
      <c r="K337" s="6">
        <v>503</v>
      </c>
      <c r="L337" s="6">
        <v>3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0</v>
      </c>
      <c r="E338" s="9" t="s">
        <v>227</v>
      </c>
      <c r="F338" s="9" t="s">
        <v>283</v>
      </c>
      <c r="G338" s="9" t="s">
        <v>272</v>
      </c>
      <c r="H338" s="6">
        <v>289</v>
      </c>
      <c r="I338" s="6">
        <v>188</v>
      </c>
      <c r="J338" s="6">
        <v>185</v>
      </c>
      <c r="K338" s="6">
        <v>101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0</v>
      </c>
      <c r="E339" s="9" t="s">
        <v>227</v>
      </c>
      <c r="F339" s="9" t="s">
        <v>283</v>
      </c>
      <c r="G339" s="9" t="s">
        <v>273</v>
      </c>
      <c r="H339" s="6">
        <v>552</v>
      </c>
      <c r="I339" s="6">
        <v>469</v>
      </c>
      <c r="J339" s="6">
        <v>448</v>
      </c>
      <c r="K339" s="6">
        <v>83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0</v>
      </c>
      <c r="E340" s="9" t="s">
        <v>227</v>
      </c>
      <c r="F340" s="9" t="s">
        <v>283</v>
      </c>
      <c r="G340" s="9" t="s">
        <v>274</v>
      </c>
      <c r="H340" s="6">
        <v>766</v>
      </c>
      <c r="I340" s="6">
        <v>686</v>
      </c>
      <c r="J340" s="6">
        <v>667</v>
      </c>
      <c r="K340" s="6">
        <v>80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0</v>
      </c>
      <c r="E341" s="9" t="s">
        <v>227</v>
      </c>
      <c r="F341" s="9" t="s">
        <v>283</v>
      </c>
      <c r="G341" s="9" t="s">
        <v>275</v>
      </c>
      <c r="H341" s="6">
        <v>797</v>
      </c>
      <c r="I341" s="6">
        <v>726</v>
      </c>
      <c r="J341" s="6">
        <v>699</v>
      </c>
      <c r="K341" s="6">
        <v>70</v>
      </c>
      <c r="L341" s="6">
        <v>1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0</v>
      </c>
      <c r="E342" s="9" t="s">
        <v>227</v>
      </c>
      <c r="F342" s="9" t="s">
        <v>283</v>
      </c>
      <c r="G342" s="9" t="s">
        <v>276</v>
      </c>
      <c r="H342" s="6">
        <v>679</v>
      </c>
      <c r="I342" s="6">
        <v>624</v>
      </c>
      <c r="J342" s="6">
        <v>603</v>
      </c>
      <c r="K342" s="6">
        <v>54</v>
      </c>
      <c r="L342" s="6">
        <v>1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0</v>
      </c>
      <c r="E343" s="9" t="s">
        <v>227</v>
      </c>
      <c r="F343" s="9" t="s">
        <v>283</v>
      </c>
      <c r="G343" s="9" t="s">
        <v>277</v>
      </c>
      <c r="H343" s="6">
        <v>469</v>
      </c>
      <c r="I343" s="6">
        <v>435</v>
      </c>
      <c r="J343" s="6">
        <v>412</v>
      </c>
      <c r="K343" s="6">
        <v>33</v>
      </c>
      <c r="L343" s="6">
        <v>1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0</v>
      </c>
      <c r="E344" s="9" t="s">
        <v>227</v>
      </c>
      <c r="F344" s="9" t="s">
        <v>283</v>
      </c>
      <c r="G344" s="9" t="s">
        <v>278</v>
      </c>
      <c r="H344" s="6">
        <v>240</v>
      </c>
      <c r="I344" s="6">
        <v>219</v>
      </c>
      <c r="J344" s="6">
        <v>214</v>
      </c>
      <c r="K344" s="6">
        <v>21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0</v>
      </c>
      <c r="E345" s="9" t="s">
        <v>227</v>
      </c>
      <c r="F345" s="9" t="s">
        <v>283</v>
      </c>
      <c r="G345" s="9" t="s">
        <v>279</v>
      </c>
      <c r="H345" s="6">
        <v>88</v>
      </c>
      <c r="I345" s="6">
        <v>74</v>
      </c>
      <c r="J345" s="6">
        <v>71</v>
      </c>
      <c r="K345" s="6">
        <v>14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0</v>
      </c>
      <c r="E346" s="9" t="s">
        <v>227</v>
      </c>
      <c r="F346" s="9" t="s">
        <v>283</v>
      </c>
      <c r="G346" s="9" t="s">
        <v>280</v>
      </c>
      <c r="H346" s="6">
        <v>202</v>
      </c>
      <c r="I346" s="6">
        <v>155</v>
      </c>
      <c r="J346" s="6">
        <v>145</v>
      </c>
      <c r="K346" s="6">
        <v>47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0</v>
      </c>
      <c r="E347" s="9" t="s">
        <v>228</v>
      </c>
      <c r="F347" s="9" t="s">
        <v>6</v>
      </c>
      <c r="G347" s="9" t="s">
        <v>6</v>
      </c>
      <c r="H347" s="6">
        <v>4534</v>
      </c>
      <c r="I347" s="6">
        <v>1842</v>
      </c>
      <c r="J347" s="6">
        <v>1704</v>
      </c>
      <c r="K347" s="6">
        <v>2690</v>
      </c>
      <c r="L347" s="6">
        <v>2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0</v>
      </c>
      <c r="E348" s="9" t="s">
        <v>228</v>
      </c>
      <c r="F348" s="9" t="s">
        <v>234</v>
      </c>
      <c r="G348" s="9" t="s">
        <v>6</v>
      </c>
      <c r="H348" s="6">
        <v>2892</v>
      </c>
      <c r="I348" s="6">
        <v>1049</v>
      </c>
      <c r="J348" s="6">
        <v>975</v>
      </c>
      <c r="K348" s="6">
        <v>1843</v>
      </c>
      <c r="L348" s="10" t="s">
        <v>55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0</v>
      </c>
      <c r="E349" s="9" t="s">
        <v>228</v>
      </c>
      <c r="F349" s="9" t="s">
        <v>235</v>
      </c>
      <c r="G349" s="9" t="s">
        <v>6</v>
      </c>
      <c r="H349" s="6">
        <v>1642</v>
      </c>
      <c r="I349" s="6">
        <v>793</v>
      </c>
      <c r="J349" s="6">
        <v>729</v>
      </c>
      <c r="K349" s="6">
        <v>847</v>
      </c>
      <c r="L349" s="6">
        <v>2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0</v>
      </c>
      <c r="E350" s="9" t="s">
        <v>228</v>
      </c>
      <c r="F350" s="9" t="s">
        <v>235</v>
      </c>
      <c r="G350" s="9" t="s">
        <v>272</v>
      </c>
      <c r="H350" s="6">
        <v>27</v>
      </c>
      <c r="I350" s="6">
        <v>5</v>
      </c>
      <c r="J350" s="6">
        <v>5</v>
      </c>
      <c r="K350" s="6">
        <v>22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0</v>
      </c>
      <c r="E351" s="9" t="s">
        <v>228</v>
      </c>
      <c r="F351" s="9" t="s">
        <v>235</v>
      </c>
      <c r="G351" s="9" t="s">
        <v>273</v>
      </c>
      <c r="H351" s="6">
        <v>46</v>
      </c>
      <c r="I351" s="6">
        <v>26</v>
      </c>
      <c r="J351" s="6">
        <v>24</v>
      </c>
      <c r="K351" s="6">
        <v>20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0</v>
      </c>
      <c r="E352" s="9" t="s">
        <v>228</v>
      </c>
      <c r="F352" s="9" t="s">
        <v>235</v>
      </c>
      <c r="G352" s="9" t="s">
        <v>274</v>
      </c>
      <c r="H352" s="6">
        <v>51</v>
      </c>
      <c r="I352" s="6">
        <v>36</v>
      </c>
      <c r="J352" s="6">
        <v>30</v>
      </c>
      <c r="K352" s="6">
        <v>15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0</v>
      </c>
      <c r="E353" s="9" t="s">
        <v>228</v>
      </c>
      <c r="F353" s="9" t="s">
        <v>235</v>
      </c>
      <c r="G353" s="9" t="s">
        <v>275</v>
      </c>
      <c r="H353" s="6">
        <v>25</v>
      </c>
      <c r="I353" s="6">
        <v>17</v>
      </c>
      <c r="J353" s="6">
        <v>16</v>
      </c>
      <c r="K353" s="6">
        <v>8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0</v>
      </c>
      <c r="E354" s="9" t="s">
        <v>228</v>
      </c>
      <c r="F354" s="9" t="s">
        <v>235</v>
      </c>
      <c r="G354" s="9" t="s">
        <v>276</v>
      </c>
      <c r="H354" s="6">
        <v>46</v>
      </c>
      <c r="I354" s="6">
        <v>38</v>
      </c>
      <c r="J354" s="6">
        <v>32</v>
      </c>
      <c r="K354" s="6">
        <v>7</v>
      </c>
      <c r="L354" s="6">
        <v>1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0</v>
      </c>
      <c r="E355" s="9" t="s">
        <v>228</v>
      </c>
      <c r="F355" s="9" t="s">
        <v>235</v>
      </c>
      <c r="G355" s="9" t="s">
        <v>277</v>
      </c>
      <c r="H355" s="6">
        <v>43</v>
      </c>
      <c r="I355" s="6">
        <v>32</v>
      </c>
      <c r="J355" s="6">
        <v>30</v>
      </c>
      <c r="K355" s="6">
        <v>10</v>
      </c>
      <c r="L355" s="6">
        <v>1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0</v>
      </c>
      <c r="E356" s="9" t="s">
        <v>228</v>
      </c>
      <c r="F356" s="9" t="s">
        <v>235</v>
      </c>
      <c r="G356" s="9" t="s">
        <v>278</v>
      </c>
      <c r="H356" s="6">
        <v>61</v>
      </c>
      <c r="I356" s="6">
        <v>45</v>
      </c>
      <c r="J356" s="6">
        <v>43</v>
      </c>
      <c r="K356" s="6">
        <v>16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0</v>
      </c>
      <c r="E357" s="9" t="s">
        <v>228</v>
      </c>
      <c r="F357" s="9" t="s">
        <v>235</v>
      </c>
      <c r="G357" s="9" t="s">
        <v>279</v>
      </c>
      <c r="H357" s="6">
        <v>44</v>
      </c>
      <c r="I357" s="6">
        <v>25</v>
      </c>
      <c r="J357" s="6">
        <v>22</v>
      </c>
      <c r="K357" s="6">
        <v>19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0</v>
      </c>
      <c r="E358" s="9" t="s">
        <v>228</v>
      </c>
      <c r="F358" s="9" t="s">
        <v>235</v>
      </c>
      <c r="G358" s="9" t="s">
        <v>280</v>
      </c>
      <c r="H358" s="6">
        <v>1299</v>
      </c>
      <c r="I358" s="6">
        <v>569</v>
      </c>
      <c r="J358" s="6">
        <v>527</v>
      </c>
      <c r="K358" s="6">
        <v>730</v>
      </c>
      <c r="L358" s="10" t="s">
        <v>55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0</v>
      </c>
      <c r="E359" s="9" t="s">
        <v>228</v>
      </c>
      <c r="F359" s="9" t="s">
        <v>281</v>
      </c>
      <c r="G359" s="9" t="s">
        <v>6</v>
      </c>
      <c r="H359" s="6">
        <v>1169</v>
      </c>
      <c r="I359" s="6">
        <v>524</v>
      </c>
      <c r="J359" s="6">
        <v>485</v>
      </c>
      <c r="K359" s="6">
        <v>644</v>
      </c>
      <c r="L359" s="6">
        <v>1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0</v>
      </c>
      <c r="E360" s="9" t="s">
        <v>228</v>
      </c>
      <c r="F360" s="9" t="s">
        <v>281</v>
      </c>
      <c r="G360" s="9" t="s">
        <v>272</v>
      </c>
      <c r="H360" s="6">
        <v>13</v>
      </c>
      <c r="I360" s="6">
        <v>1</v>
      </c>
      <c r="J360" s="6">
        <v>1</v>
      </c>
      <c r="K360" s="6">
        <v>12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0</v>
      </c>
      <c r="E361" s="9" t="s">
        <v>228</v>
      </c>
      <c r="F361" s="9" t="s">
        <v>281</v>
      </c>
      <c r="G361" s="9" t="s">
        <v>273</v>
      </c>
      <c r="H361" s="6">
        <v>21</v>
      </c>
      <c r="I361" s="6">
        <v>12</v>
      </c>
      <c r="J361" s="6">
        <v>10</v>
      </c>
      <c r="K361" s="6">
        <v>9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0</v>
      </c>
      <c r="E362" s="9" t="s">
        <v>228</v>
      </c>
      <c r="F362" s="9" t="s">
        <v>281</v>
      </c>
      <c r="G362" s="9" t="s">
        <v>274</v>
      </c>
      <c r="H362" s="6">
        <v>12</v>
      </c>
      <c r="I362" s="6">
        <v>10</v>
      </c>
      <c r="J362" s="6">
        <v>8</v>
      </c>
      <c r="K362" s="6">
        <v>2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0</v>
      </c>
      <c r="E363" s="9" t="s">
        <v>228</v>
      </c>
      <c r="F363" s="9" t="s">
        <v>281</v>
      </c>
      <c r="G363" s="9" t="s">
        <v>275</v>
      </c>
      <c r="H363" s="6">
        <v>10</v>
      </c>
      <c r="I363" s="6">
        <v>8</v>
      </c>
      <c r="J363" s="6">
        <v>8</v>
      </c>
      <c r="K363" s="6">
        <v>2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0</v>
      </c>
      <c r="E364" s="9" t="s">
        <v>228</v>
      </c>
      <c r="F364" s="9" t="s">
        <v>281</v>
      </c>
      <c r="G364" s="9" t="s">
        <v>276</v>
      </c>
      <c r="H364" s="6">
        <v>17</v>
      </c>
      <c r="I364" s="6">
        <v>16</v>
      </c>
      <c r="J364" s="6">
        <v>15</v>
      </c>
      <c r="K364" s="6">
        <v>1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0</v>
      </c>
      <c r="E365" s="9" t="s">
        <v>228</v>
      </c>
      <c r="F365" s="9" t="s">
        <v>281</v>
      </c>
      <c r="G365" s="9" t="s">
        <v>277</v>
      </c>
      <c r="H365" s="6">
        <v>15</v>
      </c>
      <c r="I365" s="6">
        <v>11</v>
      </c>
      <c r="J365" s="6">
        <v>10</v>
      </c>
      <c r="K365" s="6">
        <v>3</v>
      </c>
      <c r="L365" s="6">
        <v>1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0</v>
      </c>
      <c r="E366" s="9" t="s">
        <v>228</v>
      </c>
      <c r="F366" s="9" t="s">
        <v>281</v>
      </c>
      <c r="G366" s="9" t="s">
        <v>278</v>
      </c>
      <c r="H366" s="6">
        <v>28</v>
      </c>
      <c r="I366" s="6">
        <v>19</v>
      </c>
      <c r="J366" s="6">
        <v>18</v>
      </c>
      <c r="K366" s="6">
        <v>9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0</v>
      </c>
      <c r="E367" s="9" t="s">
        <v>228</v>
      </c>
      <c r="F367" s="9" t="s">
        <v>281</v>
      </c>
      <c r="G367" s="9" t="s">
        <v>279</v>
      </c>
      <c r="H367" s="6">
        <v>25</v>
      </c>
      <c r="I367" s="6">
        <v>13</v>
      </c>
      <c r="J367" s="6">
        <v>13</v>
      </c>
      <c r="K367" s="6">
        <v>1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0</v>
      </c>
      <c r="E368" s="9" t="s">
        <v>228</v>
      </c>
      <c r="F368" s="9" t="s">
        <v>281</v>
      </c>
      <c r="G368" s="9" t="s">
        <v>280</v>
      </c>
      <c r="H368" s="6">
        <v>1028</v>
      </c>
      <c r="I368" s="6">
        <v>434</v>
      </c>
      <c r="J368" s="6">
        <v>402</v>
      </c>
      <c r="K368" s="6">
        <v>594</v>
      </c>
      <c r="L368" s="10" t="s">
        <v>55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0</v>
      </c>
      <c r="E369" s="9" t="s">
        <v>228</v>
      </c>
      <c r="F369" s="9" t="s">
        <v>282</v>
      </c>
      <c r="G369" s="9" t="s">
        <v>6</v>
      </c>
      <c r="H369" s="6">
        <v>379</v>
      </c>
      <c r="I369" s="6">
        <v>205</v>
      </c>
      <c r="J369" s="6">
        <v>188</v>
      </c>
      <c r="K369" s="6">
        <v>174</v>
      </c>
      <c r="L369" s="10" t="s">
        <v>55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0</v>
      </c>
      <c r="E370" s="9" t="s">
        <v>228</v>
      </c>
      <c r="F370" s="9" t="s">
        <v>282</v>
      </c>
      <c r="G370" s="9" t="s">
        <v>272</v>
      </c>
      <c r="H370" s="6">
        <v>8</v>
      </c>
      <c r="I370" s="10" t="s">
        <v>55</v>
      </c>
      <c r="J370" s="10" t="s">
        <v>55</v>
      </c>
      <c r="K370" s="6">
        <v>8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0</v>
      </c>
      <c r="E371" s="9" t="s">
        <v>228</v>
      </c>
      <c r="F371" s="9" t="s">
        <v>282</v>
      </c>
      <c r="G371" s="9" t="s">
        <v>273</v>
      </c>
      <c r="H371" s="6">
        <v>15</v>
      </c>
      <c r="I371" s="6">
        <v>7</v>
      </c>
      <c r="J371" s="6">
        <v>7</v>
      </c>
      <c r="K371" s="6">
        <v>8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0</v>
      </c>
      <c r="E372" s="9" t="s">
        <v>228</v>
      </c>
      <c r="F372" s="9" t="s">
        <v>282</v>
      </c>
      <c r="G372" s="9" t="s">
        <v>274</v>
      </c>
      <c r="H372" s="6">
        <v>18</v>
      </c>
      <c r="I372" s="6">
        <v>11</v>
      </c>
      <c r="J372" s="6">
        <v>10</v>
      </c>
      <c r="K372" s="6">
        <v>7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0</v>
      </c>
      <c r="E373" s="9" t="s">
        <v>228</v>
      </c>
      <c r="F373" s="9" t="s">
        <v>282</v>
      </c>
      <c r="G373" s="9" t="s">
        <v>275</v>
      </c>
      <c r="H373" s="6">
        <v>11</v>
      </c>
      <c r="I373" s="6">
        <v>8</v>
      </c>
      <c r="J373" s="6">
        <v>8</v>
      </c>
      <c r="K373" s="6">
        <v>3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0</v>
      </c>
      <c r="E374" s="9" t="s">
        <v>228</v>
      </c>
      <c r="F374" s="9" t="s">
        <v>282</v>
      </c>
      <c r="G374" s="9" t="s">
        <v>276</v>
      </c>
      <c r="H374" s="6">
        <v>15</v>
      </c>
      <c r="I374" s="6">
        <v>11</v>
      </c>
      <c r="J374" s="6">
        <v>8</v>
      </c>
      <c r="K374" s="6">
        <v>4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0</v>
      </c>
      <c r="E375" s="9" t="s">
        <v>228</v>
      </c>
      <c r="F375" s="9" t="s">
        <v>282</v>
      </c>
      <c r="G375" s="9" t="s">
        <v>277</v>
      </c>
      <c r="H375" s="6">
        <v>23</v>
      </c>
      <c r="I375" s="6">
        <v>16</v>
      </c>
      <c r="J375" s="6">
        <v>15</v>
      </c>
      <c r="K375" s="6">
        <v>7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0</v>
      </c>
      <c r="E376" s="9" t="s">
        <v>228</v>
      </c>
      <c r="F376" s="9" t="s">
        <v>282</v>
      </c>
      <c r="G376" s="9" t="s">
        <v>278</v>
      </c>
      <c r="H376" s="6">
        <v>28</v>
      </c>
      <c r="I376" s="6">
        <v>22</v>
      </c>
      <c r="J376" s="6">
        <v>21</v>
      </c>
      <c r="K376" s="6">
        <v>6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0</v>
      </c>
      <c r="E377" s="9" t="s">
        <v>228</v>
      </c>
      <c r="F377" s="9" t="s">
        <v>282</v>
      </c>
      <c r="G377" s="9" t="s">
        <v>279</v>
      </c>
      <c r="H377" s="6">
        <v>16</v>
      </c>
      <c r="I377" s="6">
        <v>9</v>
      </c>
      <c r="J377" s="6">
        <v>6</v>
      </c>
      <c r="K377" s="6">
        <v>7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0</v>
      </c>
      <c r="E378" s="9" t="s">
        <v>228</v>
      </c>
      <c r="F378" s="9" t="s">
        <v>282</v>
      </c>
      <c r="G378" s="9" t="s">
        <v>280</v>
      </c>
      <c r="H378" s="6">
        <v>245</v>
      </c>
      <c r="I378" s="6">
        <v>121</v>
      </c>
      <c r="J378" s="6">
        <v>113</v>
      </c>
      <c r="K378" s="6">
        <v>124</v>
      </c>
      <c r="L378" s="10" t="s">
        <v>5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0</v>
      </c>
      <c r="E379" s="9" t="s">
        <v>228</v>
      </c>
      <c r="F379" s="9" t="s">
        <v>283</v>
      </c>
      <c r="G379" s="9" t="s">
        <v>6</v>
      </c>
      <c r="H379" s="6">
        <v>94</v>
      </c>
      <c r="I379" s="6">
        <v>64</v>
      </c>
      <c r="J379" s="6">
        <v>56</v>
      </c>
      <c r="K379" s="6">
        <v>29</v>
      </c>
      <c r="L379" s="6">
        <v>1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0</v>
      </c>
      <c r="E380" s="9" t="s">
        <v>228</v>
      </c>
      <c r="F380" s="9" t="s">
        <v>283</v>
      </c>
      <c r="G380" s="9" t="s">
        <v>272</v>
      </c>
      <c r="H380" s="6">
        <v>6</v>
      </c>
      <c r="I380" s="6">
        <v>4</v>
      </c>
      <c r="J380" s="6">
        <v>4</v>
      </c>
      <c r="K380" s="6">
        <v>2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0</v>
      </c>
      <c r="E381" s="9" t="s">
        <v>228</v>
      </c>
      <c r="F381" s="9" t="s">
        <v>283</v>
      </c>
      <c r="G381" s="9" t="s">
        <v>273</v>
      </c>
      <c r="H381" s="6">
        <v>10</v>
      </c>
      <c r="I381" s="6">
        <v>7</v>
      </c>
      <c r="J381" s="6">
        <v>7</v>
      </c>
      <c r="K381" s="6">
        <v>3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0</v>
      </c>
      <c r="E382" s="9" t="s">
        <v>228</v>
      </c>
      <c r="F382" s="9" t="s">
        <v>283</v>
      </c>
      <c r="G382" s="9" t="s">
        <v>274</v>
      </c>
      <c r="H382" s="6">
        <v>21</v>
      </c>
      <c r="I382" s="6">
        <v>15</v>
      </c>
      <c r="J382" s="6">
        <v>12</v>
      </c>
      <c r="K382" s="6">
        <v>6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0</v>
      </c>
      <c r="E383" s="9" t="s">
        <v>228</v>
      </c>
      <c r="F383" s="9" t="s">
        <v>283</v>
      </c>
      <c r="G383" s="9" t="s">
        <v>275</v>
      </c>
      <c r="H383" s="6">
        <v>4</v>
      </c>
      <c r="I383" s="6">
        <v>1</v>
      </c>
      <c r="J383" s="10" t="s">
        <v>55</v>
      </c>
      <c r="K383" s="6">
        <v>3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0</v>
      </c>
      <c r="E384" s="9" t="s">
        <v>228</v>
      </c>
      <c r="F384" s="9" t="s">
        <v>283</v>
      </c>
      <c r="G384" s="9" t="s">
        <v>276</v>
      </c>
      <c r="H384" s="6">
        <v>14</v>
      </c>
      <c r="I384" s="6">
        <v>11</v>
      </c>
      <c r="J384" s="6">
        <v>9</v>
      </c>
      <c r="K384" s="6">
        <v>2</v>
      </c>
      <c r="L384" s="6">
        <v>1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0</v>
      </c>
      <c r="E385" s="9" t="s">
        <v>228</v>
      </c>
      <c r="F385" s="9" t="s">
        <v>283</v>
      </c>
      <c r="G385" s="9" t="s">
        <v>277</v>
      </c>
      <c r="H385" s="6">
        <v>5</v>
      </c>
      <c r="I385" s="6">
        <v>5</v>
      </c>
      <c r="J385" s="6">
        <v>5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0</v>
      </c>
      <c r="E386" s="9" t="s">
        <v>228</v>
      </c>
      <c r="F386" s="9" t="s">
        <v>283</v>
      </c>
      <c r="G386" s="9" t="s">
        <v>278</v>
      </c>
      <c r="H386" s="6">
        <v>5</v>
      </c>
      <c r="I386" s="6">
        <v>4</v>
      </c>
      <c r="J386" s="6">
        <v>4</v>
      </c>
      <c r="K386" s="6">
        <v>1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0</v>
      </c>
      <c r="E387" s="9" t="s">
        <v>228</v>
      </c>
      <c r="F387" s="9" t="s">
        <v>283</v>
      </c>
      <c r="G387" s="9" t="s">
        <v>279</v>
      </c>
      <c r="H387" s="6">
        <v>3</v>
      </c>
      <c r="I387" s="6">
        <v>3</v>
      </c>
      <c r="J387" s="6">
        <v>3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0</v>
      </c>
      <c r="E388" s="9" t="s">
        <v>228</v>
      </c>
      <c r="F388" s="9" t="s">
        <v>283</v>
      </c>
      <c r="G388" s="9" t="s">
        <v>280</v>
      </c>
      <c r="H388" s="6">
        <v>26</v>
      </c>
      <c r="I388" s="6">
        <v>14</v>
      </c>
      <c r="J388" s="6">
        <v>12</v>
      </c>
      <c r="K388" s="6">
        <v>12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0</v>
      </c>
      <c r="E389" s="9" t="s">
        <v>18</v>
      </c>
      <c r="F389" s="9" t="s">
        <v>6</v>
      </c>
      <c r="G389" s="9" t="s">
        <v>6</v>
      </c>
      <c r="H389" s="6">
        <v>990</v>
      </c>
      <c r="I389" s="6">
        <v>25</v>
      </c>
      <c r="J389" s="6">
        <v>21</v>
      </c>
      <c r="K389" s="6">
        <v>7</v>
      </c>
      <c r="L389" s="6">
        <v>958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0</v>
      </c>
      <c r="E390" s="9" t="s">
        <v>18</v>
      </c>
      <c r="F390" s="9" t="s">
        <v>234</v>
      </c>
      <c r="G390" s="9" t="s">
        <v>6</v>
      </c>
      <c r="H390" s="6">
        <v>244</v>
      </c>
      <c r="I390" s="6">
        <v>12</v>
      </c>
      <c r="J390" s="6">
        <v>12</v>
      </c>
      <c r="K390" s="6">
        <v>2</v>
      </c>
      <c r="L390" s="6">
        <v>230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0</v>
      </c>
      <c r="E391" s="9" t="s">
        <v>18</v>
      </c>
      <c r="F391" s="9" t="s">
        <v>235</v>
      </c>
      <c r="G391" s="9" t="s">
        <v>6</v>
      </c>
      <c r="H391" s="6">
        <v>746</v>
      </c>
      <c r="I391" s="6">
        <v>13</v>
      </c>
      <c r="J391" s="6">
        <v>9</v>
      </c>
      <c r="K391" s="6">
        <v>5</v>
      </c>
      <c r="L391" s="6">
        <v>728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0</v>
      </c>
      <c r="E392" s="9" t="s">
        <v>18</v>
      </c>
      <c r="F392" s="9" t="s">
        <v>235</v>
      </c>
      <c r="G392" s="9" t="s">
        <v>272</v>
      </c>
      <c r="H392" s="6">
        <v>58</v>
      </c>
      <c r="I392" s="10" t="s">
        <v>55</v>
      </c>
      <c r="J392" s="10" t="s">
        <v>55</v>
      </c>
      <c r="K392" s="6">
        <v>1</v>
      </c>
      <c r="L392" s="6">
        <v>57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0</v>
      </c>
      <c r="E393" s="9" t="s">
        <v>18</v>
      </c>
      <c r="F393" s="9" t="s">
        <v>235</v>
      </c>
      <c r="G393" s="9" t="s">
        <v>273</v>
      </c>
      <c r="H393" s="6">
        <v>96</v>
      </c>
      <c r="I393" s="6">
        <v>3</v>
      </c>
      <c r="J393" s="6">
        <v>3</v>
      </c>
      <c r="K393" s="6">
        <v>1</v>
      </c>
      <c r="L393" s="6">
        <v>92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0</v>
      </c>
      <c r="E394" s="9" t="s">
        <v>18</v>
      </c>
      <c r="F394" s="9" t="s">
        <v>235</v>
      </c>
      <c r="G394" s="9" t="s">
        <v>274</v>
      </c>
      <c r="H394" s="6">
        <v>82</v>
      </c>
      <c r="I394" s="6">
        <v>1</v>
      </c>
      <c r="J394" s="10" t="s">
        <v>55</v>
      </c>
      <c r="K394" s="10" t="s">
        <v>55</v>
      </c>
      <c r="L394" s="6">
        <v>81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0</v>
      </c>
      <c r="E395" s="9" t="s">
        <v>18</v>
      </c>
      <c r="F395" s="9" t="s">
        <v>235</v>
      </c>
      <c r="G395" s="9" t="s">
        <v>275</v>
      </c>
      <c r="H395" s="6">
        <v>61</v>
      </c>
      <c r="I395" s="10" t="s">
        <v>55</v>
      </c>
      <c r="J395" s="10" t="s">
        <v>55</v>
      </c>
      <c r="K395" s="10" t="s">
        <v>55</v>
      </c>
      <c r="L395" s="6">
        <v>61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0</v>
      </c>
      <c r="E396" s="9" t="s">
        <v>18</v>
      </c>
      <c r="F396" s="9" t="s">
        <v>235</v>
      </c>
      <c r="G396" s="9" t="s">
        <v>276</v>
      </c>
      <c r="H396" s="6">
        <v>82</v>
      </c>
      <c r="I396" s="6">
        <v>1</v>
      </c>
      <c r="J396" s="6">
        <v>1</v>
      </c>
      <c r="K396" s="10" t="s">
        <v>55</v>
      </c>
      <c r="L396" s="6">
        <v>81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0</v>
      </c>
      <c r="E397" s="9" t="s">
        <v>18</v>
      </c>
      <c r="F397" s="9" t="s">
        <v>235</v>
      </c>
      <c r="G397" s="9" t="s">
        <v>277</v>
      </c>
      <c r="H397" s="6">
        <v>81</v>
      </c>
      <c r="I397" s="10" t="s">
        <v>55</v>
      </c>
      <c r="J397" s="10" t="s">
        <v>55</v>
      </c>
      <c r="K397" s="6">
        <v>1</v>
      </c>
      <c r="L397" s="6">
        <v>80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0</v>
      </c>
      <c r="E398" s="9" t="s">
        <v>18</v>
      </c>
      <c r="F398" s="9" t="s">
        <v>235</v>
      </c>
      <c r="G398" s="9" t="s">
        <v>278</v>
      </c>
      <c r="H398" s="6">
        <v>52</v>
      </c>
      <c r="I398" s="10" t="s">
        <v>55</v>
      </c>
      <c r="J398" s="10" t="s">
        <v>55</v>
      </c>
      <c r="K398" s="6">
        <v>1</v>
      </c>
      <c r="L398" s="6">
        <v>51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0</v>
      </c>
      <c r="E399" s="9" t="s">
        <v>18</v>
      </c>
      <c r="F399" s="9" t="s">
        <v>235</v>
      </c>
      <c r="G399" s="9" t="s">
        <v>279</v>
      </c>
      <c r="H399" s="6">
        <v>44</v>
      </c>
      <c r="I399" s="10" t="s">
        <v>55</v>
      </c>
      <c r="J399" s="10" t="s">
        <v>55</v>
      </c>
      <c r="K399" s="10" t="s">
        <v>55</v>
      </c>
      <c r="L399" s="6">
        <v>44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0</v>
      </c>
      <c r="E400" s="9" t="s">
        <v>18</v>
      </c>
      <c r="F400" s="9" t="s">
        <v>235</v>
      </c>
      <c r="G400" s="9" t="s">
        <v>280</v>
      </c>
      <c r="H400" s="6">
        <v>190</v>
      </c>
      <c r="I400" s="6">
        <v>8</v>
      </c>
      <c r="J400" s="6">
        <v>5</v>
      </c>
      <c r="K400" s="6">
        <v>1</v>
      </c>
      <c r="L400" s="6">
        <v>181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0</v>
      </c>
      <c r="E401" s="9" t="s">
        <v>18</v>
      </c>
      <c r="F401" s="9" t="s">
        <v>281</v>
      </c>
      <c r="G401" s="9" t="s">
        <v>6</v>
      </c>
      <c r="H401" s="6">
        <v>267</v>
      </c>
      <c r="I401" s="6">
        <v>5</v>
      </c>
      <c r="J401" s="6">
        <v>4</v>
      </c>
      <c r="K401" s="6">
        <v>3</v>
      </c>
      <c r="L401" s="6">
        <v>259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0</v>
      </c>
      <c r="E402" s="9" t="s">
        <v>18</v>
      </c>
      <c r="F402" s="9" t="s">
        <v>281</v>
      </c>
      <c r="G402" s="9" t="s">
        <v>272</v>
      </c>
      <c r="H402" s="6">
        <v>27</v>
      </c>
      <c r="I402" s="10" t="s">
        <v>55</v>
      </c>
      <c r="J402" s="10" t="s">
        <v>55</v>
      </c>
      <c r="K402" s="10" t="s">
        <v>55</v>
      </c>
      <c r="L402" s="6">
        <v>27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0</v>
      </c>
      <c r="E403" s="9" t="s">
        <v>18</v>
      </c>
      <c r="F403" s="9" t="s">
        <v>281</v>
      </c>
      <c r="G403" s="9" t="s">
        <v>273</v>
      </c>
      <c r="H403" s="6">
        <v>29</v>
      </c>
      <c r="I403" s="6">
        <v>1</v>
      </c>
      <c r="J403" s="6">
        <v>1</v>
      </c>
      <c r="K403" s="6">
        <v>1</v>
      </c>
      <c r="L403" s="6">
        <v>27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0</v>
      </c>
      <c r="E404" s="9" t="s">
        <v>18</v>
      </c>
      <c r="F404" s="9" t="s">
        <v>281</v>
      </c>
      <c r="G404" s="9" t="s">
        <v>274</v>
      </c>
      <c r="H404" s="6">
        <v>16</v>
      </c>
      <c r="I404" s="10" t="s">
        <v>55</v>
      </c>
      <c r="J404" s="10" t="s">
        <v>55</v>
      </c>
      <c r="K404" s="10" t="s">
        <v>55</v>
      </c>
      <c r="L404" s="6">
        <v>16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0</v>
      </c>
      <c r="E405" s="9" t="s">
        <v>18</v>
      </c>
      <c r="F405" s="9" t="s">
        <v>281</v>
      </c>
      <c r="G405" s="9" t="s">
        <v>275</v>
      </c>
      <c r="H405" s="6">
        <v>13</v>
      </c>
      <c r="I405" s="10" t="s">
        <v>55</v>
      </c>
      <c r="J405" s="10" t="s">
        <v>55</v>
      </c>
      <c r="K405" s="10" t="s">
        <v>55</v>
      </c>
      <c r="L405" s="6">
        <v>13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0</v>
      </c>
      <c r="E406" s="9" t="s">
        <v>18</v>
      </c>
      <c r="F406" s="9" t="s">
        <v>281</v>
      </c>
      <c r="G406" s="9" t="s">
        <v>276</v>
      </c>
      <c r="H406" s="6">
        <v>7</v>
      </c>
      <c r="I406" s="10" t="s">
        <v>55</v>
      </c>
      <c r="J406" s="10" t="s">
        <v>55</v>
      </c>
      <c r="K406" s="10" t="s">
        <v>55</v>
      </c>
      <c r="L406" s="6">
        <v>7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0</v>
      </c>
      <c r="E407" s="9" t="s">
        <v>18</v>
      </c>
      <c r="F407" s="9" t="s">
        <v>281</v>
      </c>
      <c r="G407" s="9" t="s">
        <v>277</v>
      </c>
      <c r="H407" s="6">
        <v>17</v>
      </c>
      <c r="I407" s="10" t="s">
        <v>55</v>
      </c>
      <c r="J407" s="10" t="s">
        <v>55</v>
      </c>
      <c r="K407" s="10" t="s">
        <v>55</v>
      </c>
      <c r="L407" s="6">
        <v>17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0</v>
      </c>
      <c r="E408" s="9" t="s">
        <v>18</v>
      </c>
      <c r="F408" s="9" t="s">
        <v>281</v>
      </c>
      <c r="G408" s="9" t="s">
        <v>278</v>
      </c>
      <c r="H408" s="6">
        <v>15</v>
      </c>
      <c r="I408" s="10" t="s">
        <v>55</v>
      </c>
      <c r="J408" s="10" t="s">
        <v>55</v>
      </c>
      <c r="K408" s="6">
        <v>1</v>
      </c>
      <c r="L408" s="6">
        <v>14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0</v>
      </c>
      <c r="E409" s="9" t="s">
        <v>18</v>
      </c>
      <c r="F409" s="9" t="s">
        <v>281</v>
      </c>
      <c r="G409" s="9" t="s">
        <v>279</v>
      </c>
      <c r="H409" s="6">
        <v>18</v>
      </c>
      <c r="I409" s="10" t="s">
        <v>55</v>
      </c>
      <c r="J409" s="10" t="s">
        <v>55</v>
      </c>
      <c r="K409" s="10" t="s">
        <v>55</v>
      </c>
      <c r="L409" s="6">
        <v>18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0</v>
      </c>
      <c r="E410" s="9" t="s">
        <v>18</v>
      </c>
      <c r="F410" s="9" t="s">
        <v>281</v>
      </c>
      <c r="G410" s="9" t="s">
        <v>280</v>
      </c>
      <c r="H410" s="6">
        <v>125</v>
      </c>
      <c r="I410" s="6">
        <v>4</v>
      </c>
      <c r="J410" s="6">
        <v>3</v>
      </c>
      <c r="K410" s="6">
        <v>1</v>
      </c>
      <c r="L410" s="6">
        <v>120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0</v>
      </c>
      <c r="E411" s="9" t="s">
        <v>18</v>
      </c>
      <c r="F411" s="9" t="s">
        <v>282</v>
      </c>
      <c r="G411" s="9" t="s">
        <v>6</v>
      </c>
      <c r="H411" s="6">
        <v>288</v>
      </c>
      <c r="I411" s="6">
        <v>7</v>
      </c>
      <c r="J411" s="6">
        <v>5</v>
      </c>
      <c r="K411" s="10" t="s">
        <v>55</v>
      </c>
      <c r="L411" s="6">
        <v>281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0</v>
      </c>
      <c r="E412" s="9" t="s">
        <v>18</v>
      </c>
      <c r="F412" s="9" t="s">
        <v>282</v>
      </c>
      <c r="G412" s="9" t="s">
        <v>272</v>
      </c>
      <c r="H412" s="6">
        <v>19</v>
      </c>
      <c r="I412" s="10" t="s">
        <v>55</v>
      </c>
      <c r="J412" s="10" t="s">
        <v>55</v>
      </c>
      <c r="K412" s="10" t="s">
        <v>55</v>
      </c>
      <c r="L412" s="6">
        <v>19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0</v>
      </c>
      <c r="E413" s="9" t="s">
        <v>18</v>
      </c>
      <c r="F413" s="9" t="s">
        <v>282</v>
      </c>
      <c r="G413" s="9" t="s">
        <v>273</v>
      </c>
      <c r="H413" s="6">
        <v>38</v>
      </c>
      <c r="I413" s="6">
        <v>2</v>
      </c>
      <c r="J413" s="6">
        <v>2</v>
      </c>
      <c r="K413" s="10" t="s">
        <v>55</v>
      </c>
      <c r="L413" s="6">
        <v>36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0</v>
      </c>
      <c r="E414" s="9" t="s">
        <v>18</v>
      </c>
      <c r="F414" s="9" t="s">
        <v>282</v>
      </c>
      <c r="G414" s="9" t="s">
        <v>274</v>
      </c>
      <c r="H414" s="6">
        <v>25</v>
      </c>
      <c r="I414" s="10" t="s">
        <v>55</v>
      </c>
      <c r="J414" s="10" t="s">
        <v>55</v>
      </c>
      <c r="K414" s="10" t="s">
        <v>55</v>
      </c>
      <c r="L414" s="6">
        <v>25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0</v>
      </c>
      <c r="E415" s="9" t="s">
        <v>18</v>
      </c>
      <c r="F415" s="9" t="s">
        <v>282</v>
      </c>
      <c r="G415" s="9" t="s">
        <v>275</v>
      </c>
      <c r="H415" s="6">
        <v>26</v>
      </c>
      <c r="I415" s="10" t="s">
        <v>55</v>
      </c>
      <c r="J415" s="10" t="s">
        <v>55</v>
      </c>
      <c r="K415" s="10" t="s">
        <v>55</v>
      </c>
      <c r="L415" s="6">
        <v>26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0</v>
      </c>
      <c r="E416" s="9" t="s">
        <v>18</v>
      </c>
      <c r="F416" s="9" t="s">
        <v>282</v>
      </c>
      <c r="G416" s="9" t="s">
        <v>276</v>
      </c>
      <c r="H416" s="6">
        <v>41</v>
      </c>
      <c r="I416" s="6">
        <v>1</v>
      </c>
      <c r="J416" s="6">
        <v>1</v>
      </c>
      <c r="K416" s="10" t="s">
        <v>55</v>
      </c>
      <c r="L416" s="6">
        <v>40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0</v>
      </c>
      <c r="E417" s="9" t="s">
        <v>18</v>
      </c>
      <c r="F417" s="9" t="s">
        <v>282</v>
      </c>
      <c r="G417" s="9" t="s">
        <v>277</v>
      </c>
      <c r="H417" s="6">
        <v>38</v>
      </c>
      <c r="I417" s="10" t="s">
        <v>55</v>
      </c>
      <c r="J417" s="10" t="s">
        <v>55</v>
      </c>
      <c r="K417" s="10" t="s">
        <v>55</v>
      </c>
      <c r="L417" s="6">
        <v>38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0</v>
      </c>
      <c r="E418" s="9" t="s">
        <v>18</v>
      </c>
      <c r="F418" s="9" t="s">
        <v>282</v>
      </c>
      <c r="G418" s="9" t="s">
        <v>278</v>
      </c>
      <c r="H418" s="6">
        <v>25</v>
      </c>
      <c r="I418" s="10" t="s">
        <v>55</v>
      </c>
      <c r="J418" s="10" t="s">
        <v>55</v>
      </c>
      <c r="K418" s="10" t="s">
        <v>55</v>
      </c>
      <c r="L418" s="6">
        <v>25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0</v>
      </c>
      <c r="E419" s="9" t="s">
        <v>18</v>
      </c>
      <c r="F419" s="9" t="s">
        <v>282</v>
      </c>
      <c r="G419" s="9" t="s">
        <v>279</v>
      </c>
      <c r="H419" s="6">
        <v>16</v>
      </c>
      <c r="I419" s="10" t="s">
        <v>55</v>
      </c>
      <c r="J419" s="10" t="s">
        <v>55</v>
      </c>
      <c r="K419" s="10" t="s">
        <v>55</v>
      </c>
      <c r="L419" s="6">
        <v>16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0</v>
      </c>
      <c r="E420" s="9" t="s">
        <v>18</v>
      </c>
      <c r="F420" s="9" t="s">
        <v>282</v>
      </c>
      <c r="G420" s="9" t="s">
        <v>280</v>
      </c>
      <c r="H420" s="6">
        <v>60</v>
      </c>
      <c r="I420" s="6">
        <v>4</v>
      </c>
      <c r="J420" s="6">
        <v>2</v>
      </c>
      <c r="K420" s="10" t="s">
        <v>55</v>
      </c>
      <c r="L420" s="6">
        <v>56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0</v>
      </c>
      <c r="E421" s="9" t="s">
        <v>18</v>
      </c>
      <c r="F421" s="9" t="s">
        <v>283</v>
      </c>
      <c r="G421" s="9" t="s">
        <v>6</v>
      </c>
      <c r="H421" s="6">
        <v>191</v>
      </c>
      <c r="I421" s="6">
        <v>1</v>
      </c>
      <c r="J421" s="10" t="s">
        <v>55</v>
      </c>
      <c r="K421" s="6">
        <v>2</v>
      </c>
      <c r="L421" s="6">
        <v>188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0</v>
      </c>
      <c r="E422" s="9" t="s">
        <v>18</v>
      </c>
      <c r="F422" s="9" t="s">
        <v>283</v>
      </c>
      <c r="G422" s="9" t="s">
        <v>272</v>
      </c>
      <c r="H422" s="6">
        <v>12</v>
      </c>
      <c r="I422" s="10" t="s">
        <v>55</v>
      </c>
      <c r="J422" s="10" t="s">
        <v>55</v>
      </c>
      <c r="K422" s="6">
        <v>1</v>
      </c>
      <c r="L422" s="6">
        <v>11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0</v>
      </c>
      <c r="E423" s="9" t="s">
        <v>18</v>
      </c>
      <c r="F423" s="9" t="s">
        <v>283</v>
      </c>
      <c r="G423" s="9" t="s">
        <v>273</v>
      </c>
      <c r="H423" s="6">
        <v>29</v>
      </c>
      <c r="I423" s="10" t="s">
        <v>55</v>
      </c>
      <c r="J423" s="10" t="s">
        <v>55</v>
      </c>
      <c r="K423" s="10" t="s">
        <v>55</v>
      </c>
      <c r="L423" s="6">
        <v>29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0</v>
      </c>
      <c r="E424" s="9" t="s">
        <v>18</v>
      </c>
      <c r="F424" s="9" t="s">
        <v>283</v>
      </c>
      <c r="G424" s="9" t="s">
        <v>274</v>
      </c>
      <c r="H424" s="6">
        <v>41</v>
      </c>
      <c r="I424" s="6">
        <v>1</v>
      </c>
      <c r="J424" s="10" t="s">
        <v>55</v>
      </c>
      <c r="K424" s="10" t="s">
        <v>55</v>
      </c>
      <c r="L424" s="6">
        <v>40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0</v>
      </c>
      <c r="E425" s="9" t="s">
        <v>18</v>
      </c>
      <c r="F425" s="9" t="s">
        <v>283</v>
      </c>
      <c r="G425" s="9" t="s">
        <v>275</v>
      </c>
      <c r="H425" s="6">
        <v>22</v>
      </c>
      <c r="I425" s="10" t="s">
        <v>55</v>
      </c>
      <c r="J425" s="10" t="s">
        <v>55</v>
      </c>
      <c r="K425" s="10" t="s">
        <v>55</v>
      </c>
      <c r="L425" s="6">
        <v>22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0</v>
      </c>
      <c r="E426" s="9" t="s">
        <v>18</v>
      </c>
      <c r="F426" s="9" t="s">
        <v>283</v>
      </c>
      <c r="G426" s="9" t="s">
        <v>276</v>
      </c>
      <c r="H426" s="6">
        <v>34</v>
      </c>
      <c r="I426" s="10" t="s">
        <v>55</v>
      </c>
      <c r="J426" s="10" t="s">
        <v>55</v>
      </c>
      <c r="K426" s="10" t="s">
        <v>55</v>
      </c>
      <c r="L426" s="6">
        <v>34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0</v>
      </c>
      <c r="E427" s="9" t="s">
        <v>18</v>
      </c>
      <c r="F427" s="9" t="s">
        <v>283</v>
      </c>
      <c r="G427" s="9" t="s">
        <v>277</v>
      </c>
      <c r="H427" s="6">
        <v>26</v>
      </c>
      <c r="I427" s="10" t="s">
        <v>55</v>
      </c>
      <c r="J427" s="10" t="s">
        <v>55</v>
      </c>
      <c r="K427" s="6">
        <v>1</v>
      </c>
      <c r="L427" s="6">
        <v>25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0</v>
      </c>
      <c r="E428" s="9" t="s">
        <v>18</v>
      </c>
      <c r="F428" s="9" t="s">
        <v>283</v>
      </c>
      <c r="G428" s="9" t="s">
        <v>278</v>
      </c>
      <c r="H428" s="6">
        <v>12</v>
      </c>
      <c r="I428" s="10" t="s">
        <v>55</v>
      </c>
      <c r="J428" s="10" t="s">
        <v>55</v>
      </c>
      <c r="K428" s="10" t="s">
        <v>55</v>
      </c>
      <c r="L428" s="6">
        <v>12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0</v>
      </c>
      <c r="E429" s="9" t="s">
        <v>18</v>
      </c>
      <c r="F429" s="9" t="s">
        <v>283</v>
      </c>
      <c r="G429" s="9" t="s">
        <v>279</v>
      </c>
      <c r="H429" s="6">
        <v>10</v>
      </c>
      <c r="I429" s="10" t="s">
        <v>55</v>
      </c>
      <c r="J429" s="10" t="s">
        <v>55</v>
      </c>
      <c r="K429" s="10" t="s">
        <v>55</v>
      </c>
      <c r="L429" s="6">
        <v>10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0</v>
      </c>
      <c r="E430" s="9" t="s">
        <v>18</v>
      </c>
      <c r="F430" s="9" t="s">
        <v>283</v>
      </c>
      <c r="G430" s="9" t="s">
        <v>280</v>
      </c>
      <c r="H430" s="6">
        <v>5</v>
      </c>
      <c r="I430" s="10" t="s">
        <v>55</v>
      </c>
      <c r="J430" s="10" t="s">
        <v>55</v>
      </c>
      <c r="K430" s="10" t="s">
        <v>55</v>
      </c>
      <c r="L430" s="6">
        <v>5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0</v>
      </c>
      <c r="E431" s="9" t="s">
        <v>6</v>
      </c>
      <c r="F431" s="9" t="s">
        <v>6</v>
      </c>
      <c r="G431" s="9" t="s">
        <v>6</v>
      </c>
      <c r="H431" s="6">
        <v>4443</v>
      </c>
      <c r="I431" s="6">
        <v>3481</v>
      </c>
      <c r="J431" s="6">
        <v>2486</v>
      </c>
      <c r="K431" s="6">
        <v>846</v>
      </c>
      <c r="L431" s="6">
        <v>116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0</v>
      </c>
      <c r="E432" s="9" t="s">
        <v>6</v>
      </c>
      <c r="F432" s="9" t="s">
        <v>234</v>
      </c>
      <c r="G432" s="9" t="s">
        <v>6</v>
      </c>
      <c r="H432" s="6">
        <v>1645</v>
      </c>
      <c r="I432" s="6">
        <v>1187</v>
      </c>
      <c r="J432" s="6">
        <v>822</v>
      </c>
      <c r="K432" s="6">
        <v>437</v>
      </c>
      <c r="L432" s="6">
        <v>21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0</v>
      </c>
      <c r="E433" s="9" t="s">
        <v>6</v>
      </c>
      <c r="F433" s="9" t="s">
        <v>235</v>
      </c>
      <c r="G433" s="9" t="s">
        <v>6</v>
      </c>
      <c r="H433" s="6">
        <v>2798</v>
      </c>
      <c r="I433" s="6">
        <v>2294</v>
      </c>
      <c r="J433" s="6">
        <v>1664</v>
      </c>
      <c r="K433" s="6">
        <v>409</v>
      </c>
      <c r="L433" s="6">
        <v>95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0</v>
      </c>
      <c r="E434" s="9" t="s">
        <v>6</v>
      </c>
      <c r="F434" s="9" t="s">
        <v>235</v>
      </c>
      <c r="G434" s="9" t="s">
        <v>272</v>
      </c>
      <c r="H434" s="6">
        <v>91</v>
      </c>
      <c r="I434" s="6">
        <v>47</v>
      </c>
      <c r="J434" s="6">
        <v>37</v>
      </c>
      <c r="K434" s="6">
        <v>38</v>
      </c>
      <c r="L434" s="6">
        <v>6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0</v>
      </c>
      <c r="E435" s="9" t="s">
        <v>6</v>
      </c>
      <c r="F435" s="9" t="s">
        <v>235</v>
      </c>
      <c r="G435" s="9" t="s">
        <v>273</v>
      </c>
      <c r="H435" s="6">
        <v>231</v>
      </c>
      <c r="I435" s="6">
        <v>187</v>
      </c>
      <c r="J435" s="6">
        <v>150</v>
      </c>
      <c r="K435" s="6">
        <v>36</v>
      </c>
      <c r="L435" s="6">
        <v>8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0</v>
      </c>
      <c r="E436" s="9" t="s">
        <v>6</v>
      </c>
      <c r="F436" s="9" t="s">
        <v>235</v>
      </c>
      <c r="G436" s="9" t="s">
        <v>274</v>
      </c>
      <c r="H436" s="6">
        <v>263</v>
      </c>
      <c r="I436" s="6">
        <v>225</v>
      </c>
      <c r="J436" s="6">
        <v>180</v>
      </c>
      <c r="K436" s="6">
        <v>26</v>
      </c>
      <c r="L436" s="6">
        <v>12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0</v>
      </c>
      <c r="E437" s="9" t="s">
        <v>6</v>
      </c>
      <c r="F437" s="9" t="s">
        <v>235</v>
      </c>
      <c r="G437" s="9" t="s">
        <v>275</v>
      </c>
      <c r="H437" s="6">
        <v>252</v>
      </c>
      <c r="I437" s="6">
        <v>223</v>
      </c>
      <c r="J437" s="6">
        <v>188</v>
      </c>
      <c r="K437" s="6">
        <v>24</v>
      </c>
      <c r="L437" s="6">
        <v>5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0</v>
      </c>
      <c r="E438" s="9" t="s">
        <v>6</v>
      </c>
      <c r="F438" s="9" t="s">
        <v>235</v>
      </c>
      <c r="G438" s="9" t="s">
        <v>276</v>
      </c>
      <c r="H438" s="6">
        <v>270</v>
      </c>
      <c r="I438" s="6">
        <v>239</v>
      </c>
      <c r="J438" s="6">
        <v>185</v>
      </c>
      <c r="K438" s="6">
        <v>20</v>
      </c>
      <c r="L438" s="6">
        <v>11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0</v>
      </c>
      <c r="E439" s="9" t="s">
        <v>6</v>
      </c>
      <c r="F439" s="9" t="s">
        <v>235</v>
      </c>
      <c r="G439" s="9" t="s">
        <v>277</v>
      </c>
      <c r="H439" s="6">
        <v>254</v>
      </c>
      <c r="I439" s="6">
        <v>221</v>
      </c>
      <c r="J439" s="6">
        <v>175</v>
      </c>
      <c r="K439" s="6">
        <v>20</v>
      </c>
      <c r="L439" s="6">
        <v>13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0</v>
      </c>
      <c r="E440" s="9" t="s">
        <v>6</v>
      </c>
      <c r="F440" s="9" t="s">
        <v>235</v>
      </c>
      <c r="G440" s="9" t="s">
        <v>278</v>
      </c>
      <c r="H440" s="6">
        <v>242</v>
      </c>
      <c r="I440" s="6">
        <v>211</v>
      </c>
      <c r="J440" s="6">
        <v>158</v>
      </c>
      <c r="K440" s="6">
        <v>20</v>
      </c>
      <c r="L440" s="6">
        <v>11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0</v>
      </c>
      <c r="E441" s="9" t="s">
        <v>6</v>
      </c>
      <c r="F441" s="9" t="s">
        <v>235</v>
      </c>
      <c r="G441" s="9" t="s">
        <v>279</v>
      </c>
      <c r="H441" s="6">
        <v>155</v>
      </c>
      <c r="I441" s="6">
        <v>134</v>
      </c>
      <c r="J441" s="6">
        <v>90</v>
      </c>
      <c r="K441" s="6">
        <v>14</v>
      </c>
      <c r="L441" s="6">
        <v>7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0</v>
      </c>
      <c r="E442" s="9" t="s">
        <v>6</v>
      </c>
      <c r="F442" s="9" t="s">
        <v>235</v>
      </c>
      <c r="G442" s="9" t="s">
        <v>280</v>
      </c>
      <c r="H442" s="6">
        <v>1040</v>
      </c>
      <c r="I442" s="6">
        <v>807</v>
      </c>
      <c r="J442" s="6">
        <v>501</v>
      </c>
      <c r="K442" s="6">
        <v>211</v>
      </c>
      <c r="L442" s="6">
        <v>22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0</v>
      </c>
      <c r="E443" s="9" t="s">
        <v>6</v>
      </c>
      <c r="F443" s="9" t="s">
        <v>281</v>
      </c>
      <c r="G443" s="9" t="s">
        <v>6</v>
      </c>
      <c r="H443" s="6">
        <v>1207</v>
      </c>
      <c r="I443" s="6">
        <v>961</v>
      </c>
      <c r="J443" s="6">
        <v>667</v>
      </c>
      <c r="K443" s="6">
        <v>209</v>
      </c>
      <c r="L443" s="6">
        <v>37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0</v>
      </c>
      <c r="E444" s="9" t="s">
        <v>6</v>
      </c>
      <c r="F444" s="9" t="s">
        <v>281</v>
      </c>
      <c r="G444" s="9" t="s">
        <v>272</v>
      </c>
      <c r="H444" s="6">
        <v>23</v>
      </c>
      <c r="I444" s="6">
        <v>9</v>
      </c>
      <c r="J444" s="6">
        <v>8</v>
      </c>
      <c r="K444" s="6">
        <v>13</v>
      </c>
      <c r="L444" s="6">
        <v>1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0</v>
      </c>
      <c r="E445" s="9" t="s">
        <v>6</v>
      </c>
      <c r="F445" s="9" t="s">
        <v>281</v>
      </c>
      <c r="G445" s="9" t="s">
        <v>273</v>
      </c>
      <c r="H445" s="6">
        <v>53</v>
      </c>
      <c r="I445" s="6">
        <v>39</v>
      </c>
      <c r="J445" s="6">
        <v>31</v>
      </c>
      <c r="K445" s="6">
        <v>13</v>
      </c>
      <c r="L445" s="6">
        <v>1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0</v>
      </c>
      <c r="E446" s="9" t="s">
        <v>6</v>
      </c>
      <c r="F446" s="9" t="s">
        <v>281</v>
      </c>
      <c r="G446" s="9" t="s">
        <v>274</v>
      </c>
      <c r="H446" s="6">
        <v>59</v>
      </c>
      <c r="I446" s="6">
        <v>51</v>
      </c>
      <c r="J446" s="6">
        <v>42</v>
      </c>
      <c r="K446" s="6">
        <v>4</v>
      </c>
      <c r="L446" s="6">
        <v>4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0</v>
      </c>
      <c r="E447" s="9" t="s">
        <v>6</v>
      </c>
      <c r="F447" s="9" t="s">
        <v>281</v>
      </c>
      <c r="G447" s="9" t="s">
        <v>275</v>
      </c>
      <c r="H447" s="6">
        <v>44</v>
      </c>
      <c r="I447" s="6">
        <v>35</v>
      </c>
      <c r="J447" s="6">
        <v>31</v>
      </c>
      <c r="K447" s="6">
        <v>7</v>
      </c>
      <c r="L447" s="6">
        <v>2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0</v>
      </c>
      <c r="E448" s="9" t="s">
        <v>6</v>
      </c>
      <c r="F448" s="9" t="s">
        <v>281</v>
      </c>
      <c r="G448" s="9" t="s">
        <v>276</v>
      </c>
      <c r="H448" s="6">
        <v>38</v>
      </c>
      <c r="I448" s="6">
        <v>33</v>
      </c>
      <c r="J448" s="6">
        <v>28</v>
      </c>
      <c r="K448" s="6">
        <v>3</v>
      </c>
      <c r="L448" s="6">
        <v>2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0</v>
      </c>
      <c r="E449" s="9" t="s">
        <v>6</v>
      </c>
      <c r="F449" s="9" t="s">
        <v>281</v>
      </c>
      <c r="G449" s="9" t="s">
        <v>277</v>
      </c>
      <c r="H449" s="6">
        <v>61</v>
      </c>
      <c r="I449" s="6">
        <v>55</v>
      </c>
      <c r="J449" s="6">
        <v>46</v>
      </c>
      <c r="K449" s="6">
        <v>5</v>
      </c>
      <c r="L449" s="6">
        <v>1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0</v>
      </c>
      <c r="E450" s="9" t="s">
        <v>6</v>
      </c>
      <c r="F450" s="9" t="s">
        <v>281</v>
      </c>
      <c r="G450" s="9" t="s">
        <v>278</v>
      </c>
      <c r="H450" s="6">
        <v>95</v>
      </c>
      <c r="I450" s="6">
        <v>82</v>
      </c>
      <c r="J450" s="6">
        <v>63</v>
      </c>
      <c r="K450" s="6">
        <v>8</v>
      </c>
      <c r="L450" s="6">
        <v>5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0</v>
      </c>
      <c r="E451" s="9" t="s">
        <v>6</v>
      </c>
      <c r="F451" s="9" t="s">
        <v>281</v>
      </c>
      <c r="G451" s="9" t="s">
        <v>279</v>
      </c>
      <c r="H451" s="6">
        <v>78</v>
      </c>
      <c r="I451" s="6">
        <v>69</v>
      </c>
      <c r="J451" s="6">
        <v>45</v>
      </c>
      <c r="K451" s="6">
        <v>6</v>
      </c>
      <c r="L451" s="6">
        <v>3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0</v>
      </c>
      <c r="E452" s="9" t="s">
        <v>6</v>
      </c>
      <c r="F452" s="9" t="s">
        <v>281</v>
      </c>
      <c r="G452" s="9" t="s">
        <v>280</v>
      </c>
      <c r="H452" s="6">
        <v>756</v>
      </c>
      <c r="I452" s="6">
        <v>588</v>
      </c>
      <c r="J452" s="6">
        <v>373</v>
      </c>
      <c r="K452" s="6">
        <v>150</v>
      </c>
      <c r="L452" s="6">
        <v>18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0</v>
      </c>
      <c r="E453" s="9" t="s">
        <v>6</v>
      </c>
      <c r="F453" s="9" t="s">
        <v>282</v>
      </c>
      <c r="G453" s="9" t="s">
        <v>6</v>
      </c>
      <c r="H453" s="6">
        <v>1043</v>
      </c>
      <c r="I453" s="6">
        <v>864</v>
      </c>
      <c r="J453" s="6">
        <v>657</v>
      </c>
      <c r="K453" s="6">
        <v>147</v>
      </c>
      <c r="L453" s="6">
        <v>32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0</v>
      </c>
      <c r="E454" s="9" t="s">
        <v>6</v>
      </c>
      <c r="F454" s="9" t="s">
        <v>282</v>
      </c>
      <c r="G454" s="9" t="s">
        <v>272</v>
      </c>
      <c r="H454" s="6">
        <v>40</v>
      </c>
      <c r="I454" s="6">
        <v>20</v>
      </c>
      <c r="J454" s="6">
        <v>13</v>
      </c>
      <c r="K454" s="6">
        <v>18</v>
      </c>
      <c r="L454" s="6">
        <v>2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0</v>
      </c>
      <c r="E455" s="9" t="s">
        <v>6</v>
      </c>
      <c r="F455" s="9" t="s">
        <v>282</v>
      </c>
      <c r="G455" s="9" t="s">
        <v>273</v>
      </c>
      <c r="H455" s="6">
        <v>102</v>
      </c>
      <c r="I455" s="6">
        <v>85</v>
      </c>
      <c r="J455" s="6">
        <v>69</v>
      </c>
      <c r="K455" s="6">
        <v>12</v>
      </c>
      <c r="L455" s="6">
        <v>5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0</v>
      </c>
      <c r="E456" s="9" t="s">
        <v>6</v>
      </c>
      <c r="F456" s="9" t="s">
        <v>282</v>
      </c>
      <c r="G456" s="9" t="s">
        <v>274</v>
      </c>
      <c r="H456" s="6">
        <v>113</v>
      </c>
      <c r="I456" s="6">
        <v>96</v>
      </c>
      <c r="J456" s="6">
        <v>81</v>
      </c>
      <c r="K456" s="6">
        <v>13</v>
      </c>
      <c r="L456" s="6">
        <v>4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0</v>
      </c>
      <c r="E457" s="9" t="s">
        <v>6</v>
      </c>
      <c r="F457" s="9" t="s">
        <v>282</v>
      </c>
      <c r="G457" s="9" t="s">
        <v>275</v>
      </c>
      <c r="H457" s="6">
        <v>113</v>
      </c>
      <c r="I457" s="6">
        <v>102</v>
      </c>
      <c r="J457" s="6">
        <v>88</v>
      </c>
      <c r="K457" s="6">
        <v>10</v>
      </c>
      <c r="L457" s="6">
        <v>1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0</v>
      </c>
      <c r="E458" s="9" t="s">
        <v>6</v>
      </c>
      <c r="F458" s="9" t="s">
        <v>282</v>
      </c>
      <c r="G458" s="9" t="s">
        <v>276</v>
      </c>
      <c r="H458" s="6">
        <v>136</v>
      </c>
      <c r="I458" s="6">
        <v>120</v>
      </c>
      <c r="J458" s="6">
        <v>93</v>
      </c>
      <c r="K458" s="6">
        <v>11</v>
      </c>
      <c r="L458" s="6">
        <v>5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0</v>
      </c>
      <c r="E459" s="9" t="s">
        <v>6</v>
      </c>
      <c r="F459" s="9" t="s">
        <v>282</v>
      </c>
      <c r="G459" s="9" t="s">
        <v>277</v>
      </c>
      <c r="H459" s="6">
        <v>127</v>
      </c>
      <c r="I459" s="6">
        <v>111</v>
      </c>
      <c r="J459" s="6">
        <v>91</v>
      </c>
      <c r="K459" s="6">
        <v>12</v>
      </c>
      <c r="L459" s="6">
        <v>4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0</v>
      </c>
      <c r="E460" s="9" t="s">
        <v>6</v>
      </c>
      <c r="F460" s="9" t="s">
        <v>282</v>
      </c>
      <c r="G460" s="9" t="s">
        <v>278</v>
      </c>
      <c r="H460" s="6">
        <v>116</v>
      </c>
      <c r="I460" s="6">
        <v>103</v>
      </c>
      <c r="J460" s="6">
        <v>78</v>
      </c>
      <c r="K460" s="6">
        <v>9</v>
      </c>
      <c r="L460" s="6">
        <v>4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0</v>
      </c>
      <c r="E461" s="9" t="s">
        <v>6</v>
      </c>
      <c r="F461" s="9" t="s">
        <v>282</v>
      </c>
      <c r="G461" s="9" t="s">
        <v>279</v>
      </c>
      <c r="H461" s="6">
        <v>60</v>
      </c>
      <c r="I461" s="6">
        <v>51</v>
      </c>
      <c r="J461" s="6">
        <v>36</v>
      </c>
      <c r="K461" s="6">
        <v>6</v>
      </c>
      <c r="L461" s="6">
        <v>3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0</v>
      </c>
      <c r="E462" s="9" t="s">
        <v>6</v>
      </c>
      <c r="F462" s="9" t="s">
        <v>282</v>
      </c>
      <c r="G462" s="9" t="s">
        <v>280</v>
      </c>
      <c r="H462" s="6">
        <v>236</v>
      </c>
      <c r="I462" s="6">
        <v>176</v>
      </c>
      <c r="J462" s="6">
        <v>108</v>
      </c>
      <c r="K462" s="6">
        <v>56</v>
      </c>
      <c r="L462" s="6">
        <v>4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0</v>
      </c>
      <c r="E463" s="9" t="s">
        <v>6</v>
      </c>
      <c r="F463" s="9" t="s">
        <v>283</v>
      </c>
      <c r="G463" s="9" t="s">
        <v>6</v>
      </c>
      <c r="H463" s="6">
        <v>548</v>
      </c>
      <c r="I463" s="6">
        <v>469</v>
      </c>
      <c r="J463" s="6">
        <v>340</v>
      </c>
      <c r="K463" s="6">
        <v>53</v>
      </c>
      <c r="L463" s="6">
        <v>26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0</v>
      </c>
      <c r="E464" s="9" t="s">
        <v>6</v>
      </c>
      <c r="F464" s="9" t="s">
        <v>283</v>
      </c>
      <c r="G464" s="9" t="s">
        <v>272</v>
      </c>
      <c r="H464" s="6">
        <v>28</v>
      </c>
      <c r="I464" s="6">
        <v>18</v>
      </c>
      <c r="J464" s="6">
        <v>16</v>
      </c>
      <c r="K464" s="6">
        <v>7</v>
      </c>
      <c r="L464" s="6">
        <v>3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0</v>
      </c>
      <c r="E465" s="9" t="s">
        <v>6</v>
      </c>
      <c r="F465" s="9" t="s">
        <v>283</v>
      </c>
      <c r="G465" s="9" t="s">
        <v>273</v>
      </c>
      <c r="H465" s="6">
        <v>76</v>
      </c>
      <c r="I465" s="6">
        <v>63</v>
      </c>
      <c r="J465" s="6">
        <v>50</v>
      </c>
      <c r="K465" s="6">
        <v>11</v>
      </c>
      <c r="L465" s="6">
        <v>2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0</v>
      </c>
      <c r="E466" s="9" t="s">
        <v>6</v>
      </c>
      <c r="F466" s="9" t="s">
        <v>283</v>
      </c>
      <c r="G466" s="9" t="s">
        <v>274</v>
      </c>
      <c r="H466" s="6">
        <v>91</v>
      </c>
      <c r="I466" s="6">
        <v>78</v>
      </c>
      <c r="J466" s="6">
        <v>57</v>
      </c>
      <c r="K466" s="6">
        <v>9</v>
      </c>
      <c r="L466" s="6">
        <v>4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0</v>
      </c>
      <c r="E467" s="9" t="s">
        <v>6</v>
      </c>
      <c r="F467" s="9" t="s">
        <v>283</v>
      </c>
      <c r="G467" s="9" t="s">
        <v>275</v>
      </c>
      <c r="H467" s="6">
        <v>95</v>
      </c>
      <c r="I467" s="6">
        <v>86</v>
      </c>
      <c r="J467" s="6">
        <v>69</v>
      </c>
      <c r="K467" s="6">
        <v>7</v>
      </c>
      <c r="L467" s="6">
        <v>2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0</v>
      </c>
      <c r="E468" s="9" t="s">
        <v>6</v>
      </c>
      <c r="F468" s="9" t="s">
        <v>283</v>
      </c>
      <c r="G468" s="9" t="s">
        <v>276</v>
      </c>
      <c r="H468" s="6">
        <v>96</v>
      </c>
      <c r="I468" s="6">
        <v>86</v>
      </c>
      <c r="J468" s="6">
        <v>64</v>
      </c>
      <c r="K468" s="6">
        <v>6</v>
      </c>
      <c r="L468" s="6">
        <v>4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0</v>
      </c>
      <c r="E469" s="9" t="s">
        <v>6</v>
      </c>
      <c r="F469" s="9" t="s">
        <v>283</v>
      </c>
      <c r="G469" s="9" t="s">
        <v>277</v>
      </c>
      <c r="H469" s="6">
        <v>66</v>
      </c>
      <c r="I469" s="6">
        <v>55</v>
      </c>
      <c r="J469" s="6">
        <v>38</v>
      </c>
      <c r="K469" s="6">
        <v>3</v>
      </c>
      <c r="L469" s="6">
        <v>8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0</v>
      </c>
      <c r="E470" s="9" t="s">
        <v>6</v>
      </c>
      <c r="F470" s="9" t="s">
        <v>283</v>
      </c>
      <c r="G470" s="9" t="s">
        <v>278</v>
      </c>
      <c r="H470" s="6">
        <v>31</v>
      </c>
      <c r="I470" s="6">
        <v>26</v>
      </c>
      <c r="J470" s="6">
        <v>17</v>
      </c>
      <c r="K470" s="6">
        <v>3</v>
      </c>
      <c r="L470" s="6">
        <v>2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0</v>
      </c>
      <c r="E471" s="9" t="s">
        <v>6</v>
      </c>
      <c r="F471" s="9" t="s">
        <v>283</v>
      </c>
      <c r="G471" s="9" t="s">
        <v>279</v>
      </c>
      <c r="H471" s="6">
        <v>17</v>
      </c>
      <c r="I471" s="6">
        <v>14</v>
      </c>
      <c r="J471" s="6">
        <v>9</v>
      </c>
      <c r="K471" s="6">
        <v>2</v>
      </c>
      <c r="L471" s="6">
        <v>1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0</v>
      </c>
      <c r="E472" s="9" t="s">
        <v>6</v>
      </c>
      <c r="F472" s="9" t="s">
        <v>283</v>
      </c>
      <c r="G472" s="9" t="s">
        <v>280</v>
      </c>
      <c r="H472" s="6">
        <v>48</v>
      </c>
      <c r="I472" s="6">
        <v>43</v>
      </c>
      <c r="J472" s="6">
        <v>20</v>
      </c>
      <c r="K472" s="6">
        <v>5</v>
      </c>
      <c r="L472" s="10" t="s">
        <v>55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0</v>
      </c>
      <c r="E473" s="9" t="s">
        <v>226</v>
      </c>
      <c r="F473" s="9" t="s">
        <v>6</v>
      </c>
      <c r="G473" s="9" t="s">
        <v>6</v>
      </c>
      <c r="H473" s="6">
        <v>3899</v>
      </c>
      <c r="I473" s="6">
        <v>3312</v>
      </c>
      <c r="J473" s="6">
        <v>2330</v>
      </c>
      <c r="K473" s="6">
        <v>586</v>
      </c>
      <c r="L473" s="6">
        <v>1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0</v>
      </c>
      <c r="E474" s="9" t="s">
        <v>226</v>
      </c>
      <c r="F474" s="9" t="s">
        <v>234</v>
      </c>
      <c r="G474" s="9" t="s">
        <v>6</v>
      </c>
      <c r="H474" s="6">
        <v>1360</v>
      </c>
      <c r="I474" s="6">
        <v>1097</v>
      </c>
      <c r="J474" s="6">
        <v>736</v>
      </c>
      <c r="K474" s="6">
        <v>263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0</v>
      </c>
      <c r="E475" s="9" t="s">
        <v>226</v>
      </c>
      <c r="F475" s="9" t="s">
        <v>235</v>
      </c>
      <c r="G475" s="9" t="s">
        <v>6</v>
      </c>
      <c r="H475" s="6">
        <v>2539</v>
      </c>
      <c r="I475" s="6">
        <v>2215</v>
      </c>
      <c r="J475" s="6">
        <v>1594</v>
      </c>
      <c r="K475" s="6">
        <v>323</v>
      </c>
      <c r="L475" s="6">
        <v>1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0</v>
      </c>
      <c r="E476" s="9" t="s">
        <v>226</v>
      </c>
      <c r="F476" s="9" t="s">
        <v>235</v>
      </c>
      <c r="G476" s="9" t="s">
        <v>272</v>
      </c>
      <c r="H476" s="6">
        <v>84</v>
      </c>
      <c r="I476" s="6">
        <v>47</v>
      </c>
      <c r="J476" s="6">
        <v>37</v>
      </c>
      <c r="K476" s="6">
        <v>37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0</v>
      </c>
      <c r="E477" s="9" t="s">
        <v>226</v>
      </c>
      <c r="F477" s="9" t="s">
        <v>235</v>
      </c>
      <c r="G477" s="9" t="s">
        <v>273</v>
      </c>
      <c r="H477" s="6">
        <v>215</v>
      </c>
      <c r="I477" s="6">
        <v>184</v>
      </c>
      <c r="J477" s="6">
        <v>147</v>
      </c>
      <c r="K477" s="6">
        <v>31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0</v>
      </c>
      <c r="E478" s="9" t="s">
        <v>226</v>
      </c>
      <c r="F478" s="9" t="s">
        <v>235</v>
      </c>
      <c r="G478" s="9" t="s">
        <v>274</v>
      </c>
      <c r="H478" s="6">
        <v>243</v>
      </c>
      <c r="I478" s="6">
        <v>219</v>
      </c>
      <c r="J478" s="6">
        <v>176</v>
      </c>
      <c r="K478" s="6">
        <v>24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0</v>
      </c>
      <c r="E479" s="9" t="s">
        <v>226</v>
      </c>
      <c r="F479" s="9" t="s">
        <v>235</v>
      </c>
      <c r="G479" s="9" t="s">
        <v>275</v>
      </c>
      <c r="H479" s="6">
        <v>246</v>
      </c>
      <c r="I479" s="6">
        <v>222</v>
      </c>
      <c r="J479" s="6">
        <v>187</v>
      </c>
      <c r="K479" s="6">
        <v>24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0</v>
      </c>
      <c r="E480" s="9" t="s">
        <v>226</v>
      </c>
      <c r="F480" s="9" t="s">
        <v>235</v>
      </c>
      <c r="G480" s="9" t="s">
        <v>276</v>
      </c>
      <c r="H480" s="6">
        <v>259</v>
      </c>
      <c r="I480" s="6">
        <v>238</v>
      </c>
      <c r="J480" s="6">
        <v>185</v>
      </c>
      <c r="K480" s="6">
        <v>20</v>
      </c>
      <c r="L480" s="6">
        <v>1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0</v>
      </c>
      <c r="E481" s="9" t="s">
        <v>226</v>
      </c>
      <c r="F481" s="9" t="s">
        <v>235</v>
      </c>
      <c r="G481" s="9" t="s">
        <v>277</v>
      </c>
      <c r="H481" s="6">
        <v>239</v>
      </c>
      <c r="I481" s="6">
        <v>220</v>
      </c>
      <c r="J481" s="6">
        <v>174</v>
      </c>
      <c r="K481" s="6">
        <v>19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0</v>
      </c>
      <c r="E482" s="9" t="s">
        <v>226</v>
      </c>
      <c r="F482" s="9" t="s">
        <v>235</v>
      </c>
      <c r="G482" s="9" t="s">
        <v>278</v>
      </c>
      <c r="H482" s="6">
        <v>226</v>
      </c>
      <c r="I482" s="6">
        <v>207</v>
      </c>
      <c r="J482" s="6">
        <v>154</v>
      </c>
      <c r="K482" s="6">
        <v>19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0</v>
      </c>
      <c r="E483" s="9" t="s">
        <v>226</v>
      </c>
      <c r="F483" s="9" t="s">
        <v>235</v>
      </c>
      <c r="G483" s="9" t="s">
        <v>279</v>
      </c>
      <c r="H483" s="6">
        <v>142</v>
      </c>
      <c r="I483" s="6">
        <v>130</v>
      </c>
      <c r="J483" s="6">
        <v>86</v>
      </c>
      <c r="K483" s="6">
        <v>12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0</v>
      </c>
      <c r="E484" s="9" t="s">
        <v>226</v>
      </c>
      <c r="F484" s="9" t="s">
        <v>235</v>
      </c>
      <c r="G484" s="9" t="s">
        <v>280</v>
      </c>
      <c r="H484" s="6">
        <v>885</v>
      </c>
      <c r="I484" s="6">
        <v>748</v>
      </c>
      <c r="J484" s="6">
        <v>448</v>
      </c>
      <c r="K484" s="6">
        <v>137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0</v>
      </c>
      <c r="E485" s="9" t="s">
        <v>226</v>
      </c>
      <c r="F485" s="9" t="s">
        <v>281</v>
      </c>
      <c r="G485" s="9" t="s">
        <v>6</v>
      </c>
      <c r="H485" s="6">
        <v>1048</v>
      </c>
      <c r="I485" s="6">
        <v>906</v>
      </c>
      <c r="J485" s="6">
        <v>618</v>
      </c>
      <c r="K485" s="6">
        <v>141</v>
      </c>
      <c r="L485" s="6">
        <v>1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0</v>
      </c>
      <c r="E486" s="9" t="s">
        <v>226</v>
      </c>
      <c r="F486" s="9" t="s">
        <v>281</v>
      </c>
      <c r="G486" s="9" t="s">
        <v>272</v>
      </c>
      <c r="H486" s="6">
        <v>22</v>
      </c>
      <c r="I486" s="6">
        <v>9</v>
      </c>
      <c r="J486" s="6">
        <v>8</v>
      </c>
      <c r="K486" s="6">
        <v>13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0</v>
      </c>
      <c r="E487" s="9" t="s">
        <v>226</v>
      </c>
      <c r="F487" s="9" t="s">
        <v>281</v>
      </c>
      <c r="G487" s="9" t="s">
        <v>273</v>
      </c>
      <c r="H487" s="6">
        <v>47</v>
      </c>
      <c r="I487" s="6">
        <v>37</v>
      </c>
      <c r="J487" s="6">
        <v>29</v>
      </c>
      <c r="K487" s="6">
        <v>10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0</v>
      </c>
      <c r="E488" s="9" t="s">
        <v>226</v>
      </c>
      <c r="F488" s="9" t="s">
        <v>281</v>
      </c>
      <c r="G488" s="9" t="s">
        <v>274</v>
      </c>
      <c r="H488" s="6">
        <v>52</v>
      </c>
      <c r="I488" s="6">
        <v>48</v>
      </c>
      <c r="J488" s="6">
        <v>40</v>
      </c>
      <c r="K488" s="6">
        <v>4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0</v>
      </c>
      <c r="E489" s="9" t="s">
        <v>226</v>
      </c>
      <c r="F489" s="9" t="s">
        <v>281</v>
      </c>
      <c r="G489" s="9" t="s">
        <v>275</v>
      </c>
      <c r="H489" s="6">
        <v>41</v>
      </c>
      <c r="I489" s="6">
        <v>34</v>
      </c>
      <c r="J489" s="6">
        <v>30</v>
      </c>
      <c r="K489" s="6">
        <v>7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0</v>
      </c>
      <c r="E490" s="9" t="s">
        <v>226</v>
      </c>
      <c r="F490" s="9" t="s">
        <v>281</v>
      </c>
      <c r="G490" s="9" t="s">
        <v>276</v>
      </c>
      <c r="H490" s="6">
        <v>37</v>
      </c>
      <c r="I490" s="6">
        <v>33</v>
      </c>
      <c r="J490" s="6">
        <v>28</v>
      </c>
      <c r="K490" s="6">
        <v>3</v>
      </c>
      <c r="L490" s="6">
        <v>1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0</v>
      </c>
      <c r="E491" s="9" t="s">
        <v>226</v>
      </c>
      <c r="F491" s="9" t="s">
        <v>281</v>
      </c>
      <c r="G491" s="9" t="s">
        <v>277</v>
      </c>
      <c r="H491" s="6">
        <v>59</v>
      </c>
      <c r="I491" s="6">
        <v>55</v>
      </c>
      <c r="J491" s="6">
        <v>46</v>
      </c>
      <c r="K491" s="6">
        <v>4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0</v>
      </c>
      <c r="E492" s="9" t="s">
        <v>226</v>
      </c>
      <c r="F492" s="9" t="s">
        <v>281</v>
      </c>
      <c r="G492" s="9" t="s">
        <v>278</v>
      </c>
      <c r="H492" s="6">
        <v>87</v>
      </c>
      <c r="I492" s="6">
        <v>80</v>
      </c>
      <c r="J492" s="6">
        <v>61</v>
      </c>
      <c r="K492" s="6">
        <v>7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0</v>
      </c>
      <c r="E493" s="9" t="s">
        <v>226</v>
      </c>
      <c r="F493" s="9" t="s">
        <v>281</v>
      </c>
      <c r="G493" s="9" t="s">
        <v>279</v>
      </c>
      <c r="H493" s="6">
        <v>72</v>
      </c>
      <c r="I493" s="6">
        <v>68</v>
      </c>
      <c r="J493" s="6">
        <v>44</v>
      </c>
      <c r="K493" s="6">
        <v>4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0</v>
      </c>
      <c r="E494" s="9" t="s">
        <v>226</v>
      </c>
      <c r="F494" s="9" t="s">
        <v>281</v>
      </c>
      <c r="G494" s="9" t="s">
        <v>280</v>
      </c>
      <c r="H494" s="6">
        <v>631</v>
      </c>
      <c r="I494" s="6">
        <v>542</v>
      </c>
      <c r="J494" s="6">
        <v>332</v>
      </c>
      <c r="K494" s="6">
        <v>89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0</v>
      </c>
      <c r="E495" s="9" t="s">
        <v>226</v>
      </c>
      <c r="F495" s="9" t="s">
        <v>282</v>
      </c>
      <c r="G495" s="9" t="s">
        <v>6</v>
      </c>
      <c r="H495" s="6">
        <v>978</v>
      </c>
      <c r="I495" s="6">
        <v>847</v>
      </c>
      <c r="J495" s="6">
        <v>642</v>
      </c>
      <c r="K495" s="6">
        <v>131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0</v>
      </c>
      <c r="E496" s="9" t="s">
        <v>226</v>
      </c>
      <c r="F496" s="9" t="s">
        <v>282</v>
      </c>
      <c r="G496" s="9" t="s">
        <v>272</v>
      </c>
      <c r="H496" s="6">
        <v>37</v>
      </c>
      <c r="I496" s="6">
        <v>20</v>
      </c>
      <c r="J496" s="6">
        <v>13</v>
      </c>
      <c r="K496" s="6">
        <v>17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0</v>
      </c>
      <c r="E497" s="9" t="s">
        <v>226</v>
      </c>
      <c r="F497" s="9" t="s">
        <v>282</v>
      </c>
      <c r="G497" s="9" t="s">
        <v>273</v>
      </c>
      <c r="H497" s="6">
        <v>95</v>
      </c>
      <c r="I497" s="6">
        <v>85</v>
      </c>
      <c r="J497" s="6">
        <v>69</v>
      </c>
      <c r="K497" s="6">
        <v>10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0</v>
      </c>
      <c r="E498" s="9" t="s">
        <v>226</v>
      </c>
      <c r="F498" s="9" t="s">
        <v>282</v>
      </c>
      <c r="G498" s="9" t="s">
        <v>274</v>
      </c>
      <c r="H498" s="6">
        <v>108</v>
      </c>
      <c r="I498" s="6">
        <v>96</v>
      </c>
      <c r="J498" s="6">
        <v>81</v>
      </c>
      <c r="K498" s="6">
        <v>12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0</v>
      </c>
      <c r="E499" s="9" t="s">
        <v>226</v>
      </c>
      <c r="F499" s="9" t="s">
        <v>282</v>
      </c>
      <c r="G499" s="9" t="s">
        <v>275</v>
      </c>
      <c r="H499" s="6">
        <v>112</v>
      </c>
      <c r="I499" s="6">
        <v>102</v>
      </c>
      <c r="J499" s="6">
        <v>88</v>
      </c>
      <c r="K499" s="6">
        <v>10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0</v>
      </c>
      <c r="E500" s="9" t="s">
        <v>226</v>
      </c>
      <c r="F500" s="9" t="s">
        <v>282</v>
      </c>
      <c r="G500" s="9" t="s">
        <v>276</v>
      </c>
      <c r="H500" s="6">
        <v>130</v>
      </c>
      <c r="I500" s="6">
        <v>119</v>
      </c>
      <c r="J500" s="6">
        <v>93</v>
      </c>
      <c r="K500" s="6">
        <v>11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0</v>
      </c>
      <c r="E501" s="9" t="s">
        <v>226</v>
      </c>
      <c r="F501" s="9" t="s">
        <v>282</v>
      </c>
      <c r="G501" s="9" t="s">
        <v>277</v>
      </c>
      <c r="H501" s="6">
        <v>122</v>
      </c>
      <c r="I501" s="6">
        <v>110</v>
      </c>
      <c r="J501" s="6">
        <v>90</v>
      </c>
      <c r="K501" s="6">
        <v>12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0</v>
      </c>
      <c r="E502" s="9" t="s">
        <v>226</v>
      </c>
      <c r="F502" s="9" t="s">
        <v>282</v>
      </c>
      <c r="G502" s="9" t="s">
        <v>278</v>
      </c>
      <c r="H502" s="6">
        <v>110</v>
      </c>
      <c r="I502" s="6">
        <v>101</v>
      </c>
      <c r="J502" s="6">
        <v>76</v>
      </c>
      <c r="K502" s="6">
        <v>9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0</v>
      </c>
      <c r="E503" s="9" t="s">
        <v>226</v>
      </c>
      <c r="F503" s="9" t="s">
        <v>282</v>
      </c>
      <c r="G503" s="9" t="s">
        <v>279</v>
      </c>
      <c r="H503" s="6">
        <v>55</v>
      </c>
      <c r="I503" s="6">
        <v>49</v>
      </c>
      <c r="J503" s="6">
        <v>34</v>
      </c>
      <c r="K503" s="6">
        <v>6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0</v>
      </c>
      <c r="E504" s="9" t="s">
        <v>226</v>
      </c>
      <c r="F504" s="9" t="s">
        <v>282</v>
      </c>
      <c r="G504" s="9" t="s">
        <v>280</v>
      </c>
      <c r="H504" s="6">
        <v>209</v>
      </c>
      <c r="I504" s="6">
        <v>165</v>
      </c>
      <c r="J504" s="6">
        <v>98</v>
      </c>
      <c r="K504" s="6">
        <v>44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0</v>
      </c>
      <c r="E505" s="9" t="s">
        <v>226</v>
      </c>
      <c r="F505" s="9" t="s">
        <v>283</v>
      </c>
      <c r="G505" s="9" t="s">
        <v>6</v>
      </c>
      <c r="H505" s="6">
        <v>513</v>
      </c>
      <c r="I505" s="6">
        <v>462</v>
      </c>
      <c r="J505" s="6">
        <v>334</v>
      </c>
      <c r="K505" s="6">
        <v>51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0</v>
      </c>
      <c r="E506" s="9" t="s">
        <v>226</v>
      </c>
      <c r="F506" s="9" t="s">
        <v>283</v>
      </c>
      <c r="G506" s="9" t="s">
        <v>272</v>
      </c>
      <c r="H506" s="6">
        <v>25</v>
      </c>
      <c r="I506" s="6">
        <v>18</v>
      </c>
      <c r="J506" s="6">
        <v>16</v>
      </c>
      <c r="K506" s="6">
        <v>7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0</v>
      </c>
      <c r="E507" s="9" t="s">
        <v>226</v>
      </c>
      <c r="F507" s="9" t="s">
        <v>283</v>
      </c>
      <c r="G507" s="9" t="s">
        <v>273</v>
      </c>
      <c r="H507" s="6">
        <v>73</v>
      </c>
      <c r="I507" s="6">
        <v>62</v>
      </c>
      <c r="J507" s="6">
        <v>49</v>
      </c>
      <c r="K507" s="6">
        <v>11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0</v>
      </c>
      <c r="E508" s="9" t="s">
        <v>226</v>
      </c>
      <c r="F508" s="9" t="s">
        <v>283</v>
      </c>
      <c r="G508" s="9" t="s">
        <v>274</v>
      </c>
      <c r="H508" s="6">
        <v>83</v>
      </c>
      <c r="I508" s="6">
        <v>75</v>
      </c>
      <c r="J508" s="6">
        <v>55</v>
      </c>
      <c r="K508" s="6">
        <v>8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0</v>
      </c>
      <c r="E509" s="9" t="s">
        <v>226</v>
      </c>
      <c r="F509" s="9" t="s">
        <v>283</v>
      </c>
      <c r="G509" s="9" t="s">
        <v>275</v>
      </c>
      <c r="H509" s="6">
        <v>93</v>
      </c>
      <c r="I509" s="6">
        <v>86</v>
      </c>
      <c r="J509" s="6">
        <v>69</v>
      </c>
      <c r="K509" s="6">
        <v>7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0</v>
      </c>
      <c r="E510" s="9" t="s">
        <v>226</v>
      </c>
      <c r="F510" s="9" t="s">
        <v>283</v>
      </c>
      <c r="G510" s="9" t="s">
        <v>276</v>
      </c>
      <c r="H510" s="6">
        <v>92</v>
      </c>
      <c r="I510" s="6">
        <v>86</v>
      </c>
      <c r="J510" s="6">
        <v>64</v>
      </c>
      <c r="K510" s="6">
        <v>6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0</v>
      </c>
      <c r="E511" s="9" t="s">
        <v>226</v>
      </c>
      <c r="F511" s="9" t="s">
        <v>283</v>
      </c>
      <c r="G511" s="9" t="s">
        <v>277</v>
      </c>
      <c r="H511" s="6">
        <v>58</v>
      </c>
      <c r="I511" s="6">
        <v>55</v>
      </c>
      <c r="J511" s="6">
        <v>38</v>
      </c>
      <c r="K511" s="6">
        <v>3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0</v>
      </c>
      <c r="E512" s="9" t="s">
        <v>226</v>
      </c>
      <c r="F512" s="9" t="s">
        <v>283</v>
      </c>
      <c r="G512" s="9" t="s">
        <v>278</v>
      </c>
      <c r="H512" s="6">
        <v>29</v>
      </c>
      <c r="I512" s="6">
        <v>26</v>
      </c>
      <c r="J512" s="6">
        <v>17</v>
      </c>
      <c r="K512" s="6">
        <v>3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0</v>
      </c>
      <c r="E513" s="9" t="s">
        <v>226</v>
      </c>
      <c r="F513" s="9" t="s">
        <v>283</v>
      </c>
      <c r="G513" s="9" t="s">
        <v>279</v>
      </c>
      <c r="H513" s="6">
        <v>15</v>
      </c>
      <c r="I513" s="6">
        <v>13</v>
      </c>
      <c r="J513" s="6">
        <v>8</v>
      </c>
      <c r="K513" s="6">
        <v>2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0</v>
      </c>
      <c r="E514" s="9" t="s">
        <v>226</v>
      </c>
      <c r="F514" s="9" t="s">
        <v>283</v>
      </c>
      <c r="G514" s="9" t="s">
        <v>280</v>
      </c>
      <c r="H514" s="6">
        <v>45</v>
      </c>
      <c r="I514" s="6">
        <v>41</v>
      </c>
      <c r="J514" s="6">
        <v>18</v>
      </c>
      <c r="K514" s="6">
        <v>4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0</v>
      </c>
      <c r="E515" s="9" t="s">
        <v>227</v>
      </c>
      <c r="F515" s="9" t="s">
        <v>6</v>
      </c>
      <c r="G515" s="9" t="s">
        <v>6</v>
      </c>
      <c r="H515" s="6">
        <v>2611</v>
      </c>
      <c r="I515" s="6">
        <v>2135</v>
      </c>
      <c r="J515" s="6">
        <v>2049</v>
      </c>
      <c r="K515" s="6">
        <v>476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0</v>
      </c>
      <c r="E516" s="9" t="s">
        <v>227</v>
      </c>
      <c r="F516" s="9" t="s">
        <v>234</v>
      </c>
      <c r="G516" s="9" t="s">
        <v>6</v>
      </c>
      <c r="H516" s="6">
        <v>889</v>
      </c>
      <c r="I516" s="6">
        <v>675</v>
      </c>
      <c r="J516" s="6">
        <v>638</v>
      </c>
      <c r="K516" s="6">
        <v>214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0</v>
      </c>
      <c r="E517" s="9" t="s">
        <v>227</v>
      </c>
      <c r="F517" s="9" t="s">
        <v>235</v>
      </c>
      <c r="G517" s="9" t="s">
        <v>6</v>
      </c>
      <c r="H517" s="6">
        <v>1722</v>
      </c>
      <c r="I517" s="6">
        <v>1460</v>
      </c>
      <c r="J517" s="6">
        <v>1411</v>
      </c>
      <c r="K517" s="6">
        <v>262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0</v>
      </c>
      <c r="E518" s="9" t="s">
        <v>227</v>
      </c>
      <c r="F518" s="9" t="s">
        <v>235</v>
      </c>
      <c r="G518" s="9" t="s">
        <v>272</v>
      </c>
      <c r="H518" s="6">
        <v>63</v>
      </c>
      <c r="I518" s="6">
        <v>33</v>
      </c>
      <c r="J518" s="6">
        <v>32</v>
      </c>
      <c r="K518" s="6">
        <v>30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0</v>
      </c>
      <c r="E519" s="9" t="s">
        <v>227</v>
      </c>
      <c r="F519" s="9" t="s">
        <v>235</v>
      </c>
      <c r="G519" s="9" t="s">
        <v>273</v>
      </c>
      <c r="H519" s="6">
        <v>156</v>
      </c>
      <c r="I519" s="6">
        <v>134</v>
      </c>
      <c r="J519" s="6">
        <v>128</v>
      </c>
      <c r="K519" s="6">
        <v>22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0</v>
      </c>
      <c r="E520" s="9" t="s">
        <v>227</v>
      </c>
      <c r="F520" s="9" t="s">
        <v>235</v>
      </c>
      <c r="G520" s="9" t="s">
        <v>274</v>
      </c>
      <c r="H520" s="6">
        <v>181</v>
      </c>
      <c r="I520" s="6">
        <v>161</v>
      </c>
      <c r="J520" s="6">
        <v>155</v>
      </c>
      <c r="K520" s="6">
        <v>20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0</v>
      </c>
      <c r="E521" s="9" t="s">
        <v>227</v>
      </c>
      <c r="F521" s="9" t="s">
        <v>235</v>
      </c>
      <c r="G521" s="9" t="s">
        <v>275</v>
      </c>
      <c r="H521" s="6">
        <v>195</v>
      </c>
      <c r="I521" s="6">
        <v>177</v>
      </c>
      <c r="J521" s="6">
        <v>175</v>
      </c>
      <c r="K521" s="6">
        <v>18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0</v>
      </c>
      <c r="E522" s="9" t="s">
        <v>227</v>
      </c>
      <c r="F522" s="9" t="s">
        <v>235</v>
      </c>
      <c r="G522" s="9" t="s">
        <v>276</v>
      </c>
      <c r="H522" s="6">
        <v>194</v>
      </c>
      <c r="I522" s="6">
        <v>177</v>
      </c>
      <c r="J522" s="6">
        <v>173</v>
      </c>
      <c r="K522" s="6">
        <v>17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0</v>
      </c>
      <c r="E523" s="9" t="s">
        <v>227</v>
      </c>
      <c r="F523" s="9" t="s">
        <v>235</v>
      </c>
      <c r="G523" s="9" t="s">
        <v>277</v>
      </c>
      <c r="H523" s="6">
        <v>171</v>
      </c>
      <c r="I523" s="6">
        <v>157</v>
      </c>
      <c r="J523" s="6">
        <v>156</v>
      </c>
      <c r="K523" s="6">
        <v>14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0</v>
      </c>
      <c r="E524" s="9" t="s">
        <v>227</v>
      </c>
      <c r="F524" s="9" t="s">
        <v>235</v>
      </c>
      <c r="G524" s="9" t="s">
        <v>278</v>
      </c>
      <c r="H524" s="6">
        <v>159</v>
      </c>
      <c r="I524" s="6">
        <v>142</v>
      </c>
      <c r="J524" s="6">
        <v>134</v>
      </c>
      <c r="K524" s="6">
        <v>17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0</v>
      </c>
      <c r="E525" s="9" t="s">
        <v>227</v>
      </c>
      <c r="F525" s="9" t="s">
        <v>235</v>
      </c>
      <c r="G525" s="9" t="s">
        <v>279</v>
      </c>
      <c r="H525" s="6">
        <v>94</v>
      </c>
      <c r="I525" s="6">
        <v>84</v>
      </c>
      <c r="J525" s="6">
        <v>80</v>
      </c>
      <c r="K525" s="6">
        <v>10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0</v>
      </c>
      <c r="E526" s="9" t="s">
        <v>227</v>
      </c>
      <c r="F526" s="9" t="s">
        <v>235</v>
      </c>
      <c r="G526" s="9" t="s">
        <v>280</v>
      </c>
      <c r="H526" s="6">
        <v>509</v>
      </c>
      <c r="I526" s="6">
        <v>395</v>
      </c>
      <c r="J526" s="6">
        <v>378</v>
      </c>
      <c r="K526" s="6">
        <v>114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0</v>
      </c>
      <c r="E527" s="9" t="s">
        <v>227</v>
      </c>
      <c r="F527" s="9" t="s">
        <v>281</v>
      </c>
      <c r="G527" s="9" t="s">
        <v>6</v>
      </c>
      <c r="H527" s="6">
        <v>677</v>
      </c>
      <c r="I527" s="6">
        <v>561</v>
      </c>
      <c r="J527" s="6">
        <v>537</v>
      </c>
      <c r="K527" s="6">
        <v>116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0</v>
      </c>
      <c r="E528" s="9" t="s">
        <v>227</v>
      </c>
      <c r="F528" s="9" t="s">
        <v>281</v>
      </c>
      <c r="G528" s="9" t="s">
        <v>272</v>
      </c>
      <c r="H528" s="6">
        <v>16</v>
      </c>
      <c r="I528" s="6">
        <v>6</v>
      </c>
      <c r="J528" s="6">
        <v>6</v>
      </c>
      <c r="K528" s="6">
        <v>10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0</v>
      </c>
      <c r="E529" s="9" t="s">
        <v>227</v>
      </c>
      <c r="F529" s="9" t="s">
        <v>281</v>
      </c>
      <c r="G529" s="9" t="s">
        <v>273</v>
      </c>
      <c r="H529" s="6">
        <v>33</v>
      </c>
      <c r="I529" s="6">
        <v>25</v>
      </c>
      <c r="J529" s="6">
        <v>24</v>
      </c>
      <c r="K529" s="6">
        <v>8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0</v>
      </c>
      <c r="E530" s="9" t="s">
        <v>227</v>
      </c>
      <c r="F530" s="9" t="s">
        <v>281</v>
      </c>
      <c r="G530" s="9" t="s">
        <v>274</v>
      </c>
      <c r="H530" s="6">
        <v>36</v>
      </c>
      <c r="I530" s="6">
        <v>33</v>
      </c>
      <c r="J530" s="6">
        <v>31</v>
      </c>
      <c r="K530" s="6">
        <v>3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0</v>
      </c>
      <c r="E531" s="9" t="s">
        <v>227</v>
      </c>
      <c r="F531" s="9" t="s">
        <v>281</v>
      </c>
      <c r="G531" s="9" t="s">
        <v>275</v>
      </c>
      <c r="H531" s="6">
        <v>35</v>
      </c>
      <c r="I531" s="6">
        <v>29</v>
      </c>
      <c r="J531" s="6">
        <v>29</v>
      </c>
      <c r="K531" s="6">
        <v>6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0</v>
      </c>
      <c r="E532" s="9" t="s">
        <v>227</v>
      </c>
      <c r="F532" s="9" t="s">
        <v>281</v>
      </c>
      <c r="G532" s="9" t="s">
        <v>276</v>
      </c>
      <c r="H532" s="6">
        <v>29</v>
      </c>
      <c r="I532" s="6">
        <v>26</v>
      </c>
      <c r="J532" s="6">
        <v>25</v>
      </c>
      <c r="K532" s="6">
        <v>3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0</v>
      </c>
      <c r="E533" s="9" t="s">
        <v>227</v>
      </c>
      <c r="F533" s="9" t="s">
        <v>281</v>
      </c>
      <c r="G533" s="9" t="s">
        <v>277</v>
      </c>
      <c r="H533" s="6">
        <v>47</v>
      </c>
      <c r="I533" s="6">
        <v>45</v>
      </c>
      <c r="J533" s="6">
        <v>44</v>
      </c>
      <c r="K533" s="6">
        <v>2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0</v>
      </c>
      <c r="E534" s="9" t="s">
        <v>227</v>
      </c>
      <c r="F534" s="9" t="s">
        <v>281</v>
      </c>
      <c r="G534" s="9" t="s">
        <v>278</v>
      </c>
      <c r="H534" s="6">
        <v>67</v>
      </c>
      <c r="I534" s="6">
        <v>60</v>
      </c>
      <c r="J534" s="6">
        <v>56</v>
      </c>
      <c r="K534" s="6">
        <v>7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0</v>
      </c>
      <c r="E535" s="9" t="s">
        <v>227</v>
      </c>
      <c r="F535" s="9" t="s">
        <v>281</v>
      </c>
      <c r="G535" s="9" t="s">
        <v>279</v>
      </c>
      <c r="H535" s="6">
        <v>45</v>
      </c>
      <c r="I535" s="6">
        <v>42</v>
      </c>
      <c r="J535" s="6">
        <v>40</v>
      </c>
      <c r="K535" s="6">
        <v>3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0</v>
      </c>
      <c r="E536" s="9" t="s">
        <v>227</v>
      </c>
      <c r="F536" s="9" t="s">
        <v>281</v>
      </c>
      <c r="G536" s="9" t="s">
        <v>280</v>
      </c>
      <c r="H536" s="6">
        <v>369</v>
      </c>
      <c r="I536" s="6">
        <v>295</v>
      </c>
      <c r="J536" s="6">
        <v>282</v>
      </c>
      <c r="K536" s="6">
        <v>74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0</v>
      </c>
      <c r="E537" s="9" t="s">
        <v>227</v>
      </c>
      <c r="F537" s="9" t="s">
        <v>282</v>
      </c>
      <c r="G537" s="9" t="s">
        <v>6</v>
      </c>
      <c r="H537" s="6">
        <v>702</v>
      </c>
      <c r="I537" s="6">
        <v>594</v>
      </c>
      <c r="J537" s="6">
        <v>577</v>
      </c>
      <c r="K537" s="6">
        <v>108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0</v>
      </c>
      <c r="E538" s="9" t="s">
        <v>227</v>
      </c>
      <c r="F538" s="9" t="s">
        <v>282</v>
      </c>
      <c r="G538" s="9" t="s">
        <v>272</v>
      </c>
      <c r="H538" s="6">
        <v>27</v>
      </c>
      <c r="I538" s="6">
        <v>12</v>
      </c>
      <c r="J538" s="6">
        <v>11</v>
      </c>
      <c r="K538" s="6">
        <v>15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0</v>
      </c>
      <c r="E539" s="9" t="s">
        <v>227</v>
      </c>
      <c r="F539" s="9" t="s">
        <v>282</v>
      </c>
      <c r="G539" s="9" t="s">
        <v>273</v>
      </c>
      <c r="H539" s="6">
        <v>75</v>
      </c>
      <c r="I539" s="6">
        <v>68</v>
      </c>
      <c r="J539" s="6">
        <v>64</v>
      </c>
      <c r="K539" s="6">
        <v>7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0</v>
      </c>
      <c r="E540" s="9" t="s">
        <v>227</v>
      </c>
      <c r="F540" s="9" t="s">
        <v>282</v>
      </c>
      <c r="G540" s="9" t="s">
        <v>274</v>
      </c>
      <c r="H540" s="6">
        <v>89</v>
      </c>
      <c r="I540" s="6">
        <v>78</v>
      </c>
      <c r="J540" s="6">
        <v>76</v>
      </c>
      <c r="K540" s="6">
        <v>11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0</v>
      </c>
      <c r="E541" s="9" t="s">
        <v>227</v>
      </c>
      <c r="F541" s="9" t="s">
        <v>282</v>
      </c>
      <c r="G541" s="9" t="s">
        <v>275</v>
      </c>
      <c r="H541" s="6">
        <v>88</v>
      </c>
      <c r="I541" s="6">
        <v>81</v>
      </c>
      <c r="J541" s="6">
        <v>81</v>
      </c>
      <c r="K541" s="6">
        <v>7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0</v>
      </c>
      <c r="E542" s="9" t="s">
        <v>227</v>
      </c>
      <c r="F542" s="9" t="s">
        <v>282</v>
      </c>
      <c r="G542" s="9" t="s">
        <v>276</v>
      </c>
      <c r="H542" s="6">
        <v>99</v>
      </c>
      <c r="I542" s="6">
        <v>89</v>
      </c>
      <c r="J542" s="6">
        <v>87</v>
      </c>
      <c r="K542" s="6">
        <v>10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0</v>
      </c>
      <c r="E543" s="9" t="s">
        <v>227</v>
      </c>
      <c r="F543" s="9" t="s">
        <v>282</v>
      </c>
      <c r="G543" s="9" t="s">
        <v>277</v>
      </c>
      <c r="H543" s="6">
        <v>91</v>
      </c>
      <c r="I543" s="6">
        <v>82</v>
      </c>
      <c r="J543" s="6">
        <v>82</v>
      </c>
      <c r="K543" s="6">
        <v>9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0</v>
      </c>
      <c r="E544" s="9" t="s">
        <v>227</v>
      </c>
      <c r="F544" s="9" t="s">
        <v>282</v>
      </c>
      <c r="G544" s="9" t="s">
        <v>278</v>
      </c>
      <c r="H544" s="6">
        <v>75</v>
      </c>
      <c r="I544" s="6">
        <v>67</v>
      </c>
      <c r="J544" s="6">
        <v>63</v>
      </c>
      <c r="K544" s="6">
        <v>8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0</v>
      </c>
      <c r="E545" s="9" t="s">
        <v>227</v>
      </c>
      <c r="F545" s="9" t="s">
        <v>282</v>
      </c>
      <c r="G545" s="9" t="s">
        <v>279</v>
      </c>
      <c r="H545" s="6">
        <v>39</v>
      </c>
      <c r="I545" s="6">
        <v>34</v>
      </c>
      <c r="J545" s="6">
        <v>33</v>
      </c>
      <c r="K545" s="6">
        <v>5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0</v>
      </c>
      <c r="E546" s="9" t="s">
        <v>227</v>
      </c>
      <c r="F546" s="9" t="s">
        <v>282</v>
      </c>
      <c r="G546" s="9" t="s">
        <v>280</v>
      </c>
      <c r="H546" s="6">
        <v>119</v>
      </c>
      <c r="I546" s="6">
        <v>83</v>
      </c>
      <c r="J546" s="6">
        <v>80</v>
      </c>
      <c r="K546" s="6">
        <v>36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0</v>
      </c>
      <c r="E547" s="9" t="s">
        <v>227</v>
      </c>
      <c r="F547" s="9" t="s">
        <v>283</v>
      </c>
      <c r="G547" s="9" t="s">
        <v>6</v>
      </c>
      <c r="H547" s="6">
        <v>343</v>
      </c>
      <c r="I547" s="6">
        <v>305</v>
      </c>
      <c r="J547" s="6">
        <v>297</v>
      </c>
      <c r="K547" s="6">
        <v>38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0</v>
      </c>
      <c r="E548" s="9" t="s">
        <v>227</v>
      </c>
      <c r="F548" s="9" t="s">
        <v>283</v>
      </c>
      <c r="G548" s="9" t="s">
        <v>272</v>
      </c>
      <c r="H548" s="6">
        <v>20</v>
      </c>
      <c r="I548" s="6">
        <v>15</v>
      </c>
      <c r="J548" s="6">
        <v>15</v>
      </c>
      <c r="K548" s="6">
        <v>5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0</v>
      </c>
      <c r="E549" s="9" t="s">
        <v>227</v>
      </c>
      <c r="F549" s="9" t="s">
        <v>283</v>
      </c>
      <c r="G549" s="9" t="s">
        <v>273</v>
      </c>
      <c r="H549" s="6">
        <v>48</v>
      </c>
      <c r="I549" s="6">
        <v>41</v>
      </c>
      <c r="J549" s="6">
        <v>40</v>
      </c>
      <c r="K549" s="6">
        <v>7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0</v>
      </c>
      <c r="E550" s="9" t="s">
        <v>227</v>
      </c>
      <c r="F550" s="9" t="s">
        <v>283</v>
      </c>
      <c r="G550" s="9" t="s">
        <v>274</v>
      </c>
      <c r="H550" s="6">
        <v>56</v>
      </c>
      <c r="I550" s="6">
        <v>50</v>
      </c>
      <c r="J550" s="6">
        <v>48</v>
      </c>
      <c r="K550" s="6">
        <v>6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0</v>
      </c>
      <c r="E551" s="9" t="s">
        <v>227</v>
      </c>
      <c r="F551" s="9" t="s">
        <v>283</v>
      </c>
      <c r="G551" s="9" t="s">
        <v>275</v>
      </c>
      <c r="H551" s="6">
        <v>72</v>
      </c>
      <c r="I551" s="6">
        <v>67</v>
      </c>
      <c r="J551" s="6">
        <v>65</v>
      </c>
      <c r="K551" s="6">
        <v>5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0</v>
      </c>
      <c r="E552" s="9" t="s">
        <v>227</v>
      </c>
      <c r="F552" s="9" t="s">
        <v>283</v>
      </c>
      <c r="G552" s="9" t="s">
        <v>276</v>
      </c>
      <c r="H552" s="6">
        <v>66</v>
      </c>
      <c r="I552" s="6">
        <v>62</v>
      </c>
      <c r="J552" s="6">
        <v>61</v>
      </c>
      <c r="K552" s="6">
        <v>4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0</v>
      </c>
      <c r="E553" s="9" t="s">
        <v>227</v>
      </c>
      <c r="F553" s="9" t="s">
        <v>283</v>
      </c>
      <c r="G553" s="9" t="s">
        <v>277</v>
      </c>
      <c r="H553" s="6">
        <v>33</v>
      </c>
      <c r="I553" s="6">
        <v>30</v>
      </c>
      <c r="J553" s="6">
        <v>30</v>
      </c>
      <c r="K553" s="6">
        <v>3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0</v>
      </c>
      <c r="E554" s="9" t="s">
        <v>227</v>
      </c>
      <c r="F554" s="9" t="s">
        <v>283</v>
      </c>
      <c r="G554" s="9" t="s">
        <v>278</v>
      </c>
      <c r="H554" s="6">
        <v>17</v>
      </c>
      <c r="I554" s="6">
        <v>15</v>
      </c>
      <c r="J554" s="6">
        <v>15</v>
      </c>
      <c r="K554" s="6">
        <v>2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0</v>
      </c>
      <c r="E555" s="9" t="s">
        <v>227</v>
      </c>
      <c r="F555" s="9" t="s">
        <v>283</v>
      </c>
      <c r="G555" s="9" t="s">
        <v>279</v>
      </c>
      <c r="H555" s="6">
        <v>10</v>
      </c>
      <c r="I555" s="6">
        <v>8</v>
      </c>
      <c r="J555" s="6">
        <v>7</v>
      </c>
      <c r="K555" s="6">
        <v>2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0</v>
      </c>
      <c r="E556" s="9" t="s">
        <v>227</v>
      </c>
      <c r="F556" s="9" t="s">
        <v>283</v>
      </c>
      <c r="G556" s="9" t="s">
        <v>280</v>
      </c>
      <c r="H556" s="6">
        <v>21</v>
      </c>
      <c r="I556" s="6">
        <v>17</v>
      </c>
      <c r="J556" s="6">
        <v>16</v>
      </c>
      <c r="K556" s="6">
        <v>4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0</v>
      </c>
      <c r="E557" s="9" t="s">
        <v>228</v>
      </c>
      <c r="F557" s="9" t="s">
        <v>6</v>
      </c>
      <c r="G557" s="9" t="s">
        <v>6</v>
      </c>
      <c r="H557" s="6">
        <v>428</v>
      </c>
      <c r="I557" s="6">
        <v>168</v>
      </c>
      <c r="J557" s="6">
        <v>155</v>
      </c>
      <c r="K557" s="6">
        <v>260</v>
      </c>
      <c r="L557" s="10" t="s">
        <v>55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0</v>
      </c>
      <c r="E558" s="9" t="s">
        <v>228</v>
      </c>
      <c r="F558" s="9" t="s">
        <v>234</v>
      </c>
      <c r="G558" s="9" t="s">
        <v>6</v>
      </c>
      <c r="H558" s="6">
        <v>263</v>
      </c>
      <c r="I558" s="6">
        <v>89</v>
      </c>
      <c r="J558" s="6">
        <v>85</v>
      </c>
      <c r="K558" s="6">
        <v>174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0</v>
      </c>
      <c r="E559" s="9" t="s">
        <v>228</v>
      </c>
      <c r="F559" s="9" t="s">
        <v>235</v>
      </c>
      <c r="G559" s="9" t="s">
        <v>6</v>
      </c>
      <c r="H559" s="6">
        <v>165</v>
      </c>
      <c r="I559" s="6">
        <v>79</v>
      </c>
      <c r="J559" s="6">
        <v>70</v>
      </c>
      <c r="K559" s="6">
        <v>86</v>
      </c>
      <c r="L559" s="10" t="s">
        <v>5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0</v>
      </c>
      <c r="E560" s="9" t="s">
        <v>228</v>
      </c>
      <c r="F560" s="9" t="s">
        <v>235</v>
      </c>
      <c r="G560" s="9" t="s">
        <v>272</v>
      </c>
      <c r="H560" s="6">
        <v>1</v>
      </c>
      <c r="I560" s="10" t="s">
        <v>55</v>
      </c>
      <c r="J560" s="10" t="s">
        <v>55</v>
      </c>
      <c r="K560" s="6">
        <v>1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0</v>
      </c>
      <c r="E561" s="9" t="s">
        <v>228</v>
      </c>
      <c r="F561" s="9" t="s">
        <v>235</v>
      </c>
      <c r="G561" s="9" t="s">
        <v>273</v>
      </c>
      <c r="H561" s="6">
        <v>8</v>
      </c>
      <c r="I561" s="6">
        <v>3</v>
      </c>
      <c r="J561" s="6">
        <v>3</v>
      </c>
      <c r="K561" s="6">
        <v>5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0</v>
      </c>
      <c r="E562" s="9" t="s">
        <v>228</v>
      </c>
      <c r="F562" s="9" t="s">
        <v>235</v>
      </c>
      <c r="G562" s="9" t="s">
        <v>274</v>
      </c>
      <c r="H562" s="6">
        <v>8</v>
      </c>
      <c r="I562" s="6">
        <v>6</v>
      </c>
      <c r="J562" s="6">
        <v>4</v>
      </c>
      <c r="K562" s="6">
        <v>2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0</v>
      </c>
      <c r="E563" s="9" t="s">
        <v>228</v>
      </c>
      <c r="F563" s="9" t="s">
        <v>235</v>
      </c>
      <c r="G563" s="9" t="s">
        <v>275</v>
      </c>
      <c r="H563" s="6">
        <v>1</v>
      </c>
      <c r="I563" s="6">
        <v>1</v>
      </c>
      <c r="J563" s="6">
        <v>1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0</v>
      </c>
      <c r="E564" s="9" t="s">
        <v>228</v>
      </c>
      <c r="F564" s="9" t="s">
        <v>235</v>
      </c>
      <c r="G564" s="9" t="s">
        <v>276</v>
      </c>
      <c r="H564" s="6">
        <v>1</v>
      </c>
      <c r="I564" s="6">
        <v>1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0</v>
      </c>
      <c r="E565" s="9" t="s">
        <v>228</v>
      </c>
      <c r="F565" s="9" t="s">
        <v>235</v>
      </c>
      <c r="G565" s="9" t="s">
        <v>277</v>
      </c>
      <c r="H565" s="6">
        <v>2</v>
      </c>
      <c r="I565" s="6">
        <v>1</v>
      </c>
      <c r="J565" s="6">
        <v>1</v>
      </c>
      <c r="K565" s="6">
        <v>1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0</v>
      </c>
      <c r="E566" s="9" t="s">
        <v>228</v>
      </c>
      <c r="F566" s="9" t="s">
        <v>235</v>
      </c>
      <c r="G566" s="9" t="s">
        <v>278</v>
      </c>
      <c r="H566" s="6">
        <v>5</v>
      </c>
      <c r="I566" s="6">
        <v>4</v>
      </c>
      <c r="J566" s="6">
        <v>4</v>
      </c>
      <c r="K566" s="6">
        <v>1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0</v>
      </c>
      <c r="E567" s="9" t="s">
        <v>228</v>
      </c>
      <c r="F567" s="9" t="s">
        <v>235</v>
      </c>
      <c r="G567" s="9" t="s">
        <v>279</v>
      </c>
      <c r="H567" s="6">
        <v>6</v>
      </c>
      <c r="I567" s="6">
        <v>4</v>
      </c>
      <c r="J567" s="6">
        <v>4</v>
      </c>
      <c r="K567" s="6">
        <v>2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0</v>
      </c>
      <c r="E568" s="9" t="s">
        <v>228</v>
      </c>
      <c r="F568" s="9" t="s">
        <v>235</v>
      </c>
      <c r="G568" s="9" t="s">
        <v>280</v>
      </c>
      <c r="H568" s="6">
        <v>133</v>
      </c>
      <c r="I568" s="6">
        <v>59</v>
      </c>
      <c r="J568" s="6">
        <v>53</v>
      </c>
      <c r="K568" s="6">
        <v>74</v>
      </c>
      <c r="L568" s="10" t="s">
        <v>5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0</v>
      </c>
      <c r="E569" s="9" t="s">
        <v>228</v>
      </c>
      <c r="F569" s="9" t="s">
        <v>281</v>
      </c>
      <c r="G569" s="9" t="s">
        <v>6</v>
      </c>
      <c r="H569" s="6">
        <v>123</v>
      </c>
      <c r="I569" s="6">
        <v>55</v>
      </c>
      <c r="J569" s="6">
        <v>49</v>
      </c>
      <c r="K569" s="6">
        <v>68</v>
      </c>
      <c r="L569" s="10" t="s">
        <v>5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0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0</v>
      </c>
      <c r="E571" s="9" t="s">
        <v>228</v>
      </c>
      <c r="F571" s="9" t="s">
        <v>281</v>
      </c>
      <c r="G571" s="9" t="s">
        <v>273</v>
      </c>
      <c r="H571" s="6">
        <v>5</v>
      </c>
      <c r="I571" s="6">
        <v>2</v>
      </c>
      <c r="J571" s="6">
        <v>2</v>
      </c>
      <c r="K571" s="6">
        <v>3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0</v>
      </c>
      <c r="E572" s="9" t="s">
        <v>228</v>
      </c>
      <c r="F572" s="9" t="s">
        <v>281</v>
      </c>
      <c r="G572" s="9" t="s">
        <v>274</v>
      </c>
      <c r="H572" s="6">
        <v>3</v>
      </c>
      <c r="I572" s="6">
        <v>3</v>
      </c>
      <c r="J572" s="6">
        <v>2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0</v>
      </c>
      <c r="E573" s="9" t="s">
        <v>228</v>
      </c>
      <c r="F573" s="9" t="s">
        <v>281</v>
      </c>
      <c r="G573" s="9" t="s">
        <v>275</v>
      </c>
      <c r="H573" s="6">
        <v>1</v>
      </c>
      <c r="I573" s="6">
        <v>1</v>
      </c>
      <c r="J573" s="6">
        <v>1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0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0</v>
      </c>
      <c r="E575" s="9" t="s">
        <v>228</v>
      </c>
      <c r="F575" s="9" t="s">
        <v>281</v>
      </c>
      <c r="G575" s="9" t="s">
        <v>277</v>
      </c>
      <c r="H575" s="6">
        <v>1</v>
      </c>
      <c r="I575" s="10" t="s">
        <v>55</v>
      </c>
      <c r="J575" s="10" t="s">
        <v>55</v>
      </c>
      <c r="K575" s="6">
        <v>1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0</v>
      </c>
      <c r="E576" s="9" t="s">
        <v>228</v>
      </c>
      <c r="F576" s="9" t="s">
        <v>281</v>
      </c>
      <c r="G576" s="9" t="s">
        <v>278</v>
      </c>
      <c r="H576" s="6">
        <v>3</v>
      </c>
      <c r="I576" s="6">
        <v>2</v>
      </c>
      <c r="J576" s="6">
        <v>2</v>
      </c>
      <c r="K576" s="6">
        <v>1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0</v>
      </c>
      <c r="E577" s="9" t="s">
        <v>228</v>
      </c>
      <c r="F577" s="9" t="s">
        <v>281</v>
      </c>
      <c r="G577" s="9" t="s">
        <v>279</v>
      </c>
      <c r="H577" s="6">
        <v>3</v>
      </c>
      <c r="I577" s="6">
        <v>1</v>
      </c>
      <c r="J577" s="6">
        <v>1</v>
      </c>
      <c r="K577" s="6">
        <v>2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0</v>
      </c>
      <c r="E578" s="9" t="s">
        <v>228</v>
      </c>
      <c r="F578" s="9" t="s">
        <v>281</v>
      </c>
      <c r="G578" s="9" t="s">
        <v>280</v>
      </c>
      <c r="H578" s="6">
        <v>107</v>
      </c>
      <c r="I578" s="6">
        <v>46</v>
      </c>
      <c r="J578" s="6">
        <v>41</v>
      </c>
      <c r="K578" s="6">
        <v>61</v>
      </c>
      <c r="L578" s="10" t="s">
        <v>5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0</v>
      </c>
      <c r="E579" s="9" t="s">
        <v>228</v>
      </c>
      <c r="F579" s="9" t="s">
        <v>282</v>
      </c>
      <c r="G579" s="9" t="s">
        <v>6</v>
      </c>
      <c r="H579" s="6">
        <v>33</v>
      </c>
      <c r="I579" s="6">
        <v>17</v>
      </c>
      <c r="J579" s="6">
        <v>15</v>
      </c>
      <c r="K579" s="6">
        <v>16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0</v>
      </c>
      <c r="E580" s="9" t="s">
        <v>228</v>
      </c>
      <c r="F580" s="9" t="s">
        <v>282</v>
      </c>
      <c r="G580" s="9" t="s">
        <v>272</v>
      </c>
      <c r="H580" s="6">
        <v>1</v>
      </c>
      <c r="I580" s="10" t="s">
        <v>55</v>
      </c>
      <c r="J580" s="10" t="s">
        <v>55</v>
      </c>
      <c r="K580" s="6">
        <v>1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0</v>
      </c>
      <c r="E581" s="9" t="s">
        <v>228</v>
      </c>
      <c r="F581" s="9" t="s">
        <v>282</v>
      </c>
      <c r="G581" s="9" t="s">
        <v>273</v>
      </c>
      <c r="H581" s="6">
        <v>2</v>
      </c>
      <c r="I581" s="10" t="s">
        <v>55</v>
      </c>
      <c r="J581" s="10" t="s">
        <v>55</v>
      </c>
      <c r="K581" s="6">
        <v>2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0</v>
      </c>
      <c r="E582" s="9" t="s">
        <v>228</v>
      </c>
      <c r="F582" s="9" t="s">
        <v>282</v>
      </c>
      <c r="G582" s="9" t="s">
        <v>274</v>
      </c>
      <c r="H582" s="6">
        <v>1</v>
      </c>
      <c r="I582" s="10" t="s">
        <v>55</v>
      </c>
      <c r="J582" s="10" t="s">
        <v>55</v>
      </c>
      <c r="K582" s="6">
        <v>1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0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0</v>
      </c>
      <c r="E584" s="9" t="s">
        <v>228</v>
      </c>
      <c r="F584" s="9" t="s">
        <v>282</v>
      </c>
      <c r="G584" s="9" t="s">
        <v>276</v>
      </c>
      <c r="H584" s="6">
        <v>1</v>
      </c>
      <c r="I584" s="6">
        <v>1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0</v>
      </c>
      <c r="E585" s="9" t="s">
        <v>228</v>
      </c>
      <c r="F585" s="9" t="s">
        <v>282</v>
      </c>
      <c r="G585" s="9" t="s">
        <v>277</v>
      </c>
      <c r="H585" s="6">
        <v>1</v>
      </c>
      <c r="I585" s="6">
        <v>1</v>
      </c>
      <c r="J585" s="6">
        <v>1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0</v>
      </c>
      <c r="E586" s="9" t="s">
        <v>228</v>
      </c>
      <c r="F586" s="9" t="s">
        <v>282</v>
      </c>
      <c r="G586" s="9" t="s">
        <v>278</v>
      </c>
      <c r="H586" s="6">
        <v>2</v>
      </c>
      <c r="I586" s="6">
        <v>2</v>
      </c>
      <c r="J586" s="6">
        <v>2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0</v>
      </c>
      <c r="E587" s="9" t="s">
        <v>228</v>
      </c>
      <c r="F587" s="9" t="s">
        <v>282</v>
      </c>
      <c r="G587" s="9" t="s">
        <v>279</v>
      </c>
      <c r="H587" s="6">
        <v>2</v>
      </c>
      <c r="I587" s="6">
        <v>2</v>
      </c>
      <c r="J587" s="6">
        <v>2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0</v>
      </c>
      <c r="E588" s="9" t="s">
        <v>228</v>
      </c>
      <c r="F588" s="9" t="s">
        <v>282</v>
      </c>
      <c r="G588" s="9" t="s">
        <v>280</v>
      </c>
      <c r="H588" s="6">
        <v>23</v>
      </c>
      <c r="I588" s="6">
        <v>11</v>
      </c>
      <c r="J588" s="6">
        <v>10</v>
      </c>
      <c r="K588" s="6">
        <v>12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0</v>
      </c>
      <c r="E589" s="9" t="s">
        <v>228</v>
      </c>
      <c r="F589" s="9" t="s">
        <v>283</v>
      </c>
      <c r="G589" s="9" t="s">
        <v>6</v>
      </c>
      <c r="H589" s="6">
        <v>9</v>
      </c>
      <c r="I589" s="6">
        <v>7</v>
      </c>
      <c r="J589" s="6">
        <v>6</v>
      </c>
      <c r="K589" s="6">
        <v>2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0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0</v>
      </c>
      <c r="E591" s="9" t="s">
        <v>228</v>
      </c>
      <c r="F591" s="9" t="s">
        <v>283</v>
      </c>
      <c r="G591" s="9" t="s">
        <v>273</v>
      </c>
      <c r="H591" s="6">
        <v>1</v>
      </c>
      <c r="I591" s="6">
        <v>1</v>
      </c>
      <c r="J591" s="6">
        <v>1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0</v>
      </c>
      <c r="E592" s="9" t="s">
        <v>228</v>
      </c>
      <c r="F592" s="9" t="s">
        <v>283</v>
      </c>
      <c r="G592" s="9" t="s">
        <v>274</v>
      </c>
      <c r="H592" s="6">
        <v>4</v>
      </c>
      <c r="I592" s="6">
        <v>3</v>
      </c>
      <c r="J592" s="6">
        <v>2</v>
      </c>
      <c r="K592" s="6">
        <v>1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0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0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0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0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0</v>
      </c>
      <c r="E597" s="9" t="s">
        <v>228</v>
      </c>
      <c r="F597" s="9" t="s">
        <v>283</v>
      </c>
      <c r="G597" s="9" t="s">
        <v>279</v>
      </c>
      <c r="H597" s="6">
        <v>1</v>
      </c>
      <c r="I597" s="6">
        <v>1</v>
      </c>
      <c r="J597" s="6">
        <v>1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0</v>
      </c>
      <c r="E598" s="9" t="s">
        <v>228</v>
      </c>
      <c r="F598" s="9" t="s">
        <v>283</v>
      </c>
      <c r="G598" s="9" t="s">
        <v>280</v>
      </c>
      <c r="H598" s="6">
        <v>3</v>
      </c>
      <c r="I598" s="6">
        <v>2</v>
      </c>
      <c r="J598" s="6">
        <v>2</v>
      </c>
      <c r="K598" s="6">
        <v>1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0</v>
      </c>
      <c r="E599" s="9" t="s">
        <v>18</v>
      </c>
      <c r="F599" s="9" t="s">
        <v>6</v>
      </c>
      <c r="G599" s="9" t="s">
        <v>6</v>
      </c>
      <c r="H599" s="6">
        <v>116</v>
      </c>
      <c r="I599" s="6">
        <v>1</v>
      </c>
      <c r="J599" s="6">
        <v>1</v>
      </c>
      <c r="K599" s="10" t="s">
        <v>55</v>
      </c>
      <c r="L599" s="6">
        <v>115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0</v>
      </c>
      <c r="E600" s="9" t="s">
        <v>18</v>
      </c>
      <c r="F600" s="9" t="s">
        <v>234</v>
      </c>
      <c r="G600" s="9" t="s">
        <v>6</v>
      </c>
      <c r="H600" s="6">
        <v>22</v>
      </c>
      <c r="I600" s="6">
        <v>1</v>
      </c>
      <c r="J600" s="6">
        <v>1</v>
      </c>
      <c r="K600" s="10" t="s">
        <v>55</v>
      </c>
      <c r="L600" s="6">
        <v>21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0</v>
      </c>
      <c r="E601" s="9" t="s">
        <v>18</v>
      </c>
      <c r="F601" s="9" t="s">
        <v>235</v>
      </c>
      <c r="G601" s="9" t="s">
        <v>6</v>
      </c>
      <c r="H601" s="6">
        <v>94</v>
      </c>
      <c r="I601" s="10" t="s">
        <v>55</v>
      </c>
      <c r="J601" s="10" t="s">
        <v>55</v>
      </c>
      <c r="K601" s="10" t="s">
        <v>55</v>
      </c>
      <c r="L601" s="6">
        <v>94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0</v>
      </c>
      <c r="E602" s="9" t="s">
        <v>18</v>
      </c>
      <c r="F602" s="9" t="s">
        <v>235</v>
      </c>
      <c r="G602" s="9" t="s">
        <v>272</v>
      </c>
      <c r="H602" s="6">
        <v>6</v>
      </c>
      <c r="I602" s="10" t="s">
        <v>55</v>
      </c>
      <c r="J602" s="10" t="s">
        <v>55</v>
      </c>
      <c r="K602" s="10" t="s">
        <v>55</v>
      </c>
      <c r="L602" s="6">
        <v>6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0</v>
      </c>
      <c r="E603" s="9" t="s">
        <v>18</v>
      </c>
      <c r="F603" s="9" t="s">
        <v>235</v>
      </c>
      <c r="G603" s="9" t="s">
        <v>273</v>
      </c>
      <c r="H603" s="6">
        <v>8</v>
      </c>
      <c r="I603" s="10" t="s">
        <v>55</v>
      </c>
      <c r="J603" s="10" t="s">
        <v>55</v>
      </c>
      <c r="K603" s="10" t="s">
        <v>55</v>
      </c>
      <c r="L603" s="6">
        <v>8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0</v>
      </c>
      <c r="E604" s="9" t="s">
        <v>18</v>
      </c>
      <c r="F604" s="9" t="s">
        <v>235</v>
      </c>
      <c r="G604" s="9" t="s">
        <v>274</v>
      </c>
      <c r="H604" s="6">
        <v>12</v>
      </c>
      <c r="I604" s="10" t="s">
        <v>55</v>
      </c>
      <c r="J604" s="10" t="s">
        <v>55</v>
      </c>
      <c r="K604" s="10" t="s">
        <v>55</v>
      </c>
      <c r="L604" s="6">
        <v>12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0</v>
      </c>
      <c r="E605" s="9" t="s">
        <v>18</v>
      </c>
      <c r="F605" s="9" t="s">
        <v>235</v>
      </c>
      <c r="G605" s="9" t="s">
        <v>275</v>
      </c>
      <c r="H605" s="6">
        <v>5</v>
      </c>
      <c r="I605" s="10" t="s">
        <v>55</v>
      </c>
      <c r="J605" s="10" t="s">
        <v>55</v>
      </c>
      <c r="K605" s="10" t="s">
        <v>55</v>
      </c>
      <c r="L605" s="6">
        <v>5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0</v>
      </c>
      <c r="E606" s="9" t="s">
        <v>18</v>
      </c>
      <c r="F606" s="9" t="s">
        <v>235</v>
      </c>
      <c r="G606" s="9" t="s">
        <v>276</v>
      </c>
      <c r="H606" s="6">
        <v>10</v>
      </c>
      <c r="I606" s="10" t="s">
        <v>55</v>
      </c>
      <c r="J606" s="10" t="s">
        <v>55</v>
      </c>
      <c r="K606" s="10" t="s">
        <v>55</v>
      </c>
      <c r="L606" s="6">
        <v>10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0</v>
      </c>
      <c r="E607" s="9" t="s">
        <v>18</v>
      </c>
      <c r="F607" s="9" t="s">
        <v>235</v>
      </c>
      <c r="G607" s="9" t="s">
        <v>277</v>
      </c>
      <c r="H607" s="6">
        <v>13</v>
      </c>
      <c r="I607" s="10" t="s">
        <v>55</v>
      </c>
      <c r="J607" s="10" t="s">
        <v>55</v>
      </c>
      <c r="K607" s="10" t="s">
        <v>55</v>
      </c>
      <c r="L607" s="6">
        <v>13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0</v>
      </c>
      <c r="E608" s="9" t="s">
        <v>18</v>
      </c>
      <c r="F608" s="9" t="s">
        <v>235</v>
      </c>
      <c r="G608" s="9" t="s">
        <v>278</v>
      </c>
      <c r="H608" s="6">
        <v>11</v>
      </c>
      <c r="I608" s="10" t="s">
        <v>55</v>
      </c>
      <c r="J608" s="10" t="s">
        <v>55</v>
      </c>
      <c r="K608" s="10" t="s">
        <v>55</v>
      </c>
      <c r="L608" s="6">
        <v>11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0</v>
      </c>
      <c r="E609" s="9" t="s">
        <v>18</v>
      </c>
      <c r="F609" s="9" t="s">
        <v>235</v>
      </c>
      <c r="G609" s="9" t="s">
        <v>279</v>
      </c>
      <c r="H609" s="6">
        <v>7</v>
      </c>
      <c r="I609" s="10" t="s">
        <v>55</v>
      </c>
      <c r="J609" s="10" t="s">
        <v>55</v>
      </c>
      <c r="K609" s="10" t="s">
        <v>55</v>
      </c>
      <c r="L609" s="6">
        <v>7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0</v>
      </c>
      <c r="E610" s="9" t="s">
        <v>18</v>
      </c>
      <c r="F610" s="9" t="s">
        <v>235</v>
      </c>
      <c r="G610" s="9" t="s">
        <v>280</v>
      </c>
      <c r="H610" s="6">
        <v>22</v>
      </c>
      <c r="I610" s="10" t="s">
        <v>55</v>
      </c>
      <c r="J610" s="10" t="s">
        <v>55</v>
      </c>
      <c r="K610" s="10" t="s">
        <v>55</v>
      </c>
      <c r="L610" s="6">
        <v>22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0</v>
      </c>
      <c r="E611" s="9" t="s">
        <v>18</v>
      </c>
      <c r="F611" s="9" t="s">
        <v>281</v>
      </c>
      <c r="G611" s="9" t="s">
        <v>6</v>
      </c>
      <c r="H611" s="6">
        <v>36</v>
      </c>
      <c r="I611" s="10" t="s">
        <v>55</v>
      </c>
      <c r="J611" s="10" t="s">
        <v>55</v>
      </c>
      <c r="K611" s="10" t="s">
        <v>55</v>
      </c>
      <c r="L611" s="6">
        <v>36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0</v>
      </c>
      <c r="E612" s="9" t="s">
        <v>18</v>
      </c>
      <c r="F612" s="9" t="s">
        <v>281</v>
      </c>
      <c r="G612" s="9" t="s">
        <v>272</v>
      </c>
      <c r="H612" s="6">
        <v>1</v>
      </c>
      <c r="I612" s="10" t="s">
        <v>55</v>
      </c>
      <c r="J612" s="10" t="s">
        <v>55</v>
      </c>
      <c r="K612" s="10" t="s">
        <v>55</v>
      </c>
      <c r="L612" s="6">
        <v>1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0</v>
      </c>
      <c r="E613" s="9" t="s">
        <v>18</v>
      </c>
      <c r="F613" s="9" t="s">
        <v>281</v>
      </c>
      <c r="G613" s="9" t="s">
        <v>273</v>
      </c>
      <c r="H613" s="6">
        <v>1</v>
      </c>
      <c r="I613" s="10" t="s">
        <v>55</v>
      </c>
      <c r="J613" s="10" t="s">
        <v>55</v>
      </c>
      <c r="K613" s="10" t="s">
        <v>55</v>
      </c>
      <c r="L613" s="6">
        <v>1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0</v>
      </c>
      <c r="E614" s="9" t="s">
        <v>18</v>
      </c>
      <c r="F614" s="9" t="s">
        <v>281</v>
      </c>
      <c r="G614" s="9" t="s">
        <v>274</v>
      </c>
      <c r="H614" s="6">
        <v>4</v>
      </c>
      <c r="I614" s="10" t="s">
        <v>55</v>
      </c>
      <c r="J614" s="10" t="s">
        <v>55</v>
      </c>
      <c r="K614" s="10" t="s">
        <v>55</v>
      </c>
      <c r="L614" s="6">
        <v>4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0</v>
      </c>
      <c r="E615" s="9" t="s">
        <v>18</v>
      </c>
      <c r="F615" s="9" t="s">
        <v>281</v>
      </c>
      <c r="G615" s="9" t="s">
        <v>275</v>
      </c>
      <c r="H615" s="6">
        <v>2</v>
      </c>
      <c r="I615" s="10" t="s">
        <v>55</v>
      </c>
      <c r="J615" s="10" t="s">
        <v>55</v>
      </c>
      <c r="K615" s="10" t="s">
        <v>55</v>
      </c>
      <c r="L615" s="6">
        <v>2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0</v>
      </c>
      <c r="E616" s="9" t="s">
        <v>18</v>
      </c>
      <c r="F616" s="9" t="s">
        <v>281</v>
      </c>
      <c r="G616" s="9" t="s">
        <v>276</v>
      </c>
      <c r="H616" s="6">
        <v>1</v>
      </c>
      <c r="I616" s="10" t="s">
        <v>55</v>
      </c>
      <c r="J616" s="10" t="s">
        <v>55</v>
      </c>
      <c r="K616" s="10" t="s">
        <v>55</v>
      </c>
      <c r="L616" s="6">
        <v>1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0</v>
      </c>
      <c r="E617" s="9" t="s">
        <v>18</v>
      </c>
      <c r="F617" s="9" t="s">
        <v>281</v>
      </c>
      <c r="G617" s="9" t="s">
        <v>277</v>
      </c>
      <c r="H617" s="6">
        <v>1</v>
      </c>
      <c r="I617" s="10" t="s">
        <v>55</v>
      </c>
      <c r="J617" s="10" t="s">
        <v>55</v>
      </c>
      <c r="K617" s="10" t="s">
        <v>55</v>
      </c>
      <c r="L617" s="6">
        <v>1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0</v>
      </c>
      <c r="E618" s="9" t="s">
        <v>18</v>
      </c>
      <c r="F618" s="9" t="s">
        <v>281</v>
      </c>
      <c r="G618" s="9" t="s">
        <v>278</v>
      </c>
      <c r="H618" s="6">
        <v>5</v>
      </c>
      <c r="I618" s="10" t="s">
        <v>55</v>
      </c>
      <c r="J618" s="10" t="s">
        <v>55</v>
      </c>
      <c r="K618" s="10" t="s">
        <v>55</v>
      </c>
      <c r="L618" s="6">
        <v>5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0</v>
      </c>
      <c r="E619" s="9" t="s">
        <v>18</v>
      </c>
      <c r="F619" s="9" t="s">
        <v>281</v>
      </c>
      <c r="G619" s="9" t="s">
        <v>279</v>
      </c>
      <c r="H619" s="6">
        <v>3</v>
      </c>
      <c r="I619" s="10" t="s">
        <v>55</v>
      </c>
      <c r="J619" s="10" t="s">
        <v>55</v>
      </c>
      <c r="K619" s="10" t="s">
        <v>55</v>
      </c>
      <c r="L619" s="6">
        <v>3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0</v>
      </c>
      <c r="E620" s="9" t="s">
        <v>18</v>
      </c>
      <c r="F620" s="9" t="s">
        <v>281</v>
      </c>
      <c r="G620" s="9" t="s">
        <v>280</v>
      </c>
      <c r="H620" s="6">
        <v>18</v>
      </c>
      <c r="I620" s="10" t="s">
        <v>55</v>
      </c>
      <c r="J620" s="10" t="s">
        <v>55</v>
      </c>
      <c r="K620" s="10" t="s">
        <v>55</v>
      </c>
      <c r="L620" s="6">
        <v>18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0</v>
      </c>
      <c r="E621" s="9" t="s">
        <v>18</v>
      </c>
      <c r="F621" s="9" t="s">
        <v>282</v>
      </c>
      <c r="G621" s="9" t="s">
        <v>6</v>
      </c>
      <c r="H621" s="6">
        <v>32</v>
      </c>
      <c r="I621" s="10" t="s">
        <v>55</v>
      </c>
      <c r="J621" s="10" t="s">
        <v>55</v>
      </c>
      <c r="K621" s="10" t="s">
        <v>55</v>
      </c>
      <c r="L621" s="6">
        <v>32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0</v>
      </c>
      <c r="E622" s="9" t="s">
        <v>18</v>
      </c>
      <c r="F622" s="9" t="s">
        <v>282</v>
      </c>
      <c r="G622" s="9" t="s">
        <v>272</v>
      </c>
      <c r="H622" s="6">
        <v>2</v>
      </c>
      <c r="I622" s="10" t="s">
        <v>55</v>
      </c>
      <c r="J622" s="10" t="s">
        <v>55</v>
      </c>
      <c r="K622" s="10" t="s">
        <v>55</v>
      </c>
      <c r="L622" s="6">
        <v>2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0</v>
      </c>
      <c r="E623" s="9" t="s">
        <v>18</v>
      </c>
      <c r="F623" s="9" t="s">
        <v>282</v>
      </c>
      <c r="G623" s="9" t="s">
        <v>273</v>
      </c>
      <c r="H623" s="6">
        <v>5</v>
      </c>
      <c r="I623" s="10" t="s">
        <v>55</v>
      </c>
      <c r="J623" s="10" t="s">
        <v>55</v>
      </c>
      <c r="K623" s="10" t="s">
        <v>55</v>
      </c>
      <c r="L623" s="6">
        <v>5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0</v>
      </c>
      <c r="E624" s="9" t="s">
        <v>18</v>
      </c>
      <c r="F624" s="9" t="s">
        <v>282</v>
      </c>
      <c r="G624" s="9" t="s">
        <v>274</v>
      </c>
      <c r="H624" s="6">
        <v>4</v>
      </c>
      <c r="I624" s="10" t="s">
        <v>55</v>
      </c>
      <c r="J624" s="10" t="s">
        <v>55</v>
      </c>
      <c r="K624" s="10" t="s">
        <v>55</v>
      </c>
      <c r="L624" s="6">
        <v>4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0</v>
      </c>
      <c r="E625" s="9" t="s">
        <v>18</v>
      </c>
      <c r="F625" s="9" t="s">
        <v>282</v>
      </c>
      <c r="G625" s="9" t="s">
        <v>275</v>
      </c>
      <c r="H625" s="6">
        <v>1</v>
      </c>
      <c r="I625" s="10" t="s">
        <v>55</v>
      </c>
      <c r="J625" s="10" t="s">
        <v>55</v>
      </c>
      <c r="K625" s="10" t="s">
        <v>55</v>
      </c>
      <c r="L625" s="6">
        <v>1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0</v>
      </c>
      <c r="E626" s="9" t="s">
        <v>18</v>
      </c>
      <c r="F626" s="9" t="s">
        <v>282</v>
      </c>
      <c r="G626" s="9" t="s">
        <v>276</v>
      </c>
      <c r="H626" s="6">
        <v>5</v>
      </c>
      <c r="I626" s="10" t="s">
        <v>55</v>
      </c>
      <c r="J626" s="10" t="s">
        <v>55</v>
      </c>
      <c r="K626" s="10" t="s">
        <v>55</v>
      </c>
      <c r="L626" s="6">
        <v>5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0</v>
      </c>
      <c r="E627" s="9" t="s">
        <v>18</v>
      </c>
      <c r="F627" s="9" t="s">
        <v>282</v>
      </c>
      <c r="G627" s="9" t="s">
        <v>277</v>
      </c>
      <c r="H627" s="6">
        <v>4</v>
      </c>
      <c r="I627" s="10" t="s">
        <v>55</v>
      </c>
      <c r="J627" s="10" t="s">
        <v>55</v>
      </c>
      <c r="K627" s="10" t="s">
        <v>55</v>
      </c>
      <c r="L627" s="6">
        <v>4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0</v>
      </c>
      <c r="E628" s="9" t="s">
        <v>18</v>
      </c>
      <c r="F628" s="9" t="s">
        <v>282</v>
      </c>
      <c r="G628" s="9" t="s">
        <v>278</v>
      </c>
      <c r="H628" s="6">
        <v>4</v>
      </c>
      <c r="I628" s="10" t="s">
        <v>55</v>
      </c>
      <c r="J628" s="10" t="s">
        <v>55</v>
      </c>
      <c r="K628" s="10" t="s">
        <v>55</v>
      </c>
      <c r="L628" s="6">
        <v>4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0</v>
      </c>
      <c r="E629" s="9" t="s">
        <v>18</v>
      </c>
      <c r="F629" s="9" t="s">
        <v>282</v>
      </c>
      <c r="G629" s="9" t="s">
        <v>279</v>
      </c>
      <c r="H629" s="6">
        <v>3</v>
      </c>
      <c r="I629" s="10" t="s">
        <v>55</v>
      </c>
      <c r="J629" s="10" t="s">
        <v>55</v>
      </c>
      <c r="K629" s="10" t="s">
        <v>55</v>
      </c>
      <c r="L629" s="6">
        <v>3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0</v>
      </c>
      <c r="E630" s="9" t="s">
        <v>18</v>
      </c>
      <c r="F630" s="9" t="s">
        <v>282</v>
      </c>
      <c r="G630" s="9" t="s">
        <v>280</v>
      </c>
      <c r="H630" s="6">
        <v>4</v>
      </c>
      <c r="I630" s="10" t="s">
        <v>55</v>
      </c>
      <c r="J630" s="10" t="s">
        <v>55</v>
      </c>
      <c r="K630" s="10" t="s">
        <v>55</v>
      </c>
      <c r="L630" s="6">
        <v>4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0</v>
      </c>
      <c r="E631" s="9" t="s">
        <v>18</v>
      </c>
      <c r="F631" s="9" t="s">
        <v>283</v>
      </c>
      <c r="G631" s="9" t="s">
        <v>6</v>
      </c>
      <c r="H631" s="6">
        <v>26</v>
      </c>
      <c r="I631" s="10" t="s">
        <v>55</v>
      </c>
      <c r="J631" s="10" t="s">
        <v>55</v>
      </c>
      <c r="K631" s="10" t="s">
        <v>55</v>
      </c>
      <c r="L631" s="6">
        <v>26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0</v>
      </c>
      <c r="E632" s="9" t="s">
        <v>18</v>
      </c>
      <c r="F632" s="9" t="s">
        <v>283</v>
      </c>
      <c r="G632" s="9" t="s">
        <v>272</v>
      </c>
      <c r="H632" s="6">
        <v>3</v>
      </c>
      <c r="I632" s="10" t="s">
        <v>55</v>
      </c>
      <c r="J632" s="10" t="s">
        <v>55</v>
      </c>
      <c r="K632" s="10" t="s">
        <v>55</v>
      </c>
      <c r="L632" s="6">
        <v>3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0</v>
      </c>
      <c r="E633" s="9" t="s">
        <v>18</v>
      </c>
      <c r="F633" s="9" t="s">
        <v>283</v>
      </c>
      <c r="G633" s="9" t="s">
        <v>273</v>
      </c>
      <c r="H633" s="6">
        <v>2</v>
      </c>
      <c r="I633" s="10" t="s">
        <v>55</v>
      </c>
      <c r="J633" s="10" t="s">
        <v>55</v>
      </c>
      <c r="K633" s="10" t="s">
        <v>55</v>
      </c>
      <c r="L633" s="6">
        <v>2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0</v>
      </c>
      <c r="E634" s="9" t="s">
        <v>18</v>
      </c>
      <c r="F634" s="9" t="s">
        <v>283</v>
      </c>
      <c r="G634" s="9" t="s">
        <v>274</v>
      </c>
      <c r="H634" s="6">
        <v>4</v>
      </c>
      <c r="I634" s="10" t="s">
        <v>55</v>
      </c>
      <c r="J634" s="10" t="s">
        <v>55</v>
      </c>
      <c r="K634" s="10" t="s">
        <v>55</v>
      </c>
      <c r="L634" s="6">
        <v>4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0</v>
      </c>
      <c r="E635" s="9" t="s">
        <v>18</v>
      </c>
      <c r="F635" s="9" t="s">
        <v>283</v>
      </c>
      <c r="G635" s="9" t="s">
        <v>275</v>
      </c>
      <c r="H635" s="6">
        <v>2</v>
      </c>
      <c r="I635" s="10" t="s">
        <v>55</v>
      </c>
      <c r="J635" s="10" t="s">
        <v>55</v>
      </c>
      <c r="K635" s="10" t="s">
        <v>55</v>
      </c>
      <c r="L635" s="6">
        <v>2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0</v>
      </c>
      <c r="E636" s="9" t="s">
        <v>18</v>
      </c>
      <c r="F636" s="9" t="s">
        <v>283</v>
      </c>
      <c r="G636" s="9" t="s">
        <v>276</v>
      </c>
      <c r="H636" s="6">
        <v>4</v>
      </c>
      <c r="I636" s="10" t="s">
        <v>55</v>
      </c>
      <c r="J636" s="10" t="s">
        <v>55</v>
      </c>
      <c r="K636" s="10" t="s">
        <v>55</v>
      </c>
      <c r="L636" s="6">
        <v>4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0</v>
      </c>
      <c r="E637" s="9" t="s">
        <v>18</v>
      </c>
      <c r="F637" s="9" t="s">
        <v>283</v>
      </c>
      <c r="G637" s="9" t="s">
        <v>277</v>
      </c>
      <c r="H637" s="6">
        <v>8</v>
      </c>
      <c r="I637" s="10" t="s">
        <v>55</v>
      </c>
      <c r="J637" s="10" t="s">
        <v>55</v>
      </c>
      <c r="K637" s="10" t="s">
        <v>55</v>
      </c>
      <c r="L637" s="6">
        <v>8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0</v>
      </c>
      <c r="E638" s="9" t="s">
        <v>18</v>
      </c>
      <c r="F638" s="9" t="s">
        <v>283</v>
      </c>
      <c r="G638" s="9" t="s">
        <v>278</v>
      </c>
      <c r="H638" s="6">
        <v>2</v>
      </c>
      <c r="I638" s="10" t="s">
        <v>55</v>
      </c>
      <c r="J638" s="10" t="s">
        <v>55</v>
      </c>
      <c r="K638" s="10" t="s">
        <v>55</v>
      </c>
      <c r="L638" s="6">
        <v>2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0</v>
      </c>
      <c r="E639" s="9" t="s">
        <v>18</v>
      </c>
      <c r="F639" s="9" t="s">
        <v>283</v>
      </c>
      <c r="G639" s="9" t="s">
        <v>279</v>
      </c>
      <c r="H639" s="6">
        <v>1</v>
      </c>
      <c r="I639" s="10" t="s">
        <v>55</v>
      </c>
      <c r="J639" s="10" t="s">
        <v>55</v>
      </c>
      <c r="K639" s="10" t="s">
        <v>55</v>
      </c>
      <c r="L639" s="6">
        <v>1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0</v>
      </c>
      <c r="E640" s="9" t="s">
        <v>18</v>
      </c>
      <c r="F640" s="9" t="s">
        <v>283</v>
      </c>
      <c r="G640" s="9" t="s">
        <v>280</v>
      </c>
      <c r="H640" s="10" t="s">
        <v>55</v>
      </c>
      <c r="I640" s="10" t="s">
        <v>55</v>
      </c>
      <c r="J640" s="10" t="s">
        <v>55</v>
      </c>
      <c r="K640" s="10" t="s">
        <v>55</v>
      </c>
      <c r="L640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57833BE-147E-4DFA-BAF1-E4BFEA899D8E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6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2</v>
      </c>
      <c r="E11" s="5" t="s">
        <v>6</v>
      </c>
      <c r="F11" s="5" t="s">
        <v>6</v>
      </c>
      <c r="G11" s="5" t="s">
        <v>6</v>
      </c>
      <c r="H11" s="6">
        <v>507670</v>
      </c>
      <c r="I11" s="6">
        <v>190159</v>
      </c>
      <c r="J11" s="6">
        <v>139461</v>
      </c>
      <c r="K11" s="6">
        <v>273733</v>
      </c>
      <c r="L11" s="6">
        <v>43778</v>
      </c>
    </row>
    <row r="12" spans="1:12">
      <c r="A12" s="9" t="s">
        <v>27</v>
      </c>
      <c r="B12" s="9" t="s">
        <v>28</v>
      </c>
      <c r="C12" s="9" t="s">
        <v>29</v>
      </c>
      <c r="D12" s="9" t="s">
        <v>262</v>
      </c>
      <c r="E12" s="9" t="s">
        <v>6</v>
      </c>
      <c r="F12" s="9" t="s">
        <v>234</v>
      </c>
      <c r="G12" s="9" t="s">
        <v>6</v>
      </c>
      <c r="H12" s="6">
        <v>127121</v>
      </c>
      <c r="I12" s="6">
        <v>46706</v>
      </c>
      <c r="J12" s="6">
        <v>34178</v>
      </c>
      <c r="K12" s="6">
        <v>64501</v>
      </c>
      <c r="L12" s="6">
        <v>15914</v>
      </c>
    </row>
    <row r="13" spans="1:12">
      <c r="A13" s="9" t="s">
        <v>27</v>
      </c>
      <c r="B13" s="9" t="s">
        <v>28</v>
      </c>
      <c r="C13" s="9" t="s">
        <v>29</v>
      </c>
      <c r="D13" s="9" t="s">
        <v>262</v>
      </c>
      <c r="E13" s="9" t="s">
        <v>6</v>
      </c>
      <c r="F13" s="9" t="s">
        <v>235</v>
      </c>
      <c r="G13" s="9" t="s">
        <v>6</v>
      </c>
      <c r="H13" s="6">
        <v>380549</v>
      </c>
      <c r="I13" s="6">
        <v>143453</v>
      </c>
      <c r="J13" s="6">
        <v>105283</v>
      </c>
      <c r="K13" s="6">
        <v>209232</v>
      </c>
      <c r="L13" s="6">
        <v>27864</v>
      </c>
    </row>
    <row r="14" spans="1:12">
      <c r="A14" s="9" t="s">
        <v>27</v>
      </c>
      <c r="B14" s="9" t="s">
        <v>28</v>
      </c>
      <c r="C14" s="9" t="s">
        <v>29</v>
      </c>
      <c r="D14" s="9" t="s">
        <v>262</v>
      </c>
      <c r="E14" s="9" t="s">
        <v>6</v>
      </c>
      <c r="F14" s="9" t="s">
        <v>235</v>
      </c>
      <c r="G14" s="9" t="s">
        <v>272</v>
      </c>
      <c r="H14" s="6">
        <v>2676</v>
      </c>
      <c r="I14" s="6">
        <v>804</v>
      </c>
      <c r="J14" s="6">
        <v>701</v>
      </c>
      <c r="K14" s="6">
        <v>1029</v>
      </c>
      <c r="L14" s="6">
        <v>843</v>
      </c>
    </row>
    <row r="15" spans="1:12">
      <c r="A15" s="9" t="s">
        <v>27</v>
      </c>
      <c r="B15" s="9" t="s">
        <v>28</v>
      </c>
      <c r="C15" s="9" t="s">
        <v>29</v>
      </c>
      <c r="D15" s="9" t="s">
        <v>262</v>
      </c>
      <c r="E15" s="9" t="s">
        <v>6</v>
      </c>
      <c r="F15" s="9" t="s">
        <v>235</v>
      </c>
      <c r="G15" s="9" t="s">
        <v>273</v>
      </c>
      <c r="H15" s="6">
        <v>5087</v>
      </c>
      <c r="I15" s="6">
        <v>2129</v>
      </c>
      <c r="J15" s="6">
        <v>1872</v>
      </c>
      <c r="K15" s="6">
        <v>1286</v>
      </c>
      <c r="L15" s="6">
        <v>1672</v>
      </c>
    </row>
    <row r="16" spans="1:12">
      <c r="A16" s="9" t="s">
        <v>27</v>
      </c>
      <c r="B16" s="9" t="s">
        <v>28</v>
      </c>
      <c r="C16" s="9" t="s">
        <v>29</v>
      </c>
      <c r="D16" s="9" t="s">
        <v>262</v>
      </c>
      <c r="E16" s="9" t="s">
        <v>6</v>
      </c>
      <c r="F16" s="9" t="s">
        <v>235</v>
      </c>
      <c r="G16" s="9" t="s">
        <v>274</v>
      </c>
      <c r="H16" s="6">
        <v>5682</v>
      </c>
      <c r="I16" s="6">
        <v>2901</v>
      </c>
      <c r="J16" s="6">
        <v>2570</v>
      </c>
      <c r="K16" s="6">
        <v>1039</v>
      </c>
      <c r="L16" s="6">
        <v>1742</v>
      </c>
    </row>
    <row r="17" spans="1:12">
      <c r="A17" s="9" t="s">
        <v>27</v>
      </c>
      <c r="B17" s="9" t="s">
        <v>28</v>
      </c>
      <c r="C17" s="9" t="s">
        <v>29</v>
      </c>
      <c r="D17" s="9" t="s">
        <v>262</v>
      </c>
      <c r="E17" s="9" t="s">
        <v>6</v>
      </c>
      <c r="F17" s="9" t="s">
        <v>235</v>
      </c>
      <c r="G17" s="9" t="s">
        <v>275</v>
      </c>
      <c r="H17" s="6">
        <v>4638</v>
      </c>
      <c r="I17" s="6">
        <v>2480</v>
      </c>
      <c r="J17" s="6">
        <v>2213</v>
      </c>
      <c r="K17" s="6">
        <v>861</v>
      </c>
      <c r="L17" s="6">
        <v>1297</v>
      </c>
    </row>
    <row r="18" spans="1:12">
      <c r="A18" s="9" t="s">
        <v>27</v>
      </c>
      <c r="B18" s="9" t="s">
        <v>28</v>
      </c>
      <c r="C18" s="9" t="s">
        <v>29</v>
      </c>
      <c r="D18" s="9" t="s">
        <v>262</v>
      </c>
      <c r="E18" s="9" t="s">
        <v>6</v>
      </c>
      <c r="F18" s="9" t="s">
        <v>235</v>
      </c>
      <c r="G18" s="9" t="s">
        <v>276</v>
      </c>
      <c r="H18" s="6">
        <v>4623</v>
      </c>
      <c r="I18" s="6">
        <v>2623</v>
      </c>
      <c r="J18" s="6">
        <v>2324</v>
      </c>
      <c r="K18" s="6">
        <v>738</v>
      </c>
      <c r="L18" s="6">
        <v>1262</v>
      </c>
    </row>
    <row r="19" spans="1:12">
      <c r="A19" s="9" t="s">
        <v>27</v>
      </c>
      <c r="B19" s="9" t="s">
        <v>28</v>
      </c>
      <c r="C19" s="9" t="s">
        <v>29</v>
      </c>
      <c r="D19" s="9" t="s">
        <v>262</v>
      </c>
      <c r="E19" s="9" t="s">
        <v>6</v>
      </c>
      <c r="F19" s="9" t="s">
        <v>235</v>
      </c>
      <c r="G19" s="9" t="s">
        <v>277</v>
      </c>
      <c r="H19" s="6">
        <v>4862</v>
      </c>
      <c r="I19" s="6">
        <v>2809</v>
      </c>
      <c r="J19" s="6">
        <v>2457</v>
      </c>
      <c r="K19" s="6">
        <v>823</v>
      </c>
      <c r="L19" s="6">
        <v>1230</v>
      </c>
    </row>
    <row r="20" spans="1:12">
      <c r="A20" s="9" t="s">
        <v>27</v>
      </c>
      <c r="B20" s="9" t="s">
        <v>28</v>
      </c>
      <c r="C20" s="9" t="s">
        <v>29</v>
      </c>
      <c r="D20" s="9" t="s">
        <v>262</v>
      </c>
      <c r="E20" s="9" t="s">
        <v>6</v>
      </c>
      <c r="F20" s="9" t="s">
        <v>235</v>
      </c>
      <c r="G20" s="9" t="s">
        <v>278</v>
      </c>
      <c r="H20" s="6">
        <v>5712</v>
      </c>
      <c r="I20" s="6">
        <v>3396</v>
      </c>
      <c r="J20" s="6">
        <v>3025</v>
      </c>
      <c r="K20" s="6">
        <v>1036</v>
      </c>
      <c r="L20" s="6">
        <v>1280</v>
      </c>
    </row>
    <row r="21" spans="1:12">
      <c r="A21" s="9" t="s">
        <v>27</v>
      </c>
      <c r="B21" s="9" t="s">
        <v>28</v>
      </c>
      <c r="C21" s="9" t="s">
        <v>29</v>
      </c>
      <c r="D21" s="9" t="s">
        <v>262</v>
      </c>
      <c r="E21" s="9" t="s">
        <v>6</v>
      </c>
      <c r="F21" s="9" t="s">
        <v>235</v>
      </c>
      <c r="G21" s="9" t="s">
        <v>279</v>
      </c>
      <c r="H21" s="6">
        <v>4403</v>
      </c>
      <c r="I21" s="6">
        <v>2629</v>
      </c>
      <c r="J21" s="6">
        <v>2344</v>
      </c>
      <c r="K21" s="6">
        <v>862</v>
      </c>
      <c r="L21" s="6">
        <v>912</v>
      </c>
    </row>
    <row r="22" spans="1:12">
      <c r="A22" s="9" t="s">
        <v>27</v>
      </c>
      <c r="B22" s="9" t="s">
        <v>28</v>
      </c>
      <c r="C22" s="9" t="s">
        <v>29</v>
      </c>
      <c r="D22" s="9" t="s">
        <v>262</v>
      </c>
      <c r="E22" s="9" t="s">
        <v>6</v>
      </c>
      <c r="F22" s="9" t="s">
        <v>235</v>
      </c>
      <c r="G22" s="9" t="s">
        <v>280</v>
      </c>
      <c r="H22" s="6">
        <v>342866</v>
      </c>
      <c r="I22" s="6">
        <v>123682</v>
      </c>
      <c r="J22" s="6">
        <v>87777</v>
      </c>
      <c r="K22" s="6">
        <v>201558</v>
      </c>
      <c r="L22" s="6">
        <v>17626</v>
      </c>
    </row>
    <row r="23" spans="1:12">
      <c r="A23" s="9" t="s">
        <v>27</v>
      </c>
      <c r="B23" s="9" t="s">
        <v>28</v>
      </c>
      <c r="C23" s="9" t="s">
        <v>29</v>
      </c>
      <c r="D23" s="9" t="s">
        <v>262</v>
      </c>
      <c r="E23" s="9" t="s">
        <v>6</v>
      </c>
      <c r="F23" s="9" t="s">
        <v>281</v>
      </c>
      <c r="G23" s="9" t="s">
        <v>6</v>
      </c>
      <c r="H23" s="6">
        <v>288433</v>
      </c>
      <c r="I23" s="6">
        <v>101278</v>
      </c>
      <c r="J23" s="6">
        <v>71821</v>
      </c>
      <c r="K23" s="6">
        <v>169698</v>
      </c>
      <c r="L23" s="6">
        <v>17457</v>
      </c>
    </row>
    <row r="24" spans="1:12">
      <c r="A24" s="9" t="s">
        <v>27</v>
      </c>
      <c r="B24" s="9" t="s">
        <v>28</v>
      </c>
      <c r="C24" s="9" t="s">
        <v>29</v>
      </c>
      <c r="D24" s="9" t="s">
        <v>262</v>
      </c>
      <c r="E24" s="9" t="s">
        <v>6</v>
      </c>
      <c r="F24" s="9" t="s">
        <v>281</v>
      </c>
      <c r="G24" s="9" t="s">
        <v>272</v>
      </c>
      <c r="H24" s="6">
        <v>1239</v>
      </c>
      <c r="I24" s="6">
        <v>355</v>
      </c>
      <c r="J24" s="6">
        <v>317</v>
      </c>
      <c r="K24" s="6">
        <v>456</v>
      </c>
      <c r="L24" s="6">
        <v>428</v>
      </c>
    </row>
    <row r="25" spans="1:12">
      <c r="A25" s="9" t="s">
        <v>27</v>
      </c>
      <c r="B25" s="9" t="s">
        <v>28</v>
      </c>
      <c r="C25" s="9" t="s">
        <v>29</v>
      </c>
      <c r="D25" s="9" t="s">
        <v>262</v>
      </c>
      <c r="E25" s="9" t="s">
        <v>6</v>
      </c>
      <c r="F25" s="9" t="s">
        <v>281</v>
      </c>
      <c r="G25" s="9" t="s">
        <v>273</v>
      </c>
      <c r="H25" s="6">
        <v>2300</v>
      </c>
      <c r="I25" s="6">
        <v>921</v>
      </c>
      <c r="J25" s="6">
        <v>822</v>
      </c>
      <c r="K25" s="6">
        <v>579</v>
      </c>
      <c r="L25" s="6">
        <v>800</v>
      </c>
    </row>
    <row r="26" spans="1:12">
      <c r="A26" s="9" t="s">
        <v>27</v>
      </c>
      <c r="B26" s="9" t="s">
        <v>28</v>
      </c>
      <c r="C26" s="9" t="s">
        <v>29</v>
      </c>
      <c r="D26" s="9" t="s">
        <v>262</v>
      </c>
      <c r="E26" s="9" t="s">
        <v>6</v>
      </c>
      <c r="F26" s="9" t="s">
        <v>281</v>
      </c>
      <c r="G26" s="9" t="s">
        <v>274</v>
      </c>
      <c r="H26" s="6">
        <v>2201</v>
      </c>
      <c r="I26" s="6">
        <v>1017</v>
      </c>
      <c r="J26" s="6">
        <v>911</v>
      </c>
      <c r="K26" s="6">
        <v>405</v>
      </c>
      <c r="L26" s="6">
        <v>779</v>
      </c>
    </row>
    <row r="27" spans="1:12">
      <c r="A27" s="9" t="s">
        <v>27</v>
      </c>
      <c r="B27" s="9" t="s">
        <v>28</v>
      </c>
      <c r="C27" s="9" t="s">
        <v>29</v>
      </c>
      <c r="D27" s="9" t="s">
        <v>262</v>
      </c>
      <c r="E27" s="9" t="s">
        <v>6</v>
      </c>
      <c r="F27" s="9" t="s">
        <v>281</v>
      </c>
      <c r="G27" s="9" t="s">
        <v>275</v>
      </c>
      <c r="H27" s="6">
        <v>1646</v>
      </c>
      <c r="I27" s="6">
        <v>807</v>
      </c>
      <c r="J27" s="6">
        <v>725</v>
      </c>
      <c r="K27" s="6">
        <v>334</v>
      </c>
      <c r="L27" s="6">
        <v>505</v>
      </c>
    </row>
    <row r="28" spans="1:12">
      <c r="A28" s="9" t="s">
        <v>27</v>
      </c>
      <c r="B28" s="9" t="s">
        <v>28</v>
      </c>
      <c r="C28" s="9" t="s">
        <v>29</v>
      </c>
      <c r="D28" s="9" t="s">
        <v>262</v>
      </c>
      <c r="E28" s="9" t="s">
        <v>6</v>
      </c>
      <c r="F28" s="9" t="s">
        <v>281</v>
      </c>
      <c r="G28" s="9" t="s">
        <v>276</v>
      </c>
      <c r="H28" s="6">
        <v>1446</v>
      </c>
      <c r="I28" s="6">
        <v>771</v>
      </c>
      <c r="J28" s="6">
        <v>680</v>
      </c>
      <c r="K28" s="6">
        <v>258</v>
      </c>
      <c r="L28" s="6">
        <v>417</v>
      </c>
    </row>
    <row r="29" spans="1:12">
      <c r="A29" s="9" t="s">
        <v>27</v>
      </c>
      <c r="B29" s="9" t="s">
        <v>28</v>
      </c>
      <c r="C29" s="9" t="s">
        <v>29</v>
      </c>
      <c r="D29" s="9" t="s">
        <v>262</v>
      </c>
      <c r="E29" s="9" t="s">
        <v>6</v>
      </c>
      <c r="F29" s="9" t="s">
        <v>281</v>
      </c>
      <c r="G29" s="9" t="s">
        <v>277</v>
      </c>
      <c r="H29" s="6">
        <v>1597</v>
      </c>
      <c r="I29" s="6">
        <v>868</v>
      </c>
      <c r="J29" s="6">
        <v>738</v>
      </c>
      <c r="K29" s="6">
        <v>297</v>
      </c>
      <c r="L29" s="6">
        <v>432</v>
      </c>
    </row>
    <row r="30" spans="1:12">
      <c r="A30" s="9" t="s">
        <v>27</v>
      </c>
      <c r="B30" s="9" t="s">
        <v>28</v>
      </c>
      <c r="C30" s="9" t="s">
        <v>29</v>
      </c>
      <c r="D30" s="9" t="s">
        <v>262</v>
      </c>
      <c r="E30" s="9" t="s">
        <v>6</v>
      </c>
      <c r="F30" s="9" t="s">
        <v>281</v>
      </c>
      <c r="G30" s="9" t="s">
        <v>278</v>
      </c>
      <c r="H30" s="6">
        <v>1919</v>
      </c>
      <c r="I30" s="6">
        <v>1076</v>
      </c>
      <c r="J30" s="6">
        <v>938</v>
      </c>
      <c r="K30" s="6">
        <v>380</v>
      </c>
      <c r="L30" s="6">
        <v>463</v>
      </c>
    </row>
    <row r="31" spans="1:12">
      <c r="A31" s="9" t="s">
        <v>27</v>
      </c>
      <c r="B31" s="9" t="s">
        <v>28</v>
      </c>
      <c r="C31" s="9" t="s">
        <v>29</v>
      </c>
      <c r="D31" s="9" t="s">
        <v>262</v>
      </c>
      <c r="E31" s="9" t="s">
        <v>6</v>
      </c>
      <c r="F31" s="9" t="s">
        <v>281</v>
      </c>
      <c r="G31" s="9" t="s">
        <v>279</v>
      </c>
      <c r="H31" s="6">
        <v>1589</v>
      </c>
      <c r="I31" s="6">
        <v>917</v>
      </c>
      <c r="J31" s="6">
        <v>806</v>
      </c>
      <c r="K31" s="6">
        <v>299</v>
      </c>
      <c r="L31" s="6">
        <v>373</v>
      </c>
    </row>
    <row r="32" spans="1:12">
      <c r="A32" s="9" t="s">
        <v>27</v>
      </c>
      <c r="B32" s="9" t="s">
        <v>28</v>
      </c>
      <c r="C32" s="9" t="s">
        <v>29</v>
      </c>
      <c r="D32" s="9" t="s">
        <v>262</v>
      </c>
      <c r="E32" s="9" t="s">
        <v>6</v>
      </c>
      <c r="F32" s="9" t="s">
        <v>281</v>
      </c>
      <c r="G32" s="9" t="s">
        <v>280</v>
      </c>
      <c r="H32" s="6">
        <v>274496</v>
      </c>
      <c r="I32" s="6">
        <v>94546</v>
      </c>
      <c r="J32" s="6">
        <v>65884</v>
      </c>
      <c r="K32" s="6">
        <v>166690</v>
      </c>
      <c r="L32" s="6">
        <v>13260</v>
      </c>
    </row>
    <row r="33" spans="1:12">
      <c r="A33" s="9" t="s">
        <v>27</v>
      </c>
      <c r="B33" s="9" t="s">
        <v>28</v>
      </c>
      <c r="C33" s="9" t="s">
        <v>29</v>
      </c>
      <c r="D33" s="9" t="s">
        <v>262</v>
      </c>
      <c r="E33" s="9" t="s">
        <v>6</v>
      </c>
      <c r="F33" s="9" t="s">
        <v>282</v>
      </c>
      <c r="G33" s="9" t="s">
        <v>6</v>
      </c>
      <c r="H33" s="6">
        <v>76080</v>
      </c>
      <c r="I33" s="6">
        <v>33983</v>
      </c>
      <c r="J33" s="6">
        <v>26637</v>
      </c>
      <c r="K33" s="6">
        <v>34577</v>
      </c>
      <c r="L33" s="6">
        <v>7520</v>
      </c>
    </row>
    <row r="34" spans="1:12">
      <c r="A34" s="9" t="s">
        <v>27</v>
      </c>
      <c r="B34" s="9" t="s">
        <v>28</v>
      </c>
      <c r="C34" s="9" t="s">
        <v>29</v>
      </c>
      <c r="D34" s="9" t="s">
        <v>262</v>
      </c>
      <c r="E34" s="9" t="s">
        <v>6</v>
      </c>
      <c r="F34" s="9" t="s">
        <v>282</v>
      </c>
      <c r="G34" s="9" t="s">
        <v>272</v>
      </c>
      <c r="H34" s="6">
        <v>880</v>
      </c>
      <c r="I34" s="6">
        <v>269</v>
      </c>
      <c r="J34" s="6">
        <v>239</v>
      </c>
      <c r="K34" s="6">
        <v>360</v>
      </c>
      <c r="L34" s="6">
        <v>251</v>
      </c>
    </row>
    <row r="35" spans="1:12">
      <c r="A35" s="9" t="s">
        <v>27</v>
      </c>
      <c r="B35" s="9" t="s">
        <v>28</v>
      </c>
      <c r="C35" s="9" t="s">
        <v>29</v>
      </c>
      <c r="D35" s="9" t="s">
        <v>262</v>
      </c>
      <c r="E35" s="9" t="s">
        <v>6</v>
      </c>
      <c r="F35" s="9" t="s">
        <v>282</v>
      </c>
      <c r="G35" s="9" t="s">
        <v>273</v>
      </c>
      <c r="H35" s="6">
        <v>1694</v>
      </c>
      <c r="I35" s="6">
        <v>728</v>
      </c>
      <c r="J35" s="6">
        <v>635</v>
      </c>
      <c r="K35" s="6">
        <v>427</v>
      </c>
      <c r="L35" s="6">
        <v>539</v>
      </c>
    </row>
    <row r="36" spans="1:12">
      <c r="A36" s="9" t="s">
        <v>27</v>
      </c>
      <c r="B36" s="9" t="s">
        <v>28</v>
      </c>
      <c r="C36" s="9" t="s">
        <v>29</v>
      </c>
      <c r="D36" s="9" t="s">
        <v>262</v>
      </c>
      <c r="E36" s="9" t="s">
        <v>6</v>
      </c>
      <c r="F36" s="9" t="s">
        <v>282</v>
      </c>
      <c r="G36" s="9" t="s">
        <v>274</v>
      </c>
      <c r="H36" s="6">
        <v>2109</v>
      </c>
      <c r="I36" s="6">
        <v>1123</v>
      </c>
      <c r="J36" s="6">
        <v>996</v>
      </c>
      <c r="K36" s="6">
        <v>400</v>
      </c>
      <c r="L36" s="6">
        <v>586</v>
      </c>
    </row>
    <row r="37" spans="1:12">
      <c r="A37" s="9" t="s">
        <v>27</v>
      </c>
      <c r="B37" s="9" t="s">
        <v>28</v>
      </c>
      <c r="C37" s="9" t="s">
        <v>29</v>
      </c>
      <c r="D37" s="9" t="s">
        <v>262</v>
      </c>
      <c r="E37" s="9" t="s">
        <v>6</v>
      </c>
      <c r="F37" s="9" t="s">
        <v>282</v>
      </c>
      <c r="G37" s="9" t="s">
        <v>275</v>
      </c>
      <c r="H37" s="6">
        <v>1777</v>
      </c>
      <c r="I37" s="6">
        <v>988</v>
      </c>
      <c r="J37" s="6">
        <v>889</v>
      </c>
      <c r="K37" s="6">
        <v>317</v>
      </c>
      <c r="L37" s="6">
        <v>472</v>
      </c>
    </row>
    <row r="38" spans="1:12">
      <c r="A38" s="9" t="s">
        <v>27</v>
      </c>
      <c r="B38" s="9" t="s">
        <v>28</v>
      </c>
      <c r="C38" s="9" t="s">
        <v>29</v>
      </c>
      <c r="D38" s="9" t="s">
        <v>262</v>
      </c>
      <c r="E38" s="9" t="s">
        <v>6</v>
      </c>
      <c r="F38" s="9" t="s">
        <v>282</v>
      </c>
      <c r="G38" s="9" t="s">
        <v>276</v>
      </c>
      <c r="H38" s="6">
        <v>1839</v>
      </c>
      <c r="I38" s="6">
        <v>1106</v>
      </c>
      <c r="J38" s="6">
        <v>979</v>
      </c>
      <c r="K38" s="6">
        <v>248</v>
      </c>
      <c r="L38" s="6">
        <v>485</v>
      </c>
    </row>
    <row r="39" spans="1:12">
      <c r="A39" s="9" t="s">
        <v>27</v>
      </c>
      <c r="B39" s="9" t="s">
        <v>28</v>
      </c>
      <c r="C39" s="9" t="s">
        <v>29</v>
      </c>
      <c r="D39" s="9" t="s">
        <v>262</v>
      </c>
      <c r="E39" s="9" t="s">
        <v>6</v>
      </c>
      <c r="F39" s="9" t="s">
        <v>282</v>
      </c>
      <c r="G39" s="9" t="s">
        <v>277</v>
      </c>
      <c r="H39" s="6">
        <v>2029</v>
      </c>
      <c r="I39" s="6">
        <v>1210</v>
      </c>
      <c r="J39" s="6">
        <v>1064</v>
      </c>
      <c r="K39" s="6">
        <v>327</v>
      </c>
      <c r="L39" s="6">
        <v>492</v>
      </c>
    </row>
    <row r="40" spans="1:12">
      <c r="A40" s="9" t="s">
        <v>27</v>
      </c>
      <c r="B40" s="9" t="s">
        <v>28</v>
      </c>
      <c r="C40" s="9" t="s">
        <v>29</v>
      </c>
      <c r="D40" s="9" t="s">
        <v>262</v>
      </c>
      <c r="E40" s="9" t="s">
        <v>6</v>
      </c>
      <c r="F40" s="9" t="s">
        <v>282</v>
      </c>
      <c r="G40" s="9" t="s">
        <v>278</v>
      </c>
      <c r="H40" s="6">
        <v>2534</v>
      </c>
      <c r="I40" s="6">
        <v>1568</v>
      </c>
      <c r="J40" s="6">
        <v>1418</v>
      </c>
      <c r="K40" s="6">
        <v>415</v>
      </c>
      <c r="L40" s="6">
        <v>551</v>
      </c>
    </row>
    <row r="41" spans="1:12">
      <c r="A41" s="9" t="s">
        <v>27</v>
      </c>
      <c r="B41" s="9" t="s">
        <v>28</v>
      </c>
      <c r="C41" s="9" t="s">
        <v>29</v>
      </c>
      <c r="D41" s="9" t="s">
        <v>262</v>
      </c>
      <c r="E41" s="9" t="s">
        <v>6</v>
      </c>
      <c r="F41" s="9" t="s">
        <v>282</v>
      </c>
      <c r="G41" s="9" t="s">
        <v>279</v>
      </c>
      <c r="H41" s="6">
        <v>2032</v>
      </c>
      <c r="I41" s="6">
        <v>1272</v>
      </c>
      <c r="J41" s="6">
        <v>1145</v>
      </c>
      <c r="K41" s="6">
        <v>363</v>
      </c>
      <c r="L41" s="6">
        <v>397</v>
      </c>
    </row>
    <row r="42" spans="1:12">
      <c r="A42" s="9" t="s">
        <v>27</v>
      </c>
      <c r="B42" s="9" t="s">
        <v>28</v>
      </c>
      <c r="C42" s="9" t="s">
        <v>29</v>
      </c>
      <c r="D42" s="9" t="s">
        <v>262</v>
      </c>
      <c r="E42" s="9" t="s">
        <v>6</v>
      </c>
      <c r="F42" s="9" t="s">
        <v>282</v>
      </c>
      <c r="G42" s="9" t="s">
        <v>280</v>
      </c>
      <c r="H42" s="6">
        <v>61186</v>
      </c>
      <c r="I42" s="6">
        <v>25719</v>
      </c>
      <c r="J42" s="6">
        <v>19272</v>
      </c>
      <c r="K42" s="6">
        <v>31720</v>
      </c>
      <c r="L42" s="6">
        <v>3747</v>
      </c>
    </row>
    <row r="43" spans="1:12">
      <c r="A43" s="9" t="s">
        <v>27</v>
      </c>
      <c r="B43" s="9" t="s">
        <v>28</v>
      </c>
      <c r="C43" s="9" t="s">
        <v>29</v>
      </c>
      <c r="D43" s="9" t="s">
        <v>262</v>
      </c>
      <c r="E43" s="9" t="s">
        <v>6</v>
      </c>
      <c r="F43" s="9" t="s">
        <v>283</v>
      </c>
      <c r="G43" s="9" t="s">
        <v>6</v>
      </c>
      <c r="H43" s="6">
        <v>16036</v>
      </c>
      <c r="I43" s="6">
        <v>8192</v>
      </c>
      <c r="J43" s="6">
        <v>6825</v>
      </c>
      <c r="K43" s="6">
        <v>4957</v>
      </c>
      <c r="L43" s="6">
        <v>2887</v>
      </c>
    </row>
    <row r="44" spans="1:12">
      <c r="A44" s="9" t="s">
        <v>27</v>
      </c>
      <c r="B44" s="9" t="s">
        <v>28</v>
      </c>
      <c r="C44" s="9" t="s">
        <v>29</v>
      </c>
      <c r="D44" s="9" t="s">
        <v>262</v>
      </c>
      <c r="E44" s="9" t="s">
        <v>6</v>
      </c>
      <c r="F44" s="9" t="s">
        <v>283</v>
      </c>
      <c r="G44" s="9" t="s">
        <v>272</v>
      </c>
      <c r="H44" s="6">
        <v>557</v>
      </c>
      <c r="I44" s="6">
        <v>180</v>
      </c>
      <c r="J44" s="6">
        <v>145</v>
      </c>
      <c r="K44" s="6">
        <v>213</v>
      </c>
      <c r="L44" s="6">
        <v>164</v>
      </c>
    </row>
    <row r="45" spans="1:12">
      <c r="A45" s="9" t="s">
        <v>27</v>
      </c>
      <c r="B45" s="9" t="s">
        <v>28</v>
      </c>
      <c r="C45" s="9" t="s">
        <v>29</v>
      </c>
      <c r="D45" s="9" t="s">
        <v>262</v>
      </c>
      <c r="E45" s="9" t="s">
        <v>6</v>
      </c>
      <c r="F45" s="9" t="s">
        <v>283</v>
      </c>
      <c r="G45" s="9" t="s">
        <v>273</v>
      </c>
      <c r="H45" s="6">
        <v>1093</v>
      </c>
      <c r="I45" s="6">
        <v>480</v>
      </c>
      <c r="J45" s="6">
        <v>415</v>
      </c>
      <c r="K45" s="6">
        <v>280</v>
      </c>
      <c r="L45" s="6">
        <v>333</v>
      </c>
    </row>
    <row r="46" spans="1:12">
      <c r="A46" s="9" t="s">
        <v>27</v>
      </c>
      <c r="B46" s="9" t="s">
        <v>28</v>
      </c>
      <c r="C46" s="9" t="s">
        <v>29</v>
      </c>
      <c r="D46" s="9" t="s">
        <v>262</v>
      </c>
      <c r="E46" s="9" t="s">
        <v>6</v>
      </c>
      <c r="F46" s="9" t="s">
        <v>283</v>
      </c>
      <c r="G46" s="9" t="s">
        <v>274</v>
      </c>
      <c r="H46" s="6">
        <v>1372</v>
      </c>
      <c r="I46" s="6">
        <v>761</v>
      </c>
      <c r="J46" s="6">
        <v>663</v>
      </c>
      <c r="K46" s="6">
        <v>234</v>
      </c>
      <c r="L46" s="6">
        <v>377</v>
      </c>
    </row>
    <row r="47" spans="1:12">
      <c r="A47" s="9" t="s">
        <v>27</v>
      </c>
      <c r="B47" s="9" t="s">
        <v>28</v>
      </c>
      <c r="C47" s="9" t="s">
        <v>29</v>
      </c>
      <c r="D47" s="9" t="s">
        <v>262</v>
      </c>
      <c r="E47" s="9" t="s">
        <v>6</v>
      </c>
      <c r="F47" s="9" t="s">
        <v>283</v>
      </c>
      <c r="G47" s="9" t="s">
        <v>275</v>
      </c>
      <c r="H47" s="6">
        <v>1215</v>
      </c>
      <c r="I47" s="6">
        <v>685</v>
      </c>
      <c r="J47" s="6">
        <v>599</v>
      </c>
      <c r="K47" s="6">
        <v>210</v>
      </c>
      <c r="L47" s="6">
        <v>320</v>
      </c>
    </row>
    <row r="48" spans="1:12">
      <c r="A48" s="9" t="s">
        <v>27</v>
      </c>
      <c r="B48" s="9" t="s">
        <v>28</v>
      </c>
      <c r="C48" s="9" t="s">
        <v>29</v>
      </c>
      <c r="D48" s="9" t="s">
        <v>262</v>
      </c>
      <c r="E48" s="9" t="s">
        <v>6</v>
      </c>
      <c r="F48" s="9" t="s">
        <v>283</v>
      </c>
      <c r="G48" s="9" t="s">
        <v>276</v>
      </c>
      <c r="H48" s="6">
        <v>1338</v>
      </c>
      <c r="I48" s="6">
        <v>746</v>
      </c>
      <c r="J48" s="6">
        <v>665</v>
      </c>
      <c r="K48" s="6">
        <v>232</v>
      </c>
      <c r="L48" s="6">
        <v>360</v>
      </c>
    </row>
    <row r="49" spans="1:12">
      <c r="A49" s="9" t="s">
        <v>27</v>
      </c>
      <c r="B49" s="9" t="s">
        <v>28</v>
      </c>
      <c r="C49" s="9" t="s">
        <v>29</v>
      </c>
      <c r="D49" s="9" t="s">
        <v>262</v>
      </c>
      <c r="E49" s="9" t="s">
        <v>6</v>
      </c>
      <c r="F49" s="9" t="s">
        <v>283</v>
      </c>
      <c r="G49" s="9" t="s">
        <v>277</v>
      </c>
      <c r="H49" s="6">
        <v>1236</v>
      </c>
      <c r="I49" s="6">
        <v>731</v>
      </c>
      <c r="J49" s="6">
        <v>655</v>
      </c>
      <c r="K49" s="6">
        <v>199</v>
      </c>
      <c r="L49" s="6">
        <v>306</v>
      </c>
    </row>
    <row r="50" spans="1:12">
      <c r="A50" s="9" t="s">
        <v>27</v>
      </c>
      <c r="B50" s="9" t="s">
        <v>28</v>
      </c>
      <c r="C50" s="9" t="s">
        <v>29</v>
      </c>
      <c r="D50" s="9" t="s">
        <v>262</v>
      </c>
      <c r="E50" s="9" t="s">
        <v>6</v>
      </c>
      <c r="F50" s="9" t="s">
        <v>283</v>
      </c>
      <c r="G50" s="9" t="s">
        <v>278</v>
      </c>
      <c r="H50" s="6">
        <v>1259</v>
      </c>
      <c r="I50" s="6">
        <v>752</v>
      </c>
      <c r="J50" s="6">
        <v>669</v>
      </c>
      <c r="K50" s="6">
        <v>241</v>
      </c>
      <c r="L50" s="6">
        <v>266</v>
      </c>
    </row>
    <row r="51" spans="1:12">
      <c r="A51" s="9" t="s">
        <v>27</v>
      </c>
      <c r="B51" s="9" t="s">
        <v>28</v>
      </c>
      <c r="C51" s="9" t="s">
        <v>29</v>
      </c>
      <c r="D51" s="9" t="s">
        <v>262</v>
      </c>
      <c r="E51" s="9" t="s">
        <v>6</v>
      </c>
      <c r="F51" s="9" t="s">
        <v>283</v>
      </c>
      <c r="G51" s="9" t="s">
        <v>279</v>
      </c>
      <c r="H51" s="6">
        <v>782</v>
      </c>
      <c r="I51" s="6">
        <v>440</v>
      </c>
      <c r="J51" s="6">
        <v>393</v>
      </c>
      <c r="K51" s="6">
        <v>200</v>
      </c>
      <c r="L51" s="6">
        <v>142</v>
      </c>
    </row>
    <row r="52" spans="1:12">
      <c r="A52" s="9" t="s">
        <v>27</v>
      </c>
      <c r="B52" s="9" t="s">
        <v>28</v>
      </c>
      <c r="C52" s="9" t="s">
        <v>29</v>
      </c>
      <c r="D52" s="9" t="s">
        <v>262</v>
      </c>
      <c r="E52" s="9" t="s">
        <v>6</v>
      </c>
      <c r="F52" s="9" t="s">
        <v>283</v>
      </c>
      <c r="G52" s="9" t="s">
        <v>280</v>
      </c>
      <c r="H52" s="6">
        <v>7184</v>
      </c>
      <c r="I52" s="6">
        <v>3417</v>
      </c>
      <c r="J52" s="6">
        <v>2621</v>
      </c>
      <c r="K52" s="6">
        <v>3148</v>
      </c>
      <c r="L52" s="6">
        <v>619</v>
      </c>
    </row>
    <row r="53" spans="1:12">
      <c r="A53" s="9" t="s">
        <v>27</v>
      </c>
      <c r="B53" s="9" t="s">
        <v>28</v>
      </c>
      <c r="C53" s="9" t="s">
        <v>29</v>
      </c>
      <c r="D53" s="9" t="s">
        <v>262</v>
      </c>
      <c r="E53" s="9" t="s">
        <v>226</v>
      </c>
      <c r="F53" s="9" t="s">
        <v>6</v>
      </c>
      <c r="G53" s="9" t="s">
        <v>6</v>
      </c>
      <c r="H53" s="6">
        <v>251800</v>
      </c>
      <c r="I53" s="6">
        <v>155715</v>
      </c>
      <c r="J53" s="6">
        <v>110412</v>
      </c>
      <c r="K53" s="6">
        <v>94964</v>
      </c>
      <c r="L53" s="6">
        <v>1121</v>
      </c>
    </row>
    <row r="54" spans="1:12">
      <c r="A54" s="9" t="s">
        <v>27</v>
      </c>
      <c r="B54" s="9" t="s">
        <v>28</v>
      </c>
      <c r="C54" s="9" t="s">
        <v>29</v>
      </c>
      <c r="D54" s="9" t="s">
        <v>262</v>
      </c>
      <c r="E54" s="9" t="s">
        <v>226</v>
      </c>
      <c r="F54" s="9" t="s">
        <v>234</v>
      </c>
      <c r="G54" s="9" t="s">
        <v>6</v>
      </c>
      <c r="H54" s="6">
        <v>61405</v>
      </c>
      <c r="I54" s="6">
        <v>38553</v>
      </c>
      <c r="J54" s="6">
        <v>27312</v>
      </c>
      <c r="K54" s="6">
        <v>22436</v>
      </c>
      <c r="L54" s="6">
        <v>416</v>
      </c>
    </row>
    <row r="55" spans="1:12">
      <c r="A55" s="9" t="s">
        <v>27</v>
      </c>
      <c r="B55" s="9" t="s">
        <v>28</v>
      </c>
      <c r="C55" s="9" t="s">
        <v>29</v>
      </c>
      <c r="D55" s="9" t="s">
        <v>262</v>
      </c>
      <c r="E55" s="9" t="s">
        <v>226</v>
      </c>
      <c r="F55" s="9" t="s">
        <v>235</v>
      </c>
      <c r="G55" s="9" t="s">
        <v>6</v>
      </c>
      <c r="H55" s="6">
        <v>190395</v>
      </c>
      <c r="I55" s="6">
        <v>117162</v>
      </c>
      <c r="J55" s="6">
        <v>83100</v>
      </c>
      <c r="K55" s="6">
        <v>72528</v>
      </c>
      <c r="L55" s="6">
        <v>705</v>
      </c>
    </row>
    <row r="56" spans="1:12">
      <c r="A56" s="9" t="s">
        <v>27</v>
      </c>
      <c r="B56" s="9" t="s">
        <v>28</v>
      </c>
      <c r="C56" s="9" t="s">
        <v>29</v>
      </c>
      <c r="D56" s="9" t="s">
        <v>262</v>
      </c>
      <c r="E56" s="9" t="s">
        <v>226</v>
      </c>
      <c r="F56" s="9" t="s">
        <v>235</v>
      </c>
      <c r="G56" s="9" t="s">
        <v>272</v>
      </c>
      <c r="H56" s="6">
        <v>1762</v>
      </c>
      <c r="I56" s="6">
        <v>785</v>
      </c>
      <c r="J56" s="6">
        <v>684</v>
      </c>
      <c r="K56" s="6">
        <v>971</v>
      </c>
      <c r="L56" s="6">
        <v>6</v>
      </c>
    </row>
    <row r="57" spans="1:12">
      <c r="A57" s="9" t="s">
        <v>27</v>
      </c>
      <c r="B57" s="9" t="s">
        <v>28</v>
      </c>
      <c r="C57" s="9" t="s">
        <v>29</v>
      </c>
      <c r="D57" s="9" t="s">
        <v>262</v>
      </c>
      <c r="E57" s="9" t="s">
        <v>226</v>
      </c>
      <c r="F57" s="9" t="s">
        <v>235</v>
      </c>
      <c r="G57" s="9" t="s">
        <v>273</v>
      </c>
      <c r="H57" s="6">
        <v>3302</v>
      </c>
      <c r="I57" s="6">
        <v>2067</v>
      </c>
      <c r="J57" s="6">
        <v>1816</v>
      </c>
      <c r="K57" s="6">
        <v>1221</v>
      </c>
      <c r="L57" s="6">
        <v>14</v>
      </c>
    </row>
    <row r="58" spans="1:12">
      <c r="A58" s="9" t="s">
        <v>27</v>
      </c>
      <c r="B58" s="9" t="s">
        <v>28</v>
      </c>
      <c r="C58" s="9" t="s">
        <v>29</v>
      </c>
      <c r="D58" s="9" t="s">
        <v>262</v>
      </c>
      <c r="E58" s="9" t="s">
        <v>226</v>
      </c>
      <c r="F58" s="9" t="s">
        <v>235</v>
      </c>
      <c r="G58" s="9" t="s">
        <v>274</v>
      </c>
      <c r="H58" s="6">
        <v>3826</v>
      </c>
      <c r="I58" s="6">
        <v>2838</v>
      </c>
      <c r="J58" s="6">
        <v>2517</v>
      </c>
      <c r="K58" s="6">
        <v>979</v>
      </c>
      <c r="L58" s="6">
        <v>9</v>
      </c>
    </row>
    <row r="59" spans="1:12">
      <c r="A59" s="9" t="s">
        <v>27</v>
      </c>
      <c r="B59" s="9" t="s">
        <v>28</v>
      </c>
      <c r="C59" s="9" t="s">
        <v>29</v>
      </c>
      <c r="D59" s="9" t="s">
        <v>262</v>
      </c>
      <c r="E59" s="9" t="s">
        <v>226</v>
      </c>
      <c r="F59" s="9" t="s">
        <v>235</v>
      </c>
      <c r="G59" s="9" t="s">
        <v>275</v>
      </c>
      <c r="H59" s="6">
        <v>3216</v>
      </c>
      <c r="I59" s="6">
        <v>2395</v>
      </c>
      <c r="J59" s="6">
        <v>2142</v>
      </c>
      <c r="K59" s="6">
        <v>815</v>
      </c>
      <c r="L59" s="6">
        <v>6</v>
      </c>
    </row>
    <row r="60" spans="1:12">
      <c r="A60" s="9" t="s">
        <v>27</v>
      </c>
      <c r="B60" s="9" t="s">
        <v>28</v>
      </c>
      <c r="C60" s="9" t="s">
        <v>29</v>
      </c>
      <c r="D60" s="9" t="s">
        <v>262</v>
      </c>
      <c r="E60" s="9" t="s">
        <v>226</v>
      </c>
      <c r="F60" s="9" t="s">
        <v>235</v>
      </c>
      <c r="G60" s="9" t="s">
        <v>276</v>
      </c>
      <c r="H60" s="6">
        <v>3237</v>
      </c>
      <c r="I60" s="6">
        <v>2541</v>
      </c>
      <c r="J60" s="6">
        <v>2246</v>
      </c>
      <c r="K60" s="6">
        <v>685</v>
      </c>
      <c r="L60" s="6">
        <v>11</v>
      </c>
    </row>
    <row r="61" spans="1:12">
      <c r="A61" s="9" t="s">
        <v>27</v>
      </c>
      <c r="B61" s="9" t="s">
        <v>28</v>
      </c>
      <c r="C61" s="9" t="s">
        <v>29</v>
      </c>
      <c r="D61" s="9" t="s">
        <v>262</v>
      </c>
      <c r="E61" s="9" t="s">
        <v>226</v>
      </c>
      <c r="F61" s="9" t="s">
        <v>235</v>
      </c>
      <c r="G61" s="9" t="s">
        <v>277</v>
      </c>
      <c r="H61" s="6">
        <v>3476</v>
      </c>
      <c r="I61" s="6">
        <v>2709</v>
      </c>
      <c r="J61" s="6">
        <v>2367</v>
      </c>
      <c r="K61" s="6">
        <v>758</v>
      </c>
      <c r="L61" s="6">
        <v>9</v>
      </c>
    </row>
    <row r="62" spans="1:12">
      <c r="A62" s="9" t="s">
        <v>27</v>
      </c>
      <c r="B62" s="9" t="s">
        <v>28</v>
      </c>
      <c r="C62" s="9" t="s">
        <v>29</v>
      </c>
      <c r="D62" s="9" t="s">
        <v>262</v>
      </c>
      <c r="E62" s="9" t="s">
        <v>226</v>
      </c>
      <c r="F62" s="9" t="s">
        <v>235</v>
      </c>
      <c r="G62" s="9" t="s">
        <v>278</v>
      </c>
      <c r="H62" s="6">
        <v>4195</v>
      </c>
      <c r="I62" s="6">
        <v>3249</v>
      </c>
      <c r="J62" s="6">
        <v>2889</v>
      </c>
      <c r="K62" s="6">
        <v>938</v>
      </c>
      <c r="L62" s="6">
        <v>8</v>
      </c>
    </row>
    <row r="63" spans="1:12">
      <c r="A63" s="9" t="s">
        <v>27</v>
      </c>
      <c r="B63" s="9" t="s">
        <v>28</v>
      </c>
      <c r="C63" s="9" t="s">
        <v>29</v>
      </c>
      <c r="D63" s="9" t="s">
        <v>262</v>
      </c>
      <c r="E63" s="9" t="s">
        <v>226</v>
      </c>
      <c r="F63" s="9" t="s">
        <v>235</v>
      </c>
      <c r="G63" s="9" t="s">
        <v>279</v>
      </c>
      <c r="H63" s="6">
        <v>3292</v>
      </c>
      <c r="I63" s="6">
        <v>2499</v>
      </c>
      <c r="J63" s="6">
        <v>2227</v>
      </c>
      <c r="K63" s="6">
        <v>790</v>
      </c>
      <c r="L63" s="6">
        <v>3</v>
      </c>
    </row>
    <row r="64" spans="1:12">
      <c r="A64" s="9" t="s">
        <v>27</v>
      </c>
      <c r="B64" s="9" t="s">
        <v>28</v>
      </c>
      <c r="C64" s="9" t="s">
        <v>29</v>
      </c>
      <c r="D64" s="9" t="s">
        <v>262</v>
      </c>
      <c r="E64" s="9" t="s">
        <v>226</v>
      </c>
      <c r="F64" s="9" t="s">
        <v>235</v>
      </c>
      <c r="G64" s="9" t="s">
        <v>280</v>
      </c>
      <c r="H64" s="6">
        <v>164089</v>
      </c>
      <c r="I64" s="6">
        <v>98079</v>
      </c>
      <c r="J64" s="6">
        <v>66212</v>
      </c>
      <c r="K64" s="6">
        <v>65371</v>
      </c>
      <c r="L64" s="6">
        <v>639</v>
      </c>
    </row>
    <row r="65" spans="1:12">
      <c r="A65" s="9" t="s">
        <v>27</v>
      </c>
      <c r="B65" s="9" t="s">
        <v>28</v>
      </c>
      <c r="C65" s="9" t="s">
        <v>29</v>
      </c>
      <c r="D65" s="9" t="s">
        <v>262</v>
      </c>
      <c r="E65" s="9" t="s">
        <v>226</v>
      </c>
      <c r="F65" s="9" t="s">
        <v>281</v>
      </c>
      <c r="G65" s="9" t="s">
        <v>6</v>
      </c>
      <c r="H65" s="6">
        <v>134858</v>
      </c>
      <c r="I65" s="6">
        <v>80573</v>
      </c>
      <c r="J65" s="6">
        <v>54490</v>
      </c>
      <c r="K65" s="6">
        <v>53772</v>
      </c>
      <c r="L65" s="6">
        <v>513</v>
      </c>
    </row>
    <row r="66" spans="1:12">
      <c r="A66" s="9" t="s">
        <v>27</v>
      </c>
      <c r="B66" s="9" t="s">
        <v>28</v>
      </c>
      <c r="C66" s="9" t="s">
        <v>29</v>
      </c>
      <c r="D66" s="9" t="s">
        <v>262</v>
      </c>
      <c r="E66" s="9" t="s">
        <v>226</v>
      </c>
      <c r="F66" s="9" t="s">
        <v>281</v>
      </c>
      <c r="G66" s="9" t="s">
        <v>272</v>
      </c>
      <c r="H66" s="6">
        <v>777</v>
      </c>
      <c r="I66" s="6">
        <v>345</v>
      </c>
      <c r="J66" s="6">
        <v>308</v>
      </c>
      <c r="K66" s="6">
        <v>430</v>
      </c>
      <c r="L66" s="6">
        <v>2</v>
      </c>
    </row>
    <row r="67" spans="1:12">
      <c r="A67" s="9" t="s">
        <v>27</v>
      </c>
      <c r="B67" s="9" t="s">
        <v>28</v>
      </c>
      <c r="C67" s="9" t="s">
        <v>29</v>
      </c>
      <c r="D67" s="9" t="s">
        <v>262</v>
      </c>
      <c r="E67" s="9" t="s">
        <v>226</v>
      </c>
      <c r="F67" s="9" t="s">
        <v>281</v>
      </c>
      <c r="G67" s="9" t="s">
        <v>273</v>
      </c>
      <c r="H67" s="6">
        <v>1441</v>
      </c>
      <c r="I67" s="6">
        <v>893</v>
      </c>
      <c r="J67" s="6">
        <v>800</v>
      </c>
      <c r="K67" s="6">
        <v>543</v>
      </c>
      <c r="L67" s="6">
        <v>5</v>
      </c>
    </row>
    <row r="68" spans="1:12">
      <c r="A68" s="9" t="s">
        <v>27</v>
      </c>
      <c r="B68" s="9" t="s">
        <v>28</v>
      </c>
      <c r="C68" s="9" t="s">
        <v>29</v>
      </c>
      <c r="D68" s="9" t="s">
        <v>262</v>
      </c>
      <c r="E68" s="9" t="s">
        <v>226</v>
      </c>
      <c r="F68" s="9" t="s">
        <v>281</v>
      </c>
      <c r="G68" s="9" t="s">
        <v>274</v>
      </c>
      <c r="H68" s="6">
        <v>1375</v>
      </c>
      <c r="I68" s="6">
        <v>989</v>
      </c>
      <c r="J68" s="6">
        <v>886</v>
      </c>
      <c r="K68" s="6">
        <v>382</v>
      </c>
      <c r="L68" s="6">
        <v>4</v>
      </c>
    </row>
    <row r="69" spans="1:12">
      <c r="A69" s="9" t="s">
        <v>27</v>
      </c>
      <c r="B69" s="9" t="s">
        <v>28</v>
      </c>
      <c r="C69" s="9" t="s">
        <v>29</v>
      </c>
      <c r="D69" s="9" t="s">
        <v>262</v>
      </c>
      <c r="E69" s="9" t="s">
        <v>226</v>
      </c>
      <c r="F69" s="9" t="s">
        <v>281</v>
      </c>
      <c r="G69" s="9" t="s">
        <v>275</v>
      </c>
      <c r="H69" s="6">
        <v>1087</v>
      </c>
      <c r="I69" s="6">
        <v>770</v>
      </c>
      <c r="J69" s="6">
        <v>694</v>
      </c>
      <c r="K69" s="6">
        <v>313</v>
      </c>
      <c r="L69" s="6">
        <v>4</v>
      </c>
    </row>
    <row r="70" spans="1:12">
      <c r="A70" s="9" t="s">
        <v>27</v>
      </c>
      <c r="B70" s="9" t="s">
        <v>28</v>
      </c>
      <c r="C70" s="9" t="s">
        <v>29</v>
      </c>
      <c r="D70" s="9" t="s">
        <v>262</v>
      </c>
      <c r="E70" s="9" t="s">
        <v>226</v>
      </c>
      <c r="F70" s="9" t="s">
        <v>281</v>
      </c>
      <c r="G70" s="9" t="s">
        <v>276</v>
      </c>
      <c r="H70" s="6">
        <v>986</v>
      </c>
      <c r="I70" s="6">
        <v>740</v>
      </c>
      <c r="J70" s="6">
        <v>650</v>
      </c>
      <c r="K70" s="6">
        <v>243</v>
      </c>
      <c r="L70" s="6">
        <v>3</v>
      </c>
    </row>
    <row r="71" spans="1:12">
      <c r="A71" s="9" t="s">
        <v>27</v>
      </c>
      <c r="B71" s="9" t="s">
        <v>28</v>
      </c>
      <c r="C71" s="9" t="s">
        <v>29</v>
      </c>
      <c r="D71" s="9" t="s">
        <v>262</v>
      </c>
      <c r="E71" s="9" t="s">
        <v>226</v>
      </c>
      <c r="F71" s="9" t="s">
        <v>281</v>
      </c>
      <c r="G71" s="9" t="s">
        <v>277</v>
      </c>
      <c r="H71" s="6">
        <v>1110</v>
      </c>
      <c r="I71" s="6">
        <v>830</v>
      </c>
      <c r="J71" s="6">
        <v>704</v>
      </c>
      <c r="K71" s="6">
        <v>276</v>
      </c>
      <c r="L71" s="6">
        <v>4</v>
      </c>
    </row>
    <row r="72" spans="1:12">
      <c r="A72" s="9" t="s">
        <v>27</v>
      </c>
      <c r="B72" s="9" t="s">
        <v>28</v>
      </c>
      <c r="C72" s="9" t="s">
        <v>29</v>
      </c>
      <c r="D72" s="9" t="s">
        <v>262</v>
      </c>
      <c r="E72" s="9" t="s">
        <v>226</v>
      </c>
      <c r="F72" s="9" t="s">
        <v>281</v>
      </c>
      <c r="G72" s="9" t="s">
        <v>278</v>
      </c>
      <c r="H72" s="6">
        <v>1359</v>
      </c>
      <c r="I72" s="6">
        <v>1016</v>
      </c>
      <c r="J72" s="6">
        <v>884</v>
      </c>
      <c r="K72" s="6">
        <v>342</v>
      </c>
      <c r="L72" s="6">
        <v>1</v>
      </c>
    </row>
    <row r="73" spans="1:12">
      <c r="A73" s="9" t="s">
        <v>27</v>
      </c>
      <c r="B73" s="9" t="s">
        <v>28</v>
      </c>
      <c r="C73" s="9" t="s">
        <v>29</v>
      </c>
      <c r="D73" s="9" t="s">
        <v>262</v>
      </c>
      <c r="E73" s="9" t="s">
        <v>226</v>
      </c>
      <c r="F73" s="9" t="s">
        <v>281</v>
      </c>
      <c r="G73" s="9" t="s">
        <v>279</v>
      </c>
      <c r="H73" s="6">
        <v>1133</v>
      </c>
      <c r="I73" s="6">
        <v>860</v>
      </c>
      <c r="J73" s="6">
        <v>756</v>
      </c>
      <c r="K73" s="6">
        <v>273</v>
      </c>
      <c r="L73" s="10" t="s">
        <v>55</v>
      </c>
    </row>
    <row r="74" spans="1:12">
      <c r="A74" s="9" t="s">
        <v>27</v>
      </c>
      <c r="B74" s="9" t="s">
        <v>28</v>
      </c>
      <c r="C74" s="9" t="s">
        <v>29</v>
      </c>
      <c r="D74" s="9" t="s">
        <v>262</v>
      </c>
      <c r="E74" s="9" t="s">
        <v>226</v>
      </c>
      <c r="F74" s="9" t="s">
        <v>281</v>
      </c>
      <c r="G74" s="9" t="s">
        <v>280</v>
      </c>
      <c r="H74" s="6">
        <v>125590</v>
      </c>
      <c r="I74" s="6">
        <v>74130</v>
      </c>
      <c r="J74" s="6">
        <v>48808</v>
      </c>
      <c r="K74" s="6">
        <v>50970</v>
      </c>
      <c r="L74" s="6">
        <v>490</v>
      </c>
    </row>
    <row r="75" spans="1:12">
      <c r="A75" s="9" t="s">
        <v>27</v>
      </c>
      <c r="B75" s="9" t="s">
        <v>28</v>
      </c>
      <c r="C75" s="9" t="s">
        <v>29</v>
      </c>
      <c r="D75" s="9" t="s">
        <v>262</v>
      </c>
      <c r="E75" s="9" t="s">
        <v>226</v>
      </c>
      <c r="F75" s="9" t="s">
        <v>282</v>
      </c>
      <c r="G75" s="9" t="s">
        <v>6</v>
      </c>
      <c r="H75" s="6">
        <v>44696</v>
      </c>
      <c r="I75" s="6">
        <v>29109</v>
      </c>
      <c r="J75" s="6">
        <v>22421</v>
      </c>
      <c r="K75" s="6">
        <v>15426</v>
      </c>
      <c r="L75" s="6">
        <v>161</v>
      </c>
    </row>
    <row r="76" spans="1:12">
      <c r="A76" s="9" t="s">
        <v>27</v>
      </c>
      <c r="B76" s="9" t="s">
        <v>28</v>
      </c>
      <c r="C76" s="9" t="s">
        <v>29</v>
      </c>
      <c r="D76" s="9" t="s">
        <v>262</v>
      </c>
      <c r="E76" s="9" t="s">
        <v>226</v>
      </c>
      <c r="F76" s="9" t="s">
        <v>282</v>
      </c>
      <c r="G76" s="9" t="s">
        <v>272</v>
      </c>
      <c r="H76" s="6">
        <v>610</v>
      </c>
      <c r="I76" s="6">
        <v>267</v>
      </c>
      <c r="J76" s="6">
        <v>238</v>
      </c>
      <c r="K76" s="6">
        <v>341</v>
      </c>
      <c r="L76" s="6">
        <v>2</v>
      </c>
    </row>
    <row r="77" spans="1:12">
      <c r="A77" s="9" t="s">
        <v>27</v>
      </c>
      <c r="B77" s="9" t="s">
        <v>28</v>
      </c>
      <c r="C77" s="9" t="s">
        <v>29</v>
      </c>
      <c r="D77" s="9" t="s">
        <v>262</v>
      </c>
      <c r="E77" s="9" t="s">
        <v>226</v>
      </c>
      <c r="F77" s="9" t="s">
        <v>282</v>
      </c>
      <c r="G77" s="9" t="s">
        <v>273</v>
      </c>
      <c r="H77" s="6">
        <v>1125</v>
      </c>
      <c r="I77" s="6">
        <v>708</v>
      </c>
      <c r="J77" s="6">
        <v>615</v>
      </c>
      <c r="K77" s="6">
        <v>412</v>
      </c>
      <c r="L77" s="6">
        <v>5</v>
      </c>
    </row>
    <row r="78" spans="1:12">
      <c r="A78" s="9" t="s">
        <v>27</v>
      </c>
      <c r="B78" s="9" t="s">
        <v>28</v>
      </c>
      <c r="C78" s="9" t="s">
        <v>29</v>
      </c>
      <c r="D78" s="9" t="s">
        <v>262</v>
      </c>
      <c r="E78" s="9" t="s">
        <v>226</v>
      </c>
      <c r="F78" s="9" t="s">
        <v>282</v>
      </c>
      <c r="G78" s="9" t="s">
        <v>274</v>
      </c>
      <c r="H78" s="6">
        <v>1481</v>
      </c>
      <c r="I78" s="6">
        <v>1105</v>
      </c>
      <c r="J78" s="6">
        <v>982</v>
      </c>
      <c r="K78" s="6">
        <v>374</v>
      </c>
      <c r="L78" s="6">
        <v>2</v>
      </c>
    </row>
    <row r="79" spans="1:12">
      <c r="A79" s="9" t="s">
        <v>27</v>
      </c>
      <c r="B79" s="9" t="s">
        <v>28</v>
      </c>
      <c r="C79" s="9" t="s">
        <v>29</v>
      </c>
      <c r="D79" s="9" t="s">
        <v>262</v>
      </c>
      <c r="E79" s="9" t="s">
        <v>226</v>
      </c>
      <c r="F79" s="9" t="s">
        <v>282</v>
      </c>
      <c r="G79" s="9" t="s">
        <v>275</v>
      </c>
      <c r="H79" s="6">
        <v>1267</v>
      </c>
      <c r="I79" s="6">
        <v>960</v>
      </c>
      <c r="J79" s="6">
        <v>867</v>
      </c>
      <c r="K79" s="6">
        <v>306</v>
      </c>
      <c r="L79" s="6">
        <v>1</v>
      </c>
    </row>
    <row r="80" spans="1:12">
      <c r="A80" s="9" t="s">
        <v>27</v>
      </c>
      <c r="B80" s="9" t="s">
        <v>28</v>
      </c>
      <c r="C80" s="9" t="s">
        <v>29</v>
      </c>
      <c r="D80" s="9" t="s">
        <v>262</v>
      </c>
      <c r="E80" s="9" t="s">
        <v>226</v>
      </c>
      <c r="F80" s="9" t="s">
        <v>282</v>
      </c>
      <c r="G80" s="9" t="s">
        <v>276</v>
      </c>
      <c r="H80" s="6">
        <v>1316</v>
      </c>
      <c r="I80" s="6">
        <v>1084</v>
      </c>
      <c r="J80" s="6">
        <v>958</v>
      </c>
      <c r="K80" s="6">
        <v>228</v>
      </c>
      <c r="L80" s="6">
        <v>4</v>
      </c>
    </row>
    <row r="81" spans="1:12">
      <c r="A81" s="9" t="s">
        <v>27</v>
      </c>
      <c r="B81" s="9" t="s">
        <v>28</v>
      </c>
      <c r="C81" s="9" t="s">
        <v>29</v>
      </c>
      <c r="D81" s="9" t="s">
        <v>262</v>
      </c>
      <c r="E81" s="9" t="s">
        <v>226</v>
      </c>
      <c r="F81" s="9" t="s">
        <v>282</v>
      </c>
      <c r="G81" s="9" t="s">
        <v>277</v>
      </c>
      <c r="H81" s="6">
        <v>1475</v>
      </c>
      <c r="I81" s="6">
        <v>1168</v>
      </c>
      <c r="J81" s="6">
        <v>1027</v>
      </c>
      <c r="K81" s="6">
        <v>304</v>
      </c>
      <c r="L81" s="6">
        <v>3</v>
      </c>
    </row>
    <row r="82" spans="1:12">
      <c r="A82" s="9" t="s">
        <v>27</v>
      </c>
      <c r="B82" s="9" t="s">
        <v>28</v>
      </c>
      <c r="C82" s="9" t="s">
        <v>29</v>
      </c>
      <c r="D82" s="9" t="s">
        <v>262</v>
      </c>
      <c r="E82" s="9" t="s">
        <v>226</v>
      </c>
      <c r="F82" s="9" t="s">
        <v>282</v>
      </c>
      <c r="G82" s="9" t="s">
        <v>278</v>
      </c>
      <c r="H82" s="6">
        <v>1894</v>
      </c>
      <c r="I82" s="6">
        <v>1512</v>
      </c>
      <c r="J82" s="6">
        <v>1367</v>
      </c>
      <c r="K82" s="6">
        <v>378</v>
      </c>
      <c r="L82" s="6">
        <v>4</v>
      </c>
    </row>
    <row r="83" spans="1:12">
      <c r="A83" s="9" t="s">
        <v>27</v>
      </c>
      <c r="B83" s="9" t="s">
        <v>28</v>
      </c>
      <c r="C83" s="9" t="s">
        <v>29</v>
      </c>
      <c r="D83" s="9" t="s">
        <v>262</v>
      </c>
      <c r="E83" s="9" t="s">
        <v>226</v>
      </c>
      <c r="F83" s="9" t="s">
        <v>282</v>
      </c>
      <c r="G83" s="9" t="s">
        <v>279</v>
      </c>
      <c r="H83" s="6">
        <v>1561</v>
      </c>
      <c r="I83" s="6">
        <v>1221</v>
      </c>
      <c r="J83" s="6">
        <v>1099</v>
      </c>
      <c r="K83" s="6">
        <v>337</v>
      </c>
      <c r="L83" s="6">
        <v>3</v>
      </c>
    </row>
    <row r="84" spans="1:12">
      <c r="A84" s="9" t="s">
        <v>27</v>
      </c>
      <c r="B84" s="9" t="s">
        <v>28</v>
      </c>
      <c r="C84" s="9" t="s">
        <v>29</v>
      </c>
      <c r="D84" s="9" t="s">
        <v>262</v>
      </c>
      <c r="E84" s="9" t="s">
        <v>226</v>
      </c>
      <c r="F84" s="9" t="s">
        <v>282</v>
      </c>
      <c r="G84" s="9" t="s">
        <v>280</v>
      </c>
      <c r="H84" s="6">
        <v>33967</v>
      </c>
      <c r="I84" s="6">
        <v>21084</v>
      </c>
      <c r="J84" s="6">
        <v>15268</v>
      </c>
      <c r="K84" s="6">
        <v>12746</v>
      </c>
      <c r="L84" s="6">
        <v>137</v>
      </c>
    </row>
    <row r="85" spans="1:12">
      <c r="A85" s="9" t="s">
        <v>27</v>
      </c>
      <c r="B85" s="9" t="s">
        <v>28</v>
      </c>
      <c r="C85" s="9" t="s">
        <v>29</v>
      </c>
      <c r="D85" s="9" t="s">
        <v>262</v>
      </c>
      <c r="E85" s="9" t="s">
        <v>226</v>
      </c>
      <c r="F85" s="9" t="s">
        <v>283</v>
      </c>
      <c r="G85" s="9" t="s">
        <v>6</v>
      </c>
      <c r="H85" s="6">
        <v>10841</v>
      </c>
      <c r="I85" s="6">
        <v>7480</v>
      </c>
      <c r="J85" s="6">
        <v>6189</v>
      </c>
      <c r="K85" s="6">
        <v>3330</v>
      </c>
      <c r="L85" s="6">
        <v>31</v>
      </c>
    </row>
    <row r="86" spans="1:12">
      <c r="A86" s="9" t="s">
        <v>27</v>
      </c>
      <c r="B86" s="9" t="s">
        <v>28</v>
      </c>
      <c r="C86" s="9" t="s">
        <v>29</v>
      </c>
      <c r="D86" s="9" t="s">
        <v>262</v>
      </c>
      <c r="E86" s="9" t="s">
        <v>226</v>
      </c>
      <c r="F86" s="9" t="s">
        <v>283</v>
      </c>
      <c r="G86" s="9" t="s">
        <v>272</v>
      </c>
      <c r="H86" s="6">
        <v>375</v>
      </c>
      <c r="I86" s="6">
        <v>173</v>
      </c>
      <c r="J86" s="6">
        <v>138</v>
      </c>
      <c r="K86" s="6">
        <v>200</v>
      </c>
      <c r="L86" s="6">
        <v>2</v>
      </c>
    </row>
    <row r="87" spans="1:12">
      <c r="A87" s="9" t="s">
        <v>27</v>
      </c>
      <c r="B87" s="9" t="s">
        <v>28</v>
      </c>
      <c r="C87" s="9" t="s">
        <v>29</v>
      </c>
      <c r="D87" s="9" t="s">
        <v>262</v>
      </c>
      <c r="E87" s="9" t="s">
        <v>226</v>
      </c>
      <c r="F87" s="9" t="s">
        <v>283</v>
      </c>
      <c r="G87" s="9" t="s">
        <v>273</v>
      </c>
      <c r="H87" s="6">
        <v>736</v>
      </c>
      <c r="I87" s="6">
        <v>466</v>
      </c>
      <c r="J87" s="6">
        <v>401</v>
      </c>
      <c r="K87" s="6">
        <v>266</v>
      </c>
      <c r="L87" s="6">
        <v>4</v>
      </c>
    </row>
    <row r="88" spans="1:12">
      <c r="A88" s="9" t="s">
        <v>27</v>
      </c>
      <c r="B88" s="9" t="s">
        <v>28</v>
      </c>
      <c r="C88" s="9" t="s">
        <v>29</v>
      </c>
      <c r="D88" s="9" t="s">
        <v>262</v>
      </c>
      <c r="E88" s="9" t="s">
        <v>226</v>
      </c>
      <c r="F88" s="9" t="s">
        <v>283</v>
      </c>
      <c r="G88" s="9" t="s">
        <v>274</v>
      </c>
      <c r="H88" s="6">
        <v>970</v>
      </c>
      <c r="I88" s="6">
        <v>744</v>
      </c>
      <c r="J88" s="6">
        <v>649</v>
      </c>
      <c r="K88" s="6">
        <v>223</v>
      </c>
      <c r="L88" s="6">
        <v>3</v>
      </c>
    </row>
    <row r="89" spans="1:12">
      <c r="A89" s="9" t="s">
        <v>27</v>
      </c>
      <c r="B89" s="9" t="s">
        <v>28</v>
      </c>
      <c r="C89" s="9" t="s">
        <v>29</v>
      </c>
      <c r="D89" s="9" t="s">
        <v>262</v>
      </c>
      <c r="E89" s="9" t="s">
        <v>226</v>
      </c>
      <c r="F89" s="9" t="s">
        <v>283</v>
      </c>
      <c r="G89" s="9" t="s">
        <v>275</v>
      </c>
      <c r="H89" s="6">
        <v>862</v>
      </c>
      <c r="I89" s="6">
        <v>665</v>
      </c>
      <c r="J89" s="6">
        <v>581</v>
      </c>
      <c r="K89" s="6">
        <v>196</v>
      </c>
      <c r="L89" s="6">
        <v>1</v>
      </c>
    </row>
    <row r="90" spans="1:12">
      <c r="A90" s="9" t="s">
        <v>27</v>
      </c>
      <c r="B90" s="9" t="s">
        <v>28</v>
      </c>
      <c r="C90" s="9" t="s">
        <v>29</v>
      </c>
      <c r="D90" s="9" t="s">
        <v>262</v>
      </c>
      <c r="E90" s="9" t="s">
        <v>226</v>
      </c>
      <c r="F90" s="9" t="s">
        <v>283</v>
      </c>
      <c r="G90" s="9" t="s">
        <v>276</v>
      </c>
      <c r="H90" s="6">
        <v>935</v>
      </c>
      <c r="I90" s="6">
        <v>717</v>
      </c>
      <c r="J90" s="6">
        <v>638</v>
      </c>
      <c r="K90" s="6">
        <v>214</v>
      </c>
      <c r="L90" s="6">
        <v>4</v>
      </c>
    </row>
    <row r="91" spans="1:12">
      <c r="A91" s="9" t="s">
        <v>27</v>
      </c>
      <c r="B91" s="9" t="s">
        <v>28</v>
      </c>
      <c r="C91" s="9" t="s">
        <v>29</v>
      </c>
      <c r="D91" s="9" t="s">
        <v>262</v>
      </c>
      <c r="E91" s="9" t="s">
        <v>226</v>
      </c>
      <c r="F91" s="9" t="s">
        <v>283</v>
      </c>
      <c r="G91" s="9" t="s">
        <v>277</v>
      </c>
      <c r="H91" s="6">
        <v>891</v>
      </c>
      <c r="I91" s="6">
        <v>711</v>
      </c>
      <c r="J91" s="6">
        <v>636</v>
      </c>
      <c r="K91" s="6">
        <v>178</v>
      </c>
      <c r="L91" s="6">
        <v>2</v>
      </c>
    </row>
    <row r="92" spans="1:12">
      <c r="A92" s="9" t="s">
        <v>27</v>
      </c>
      <c r="B92" s="9" t="s">
        <v>28</v>
      </c>
      <c r="C92" s="9" t="s">
        <v>29</v>
      </c>
      <c r="D92" s="9" t="s">
        <v>262</v>
      </c>
      <c r="E92" s="9" t="s">
        <v>226</v>
      </c>
      <c r="F92" s="9" t="s">
        <v>283</v>
      </c>
      <c r="G92" s="9" t="s">
        <v>278</v>
      </c>
      <c r="H92" s="6">
        <v>942</v>
      </c>
      <c r="I92" s="6">
        <v>721</v>
      </c>
      <c r="J92" s="6">
        <v>638</v>
      </c>
      <c r="K92" s="6">
        <v>218</v>
      </c>
      <c r="L92" s="6">
        <v>3</v>
      </c>
    </row>
    <row r="93" spans="1:12">
      <c r="A93" s="9" t="s">
        <v>27</v>
      </c>
      <c r="B93" s="9" t="s">
        <v>28</v>
      </c>
      <c r="C93" s="9" t="s">
        <v>29</v>
      </c>
      <c r="D93" s="9" t="s">
        <v>262</v>
      </c>
      <c r="E93" s="9" t="s">
        <v>226</v>
      </c>
      <c r="F93" s="9" t="s">
        <v>283</v>
      </c>
      <c r="G93" s="9" t="s">
        <v>279</v>
      </c>
      <c r="H93" s="6">
        <v>598</v>
      </c>
      <c r="I93" s="6">
        <v>418</v>
      </c>
      <c r="J93" s="6">
        <v>372</v>
      </c>
      <c r="K93" s="6">
        <v>180</v>
      </c>
      <c r="L93" s="10" t="s">
        <v>55</v>
      </c>
    </row>
    <row r="94" spans="1:12">
      <c r="A94" s="9" t="s">
        <v>27</v>
      </c>
      <c r="B94" s="9" t="s">
        <v>28</v>
      </c>
      <c r="C94" s="9" t="s">
        <v>29</v>
      </c>
      <c r="D94" s="9" t="s">
        <v>262</v>
      </c>
      <c r="E94" s="9" t="s">
        <v>226</v>
      </c>
      <c r="F94" s="9" t="s">
        <v>283</v>
      </c>
      <c r="G94" s="9" t="s">
        <v>280</v>
      </c>
      <c r="H94" s="6">
        <v>4532</v>
      </c>
      <c r="I94" s="6">
        <v>2865</v>
      </c>
      <c r="J94" s="6">
        <v>2136</v>
      </c>
      <c r="K94" s="6">
        <v>1655</v>
      </c>
      <c r="L94" s="6">
        <v>12</v>
      </c>
    </row>
    <row r="95" spans="1:12">
      <c r="A95" s="9" t="s">
        <v>27</v>
      </c>
      <c r="B95" s="9" t="s">
        <v>28</v>
      </c>
      <c r="C95" s="9" t="s">
        <v>29</v>
      </c>
      <c r="D95" s="9" t="s">
        <v>262</v>
      </c>
      <c r="E95" s="9" t="s">
        <v>227</v>
      </c>
      <c r="F95" s="9" t="s">
        <v>6</v>
      </c>
      <c r="G95" s="9" t="s">
        <v>6</v>
      </c>
      <c r="H95" s="6">
        <v>174640</v>
      </c>
      <c r="I95" s="6">
        <v>102133</v>
      </c>
      <c r="J95" s="6">
        <v>95135</v>
      </c>
      <c r="K95" s="6">
        <v>71898</v>
      </c>
      <c r="L95" s="6">
        <v>609</v>
      </c>
    </row>
    <row r="96" spans="1:12">
      <c r="A96" s="9" t="s">
        <v>27</v>
      </c>
      <c r="B96" s="9" t="s">
        <v>28</v>
      </c>
      <c r="C96" s="9" t="s">
        <v>29</v>
      </c>
      <c r="D96" s="9" t="s">
        <v>262</v>
      </c>
      <c r="E96" s="9" t="s">
        <v>227</v>
      </c>
      <c r="F96" s="9" t="s">
        <v>234</v>
      </c>
      <c r="G96" s="9" t="s">
        <v>6</v>
      </c>
      <c r="H96" s="6">
        <v>42717</v>
      </c>
      <c r="I96" s="6">
        <v>25556</v>
      </c>
      <c r="J96" s="6">
        <v>23623</v>
      </c>
      <c r="K96" s="6">
        <v>16924</v>
      </c>
      <c r="L96" s="6">
        <v>237</v>
      </c>
    </row>
    <row r="97" spans="1:12">
      <c r="A97" s="9" t="s">
        <v>27</v>
      </c>
      <c r="B97" s="9" t="s">
        <v>28</v>
      </c>
      <c r="C97" s="9" t="s">
        <v>29</v>
      </c>
      <c r="D97" s="9" t="s">
        <v>262</v>
      </c>
      <c r="E97" s="9" t="s">
        <v>227</v>
      </c>
      <c r="F97" s="9" t="s">
        <v>235</v>
      </c>
      <c r="G97" s="9" t="s">
        <v>6</v>
      </c>
      <c r="H97" s="6">
        <v>131923</v>
      </c>
      <c r="I97" s="6">
        <v>76577</v>
      </c>
      <c r="J97" s="6">
        <v>71512</v>
      </c>
      <c r="K97" s="6">
        <v>54974</v>
      </c>
      <c r="L97" s="6">
        <v>372</v>
      </c>
    </row>
    <row r="98" spans="1:12">
      <c r="A98" s="9" t="s">
        <v>27</v>
      </c>
      <c r="B98" s="9" t="s">
        <v>28</v>
      </c>
      <c r="C98" s="9" t="s">
        <v>29</v>
      </c>
      <c r="D98" s="9" t="s">
        <v>262</v>
      </c>
      <c r="E98" s="9" t="s">
        <v>227</v>
      </c>
      <c r="F98" s="9" t="s">
        <v>235</v>
      </c>
      <c r="G98" s="9" t="s">
        <v>272</v>
      </c>
      <c r="H98" s="6">
        <v>1565</v>
      </c>
      <c r="I98" s="6">
        <v>682</v>
      </c>
      <c r="J98" s="6">
        <v>633</v>
      </c>
      <c r="K98" s="6">
        <v>881</v>
      </c>
      <c r="L98" s="6">
        <v>2</v>
      </c>
    </row>
    <row r="99" spans="1:12">
      <c r="A99" s="9" t="s">
        <v>27</v>
      </c>
      <c r="B99" s="9" t="s">
        <v>28</v>
      </c>
      <c r="C99" s="9" t="s">
        <v>29</v>
      </c>
      <c r="D99" s="9" t="s">
        <v>262</v>
      </c>
      <c r="E99" s="9" t="s">
        <v>227</v>
      </c>
      <c r="F99" s="9" t="s">
        <v>235</v>
      </c>
      <c r="G99" s="9" t="s">
        <v>273</v>
      </c>
      <c r="H99" s="6">
        <v>2910</v>
      </c>
      <c r="I99" s="6">
        <v>1795</v>
      </c>
      <c r="J99" s="6">
        <v>1687</v>
      </c>
      <c r="K99" s="6">
        <v>1106</v>
      </c>
      <c r="L99" s="6">
        <v>9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2</v>
      </c>
      <c r="E100" s="9" t="s">
        <v>227</v>
      </c>
      <c r="F100" s="9" t="s">
        <v>235</v>
      </c>
      <c r="G100" s="9" t="s">
        <v>274</v>
      </c>
      <c r="H100" s="6">
        <v>3309</v>
      </c>
      <c r="I100" s="6">
        <v>2429</v>
      </c>
      <c r="J100" s="6">
        <v>2302</v>
      </c>
      <c r="K100" s="6">
        <v>873</v>
      </c>
      <c r="L100" s="6">
        <v>7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2</v>
      </c>
      <c r="E101" s="9" t="s">
        <v>227</v>
      </c>
      <c r="F101" s="9" t="s">
        <v>235</v>
      </c>
      <c r="G101" s="9" t="s">
        <v>275</v>
      </c>
      <c r="H101" s="6">
        <v>2783</v>
      </c>
      <c r="I101" s="6">
        <v>2063</v>
      </c>
      <c r="J101" s="6">
        <v>1954</v>
      </c>
      <c r="K101" s="6">
        <v>717</v>
      </c>
      <c r="L101" s="6">
        <v>3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2</v>
      </c>
      <c r="E102" s="9" t="s">
        <v>227</v>
      </c>
      <c r="F102" s="9" t="s">
        <v>235</v>
      </c>
      <c r="G102" s="9" t="s">
        <v>276</v>
      </c>
      <c r="H102" s="6">
        <v>2789</v>
      </c>
      <c r="I102" s="6">
        <v>2179</v>
      </c>
      <c r="J102" s="6">
        <v>2054</v>
      </c>
      <c r="K102" s="6">
        <v>602</v>
      </c>
      <c r="L102" s="6">
        <v>8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2</v>
      </c>
      <c r="E103" s="9" t="s">
        <v>227</v>
      </c>
      <c r="F103" s="9" t="s">
        <v>235</v>
      </c>
      <c r="G103" s="9" t="s">
        <v>277</v>
      </c>
      <c r="H103" s="6">
        <v>2888</v>
      </c>
      <c r="I103" s="6">
        <v>2242</v>
      </c>
      <c r="J103" s="6">
        <v>2110</v>
      </c>
      <c r="K103" s="6">
        <v>641</v>
      </c>
      <c r="L103" s="6">
        <v>5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2</v>
      </c>
      <c r="E104" s="9" t="s">
        <v>227</v>
      </c>
      <c r="F104" s="9" t="s">
        <v>235</v>
      </c>
      <c r="G104" s="9" t="s">
        <v>278</v>
      </c>
      <c r="H104" s="6">
        <v>3472</v>
      </c>
      <c r="I104" s="6">
        <v>2671</v>
      </c>
      <c r="J104" s="6">
        <v>2564</v>
      </c>
      <c r="K104" s="6">
        <v>798</v>
      </c>
      <c r="L104" s="6">
        <v>3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2</v>
      </c>
      <c r="E105" s="9" t="s">
        <v>227</v>
      </c>
      <c r="F105" s="9" t="s">
        <v>235</v>
      </c>
      <c r="G105" s="9" t="s">
        <v>279</v>
      </c>
      <c r="H105" s="6">
        <v>2754</v>
      </c>
      <c r="I105" s="6">
        <v>2081</v>
      </c>
      <c r="J105" s="6">
        <v>1996</v>
      </c>
      <c r="K105" s="6">
        <v>671</v>
      </c>
      <c r="L105" s="6">
        <v>2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2</v>
      </c>
      <c r="E106" s="9" t="s">
        <v>227</v>
      </c>
      <c r="F106" s="9" t="s">
        <v>235</v>
      </c>
      <c r="G106" s="9" t="s">
        <v>280</v>
      </c>
      <c r="H106" s="6">
        <v>109453</v>
      </c>
      <c r="I106" s="6">
        <v>60435</v>
      </c>
      <c r="J106" s="6">
        <v>56212</v>
      </c>
      <c r="K106" s="6">
        <v>48685</v>
      </c>
      <c r="L106" s="6">
        <v>333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2</v>
      </c>
      <c r="E107" s="9" t="s">
        <v>227</v>
      </c>
      <c r="F107" s="9" t="s">
        <v>281</v>
      </c>
      <c r="G107" s="9" t="s">
        <v>6</v>
      </c>
      <c r="H107" s="6">
        <v>90527</v>
      </c>
      <c r="I107" s="6">
        <v>50096</v>
      </c>
      <c r="J107" s="6">
        <v>46493</v>
      </c>
      <c r="K107" s="6">
        <v>40167</v>
      </c>
      <c r="L107" s="6">
        <v>264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2</v>
      </c>
      <c r="E108" s="9" t="s">
        <v>227</v>
      </c>
      <c r="F108" s="9" t="s">
        <v>281</v>
      </c>
      <c r="G108" s="9" t="s">
        <v>272</v>
      </c>
      <c r="H108" s="6">
        <v>700</v>
      </c>
      <c r="I108" s="6">
        <v>310</v>
      </c>
      <c r="J108" s="6">
        <v>288</v>
      </c>
      <c r="K108" s="6">
        <v>389</v>
      </c>
      <c r="L108" s="6">
        <v>1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2</v>
      </c>
      <c r="E109" s="9" t="s">
        <v>227</v>
      </c>
      <c r="F109" s="9" t="s">
        <v>281</v>
      </c>
      <c r="G109" s="9" t="s">
        <v>273</v>
      </c>
      <c r="H109" s="6">
        <v>1300</v>
      </c>
      <c r="I109" s="6">
        <v>799</v>
      </c>
      <c r="J109" s="6">
        <v>750</v>
      </c>
      <c r="K109" s="6">
        <v>499</v>
      </c>
      <c r="L109" s="6">
        <v>2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2</v>
      </c>
      <c r="E110" s="9" t="s">
        <v>227</v>
      </c>
      <c r="F110" s="9" t="s">
        <v>281</v>
      </c>
      <c r="G110" s="9" t="s">
        <v>274</v>
      </c>
      <c r="H110" s="6">
        <v>1211</v>
      </c>
      <c r="I110" s="6">
        <v>866</v>
      </c>
      <c r="J110" s="6">
        <v>818</v>
      </c>
      <c r="K110" s="6">
        <v>341</v>
      </c>
      <c r="L110" s="6">
        <v>4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2</v>
      </c>
      <c r="E111" s="9" t="s">
        <v>227</v>
      </c>
      <c r="F111" s="9" t="s">
        <v>281</v>
      </c>
      <c r="G111" s="9" t="s">
        <v>275</v>
      </c>
      <c r="H111" s="6">
        <v>963</v>
      </c>
      <c r="I111" s="6">
        <v>680</v>
      </c>
      <c r="J111" s="6">
        <v>642</v>
      </c>
      <c r="K111" s="6">
        <v>281</v>
      </c>
      <c r="L111" s="6">
        <v>2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2</v>
      </c>
      <c r="E112" s="9" t="s">
        <v>227</v>
      </c>
      <c r="F112" s="9" t="s">
        <v>281</v>
      </c>
      <c r="G112" s="9" t="s">
        <v>276</v>
      </c>
      <c r="H112" s="6">
        <v>858</v>
      </c>
      <c r="I112" s="6">
        <v>639</v>
      </c>
      <c r="J112" s="6">
        <v>595</v>
      </c>
      <c r="K112" s="6">
        <v>216</v>
      </c>
      <c r="L112" s="6">
        <v>3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2</v>
      </c>
      <c r="E113" s="9" t="s">
        <v>227</v>
      </c>
      <c r="F113" s="9" t="s">
        <v>281</v>
      </c>
      <c r="G113" s="9" t="s">
        <v>277</v>
      </c>
      <c r="H113" s="6">
        <v>906</v>
      </c>
      <c r="I113" s="6">
        <v>665</v>
      </c>
      <c r="J113" s="6">
        <v>620</v>
      </c>
      <c r="K113" s="6">
        <v>239</v>
      </c>
      <c r="L113" s="6">
        <v>2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2</v>
      </c>
      <c r="E114" s="9" t="s">
        <v>227</v>
      </c>
      <c r="F114" s="9" t="s">
        <v>281</v>
      </c>
      <c r="G114" s="9" t="s">
        <v>278</v>
      </c>
      <c r="H114" s="6">
        <v>1115</v>
      </c>
      <c r="I114" s="6">
        <v>825</v>
      </c>
      <c r="J114" s="6">
        <v>788</v>
      </c>
      <c r="K114" s="6">
        <v>290</v>
      </c>
      <c r="L114" s="10" t="s">
        <v>55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2</v>
      </c>
      <c r="E115" s="9" t="s">
        <v>227</v>
      </c>
      <c r="F115" s="9" t="s">
        <v>281</v>
      </c>
      <c r="G115" s="9" t="s">
        <v>279</v>
      </c>
      <c r="H115" s="6">
        <v>934</v>
      </c>
      <c r="I115" s="6">
        <v>708</v>
      </c>
      <c r="J115" s="6">
        <v>674</v>
      </c>
      <c r="K115" s="6">
        <v>226</v>
      </c>
      <c r="L115" s="10" t="s">
        <v>55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2</v>
      </c>
      <c r="E116" s="9" t="s">
        <v>227</v>
      </c>
      <c r="F116" s="9" t="s">
        <v>281</v>
      </c>
      <c r="G116" s="9" t="s">
        <v>280</v>
      </c>
      <c r="H116" s="6">
        <v>82540</v>
      </c>
      <c r="I116" s="6">
        <v>44604</v>
      </c>
      <c r="J116" s="6">
        <v>41318</v>
      </c>
      <c r="K116" s="6">
        <v>37686</v>
      </c>
      <c r="L116" s="6">
        <v>250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2</v>
      </c>
      <c r="E117" s="9" t="s">
        <v>227</v>
      </c>
      <c r="F117" s="9" t="s">
        <v>282</v>
      </c>
      <c r="G117" s="9" t="s">
        <v>6</v>
      </c>
      <c r="H117" s="6">
        <v>32910</v>
      </c>
      <c r="I117" s="6">
        <v>20709</v>
      </c>
      <c r="J117" s="6">
        <v>19563</v>
      </c>
      <c r="K117" s="6">
        <v>12115</v>
      </c>
      <c r="L117" s="6">
        <v>86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2</v>
      </c>
      <c r="E118" s="9" t="s">
        <v>227</v>
      </c>
      <c r="F118" s="9" t="s">
        <v>282</v>
      </c>
      <c r="G118" s="9" t="s">
        <v>272</v>
      </c>
      <c r="H118" s="6">
        <v>551</v>
      </c>
      <c r="I118" s="6">
        <v>235</v>
      </c>
      <c r="J118" s="6">
        <v>220</v>
      </c>
      <c r="K118" s="6">
        <v>315</v>
      </c>
      <c r="L118" s="6">
        <v>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2</v>
      </c>
      <c r="E119" s="9" t="s">
        <v>227</v>
      </c>
      <c r="F119" s="9" t="s">
        <v>282</v>
      </c>
      <c r="G119" s="9" t="s">
        <v>273</v>
      </c>
      <c r="H119" s="6">
        <v>999</v>
      </c>
      <c r="I119" s="6">
        <v>615</v>
      </c>
      <c r="J119" s="6">
        <v>577</v>
      </c>
      <c r="K119" s="6">
        <v>380</v>
      </c>
      <c r="L119" s="6">
        <v>4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2</v>
      </c>
      <c r="E120" s="9" t="s">
        <v>227</v>
      </c>
      <c r="F120" s="9" t="s">
        <v>282</v>
      </c>
      <c r="G120" s="9" t="s">
        <v>274</v>
      </c>
      <c r="H120" s="6">
        <v>1286</v>
      </c>
      <c r="I120" s="6">
        <v>945</v>
      </c>
      <c r="J120" s="6">
        <v>895</v>
      </c>
      <c r="K120" s="6">
        <v>340</v>
      </c>
      <c r="L120" s="6">
        <v>1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2</v>
      </c>
      <c r="E121" s="9" t="s">
        <v>227</v>
      </c>
      <c r="F121" s="9" t="s">
        <v>282</v>
      </c>
      <c r="G121" s="9" t="s">
        <v>275</v>
      </c>
      <c r="H121" s="6">
        <v>1098</v>
      </c>
      <c r="I121" s="6">
        <v>828</v>
      </c>
      <c r="J121" s="6">
        <v>789</v>
      </c>
      <c r="K121" s="6">
        <v>270</v>
      </c>
      <c r="L121" s="10" t="s">
        <v>55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2</v>
      </c>
      <c r="E122" s="9" t="s">
        <v>227</v>
      </c>
      <c r="F122" s="9" t="s">
        <v>282</v>
      </c>
      <c r="G122" s="9" t="s">
        <v>276</v>
      </c>
      <c r="H122" s="6">
        <v>1140</v>
      </c>
      <c r="I122" s="6">
        <v>935</v>
      </c>
      <c r="J122" s="6">
        <v>880</v>
      </c>
      <c r="K122" s="6">
        <v>204</v>
      </c>
      <c r="L122" s="6">
        <v>1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2</v>
      </c>
      <c r="E123" s="9" t="s">
        <v>227</v>
      </c>
      <c r="F123" s="9" t="s">
        <v>282</v>
      </c>
      <c r="G123" s="9" t="s">
        <v>277</v>
      </c>
      <c r="H123" s="6">
        <v>1238</v>
      </c>
      <c r="I123" s="6">
        <v>980</v>
      </c>
      <c r="J123" s="6">
        <v>929</v>
      </c>
      <c r="K123" s="6">
        <v>257</v>
      </c>
      <c r="L123" s="6">
        <v>1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2</v>
      </c>
      <c r="E124" s="9" t="s">
        <v>227</v>
      </c>
      <c r="F124" s="9" t="s">
        <v>282</v>
      </c>
      <c r="G124" s="9" t="s">
        <v>278</v>
      </c>
      <c r="H124" s="6">
        <v>1578</v>
      </c>
      <c r="I124" s="6">
        <v>1253</v>
      </c>
      <c r="J124" s="6">
        <v>1213</v>
      </c>
      <c r="K124" s="6">
        <v>323</v>
      </c>
      <c r="L124" s="6">
        <v>2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2</v>
      </c>
      <c r="E125" s="9" t="s">
        <v>227</v>
      </c>
      <c r="F125" s="9" t="s">
        <v>282</v>
      </c>
      <c r="G125" s="9" t="s">
        <v>279</v>
      </c>
      <c r="H125" s="6">
        <v>1310</v>
      </c>
      <c r="I125" s="6">
        <v>1017</v>
      </c>
      <c r="J125" s="6">
        <v>982</v>
      </c>
      <c r="K125" s="6">
        <v>291</v>
      </c>
      <c r="L125" s="6">
        <v>2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2</v>
      </c>
      <c r="E126" s="9" t="s">
        <v>227</v>
      </c>
      <c r="F126" s="9" t="s">
        <v>282</v>
      </c>
      <c r="G126" s="9" t="s">
        <v>280</v>
      </c>
      <c r="H126" s="6">
        <v>23710</v>
      </c>
      <c r="I126" s="6">
        <v>13901</v>
      </c>
      <c r="J126" s="6">
        <v>13078</v>
      </c>
      <c r="K126" s="6">
        <v>9735</v>
      </c>
      <c r="L126" s="6">
        <v>7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2</v>
      </c>
      <c r="E127" s="9" t="s">
        <v>227</v>
      </c>
      <c r="F127" s="9" t="s">
        <v>283</v>
      </c>
      <c r="G127" s="9" t="s">
        <v>6</v>
      </c>
      <c r="H127" s="6">
        <v>8486</v>
      </c>
      <c r="I127" s="6">
        <v>5772</v>
      </c>
      <c r="J127" s="6">
        <v>5456</v>
      </c>
      <c r="K127" s="6">
        <v>2692</v>
      </c>
      <c r="L127" s="6">
        <v>22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2</v>
      </c>
      <c r="E128" s="9" t="s">
        <v>227</v>
      </c>
      <c r="F128" s="9" t="s">
        <v>283</v>
      </c>
      <c r="G128" s="9" t="s">
        <v>272</v>
      </c>
      <c r="H128" s="6">
        <v>314</v>
      </c>
      <c r="I128" s="6">
        <v>137</v>
      </c>
      <c r="J128" s="6">
        <v>125</v>
      </c>
      <c r="K128" s="6">
        <v>177</v>
      </c>
      <c r="L128" s="10" t="s">
        <v>55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2</v>
      </c>
      <c r="E129" s="9" t="s">
        <v>227</v>
      </c>
      <c r="F129" s="9" t="s">
        <v>283</v>
      </c>
      <c r="G129" s="9" t="s">
        <v>273</v>
      </c>
      <c r="H129" s="6">
        <v>611</v>
      </c>
      <c r="I129" s="6">
        <v>381</v>
      </c>
      <c r="J129" s="6">
        <v>360</v>
      </c>
      <c r="K129" s="6">
        <v>227</v>
      </c>
      <c r="L129" s="6">
        <v>3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2</v>
      </c>
      <c r="E130" s="9" t="s">
        <v>227</v>
      </c>
      <c r="F130" s="9" t="s">
        <v>283</v>
      </c>
      <c r="G130" s="9" t="s">
        <v>274</v>
      </c>
      <c r="H130" s="6">
        <v>812</v>
      </c>
      <c r="I130" s="6">
        <v>618</v>
      </c>
      <c r="J130" s="6">
        <v>589</v>
      </c>
      <c r="K130" s="6">
        <v>192</v>
      </c>
      <c r="L130" s="6">
        <v>2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2</v>
      </c>
      <c r="E131" s="9" t="s">
        <v>227</v>
      </c>
      <c r="F131" s="9" t="s">
        <v>283</v>
      </c>
      <c r="G131" s="9" t="s">
        <v>275</v>
      </c>
      <c r="H131" s="6">
        <v>722</v>
      </c>
      <c r="I131" s="6">
        <v>555</v>
      </c>
      <c r="J131" s="6">
        <v>523</v>
      </c>
      <c r="K131" s="6">
        <v>166</v>
      </c>
      <c r="L131" s="6">
        <v>1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2</v>
      </c>
      <c r="E132" s="9" t="s">
        <v>227</v>
      </c>
      <c r="F132" s="9" t="s">
        <v>283</v>
      </c>
      <c r="G132" s="9" t="s">
        <v>276</v>
      </c>
      <c r="H132" s="6">
        <v>791</v>
      </c>
      <c r="I132" s="6">
        <v>605</v>
      </c>
      <c r="J132" s="6">
        <v>579</v>
      </c>
      <c r="K132" s="6">
        <v>182</v>
      </c>
      <c r="L132" s="6">
        <v>4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2</v>
      </c>
      <c r="E133" s="9" t="s">
        <v>227</v>
      </c>
      <c r="F133" s="9" t="s">
        <v>283</v>
      </c>
      <c r="G133" s="9" t="s">
        <v>277</v>
      </c>
      <c r="H133" s="6">
        <v>744</v>
      </c>
      <c r="I133" s="6">
        <v>597</v>
      </c>
      <c r="J133" s="6">
        <v>561</v>
      </c>
      <c r="K133" s="6">
        <v>145</v>
      </c>
      <c r="L133" s="6">
        <v>2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2</v>
      </c>
      <c r="E134" s="9" t="s">
        <v>227</v>
      </c>
      <c r="F134" s="9" t="s">
        <v>283</v>
      </c>
      <c r="G134" s="9" t="s">
        <v>278</v>
      </c>
      <c r="H134" s="6">
        <v>779</v>
      </c>
      <c r="I134" s="6">
        <v>593</v>
      </c>
      <c r="J134" s="6">
        <v>563</v>
      </c>
      <c r="K134" s="6">
        <v>185</v>
      </c>
      <c r="L134" s="6">
        <v>1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2</v>
      </c>
      <c r="E135" s="9" t="s">
        <v>227</v>
      </c>
      <c r="F135" s="9" t="s">
        <v>283</v>
      </c>
      <c r="G135" s="9" t="s">
        <v>279</v>
      </c>
      <c r="H135" s="6">
        <v>510</v>
      </c>
      <c r="I135" s="6">
        <v>356</v>
      </c>
      <c r="J135" s="6">
        <v>340</v>
      </c>
      <c r="K135" s="6">
        <v>154</v>
      </c>
      <c r="L135" s="10" t="s">
        <v>55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2</v>
      </c>
      <c r="E136" s="9" t="s">
        <v>227</v>
      </c>
      <c r="F136" s="9" t="s">
        <v>283</v>
      </c>
      <c r="G136" s="9" t="s">
        <v>280</v>
      </c>
      <c r="H136" s="6">
        <v>3203</v>
      </c>
      <c r="I136" s="6">
        <v>1930</v>
      </c>
      <c r="J136" s="6">
        <v>1816</v>
      </c>
      <c r="K136" s="6">
        <v>1264</v>
      </c>
      <c r="L136" s="6">
        <v>9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2</v>
      </c>
      <c r="E137" s="9" t="s">
        <v>228</v>
      </c>
      <c r="F137" s="9" t="s">
        <v>6</v>
      </c>
      <c r="G137" s="9" t="s">
        <v>6</v>
      </c>
      <c r="H137" s="6">
        <v>211936</v>
      </c>
      <c r="I137" s="6">
        <v>33625</v>
      </c>
      <c r="J137" s="6">
        <v>28477</v>
      </c>
      <c r="K137" s="6">
        <v>177930</v>
      </c>
      <c r="L137" s="6">
        <v>381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2</v>
      </c>
      <c r="E138" s="9" t="s">
        <v>228</v>
      </c>
      <c r="F138" s="9" t="s">
        <v>234</v>
      </c>
      <c r="G138" s="9" t="s">
        <v>6</v>
      </c>
      <c r="H138" s="6">
        <v>49827</v>
      </c>
      <c r="I138" s="6">
        <v>7902</v>
      </c>
      <c r="J138" s="6">
        <v>6685</v>
      </c>
      <c r="K138" s="6">
        <v>41798</v>
      </c>
      <c r="L138" s="6">
        <v>127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2</v>
      </c>
      <c r="E139" s="9" t="s">
        <v>228</v>
      </c>
      <c r="F139" s="9" t="s">
        <v>235</v>
      </c>
      <c r="G139" s="9" t="s">
        <v>6</v>
      </c>
      <c r="H139" s="6">
        <v>162109</v>
      </c>
      <c r="I139" s="6">
        <v>25723</v>
      </c>
      <c r="J139" s="6">
        <v>21792</v>
      </c>
      <c r="K139" s="6">
        <v>136132</v>
      </c>
      <c r="L139" s="6">
        <v>254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2</v>
      </c>
      <c r="E140" s="9" t="s">
        <v>228</v>
      </c>
      <c r="F140" s="9" t="s">
        <v>235</v>
      </c>
      <c r="G140" s="9" t="s">
        <v>272</v>
      </c>
      <c r="H140" s="6">
        <v>76</v>
      </c>
      <c r="I140" s="6">
        <v>18</v>
      </c>
      <c r="J140" s="6">
        <v>17</v>
      </c>
      <c r="K140" s="6">
        <v>58</v>
      </c>
      <c r="L140" s="10" t="s">
        <v>55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2</v>
      </c>
      <c r="E141" s="9" t="s">
        <v>228</v>
      </c>
      <c r="F141" s="9" t="s">
        <v>235</v>
      </c>
      <c r="G141" s="9" t="s">
        <v>273</v>
      </c>
      <c r="H141" s="6">
        <v>121</v>
      </c>
      <c r="I141" s="6">
        <v>57</v>
      </c>
      <c r="J141" s="6">
        <v>51</v>
      </c>
      <c r="K141" s="6">
        <v>63</v>
      </c>
      <c r="L141" s="6">
        <v>1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2</v>
      </c>
      <c r="E142" s="9" t="s">
        <v>228</v>
      </c>
      <c r="F142" s="9" t="s">
        <v>235</v>
      </c>
      <c r="G142" s="9" t="s">
        <v>274</v>
      </c>
      <c r="H142" s="6">
        <v>117</v>
      </c>
      <c r="I142" s="6">
        <v>60</v>
      </c>
      <c r="J142" s="6">
        <v>51</v>
      </c>
      <c r="K142" s="6">
        <v>57</v>
      </c>
      <c r="L142" s="10" t="s">
        <v>55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2</v>
      </c>
      <c r="E143" s="9" t="s">
        <v>228</v>
      </c>
      <c r="F143" s="9" t="s">
        <v>235</v>
      </c>
      <c r="G143" s="9" t="s">
        <v>275</v>
      </c>
      <c r="H143" s="6">
        <v>128</v>
      </c>
      <c r="I143" s="6">
        <v>83</v>
      </c>
      <c r="J143" s="6">
        <v>71</v>
      </c>
      <c r="K143" s="6">
        <v>43</v>
      </c>
      <c r="L143" s="6">
        <v>2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2</v>
      </c>
      <c r="E144" s="9" t="s">
        <v>228</v>
      </c>
      <c r="F144" s="9" t="s">
        <v>235</v>
      </c>
      <c r="G144" s="9" t="s">
        <v>276</v>
      </c>
      <c r="H144" s="6">
        <v>128</v>
      </c>
      <c r="I144" s="6">
        <v>75</v>
      </c>
      <c r="J144" s="6">
        <v>73</v>
      </c>
      <c r="K144" s="6">
        <v>51</v>
      </c>
      <c r="L144" s="6">
        <v>2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2</v>
      </c>
      <c r="E145" s="9" t="s">
        <v>228</v>
      </c>
      <c r="F145" s="9" t="s">
        <v>235</v>
      </c>
      <c r="G145" s="9" t="s">
        <v>277</v>
      </c>
      <c r="H145" s="6">
        <v>161</v>
      </c>
      <c r="I145" s="6">
        <v>99</v>
      </c>
      <c r="J145" s="6">
        <v>89</v>
      </c>
      <c r="K145" s="6">
        <v>62</v>
      </c>
      <c r="L145" s="10" t="s">
        <v>55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2</v>
      </c>
      <c r="E146" s="9" t="s">
        <v>228</v>
      </c>
      <c r="F146" s="9" t="s">
        <v>235</v>
      </c>
      <c r="G146" s="9" t="s">
        <v>278</v>
      </c>
      <c r="H146" s="6">
        <v>239</v>
      </c>
      <c r="I146" s="6">
        <v>142</v>
      </c>
      <c r="J146" s="6">
        <v>131</v>
      </c>
      <c r="K146" s="6">
        <v>96</v>
      </c>
      <c r="L146" s="6">
        <v>1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2</v>
      </c>
      <c r="E147" s="9" t="s">
        <v>228</v>
      </c>
      <c r="F147" s="9" t="s">
        <v>235</v>
      </c>
      <c r="G147" s="9" t="s">
        <v>279</v>
      </c>
      <c r="H147" s="6">
        <v>197</v>
      </c>
      <c r="I147" s="6">
        <v>128</v>
      </c>
      <c r="J147" s="6">
        <v>116</v>
      </c>
      <c r="K147" s="6">
        <v>69</v>
      </c>
      <c r="L147" s="10" t="s">
        <v>55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2</v>
      </c>
      <c r="E148" s="9" t="s">
        <v>228</v>
      </c>
      <c r="F148" s="9" t="s">
        <v>235</v>
      </c>
      <c r="G148" s="9" t="s">
        <v>280</v>
      </c>
      <c r="H148" s="6">
        <v>160942</v>
      </c>
      <c r="I148" s="6">
        <v>25061</v>
      </c>
      <c r="J148" s="6">
        <v>21193</v>
      </c>
      <c r="K148" s="6">
        <v>135633</v>
      </c>
      <c r="L148" s="6">
        <v>248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2</v>
      </c>
      <c r="E149" s="9" t="s">
        <v>228</v>
      </c>
      <c r="F149" s="9" t="s">
        <v>281</v>
      </c>
      <c r="G149" s="9" t="s">
        <v>6</v>
      </c>
      <c r="H149" s="6">
        <v>135932</v>
      </c>
      <c r="I149" s="6">
        <v>20268</v>
      </c>
      <c r="J149" s="6">
        <v>17031</v>
      </c>
      <c r="K149" s="6">
        <v>115451</v>
      </c>
      <c r="L149" s="6">
        <v>213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2</v>
      </c>
      <c r="E150" s="9" t="s">
        <v>228</v>
      </c>
      <c r="F150" s="9" t="s">
        <v>281</v>
      </c>
      <c r="G150" s="9" t="s">
        <v>272</v>
      </c>
      <c r="H150" s="6">
        <v>36</v>
      </c>
      <c r="I150" s="6">
        <v>10</v>
      </c>
      <c r="J150" s="6">
        <v>9</v>
      </c>
      <c r="K150" s="6">
        <v>26</v>
      </c>
      <c r="L150" s="10" t="s">
        <v>55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2</v>
      </c>
      <c r="E151" s="9" t="s">
        <v>228</v>
      </c>
      <c r="F151" s="9" t="s">
        <v>281</v>
      </c>
      <c r="G151" s="9" t="s">
        <v>273</v>
      </c>
      <c r="H151" s="6">
        <v>61</v>
      </c>
      <c r="I151" s="6">
        <v>26</v>
      </c>
      <c r="J151" s="6">
        <v>20</v>
      </c>
      <c r="K151" s="6">
        <v>35</v>
      </c>
      <c r="L151" s="10" t="s">
        <v>55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2</v>
      </c>
      <c r="E152" s="9" t="s">
        <v>228</v>
      </c>
      <c r="F152" s="9" t="s">
        <v>281</v>
      </c>
      <c r="G152" s="9" t="s">
        <v>274</v>
      </c>
      <c r="H152" s="6">
        <v>50</v>
      </c>
      <c r="I152" s="6">
        <v>28</v>
      </c>
      <c r="J152" s="6">
        <v>25</v>
      </c>
      <c r="K152" s="6">
        <v>22</v>
      </c>
      <c r="L152" s="10" t="s">
        <v>55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2</v>
      </c>
      <c r="E153" s="9" t="s">
        <v>228</v>
      </c>
      <c r="F153" s="9" t="s">
        <v>281</v>
      </c>
      <c r="G153" s="9" t="s">
        <v>275</v>
      </c>
      <c r="H153" s="6">
        <v>57</v>
      </c>
      <c r="I153" s="6">
        <v>36</v>
      </c>
      <c r="J153" s="6">
        <v>31</v>
      </c>
      <c r="K153" s="6">
        <v>20</v>
      </c>
      <c r="L153" s="6">
        <v>1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2</v>
      </c>
      <c r="E154" s="9" t="s">
        <v>228</v>
      </c>
      <c r="F154" s="9" t="s">
        <v>281</v>
      </c>
      <c r="G154" s="9" t="s">
        <v>276</v>
      </c>
      <c r="H154" s="6">
        <v>46</v>
      </c>
      <c r="I154" s="6">
        <v>30</v>
      </c>
      <c r="J154" s="6">
        <v>29</v>
      </c>
      <c r="K154" s="6">
        <v>15</v>
      </c>
      <c r="L154" s="6">
        <v>1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2</v>
      </c>
      <c r="E155" s="9" t="s">
        <v>228</v>
      </c>
      <c r="F155" s="9" t="s">
        <v>281</v>
      </c>
      <c r="G155" s="9" t="s">
        <v>277</v>
      </c>
      <c r="H155" s="6">
        <v>58</v>
      </c>
      <c r="I155" s="6">
        <v>38</v>
      </c>
      <c r="J155" s="6">
        <v>34</v>
      </c>
      <c r="K155" s="6">
        <v>20</v>
      </c>
      <c r="L155" s="10" t="s">
        <v>55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2</v>
      </c>
      <c r="E156" s="9" t="s">
        <v>228</v>
      </c>
      <c r="F156" s="9" t="s">
        <v>281</v>
      </c>
      <c r="G156" s="9" t="s">
        <v>278</v>
      </c>
      <c r="H156" s="6">
        <v>97</v>
      </c>
      <c r="I156" s="6">
        <v>59</v>
      </c>
      <c r="J156" s="6">
        <v>53</v>
      </c>
      <c r="K156" s="6">
        <v>38</v>
      </c>
      <c r="L156" s="10" t="s">
        <v>55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2</v>
      </c>
      <c r="E157" s="9" t="s">
        <v>228</v>
      </c>
      <c r="F157" s="9" t="s">
        <v>281</v>
      </c>
      <c r="G157" s="9" t="s">
        <v>279</v>
      </c>
      <c r="H157" s="6">
        <v>81</v>
      </c>
      <c r="I157" s="6">
        <v>56</v>
      </c>
      <c r="J157" s="6">
        <v>50</v>
      </c>
      <c r="K157" s="6">
        <v>25</v>
      </c>
      <c r="L157" s="10" t="s">
        <v>55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2</v>
      </c>
      <c r="E158" s="9" t="s">
        <v>228</v>
      </c>
      <c r="F158" s="9" t="s">
        <v>281</v>
      </c>
      <c r="G158" s="9" t="s">
        <v>280</v>
      </c>
      <c r="H158" s="6">
        <v>135446</v>
      </c>
      <c r="I158" s="6">
        <v>19985</v>
      </c>
      <c r="J158" s="6">
        <v>16780</v>
      </c>
      <c r="K158" s="6">
        <v>115250</v>
      </c>
      <c r="L158" s="6">
        <v>211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2</v>
      </c>
      <c r="E159" s="9" t="s">
        <v>228</v>
      </c>
      <c r="F159" s="9" t="s">
        <v>282</v>
      </c>
      <c r="G159" s="9" t="s">
        <v>6</v>
      </c>
      <c r="H159" s="6">
        <v>23865</v>
      </c>
      <c r="I159" s="6">
        <v>4757</v>
      </c>
      <c r="J159" s="6">
        <v>4133</v>
      </c>
      <c r="K159" s="6">
        <v>19071</v>
      </c>
      <c r="L159" s="6">
        <v>37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2</v>
      </c>
      <c r="E160" s="9" t="s">
        <v>228</v>
      </c>
      <c r="F160" s="9" t="s">
        <v>282</v>
      </c>
      <c r="G160" s="9" t="s">
        <v>272</v>
      </c>
      <c r="H160" s="6">
        <v>20</v>
      </c>
      <c r="I160" s="6">
        <v>1</v>
      </c>
      <c r="J160" s="6">
        <v>1</v>
      </c>
      <c r="K160" s="6">
        <v>19</v>
      </c>
      <c r="L160" s="10" t="s">
        <v>55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2</v>
      </c>
      <c r="E161" s="9" t="s">
        <v>228</v>
      </c>
      <c r="F161" s="9" t="s">
        <v>282</v>
      </c>
      <c r="G161" s="9" t="s">
        <v>273</v>
      </c>
      <c r="H161" s="6">
        <v>33</v>
      </c>
      <c r="I161" s="6">
        <v>18</v>
      </c>
      <c r="J161" s="6">
        <v>18</v>
      </c>
      <c r="K161" s="6">
        <v>15</v>
      </c>
      <c r="L161" s="10" t="s">
        <v>55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2</v>
      </c>
      <c r="E162" s="9" t="s">
        <v>228</v>
      </c>
      <c r="F162" s="9" t="s">
        <v>282</v>
      </c>
      <c r="G162" s="9" t="s">
        <v>274</v>
      </c>
      <c r="H162" s="6">
        <v>40</v>
      </c>
      <c r="I162" s="6">
        <v>15</v>
      </c>
      <c r="J162" s="6">
        <v>12</v>
      </c>
      <c r="K162" s="6">
        <v>25</v>
      </c>
      <c r="L162" s="10" t="s">
        <v>55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2</v>
      </c>
      <c r="E163" s="9" t="s">
        <v>228</v>
      </c>
      <c r="F163" s="9" t="s">
        <v>282</v>
      </c>
      <c r="G163" s="9" t="s">
        <v>275</v>
      </c>
      <c r="H163" s="6">
        <v>39</v>
      </c>
      <c r="I163" s="6">
        <v>27</v>
      </c>
      <c r="J163" s="6">
        <v>22</v>
      </c>
      <c r="K163" s="6">
        <v>11</v>
      </c>
      <c r="L163" s="6">
        <v>1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2</v>
      </c>
      <c r="E164" s="9" t="s">
        <v>228</v>
      </c>
      <c r="F164" s="9" t="s">
        <v>282</v>
      </c>
      <c r="G164" s="9" t="s">
        <v>276</v>
      </c>
      <c r="H164" s="6">
        <v>42</v>
      </c>
      <c r="I164" s="6">
        <v>21</v>
      </c>
      <c r="J164" s="6">
        <v>20</v>
      </c>
      <c r="K164" s="6">
        <v>20</v>
      </c>
      <c r="L164" s="6">
        <v>1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2</v>
      </c>
      <c r="E165" s="9" t="s">
        <v>228</v>
      </c>
      <c r="F165" s="9" t="s">
        <v>282</v>
      </c>
      <c r="G165" s="9" t="s">
        <v>277</v>
      </c>
      <c r="H165" s="6">
        <v>65</v>
      </c>
      <c r="I165" s="6">
        <v>42</v>
      </c>
      <c r="J165" s="6">
        <v>37</v>
      </c>
      <c r="K165" s="6">
        <v>23</v>
      </c>
      <c r="L165" s="10" t="s">
        <v>55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2</v>
      </c>
      <c r="E166" s="9" t="s">
        <v>228</v>
      </c>
      <c r="F166" s="9" t="s">
        <v>282</v>
      </c>
      <c r="G166" s="9" t="s">
        <v>278</v>
      </c>
      <c r="H166" s="6">
        <v>90</v>
      </c>
      <c r="I166" s="6">
        <v>53</v>
      </c>
      <c r="J166" s="6">
        <v>48</v>
      </c>
      <c r="K166" s="6">
        <v>36</v>
      </c>
      <c r="L166" s="6">
        <v>1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2</v>
      </c>
      <c r="E167" s="9" t="s">
        <v>228</v>
      </c>
      <c r="F167" s="9" t="s">
        <v>282</v>
      </c>
      <c r="G167" s="9" t="s">
        <v>279</v>
      </c>
      <c r="H167" s="6">
        <v>75</v>
      </c>
      <c r="I167" s="6">
        <v>50</v>
      </c>
      <c r="J167" s="6">
        <v>45</v>
      </c>
      <c r="K167" s="6">
        <v>25</v>
      </c>
      <c r="L167" s="10" t="s">
        <v>55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2</v>
      </c>
      <c r="E168" s="9" t="s">
        <v>228</v>
      </c>
      <c r="F168" s="9" t="s">
        <v>282</v>
      </c>
      <c r="G168" s="9" t="s">
        <v>280</v>
      </c>
      <c r="H168" s="6">
        <v>23461</v>
      </c>
      <c r="I168" s="6">
        <v>4530</v>
      </c>
      <c r="J168" s="6">
        <v>3930</v>
      </c>
      <c r="K168" s="6">
        <v>18897</v>
      </c>
      <c r="L168" s="6">
        <v>34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2</v>
      </c>
      <c r="E169" s="9" t="s">
        <v>228</v>
      </c>
      <c r="F169" s="9" t="s">
        <v>283</v>
      </c>
      <c r="G169" s="9" t="s">
        <v>6</v>
      </c>
      <c r="H169" s="6">
        <v>2312</v>
      </c>
      <c r="I169" s="6">
        <v>698</v>
      </c>
      <c r="J169" s="6">
        <v>628</v>
      </c>
      <c r="K169" s="6">
        <v>1610</v>
      </c>
      <c r="L169" s="6">
        <v>4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2</v>
      </c>
      <c r="E170" s="9" t="s">
        <v>228</v>
      </c>
      <c r="F170" s="9" t="s">
        <v>283</v>
      </c>
      <c r="G170" s="9" t="s">
        <v>272</v>
      </c>
      <c r="H170" s="6">
        <v>20</v>
      </c>
      <c r="I170" s="6">
        <v>7</v>
      </c>
      <c r="J170" s="6">
        <v>7</v>
      </c>
      <c r="K170" s="6">
        <v>13</v>
      </c>
      <c r="L170" s="10" t="s">
        <v>55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2</v>
      </c>
      <c r="E171" s="9" t="s">
        <v>228</v>
      </c>
      <c r="F171" s="9" t="s">
        <v>283</v>
      </c>
      <c r="G171" s="9" t="s">
        <v>273</v>
      </c>
      <c r="H171" s="6">
        <v>27</v>
      </c>
      <c r="I171" s="6">
        <v>13</v>
      </c>
      <c r="J171" s="6">
        <v>13</v>
      </c>
      <c r="K171" s="6">
        <v>13</v>
      </c>
      <c r="L171" s="6">
        <v>1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2</v>
      </c>
      <c r="E172" s="9" t="s">
        <v>228</v>
      </c>
      <c r="F172" s="9" t="s">
        <v>283</v>
      </c>
      <c r="G172" s="9" t="s">
        <v>274</v>
      </c>
      <c r="H172" s="6">
        <v>27</v>
      </c>
      <c r="I172" s="6">
        <v>17</v>
      </c>
      <c r="J172" s="6">
        <v>14</v>
      </c>
      <c r="K172" s="6">
        <v>10</v>
      </c>
      <c r="L172" s="10" t="s">
        <v>55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2</v>
      </c>
      <c r="E173" s="9" t="s">
        <v>228</v>
      </c>
      <c r="F173" s="9" t="s">
        <v>283</v>
      </c>
      <c r="G173" s="9" t="s">
        <v>275</v>
      </c>
      <c r="H173" s="6">
        <v>32</v>
      </c>
      <c r="I173" s="6">
        <v>20</v>
      </c>
      <c r="J173" s="6">
        <v>18</v>
      </c>
      <c r="K173" s="6">
        <v>12</v>
      </c>
      <c r="L173" s="10" t="s">
        <v>55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2</v>
      </c>
      <c r="E174" s="9" t="s">
        <v>228</v>
      </c>
      <c r="F174" s="9" t="s">
        <v>283</v>
      </c>
      <c r="G174" s="9" t="s">
        <v>276</v>
      </c>
      <c r="H174" s="6">
        <v>40</v>
      </c>
      <c r="I174" s="6">
        <v>24</v>
      </c>
      <c r="J174" s="6">
        <v>24</v>
      </c>
      <c r="K174" s="6">
        <v>16</v>
      </c>
      <c r="L174" s="10" t="s">
        <v>55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2</v>
      </c>
      <c r="E175" s="9" t="s">
        <v>228</v>
      </c>
      <c r="F175" s="9" t="s">
        <v>283</v>
      </c>
      <c r="G175" s="9" t="s">
        <v>277</v>
      </c>
      <c r="H175" s="6">
        <v>38</v>
      </c>
      <c r="I175" s="6">
        <v>19</v>
      </c>
      <c r="J175" s="6">
        <v>18</v>
      </c>
      <c r="K175" s="6">
        <v>19</v>
      </c>
      <c r="L175" s="10" t="s">
        <v>55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2</v>
      </c>
      <c r="E176" s="9" t="s">
        <v>228</v>
      </c>
      <c r="F176" s="9" t="s">
        <v>283</v>
      </c>
      <c r="G176" s="9" t="s">
        <v>278</v>
      </c>
      <c r="H176" s="6">
        <v>52</v>
      </c>
      <c r="I176" s="6">
        <v>30</v>
      </c>
      <c r="J176" s="6">
        <v>30</v>
      </c>
      <c r="K176" s="6">
        <v>22</v>
      </c>
      <c r="L176" s="10" t="s">
        <v>55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2</v>
      </c>
      <c r="E177" s="9" t="s">
        <v>228</v>
      </c>
      <c r="F177" s="9" t="s">
        <v>283</v>
      </c>
      <c r="G177" s="9" t="s">
        <v>279</v>
      </c>
      <c r="H177" s="6">
        <v>41</v>
      </c>
      <c r="I177" s="6">
        <v>22</v>
      </c>
      <c r="J177" s="6">
        <v>21</v>
      </c>
      <c r="K177" s="6">
        <v>19</v>
      </c>
      <c r="L177" s="10" t="s">
        <v>55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2</v>
      </c>
      <c r="E178" s="9" t="s">
        <v>228</v>
      </c>
      <c r="F178" s="9" t="s">
        <v>283</v>
      </c>
      <c r="G178" s="9" t="s">
        <v>280</v>
      </c>
      <c r="H178" s="6">
        <v>2035</v>
      </c>
      <c r="I178" s="6">
        <v>546</v>
      </c>
      <c r="J178" s="6">
        <v>483</v>
      </c>
      <c r="K178" s="6">
        <v>1486</v>
      </c>
      <c r="L178" s="6">
        <v>3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2</v>
      </c>
      <c r="E179" s="9" t="s">
        <v>18</v>
      </c>
      <c r="F179" s="9" t="s">
        <v>6</v>
      </c>
      <c r="G179" s="9" t="s">
        <v>6</v>
      </c>
      <c r="H179" s="6">
        <v>43934</v>
      </c>
      <c r="I179" s="6">
        <v>819</v>
      </c>
      <c r="J179" s="6">
        <v>572</v>
      </c>
      <c r="K179" s="6">
        <v>839</v>
      </c>
      <c r="L179" s="6">
        <v>42276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2</v>
      </c>
      <c r="E180" s="9" t="s">
        <v>18</v>
      </c>
      <c r="F180" s="9" t="s">
        <v>234</v>
      </c>
      <c r="G180" s="9" t="s">
        <v>6</v>
      </c>
      <c r="H180" s="6">
        <v>15889</v>
      </c>
      <c r="I180" s="6">
        <v>251</v>
      </c>
      <c r="J180" s="6">
        <v>181</v>
      </c>
      <c r="K180" s="6">
        <v>267</v>
      </c>
      <c r="L180" s="6">
        <v>15371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2</v>
      </c>
      <c r="E181" s="9" t="s">
        <v>18</v>
      </c>
      <c r="F181" s="9" t="s">
        <v>235</v>
      </c>
      <c r="G181" s="9" t="s">
        <v>6</v>
      </c>
      <c r="H181" s="6">
        <v>28045</v>
      </c>
      <c r="I181" s="6">
        <v>568</v>
      </c>
      <c r="J181" s="6">
        <v>391</v>
      </c>
      <c r="K181" s="6">
        <v>572</v>
      </c>
      <c r="L181" s="6">
        <v>26905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2</v>
      </c>
      <c r="E182" s="9" t="s">
        <v>18</v>
      </c>
      <c r="F182" s="9" t="s">
        <v>235</v>
      </c>
      <c r="G182" s="9" t="s">
        <v>272</v>
      </c>
      <c r="H182" s="6">
        <v>838</v>
      </c>
      <c r="I182" s="6">
        <v>1</v>
      </c>
      <c r="J182" s="10" t="s">
        <v>55</v>
      </c>
      <c r="K182" s="10" t="s">
        <v>55</v>
      </c>
      <c r="L182" s="6">
        <v>837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2</v>
      </c>
      <c r="E183" s="9" t="s">
        <v>18</v>
      </c>
      <c r="F183" s="9" t="s">
        <v>235</v>
      </c>
      <c r="G183" s="9" t="s">
        <v>273</v>
      </c>
      <c r="H183" s="6">
        <v>1664</v>
      </c>
      <c r="I183" s="6">
        <v>5</v>
      </c>
      <c r="J183" s="6">
        <v>5</v>
      </c>
      <c r="K183" s="6">
        <v>2</v>
      </c>
      <c r="L183" s="6">
        <v>1657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2</v>
      </c>
      <c r="E184" s="9" t="s">
        <v>18</v>
      </c>
      <c r="F184" s="9" t="s">
        <v>235</v>
      </c>
      <c r="G184" s="9" t="s">
        <v>274</v>
      </c>
      <c r="H184" s="6">
        <v>1739</v>
      </c>
      <c r="I184" s="6">
        <v>3</v>
      </c>
      <c r="J184" s="6">
        <v>2</v>
      </c>
      <c r="K184" s="6">
        <v>3</v>
      </c>
      <c r="L184" s="6">
        <v>1733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2</v>
      </c>
      <c r="E185" s="9" t="s">
        <v>18</v>
      </c>
      <c r="F185" s="9" t="s">
        <v>235</v>
      </c>
      <c r="G185" s="9" t="s">
        <v>275</v>
      </c>
      <c r="H185" s="6">
        <v>1294</v>
      </c>
      <c r="I185" s="6">
        <v>2</v>
      </c>
      <c r="J185" s="10" t="s">
        <v>55</v>
      </c>
      <c r="K185" s="6">
        <v>3</v>
      </c>
      <c r="L185" s="6">
        <v>1289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2</v>
      </c>
      <c r="E186" s="9" t="s">
        <v>18</v>
      </c>
      <c r="F186" s="9" t="s">
        <v>235</v>
      </c>
      <c r="G186" s="9" t="s">
        <v>276</v>
      </c>
      <c r="H186" s="6">
        <v>1258</v>
      </c>
      <c r="I186" s="6">
        <v>7</v>
      </c>
      <c r="J186" s="6">
        <v>5</v>
      </c>
      <c r="K186" s="6">
        <v>2</v>
      </c>
      <c r="L186" s="6">
        <v>1249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2</v>
      </c>
      <c r="E187" s="9" t="s">
        <v>18</v>
      </c>
      <c r="F187" s="9" t="s">
        <v>235</v>
      </c>
      <c r="G187" s="9" t="s">
        <v>277</v>
      </c>
      <c r="H187" s="6">
        <v>1225</v>
      </c>
      <c r="I187" s="6">
        <v>1</v>
      </c>
      <c r="J187" s="6">
        <v>1</v>
      </c>
      <c r="K187" s="6">
        <v>3</v>
      </c>
      <c r="L187" s="6">
        <v>1221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2</v>
      </c>
      <c r="E188" s="9" t="s">
        <v>18</v>
      </c>
      <c r="F188" s="9" t="s">
        <v>235</v>
      </c>
      <c r="G188" s="9" t="s">
        <v>278</v>
      </c>
      <c r="H188" s="6">
        <v>1278</v>
      </c>
      <c r="I188" s="6">
        <v>5</v>
      </c>
      <c r="J188" s="6">
        <v>5</v>
      </c>
      <c r="K188" s="6">
        <v>2</v>
      </c>
      <c r="L188" s="6">
        <v>1271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2</v>
      </c>
      <c r="E189" s="9" t="s">
        <v>18</v>
      </c>
      <c r="F189" s="9" t="s">
        <v>235</v>
      </c>
      <c r="G189" s="9" t="s">
        <v>279</v>
      </c>
      <c r="H189" s="6">
        <v>914</v>
      </c>
      <c r="I189" s="6">
        <v>2</v>
      </c>
      <c r="J189" s="6">
        <v>1</v>
      </c>
      <c r="K189" s="6">
        <v>3</v>
      </c>
      <c r="L189" s="6">
        <v>909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2</v>
      </c>
      <c r="E190" s="9" t="s">
        <v>18</v>
      </c>
      <c r="F190" s="9" t="s">
        <v>235</v>
      </c>
      <c r="G190" s="9" t="s">
        <v>280</v>
      </c>
      <c r="H190" s="6">
        <v>17835</v>
      </c>
      <c r="I190" s="6">
        <v>542</v>
      </c>
      <c r="J190" s="6">
        <v>372</v>
      </c>
      <c r="K190" s="6">
        <v>554</v>
      </c>
      <c r="L190" s="6">
        <v>16739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2</v>
      </c>
      <c r="E191" s="9" t="s">
        <v>18</v>
      </c>
      <c r="F191" s="9" t="s">
        <v>281</v>
      </c>
      <c r="G191" s="9" t="s">
        <v>6</v>
      </c>
      <c r="H191" s="6">
        <v>17643</v>
      </c>
      <c r="I191" s="6">
        <v>437</v>
      </c>
      <c r="J191" s="6">
        <v>300</v>
      </c>
      <c r="K191" s="6">
        <v>475</v>
      </c>
      <c r="L191" s="6">
        <v>16731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2</v>
      </c>
      <c r="E192" s="9" t="s">
        <v>18</v>
      </c>
      <c r="F192" s="9" t="s">
        <v>281</v>
      </c>
      <c r="G192" s="9" t="s">
        <v>272</v>
      </c>
      <c r="H192" s="6">
        <v>426</v>
      </c>
      <c r="I192" s="10" t="s">
        <v>55</v>
      </c>
      <c r="J192" s="10" t="s">
        <v>55</v>
      </c>
      <c r="K192" s="10" t="s">
        <v>55</v>
      </c>
      <c r="L192" s="6">
        <v>426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2</v>
      </c>
      <c r="E193" s="9" t="s">
        <v>18</v>
      </c>
      <c r="F193" s="9" t="s">
        <v>281</v>
      </c>
      <c r="G193" s="9" t="s">
        <v>273</v>
      </c>
      <c r="H193" s="6">
        <v>798</v>
      </c>
      <c r="I193" s="6">
        <v>2</v>
      </c>
      <c r="J193" s="6">
        <v>2</v>
      </c>
      <c r="K193" s="6">
        <v>1</v>
      </c>
      <c r="L193" s="6">
        <v>795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2</v>
      </c>
      <c r="E194" s="9" t="s">
        <v>18</v>
      </c>
      <c r="F194" s="9" t="s">
        <v>281</v>
      </c>
      <c r="G194" s="9" t="s">
        <v>274</v>
      </c>
      <c r="H194" s="6">
        <v>776</v>
      </c>
      <c r="I194" s="10" t="s">
        <v>55</v>
      </c>
      <c r="J194" s="10" t="s">
        <v>55</v>
      </c>
      <c r="K194" s="6">
        <v>1</v>
      </c>
      <c r="L194" s="6">
        <v>775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2</v>
      </c>
      <c r="E195" s="9" t="s">
        <v>18</v>
      </c>
      <c r="F195" s="9" t="s">
        <v>281</v>
      </c>
      <c r="G195" s="9" t="s">
        <v>275</v>
      </c>
      <c r="H195" s="6">
        <v>502</v>
      </c>
      <c r="I195" s="6">
        <v>1</v>
      </c>
      <c r="J195" s="10" t="s">
        <v>55</v>
      </c>
      <c r="K195" s="6">
        <v>1</v>
      </c>
      <c r="L195" s="6">
        <v>500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2</v>
      </c>
      <c r="E196" s="9" t="s">
        <v>18</v>
      </c>
      <c r="F196" s="9" t="s">
        <v>281</v>
      </c>
      <c r="G196" s="9" t="s">
        <v>276</v>
      </c>
      <c r="H196" s="6">
        <v>414</v>
      </c>
      <c r="I196" s="6">
        <v>1</v>
      </c>
      <c r="J196" s="6">
        <v>1</v>
      </c>
      <c r="K196" s="10" t="s">
        <v>55</v>
      </c>
      <c r="L196" s="6">
        <v>413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2</v>
      </c>
      <c r="E197" s="9" t="s">
        <v>18</v>
      </c>
      <c r="F197" s="9" t="s">
        <v>281</v>
      </c>
      <c r="G197" s="9" t="s">
        <v>277</v>
      </c>
      <c r="H197" s="6">
        <v>429</v>
      </c>
      <c r="I197" s="10" t="s">
        <v>55</v>
      </c>
      <c r="J197" s="10" t="s">
        <v>55</v>
      </c>
      <c r="K197" s="6">
        <v>1</v>
      </c>
      <c r="L197" s="6">
        <v>428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2</v>
      </c>
      <c r="E198" s="9" t="s">
        <v>18</v>
      </c>
      <c r="F198" s="9" t="s">
        <v>281</v>
      </c>
      <c r="G198" s="9" t="s">
        <v>278</v>
      </c>
      <c r="H198" s="6">
        <v>463</v>
      </c>
      <c r="I198" s="6">
        <v>1</v>
      </c>
      <c r="J198" s="6">
        <v>1</v>
      </c>
      <c r="K198" s="10" t="s">
        <v>55</v>
      </c>
      <c r="L198" s="6">
        <v>462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2</v>
      </c>
      <c r="E199" s="9" t="s">
        <v>18</v>
      </c>
      <c r="F199" s="9" t="s">
        <v>281</v>
      </c>
      <c r="G199" s="9" t="s">
        <v>279</v>
      </c>
      <c r="H199" s="6">
        <v>375</v>
      </c>
      <c r="I199" s="6">
        <v>1</v>
      </c>
      <c r="J199" s="10" t="s">
        <v>55</v>
      </c>
      <c r="K199" s="6">
        <v>1</v>
      </c>
      <c r="L199" s="6">
        <v>373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2</v>
      </c>
      <c r="E200" s="9" t="s">
        <v>18</v>
      </c>
      <c r="F200" s="9" t="s">
        <v>281</v>
      </c>
      <c r="G200" s="9" t="s">
        <v>280</v>
      </c>
      <c r="H200" s="6">
        <v>13460</v>
      </c>
      <c r="I200" s="6">
        <v>431</v>
      </c>
      <c r="J200" s="6">
        <v>296</v>
      </c>
      <c r="K200" s="6">
        <v>470</v>
      </c>
      <c r="L200" s="6">
        <v>12559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2</v>
      </c>
      <c r="E201" s="9" t="s">
        <v>18</v>
      </c>
      <c r="F201" s="9" t="s">
        <v>282</v>
      </c>
      <c r="G201" s="9" t="s">
        <v>6</v>
      </c>
      <c r="H201" s="6">
        <v>7519</v>
      </c>
      <c r="I201" s="6">
        <v>117</v>
      </c>
      <c r="J201" s="6">
        <v>83</v>
      </c>
      <c r="K201" s="6">
        <v>80</v>
      </c>
      <c r="L201" s="6">
        <v>7322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2</v>
      </c>
      <c r="E202" s="9" t="s">
        <v>18</v>
      </c>
      <c r="F202" s="9" t="s">
        <v>282</v>
      </c>
      <c r="G202" s="9" t="s">
        <v>272</v>
      </c>
      <c r="H202" s="6">
        <v>250</v>
      </c>
      <c r="I202" s="6">
        <v>1</v>
      </c>
      <c r="J202" s="10" t="s">
        <v>55</v>
      </c>
      <c r="K202" s="10" t="s">
        <v>55</v>
      </c>
      <c r="L202" s="6">
        <v>249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2</v>
      </c>
      <c r="E203" s="9" t="s">
        <v>18</v>
      </c>
      <c r="F203" s="9" t="s">
        <v>282</v>
      </c>
      <c r="G203" s="9" t="s">
        <v>273</v>
      </c>
      <c r="H203" s="6">
        <v>536</v>
      </c>
      <c r="I203" s="6">
        <v>2</v>
      </c>
      <c r="J203" s="6">
        <v>2</v>
      </c>
      <c r="K203" s="10" t="s">
        <v>55</v>
      </c>
      <c r="L203" s="6">
        <v>534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2</v>
      </c>
      <c r="E204" s="9" t="s">
        <v>18</v>
      </c>
      <c r="F204" s="9" t="s">
        <v>282</v>
      </c>
      <c r="G204" s="9" t="s">
        <v>274</v>
      </c>
      <c r="H204" s="6">
        <v>588</v>
      </c>
      <c r="I204" s="6">
        <v>3</v>
      </c>
      <c r="J204" s="6">
        <v>2</v>
      </c>
      <c r="K204" s="6">
        <v>1</v>
      </c>
      <c r="L204" s="6">
        <v>584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2</v>
      </c>
      <c r="E205" s="9" t="s">
        <v>18</v>
      </c>
      <c r="F205" s="9" t="s">
        <v>282</v>
      </c>
      <c r="G205" s="9" t="s">
        <v>275</v>
      </c>
      <c r="H205" s="6">
        <v>471</v>
      </c>
      <c r="I205" s="6">
        <v>1</v>
      </c>
      <c r="J205" s="10" t="s">
        <v>55</v>
      </c>
      <c r="K205" s="10" t="s">
        <v>55</v>
      </c>
      <c r="L205" s="6">
        <v>470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2</v>
      </c>
      <c r="E206" s="9" t="s">
        <v>18</v>
      </c>
      <c r="F206" s="9" t="s">
        <v>282</v>
      </c>
      <c r="G206" s="9" t="s">
        <v>276</v>
      </c>
      <c r="H206" s="6">
        <v>481</v>
      </c>
      <c r="I206" s="6">
        <v>1</v>
      </c>
      <c r="J206" s="6">
        <v>1</v>
      </c>
      <c r="K206" s="10" t="s">
        <v>55</v>
      </c>
      <c r="L206" s="6">
        <v>480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2</v>
      </c>
      <c r="E207" s="9" t="s">
        <v>18</v>
      </c>
      <c r="F207" s="9" t="s">
        <v>282</v>
      </c>
      <c r="G207" s="9" t="s">
        <v>277</v>
      </c>
      <c r="H207" s="6">
        <v>489</v>
      </c>
      <c r="I207" s="10" t="s">
        <v>55</v>
      </c>
      <c r="J207" s="10" t="s">
        <v>55</v>
      </c>
      <c r="K207" s="10" t="s">
        <v>55</v>
      </c>
      <c r="L207" s="6">
        <v>489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2</v>
      </c>
      <c r="E208" s="9" t="s">
        <v>18</v>
      </c>
      <c r="F208" s="9" t="s">
        <v>282</v>
      </c>
      <c r="G208" s="9" t="s">
        <v>278</v>
      </c>
      <c r="H208" s="6">
        <v>550</v>
      </c>
      <c r="I208" s="6">
        <v>3</v>
      </c>
      <c r="J208" s="6">
        <v>3</v>
      </c>
      <c r="K208" s="6">
        <v>1</v>
      </c>
      <c r="L208" s="6">
        <v>546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2</v>
      </c>
      <c r="E209" s="9" t="s">
        <v>18</v>
      </c>
      <c r="F209" s="9" t="s">
        <v>282</v>
      </c>
      <c r="G209" s="9" t="s">
        <v>279</v>
      </c>
      <c r="H209" s="6">
        <v>396</v>
      </c>
      <c r="I209" s="6">
        <v>1</v>
      </c>
      <c r="J209" s="6">
        <v>1</v>
      </c>
      <c r="K209" s="6">
        <v>1</v>
      </c>
      <c r="L209" s="6">
        <v>394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2</v>
      </c>
      <c r="E210" s="9" t="s">
        <v>18</v>
      </c>
      <c r="F210" s="9" t="s">
        <v>282</v>
      </c>
      <c r="G210" s="9" t="s">
        <v>280</v>
      </c>
      <c r="H210" s="6">
        <v>3758</v>
      </c>
      <c r="I210" s="6">
        <v>105</v>
      </c>
      <c r="J210" s="6">
        <v>74</v>
      </c>
      <c r="K210" s="6">
        <v>77</v>
      </c>
      <c r="L210" s="6">
        <v>3576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2</v>
      </c>
      <c r="E211" s="9" t="s">
        <v>18</v>
      </c>
      <c r="F211" s="9" t="s">
        <v>283</v>
      </c>
      <c r="G211" s="9" t="s">
        <v>6</v>
      </c>
      <c r="H211" s="6">
        <v>2883</v>
      </c>
      <c r="I211" s="6">
        <v>14</v>
      </c>
      <c r="J211" s="6">
        <v>8</v>
      </c>
      <c r="K211" s="6">
        <v>17</v>
      </c>
      <c r="L211" s="6">
        <v>2852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2</v>
      </c>
      <c r="E212" s="9" t="s">
        <v>18</v>
      </c>
      <c r="F212" s="9" t="s">
        <v>283</v>
      </c>
      <c r="G212" s="9" t="s">
        <v>272</v>
      </c>
      <c r="H212" s="6">
        <v>162</v>
      </c>
      <c r="I212" s="10" t="s">
        <v>55</v>
      </c>
      <c r="J212" s="10" t="s">
        <v>55</v>
      </c>
      <c r="K212" s="10" t="s">
        <v>55</v>
      </c>
      <c r="L212" s="6">
        <v>162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2</v>
      </c>
      <c r="E213" s="9" t="s">
        <v>18</v>
      </c>
      <c r="F213" s="9" t="s">
        <v>283</v>
      </c>
      <c r="G213" s="9" t="s">
        <v>273</v>
      </c>
      <c r="H213" s="6">
        <v>330</v>
      </c>
      <c r="I213" s="6">
        <v>1</v>
      </c>
      <c r="J213" s="6">
        <v>1</v>
      </c>
      <c r="K213" s="6">
        <v>1</v>
      </c>
      <c r="L213" s="6">
        <v>328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2</v>
      </c>
      <c r="E214" s="9" t="s">
        <v>18</v>
      </c>
      <c r="F214" s="9" t="s">
        <v>283</v>
      </c>
      <c r="G214" s="9" t="s">
        <v>274</v>
      </c>
      <c r="H214" s="6">
        <v>375</v>
      </c>
      <c r="I214" s="10" t="s">
        <v>55</v>
      </c>
      <c r="J214" s="10" t="s">
        <v>55</v>
      </c>
      <c r="K214" s="6">
        <v>1</v>
      </c>
      <c r="L214" s="6">
        <v>374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2</v>
      </c>
      <c r="E215" s="9" t="s">
        <v>18</v>
      </c>
      <c r="F215" s="9" t="s">
        <v>283</v>
      </c>
      <c r="G215" s="9" t="s">
        <v>275</v>
      </c>
      <c r="H215" s="6">
        <v>321</v>
      </c>
      <c r="I215" s="10" t="s">
        <v>55</v>
      </c>
      <c r="J215" s="10" t="s">
        <v>55</v>
      </c>
      <c r="K215" s="6">
        <v>2</v>
      </c>
      <c r="L215" s="6">
        <v>319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2</v>
      </c>
      <c r="E216" s="9" t="s">
        <v>18</v>
      </c>
      <c r="F216" s="9" t="s">
        <v>283</v>
      </c>
      <c r="G216" s="9" t="s">
        <v>276</v>
      </c>
      <c r="H216" s="6">
        <v>363</v>
      </c>
      <c r="I216" s="6">
        <v>5</v>
      </c>
      <c r="J216" s="6">
        <v>3</v>
      </c>
      <c r="K216" s="6">
        <v>2</v>
      </c>
      <c r="L216" s="6">
        <v>356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2</v>
      </c>
      <c r="E217" s="9" t="s">
        <v>18</v>
      </c>
      <c r="F217" s="9" t="s">
        <v>283</v>
      </c>
      <c r="G217" s="9" t="s">
        <v>277</v>
      </c>
      <c r="H217" s="6">
        <v>307</v>
      </c>
      <c r="I217" s="6">
        <v>1</v>
      </c>
      <c r="J217" s="6">
        <v>1</v>
      </c>
      <c r="K217" s="6">
        <v>2</v>
      </c>
      <c r="L217" s="6">
        <v>304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2</v>
      </c>
      <c r="E218" s="9" t="s">
        <v>18</v>
      </c>
      <c r="F218" s="9" t="s">
        <v>283</v>
      </c>
      <c r="G218" s="9" t="s">
        <v>278</v>
      </c>
      <c r="H218" s="6">
        <v>265</v>
      </c>
      <c r="I218" s="6">
        <v>1</v>
      </c>
      <c r="J218" s="6">
        <v>1</v>
      </c>
      <c r="K218" s="6">
        <v>1</v>
      </c>
      <c r="L218" s="6">
        <v>263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2</v>
      </c>
      <c r="E219" s="9" t="s">
        <v>18</v>
      </c>
      <c r="F219" s="9" t="s">
        <v>283</v>
      </c>
      <c r="G219" s="9" t="s">
        <v>279</v>
      </c>
      <c r="H219" s="6">
        <v>143</v>
      </c>
      <c r="I219" s="10" t="s">
        <v>55</v>
      </c>
      <c r="J219" s="10" t="s">
        <v>55</v>
      </c>
      <c r="K219" s="6">
        <v>1</v>
      </c>
      <c r="L219" s="6">
        <v>142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2</v>
      </c>
      <c r="E220" s="9" t="s">
        <v>18</v>
      </c>
      <c r="F220" s="9" t="s">
        <v>283</v>
      </c>
      <c r="G220" s="9" t="s">
        <v>280</v>
      </c>
      <c r="H220" s="6">
        <v>617</v>
      </c>
      <c r="I220" s="6">
        <v>6</v>
      </c>
      <c r="J220" s="6">
        <v>2</v>
      </c>
      <c r="K220" s="6">
        <v>7</v>
      </c>
      <c r="L220" s="6">
        <v>604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2</v>
      </c>
      <c r="E221" s="9" t="s">
        <v>6</v>
      </c>
      <c r="F221" s="9" t="s">
        <v>6</v>
      </c>
      <c r="G221" s="9" t="s">
        <v>6</v>
      </c>
      <c r="H221" s="6">
        <v>9883</v>
      </c>
      <c r="I221" s="6">
        <v>4189</v>
      </c>
      <c r="J221" s="6">
        <v>2748</v>
      </c>
      <c r="K221" s="6">
        <v>5327</v>
      </c>
      <c r="L221" s="6">
        <v>367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2</v>
      </c>
      <c r="E222" s="9" t="s">
        <v>6</v>
      </c>
      <c r="F222" s="9" t="s">
        <v>234</v>
      </c>
      <c r="G222" s="9" t="s">
        <v>6</v>
      </c>
      <c r="H222" s="6">
        <v>2368</v>
      </c>
      <c r="I222" s="6">
        <v>981</v>
      </c>
      <c r="J222" s="6">
        <v>660</v>
      </c>
      <c r="K222" s="6">
        <v>1264</v>
      </c>
      <c r="L222" s="6">
        <v>123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2</v>
      </c>
      <c r="E223" s="9" t="s">
        <v>6</v>
      </c>
      <c r="F223" s="9" t="s">
        <v>235</v>
      </c>
      <c r="G223" s="9" t="s">
        <v>6</v>
      </c>
      <c r="H223" s="6">
        <v>7515</v>
      </c>
      <c r="I223" s="6">
        <v>3208</v>
      </c>
      <c r="J223" s="6">
        <v>2088</v>
      </c>
      <c r="K223" s="6">
        <v>4063</v>
      </c>
      <c r="L223" s="6">
        <v>244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2</v>
      </c>
      <c r="E224" s="9" t="s">
        <v>6</v>
      </c>
      <c r="F224" s="9" t="s">
        <v>235</v>
      </c>
      <c r="G224" s="9" t="s">
        <v>272</v>
      </c>
      <c r="H224" s="6">
        <v>33</v>
      </c>
      <c r="I224" s="6">
        <v>10</v>
      </c>
      <c r="J224" s="6">
        <v>8</v>
      </c>
      <c r="K224" s="6">
        <v>18</v>
      </c>
      <c r="L224" s="6">
        <v>5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2</v>
      </c>
      <c r="E225" s="9" t="s">
        <v>6</v>
      </c>
      <c r="F225" s="9" t="s">
        <v>235</v>
      </c>
      <c r="G225" s="9" t="s">
        <v>273</v>
      </c>
      <c r="H225" s="6">
        <v>67</v>
      </c>
      <c r="I225" s="6">
        <v>41</v>
      </c>
      <c r="J225" s="6">
        <v>35</v>
      </c>
      <c r="K225" s="6">
        <v>14</v>
      </c>
      <c r="L225" s="6">
        <v>12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2</v>
      </c>
      <c r="E226" s="9" t="s">
        <v>6</v>
      </c>
      <c r="F226" s="9" t="s">
        <v>235</v>
      </c>
      <c r="G226" s="9" t="s">
        <v>274</v>
      </c>
      <c r="H226" s="6">
        <v>88</v>
      </c>
      <c r="I226" s="6">
        <v>64</v>
      </c>
      <c r="J226" s="6">
        <v>56</v>
      </c>
      <c r="K226" s="6">
        <v>15</v>
      </c>
      <c r="L226" s="6">
        <v>9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2</v>
      </c>
      <c r="E227" s="9" t="s">
        <v>6</v>
      </c>
      <c r="F227" s="9" t="s">
        <v>235</v>
      </c>
      <c r="G227" s="9" t="s">
        <v>275</v>
      </c>
      <c r="H227" s="6">
        <v>67</v>
      </c>
      <c r="I227" s="6">
        <v>50</v>
      </c>
      <c r="J227" s="6">
        <v>42</v>
      </c>
      <c r="K227" s="6">
        <v>10</v>
      </c>
      <c r="L227" s="6">
        <v>7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2</v>
      </c>
      <c r="E228" s="9" t="s">
        <v>6</v>
      </c>
      <c r="F228" s="9" t="s">
        <v>235</v>
      </c>
      <c r="G228" s="9" t="s">
        <v>276</v>
      </c>
      <c r="H228" s="6">
        <v>60</v>
      </c>
      <c r="I228" s="6">
        <v>50</v>
      </c>
      <c r="J228" s="6">
        <v>42</v>
      </c>
      <c r="K228" s="6">
        <v>5</v>
      </c>
      <c r="L228" s="6">
        <v>5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2</v>
      </c>
      <c r="E229" s="9" t="s">
        <v>6</v>
      </c>
      <c r="F229" s="9" t="s">
        <v>235</v>
      </c>
      <c r="G229" s="9" t="s">
        <v>277</v>
      </c>
      <c r="H229" s="6">
        <v>78</v>
      </c>
      <c r="I229" s="6">
        <v>58</v>
      </c>
      <c r="J229" s="6">
        <v>47</v>
      </c>
      <c r="K229" s="6">
        <v>13</v>
      </c>
      <c r="L229" s="6">
        <v>7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2</v>
      </c>
      <c r="E230" s="9" t="s">
        <v>6</v>
      </c>
      <c r="F230" s="9" t="s">
        <v>235</v>
      </c>
      <c r="G230" s="9" t="s">
        <v>278</v>
      </c>
      <c r="H230" s="6">
        <v>85</v>
      </c>
      <c r="I230" s="6">
        <v>57</v>
      </c>
      <c r="J230" s="6">
        <v>49</v>
      </c>
      <c r="K230" s="6">
        <v>18</v>
      </c>
      <c r="L230" s="6">
        <v>10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2</v>
      </c>
      <c r="E231" s="9" t="s">
        <v>6</v>
      </c>
      <c r="F231" s="9" t="s">
        <v>235</v>
      </c>
      <c r="G231" s="9" t="s">
        <v>279</v>
      </c>
      <c r="H231" s="6">
        <v>75</v>
      </c>
      <c r="I231" s="6">
        <v>41</v>
      </c>
      <c r="J231" s="6">
        <v>38</v>
      </c>
      <c r="K231" s="6">
        <v>23</v>
      </c>
      <c r="L231" s="6">
        <v>11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2</v>
      </c>
      <c r="E232" s="9" t="s">
        <v>6</v>
      </c>
      <c r="F232" s="9" t="s">
        <v>235</v>
      </c>
      <c r="G232" s="9" t="s">
        <v>280</v>
      </c>
      <c r="H232" s="6">
        <v>6962</v>
      </c>
      <c r="I232" s="6">
        <v>2837</v>
      </c>
      <c r="J232" s="6">
        <v>1771</v>
      </c>
      <c r="K232" s="6">
        <v>3947</v>
      </c>
      <c r="L232" s="6">
        <v>178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2</v>
      </c>
      <c r="E233" s="9" t="s">
        <v>6</v>
      </c>
      <c r="F233" s="9" t="s">
        <v>281</v>
      </c>
      <c r="G233" s="9" t="s">
        <v>6</v>
      </c>
      <c r="H233" s="6">
        <v>5752</v>
      </c>
      <c r="I233" s="6">
        <v>2281</v>
      </c>
      <c r="J233" s="6">
        <v>1427</v>
      </c>
      <c r="K233" s="6">
        <v>3308</v>
      </c>
      <c r="L233" s="6">
        <v>163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2</v>
      </c>
      <c r="E234" s="9" t="s">
        <v>6</v>
      </c>
      <c r="F234" s="9" t="s">
        <v>281</v>
      </c>
      <c r="G234" s="9" t="s">
        <v>272</v>
      </c>
      <c r="H234" s="6">
        <v>9</v>
      </c>
      <c r="I234" s="6">
        <v>3</v>
      </c>
      <c r="J234" s="6">
        <v>3</v>
      </c>
      <c r="K234" s="6">
        <v>5</v>
      </c>
      <c r="L234" s="6">
        <v>1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2</v>
      </c>
      <c r="E235" s="9" t="s">
        <v>6</v>
      </c>
      <c r="F235" s="9" t="s">
        <v>281</v>
      </c>
      <c r="G235" s="9" t="s">
        <v>273</v>
      </c>
      <c r="H235" s="6">
        <v>29</v>
      </c>
      <c r="I235" s="6">
        <v>15</v>
      </c>
      <c r="J235" s="6">
        <v>13</v>
      </c>
      <c r="K235" s="6">
        <v>8</v>
      </c>
      <c r="L235" s="6">
        <v>6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2</v>
      </c>
      <c r="E236" s="9" t="s">
        <v>6</v>
      </c>
      <c r="F236" s="9" t="s">
        <v>281</v>
      </c>
      <c r="G236" s="9" t="s">
        <v>274</v>
      </c>
      <c r="H236" s="6">
        <v>22</v>
      </c>
      <c r="I236" s="6">
        <v>12</v>
      </c>
      <c r="J236" s="6">
        <v>11</v>
      </c>
      <c r="K236" s="6">
        <v>6</v>
      </c>
      <c r="L236" s="6">
        <v>4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2</v>
      </c>
      <c r="E237" s="9" t="s">
        <v>6</v>
      </c>
      <c r="F237" s="9" t="s">
        <v>281</v>
      </c>
      <c r="G237" s="9" t="s">
        <v>275</v>
      </c>
      <c r="H237" s="6">
        <v>19</v>
      </c>
      <c r="I237" s="6">
        <v>14</v>
      </c>
      <c r="J237" s="6">
        <v>11</v>
      </c>
      <c r="K237" s="6">
        <v>2</v>
      </c>
      <c r="L237" s="6">
        <v>3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2</v>
      </c>
      <c r="E238" s="9" t="s">
        <v>6</v>
      </c>
      <c r="F238" s="9" t="s">
        <v>281</v>
      </c>
      <c r="G238" s="9" t="s">
        <v>276</v>
      </c>
      <c r="H238" s="6">
        <v>14</v>
      </c>
      <c r="I238" s="6">
        <v>12</v>
      </c>
      <c r="J238" s="6">
        <v>10</v>
      </c>
      <c r="K238" s="6">
        <v>1</v>
      </c>
      <c r="L238" s="6">
        <v>1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2</v>
      </c>
      <c r="E239" s="9" t="s">
        <v>6</v>
      </c>
      <c r="F239" s="9" t="s">
        <v>281</v>
      </c>
      <c r="G239" s="9" t="s">
        <v>277</v>
      </c>
      <c r="H239" s="6">
        <v>20</v>
      </c>
      <c r="I239" s="6">
        <v>15</v>
      </c>
      <c r="J239" s="6">
        <v>11</v>
      </c>
      <c r="K239" s="6">
        <v>5</v>
      </c>
      <c r="L239" s="10" t="s">
        <v>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2</v>
      </c>
      <c r="E240" s="9" t="s">
        <v>6</v>
      </c>
      <c r="F240" s="9" t="s">
        <v>281</v>
      </c>
      <c r="G240" s="9" t="s">
        <v>278</v>
      </c>
      <c r="H240" s="6">
        <v>30</v>
      </c>
      <c r="I240" s="6">
        <v>17</v>
      </c>
      <c r="J240" s="6">
        <v>17</v>
      </c>
      <c r="K240" s="6">
        <v>8</v>
      </c>
      <c r="L240" s="6">
        <v>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2</v>
      </c>
      <c r="E241" s="9" t="s">
        <v>6</v>
      </c>
      <c r="F241" s="9" t="s">
        <v>281</v>
      </c>
      <c r="G241" s="9" t="s">
        <v>279</v>
      </c>
      <c r="H241" s="6">
        <v>21</v>
      </c>
      <c r="I241" s="6">
        <v>9</v>
      </c>
      <c r="J241" s="6">
        <v>9</v>
      </c>
      <c r="K241" s="6">
        <v>8</v>
      </c>
      <c r="L241" s="6">
        <v>4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2</v>
      </c>
      <c r="E242" s="9" t="s">
        <v>6</v>
      </c>
      <c r="F242" s="9" t="s">
        <v>281</v>
      </c>
      <c r="G242" s="9" t="s">
        <v>280</v>
      </c>
      <c r="H242" s="6">
        <v>5588</v>
      </c>
      <c r="I242" s="6">
        <v>2184</v>
      </c>
      <c r="J242" s="6">
        <v>1342</v>
      </c>
      <c r="K242" s="6">
        <v>3265</v>
      </c>
      <c r="L242" s="6">
        <v>139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2</v>
      </c>
      <c r="E243" s="9" t="s">
        <v>6</v>
      </c>
      <c r="F243" s="9" t="s">
        <v>282</v>
      </c>
      <c r="G243" s="9" t="s">
        <v>6</v>
      </c>
      <c r="H243" s="6">
        <v>1457</v>
      </c>
      <c r="I243" s="6">
        <v>733</v>
      </c>
      <c r="J243" s="6">
        <v>510</v>
      </c>
      <c r="K243" s="6">
        <v>670</v>
      </c>
      <c r="L243" s="6">
        <v>5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2</v>
      </c>
      <c r="E244" s="9" t="s">
        <v>6</v>
      </c>
      <c r="F244" s="9" t="s">
        <v>282</v>
      </c>
      <c r="G244" s="9" t="s">
        <v>272</v>
      </c>
      <c r="H244" s="6">
        <v>12</v>
      </c>
      <c r="I244" s="6">
        <v>5</v>
      </c>
      <c r="J244" s="6">
        <v>4</v>
      </c>
      <c r="K244" s="6">
        <v>5</v>
      </c>
      <c r="L244" s="6">
        <v>2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2</v>
      </c>
      <c r="E245" s="9" t="s">
        <v>6</v>
      </c>
      <c r="F245" s="9" t="s">
        <v>282</v>
      </c>
      <c r="G245" s="9" t="s">
        <v>273</v>
      </c>
      <c r="H245" s="6">
        <v>18</v>
      </c>
      <c r="I245" s="6">
        <v>13</v>
      </c>
      <c r="J245" s="6">
        <v>11</v>
      </c>
      <c r="K245" s="6">
        <v>3</v>
      </c>
      <c r="L245" s="6">
        <v>2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2</v>
      </c>
      <c r="E246" s="9" t="s">
        <v>6</v>
      </c>
      <c r="F246" s="9" t="s">
        <v>282</v>
      </c>
      <c r="G246" s="9" t="s">
        <v>274</v>
      </c>
      <c r="H246" s="6">
        <v>36</v>
      </c>
      <c r="I246" s="6">
        <v>27</v>
      </c>
      <c r="J246" s="6">
        <v>24</v>
      </c>
      <c r="K246" s="6">
        <v>6</v>
      </c>
      <c r="L246" s="6">
        <v>3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2</v>
      </c>
      <c r="E247" s="9" t="s">
        <v>6</v>
      </c>
      <c r="F247" s="9" t="s">
        <v>282</v>
      </c>
      <c r="G247" s="9" t="s">
        <v>275</v>
      </c>
      <c r="H247" s="6">
        <v>24</v>
      </c>
      <c r="I247" s="6">
        <v>18</v>
      </c>
      <c r="J247" s="6">
        <v>16</v>
      </c>
      <c r="K247" s="6">
        <v>5</v>
      </c>
      <c r="L247" s="6">
        <v>1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2</v>
      </c>
      <c r="E248" s="9" t="s">
        <v>6</v>
      </c>
      <c r="F248" s="9" t="s">
        <v>282</v>
      </c>
      <c r="G248" s="9" t="s">
        <v>276</v>
      </c>
      <c r="H248" s="6">
        <v>22</v>
      </c>
      <c r="I248" s="6">
        <v>20</v>
      </c>
      <c r="J248" s="6">
        <v>18</v>
      </c>
      <c r="K248" s="6">
        <v>2</v>
      </c>
      <c r="L248" s="10" t="s">
        <v>55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2</v>
      </c>
      <c r="E249" s="9" t="s">
        <v>6</v>
      </c>
      <c r="F249" s="9" t="s">
        <v>282</v>
      </c>
      <c r="G249" s="9" t="s">
        <v>277</v>
      </c>
      <c r="H249" s="6">
        <v>39</v>
      </c>
      <c r="I249" s="6">
        <v>28</v>
      </c>
      <c r="J249" s="6">
        <v>23</v>
      </c>
      <c r="K249" s="6">
        <v>6</v>
      </c>
      <c r="L249" s="6">
        <v>5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2</v>
      </c>
      <c r="E250" s="9" t="s">
        <v>6</v>
      </c>
      <c r="F250" s="9" t="s">
        <v>282</v>
      </c>
      <c r="G250" s="9" t="s">
        <v>278</v>
      </c>
      <c r="H250" s="6">
        <v>32</v>
      </c>
      <c r="I250" s="6">
        <v>24</v>
      </c>
      <c r="J250" s="6">
        <v>20</v>
      </c>
      <c r="K250" s="6">
        <v>5</v>
      </c>
      <c r="L250" s="6">
        <v>3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2</v>
      </c>
      <c r="E251" s="9" t="s">
        <v>6</v>
      </c>
      <c r="F251" s="9" t="s">
        <v>282</v>
      </c>
      <c r="G251" s="9" t="s">
        <v>279</v>
      </c>
      <c r="H251" s="6">
        <v>42</v>
      </c>
      <c r="I251" s="6">
        <v>24</v>
      </c>
      <c r="J251" s="6">
        <v>22</v>
      </c>
      <c r="K251" s="6">
        <v>13</v>
      </c>
      <c r="L251" s="6">
        <v>5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2</v>
      </c>
      <c r="E252" s="9" t="s">
        <v>6</v>
      </c>
      <c r="F252" s="9" t="s">
        <v>282</v>
      </c>
      <c r="G252" s="9" t="s">
        <v>280</v>
      </c>
      <c r="H252" s="6">
        <v>1232</v>
      </c>
      <c r="I252" s="6">
        <v>574</v>
      </c>
      <c r="J252" s="6">
        <v>372</v>
      </c>
      <c r="K252" s="6">
        <v>625</v>
      </c>
      <c r="L252" s="6">
        <v>33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2</v>
      </c>
      <c r="E253" s="9" t="s">
        <v>6</v>
      </c>
      <c r="F253" s="9" t="s">
        <v>283</v>
      </c>
      <c r="G253" s="9" t="s">
        <v>6</v>
      </c>
      <c r="H253" s="6">
        <v>306</v>
      </c>
      <c r="I253" s="6">
        <v>194</v>
      </c>
      <c r="J253" s="6">
        <v>151</v>
      </c>
      <c r="K253" s="6">
        <v>85</v>
      </c>
      <c r="L253" s="6">
        <v>27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2</v>
      </c>
      <c r="E254" s="9" t="s">
        <v>6</v>
      </c>
      <c r="F254" s="9" t="s">
        <v>283</v>
      </c>
      <c r="G254" s="9" t="s">
        <v>272</v>
      </c>
      <c r="H254" s="6">
        <v>12</v>
      </c>
      <c r="I254" s="6">
        <v>2</v>
      </c>
      <c r="J254" s="6">
        <v>1</v>
      </c>
      <c r="K254" s="6">
        <v>8</v>
      </c>
      <c r="L254" s="6">
        <v>2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2</v>
      </c>
      <c r="E255" s="9" t="s">
        <v>6</v>
      </c>
      <c r="F255" s="9" t="s">
        <v>283</v>
      </c>
      <c r="G255" s="9" t="s">
        <v>273</v>
      </c>
      <c r="H255" s="6">
        <v>20</v>
      </c>
      <c r="I255" s="6">
        <v>13</v>
      </c>
      <c r="J255" s="6">
        <v>11</v>
      </c>
      <c r="K255" s="6">
        <v>3</v>
      </c>
      <c r="L255" s="6">
        <v>4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2</v>
      </c>
      <c r="E256" s="9" t="s">
        <v>6</v>
      </c>
      <c r="F256" s="9" t="s">
        <v>283</v>
      </c>
      <c r="G256" s="9" t="s">
        <v>274</v>
      </c>
      <c r="H256" s="6">
        <v>30</v>
      </c>
      <c r="I256" s="6">
        <v>25</v>
      </c>
      <c r="J256" s="6">
        <v>21</v>
      </c>
      <c r="K256" s="6">
        <v>3</v>
      </c>
      <c r="L256" s="6">
        <v>2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2</v>
      </c>
      <c r="E257" s="9" t="s">
        <v>6</v>
      </c>
      <c r="F257" s="9" t="s">
        <v>283</v>
      </c>
      <c r="G257" s="9" t="s">
        <v>275</v>
      </c>
      <c r="H257" s="6">
        <v>24</v>
      </c>
      <c r="I257" s="6">
        <v>18</v>
      </c>
      <c r="J257" s="6">
        <v>15</v>
      </c>
      <c r="K257" s="6">
        <v>3</v>
      </c>
      <c r="L257" s="6">
        <v>3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2</v>
      </c>
      <c r="E258" s="9" t="s">
        <v>6</v>
      </c>
      <c r="F258" s="9" t="s">
        <v>283</v>
      </c>
      <c r="G258" s="9" t="s">
        <v>276</v>
      </c>
      <c r="H258" s="6">
        <v>24</v>
      </c>
      <c r="I258" s="6">
        <v>18</v>
      </c>
      <c r="J258" s="6">
        <v>14</v>
      </c>
      <c r="K258" s="6">
        <v>2</v>
      </c>
      <c r="L258" s="6">
        <v>4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2</v>
      </c>
      <c r="E259" s="9" t="s">
        <v>6</v>
      </c>
      <c r="F259" s="9" t="s">
        <v>283</v>
      </c>
      <c r="G259" s="9" t="s">
        <v>277</v>
      </c>
      <c r="H259" s="6">
        <v>19</v>
      </c>
      <c r="I259" s="6">
        <v>15</v>
      </c>
      <c r="J259" s="6">
        <v>13</v>
      </c>
      <c r="K259" s="6">
        <v>2</v>
      </c>
      <c r="L259" s="6">
        <v>2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2</v>
      </c>
      <c r="E260" s="9" t="s">
        <v>6</v>
      </c>
      <c r="F260" s="9" t="s">
        <v>283</v>
      </c>
      <c r="G260" s="9" t="s">
        <v>278</v>
      </c>
      <c r="H260" s="6">
        <v>23</v>
      </c>
      <c r="I260" s="6">
        <v>16</v>
      </c>
      <c r="J260" s="6">
        <v>12</v>
      </c>
      <c r="K260" s="6">
        <v>5</v>
      </c>
      <c r="L260" s="6">
        <v>2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2</v>
      </c>
      <c r="E261" s="9" t="s">
        <v>6</v>
      </c>
      <c r="F261" s="9" t="s">
        <v>283</v>
      </c>
      <c r="G261" s="9" t="s">
        <v>279</v>
      </c>
      <c r="H261" s="6">
        <v>12</v>
      </c>
      <c r="I261" s="6">
        <v>8</v>
      </c>
      <c r="J261" s="6">
        <v>7</v>
      </c>
      <c r="K261" s="6">
        <v>2</v>
      </c>
      <c r="L261" s="6">
        <v>2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2</v>
      </c>
      <c r="E262" s="9" t="s">
        <v>6</v>
      </c>
      <c r="F262" s="9" t="s">
        <v>283</v>
      </c>
      <c r="G262" s="9" t="s">
        <v>280</v>
      </c>
      <c r="H262" s="6">
        <v>142</v>
      </c>
      <c r="I262" s="6">
        <v>79</v>
      </c>
      <c r="J262" s="6">
        <v>57</v>
      </c>
      <c r="K262" s="6">
        <v>57</v>
      </c>
      <c r="L262" s="6">
        <v>6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2</v>
      </c>
      <c r="E263" s="9" t="s">
        <v>226</v>
      </c>
      <c r="F263" s="9" t="s">
        <v>6</v>
      </c>
      <c r="G263" s="9" t="s">
        <v>6</v>
      </c>
      <c r="H263" s="6">
        <v>5282</v>
      </c>
      <c r="I263" s="6">
        <v>3489</v>
      </c>
      <c r="J263" s="6">
        <v>2173</v>
      </c>
      <c r="K263" s="6">
        <v>1778</v>
      </c>
      <c r="L263" s="6">
        <v>15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2</v>
      </c>
      <c r="E264" s="9" t="s">
        <v>226</v>
      </c>
      <c r="F264" s="9" t="s">
        <v>234</v>
      </c>
      <c r="G264" s="9" t="s">
        <v>6</v>
      </c>
      <c r="H264" s="6">
        <v>1245</v>
      </c>
      <c r="I264" s="6">
        <v>823</v>
      </c>
      <c r="J264" s="6">
        <v>533</v>
      </c>
      <c r="K264" s="6">
        <v>419</v>
      </c>
      <c r="L264" s="6">
        <v>3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2</v>
      </c>
      <c r="E265" s="9" t="s">
        <v>226</v>
      </c>
      <c r="F265" s="9" t="s">
        <v>235</v>
      </c>
      <c r="G265" s="9" t="s">
        <v>6</v>
      </c>
      <c r="H265" s="6">
        <v>4037</v>
      </c>
      <c r="I265" s="6">
        <v>2666</v>
      </c>
      <c r="J265" s="6">
        <v>1640</v>
      </c>
      <c r="K265" s="6">
        <v>1359</v>
      </c>
      <c r="L265" s="6">
        <v>12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2</v>
      </c>
      <c r="E266" s="9" t="s">
        <v>226</v>
      </c>
      <c r="F266" s="9" t="s">
        <v>235</v>
      </c>
      <c r="G266" s="9" t="s">
        <v>272</v>
      </c>
      <c r="H266" s="6">
        <v>27</v>
      </c>
      <c r="I266" s="6">
        <v>10</v>
      </c>
      <c r="J266" s="6">
        <v>8</v>
      </c>
      <c r="K266" s="6">
        <v>17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2</v>
      </c>
      <c r="E267" s="9" t="s">
        <v>226</v>
      </c>
      <c r="F267" s="9" t="s">
        <v>235</v>
      </c>
      <c r="G267" s="9" t="s">
        <v>273</v>
      </c>
      <c r="H267" s="6">
        <v>50</v>
      </c>
      <c r="I267" s="6">
        <v>38</v>
      </c>
      <c r="J267" s="6">
        <v>33</v>
      </c>
      <c r="K267" s="6">
        <v>12</v>
      </c>
      <c r="L267" s="10" t="s">
        <v>55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2</v>
      </c>
      <c r="E268" s="9" t="s">
        <v>226</v>
      </c>
      <c r="F268" s="9" t="s">
        <v>235</v>
      </c>
      <c r="G268" s="9" t="s">
        <v>274</v>
      </c>
      <c r="H268" s="6">
        <v>75</v>
      </c>
      <c r="I268" s="6">
        <v>62</v>
      </c>
      <c r="J268" s="6">
        <v>54</v>
      </c>
      <c r="K268" s="6">
        <v>13</v>
      </c>
      <c r="L268" s="10" t="s">
        <v>55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2</v>
      </c>
      <c r="E269" s="9" t="s">
        <v>226</v>
      </c>
      <c r="F269" s="9" t="s">
        <v>235</v>
      </c>
      <c r="G269" s="9" t="s">
        <v>275</v>
      </c>
      <c r="H269" s="6">
        <v>57</v>
      </c>
      <c r="I269" s="6">
        <v>47</v>
      </c>
      <c r="J269" s="6">
        <v>39</v>
      </c>
      <c r="K269" s="6">
        <v>9</v>
      </c>
      <c r="L269" s="6">
        <v>1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2</v>
      </c>
      <c r="E270" s="9" t="s">
        <v>226</v>
      </c>
      <c r="F270" s="9" t="s">
        <v>235</v>
      </c>
      <c r="G270" s="9" t="s">
        <v>276</v>
      </c>
      <c r="H270" s="6">
        <v>55</v>
      </c>
      <c r="I270" s="6">
        <v>50</v>
      </c>
      <c r="J270" s="6">
        <v>42</v>
      </c>
      <c r="K270" s="6">
        <v>5</v>
      </c>
      <c r="L270" s="10" t="s">
        <v>55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2</v>
      </c>
      <c r="E271" s="9" t="s">
        <v>226</v>
      </c>
      <c r="F271" s="9" t="s">
        <v>235</v>
      </c>
      <c r="G271" s="9" t="s">
        <v>277</v>
      </c>
      <c r="H271" s="6">
        <v>70</v>
      </c>
      <c r="I271" s="6">
        <v>57</v>
      </c>
      <c r="J271" s="6">
        <v>46</v>
      </c>
      <c r="K271" s="6">
        <v>13</v>
      </c>
      <c r="L271" s="10" t="s">
        <v>55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2</v>
      </c>
      <c r="E272" s="9" t="s">
        <v>226</v>
      </c>
      <c r="F272" s="9" t="s">
        <v>235</v>
      </c>
      <c r="G272" s="9" t="s">
        <v>278</v>
      </c>
      <c r="H272" s="6">
        <v>70</v>
      </c>
      <c r="I272" s="6">
        <v>54</v>
      </c>
      <c r="J272" s="6">
        <v>46</v>
      </c>
      <c r="K272" s="6">
        <v>16</v>
      </c>
      <c r="L272" s="10" t="s">
        <v>55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2</v>
      </c>
      <c r="E273" s="9" t="s">
        <v>226</v>
      </c>
      <c r="F273" s="9" t="s">
        <v>235</v>
      </c>
      <c r="G273" s="9" t="s">
        <v>279</v>
      </c>
      <c r="H273" s="6">
        <v>60</v>
      </c>
      <c r="I273" s="6">
        <v>38</v>
      </c>
      <c r="J273" s="6">
        <v>35</v>
      </c>
      <c r="K273" s="6">
        <v>22</v>
      </c>
      <c r="L273" s="10" t="s">
        <v>55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2</v>
      </c>
      <c r="E274" s="9" t="s">
        <v>226</v>
      </c>
      <c r="F274" s="9" t="s">
        <v>235</v>
      </c>
      <c r="G274" s="9" t="s">
        <v>280</v>
      </c>
      <c r="H274" s="6">
        <v>3573</v>
      </c>
      <c r="I274" s="6">
        <v>2310</v>
      </c>
      <c r="J274" s="6">
        <v>1337</v>
      </c>
      <c r="K274" s="6">
        <v>1252</v>
      </c>
      <c r="L274" s="6">
        <v>11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2</v>
      </c>
      <c r="E275" s="9" t="s">
        <v>226</v>
      </c>
      <c r="F275" s="9" t="s">
        <v>281</v>
      </c>
      <c r="G275" s="9" t="s">
        <v>6</v>
      </c>
      <c r="H275" s="6">
        <v>2897</v>
      </c>
      <c r="I275" s="6">
        <v>1856</v>
      </c>
      <c r="J275" s="6">
        <v>1075</v>
      </c>
      <c r="K275" s="6">
        <v>1030</v>
      </c>
      <c r="L275" s="6">
        <v>11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2</v>
      </c>
      <c r="E276" s="9" t="s">
        <v>226</v>
      </c>
      <c r="F276" s="9" t="s">
        <v>281</v>
      </c>
      <c r="G276" s="9" t="s">
        <v>272</v>
      </c>
      <c r="H276" s="6">
        <v>8</v>
      </c>
      <c r="I276" s="6">
        <v>3</v>
      </c>
      <c r="J276" s="6">
        <v>3</v>
      </c>
      <c r="K276" s="6">
        <v>5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2</v>
      </c>
      <c r="E277" s="9" t="s">
        <v>226</v>
      </c>
      <c r="F277" s="9" t="s">
        <v>281</v>
      </c>
      <c r="G277" s="9" t="s">
        <v>273</v>
      </c>
      <c r="H277" s="6">
        <v>21</v>
      </c>
      <c r="I277" s="6">
        <v>13</v>
      </c>
      <c r="J277" s="6">
        <v>12</v>
      </c>
      <c r="K277" s="6">
        <v>8</v>
      </c>
      <c r="L277" s="10" t="s">
        <v>55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2</v>
      </c>
      <c r="E278" s="9" t="s">
        <v>226</v>
      </c>
      <c r="F278" s="9" t="s">
        <v>281</v>
      </c>
      <c r="G278" s="9" t="s">
        <v>274</v>
      </c>
      <c r="H278" s="6">
        <v>16</v>
      </c>
      <c r="I278" s="6">
        <v>11</v>
      </c>
      <c r="J278" s="6">
        <v>10</v>
      </c>
      <c r="K278" s="6">
        <v>5</v>
      </c>
      <c r="L278" s="10" t="s">
        <v>55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2</v>
      </c>
      <c r="E279" s="9" t="s">
        <v>226</v>
      </c>
      <c r="F279" s="9" t="s">
        <v>281</v>
      </c>
      <c r="G279" s="9" t="s">
        <v>275</v>
      </c>
      <c r="H279" s="6">
        <v>15</v>
      </c>
      <c r="I279" s="6">
        <v>12</v>
      </c>
      <c r="J279" s="6">
        <v>9</v>
      </c>
      <c r="K279" s="6">
        <v>2</v>
      </c>
      <c r="L279" s="6">
        <v>1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2</v>
      </c>
      <c r="E280" s="9" t="s">
        <v>226</v>
      </c>
      <c r="F280" s="9" t="s">
        <v>281</v>
      </c>
      <c r="G280" s="9" t="s">
        <v>276</v>
      </c>
      <c r="H280" s="6">
        <v>13</v>
      </c>
      <c r="I280" s="6">
        <v>12</v>
      </c>
      <c r="J280" s="6">
        <v>10</v>
      </c>
      <c r="K280" s="6">
        <v>1</v>
      </c>
      <c r="L280" s="10" t="s">
        <v>55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2</v>
      </c>
      <c r="E281" s="9" t="s">
        <v>226</v>
      </c>
      <c r="F281" s="9" t="s">
        <v>281</v>
      </c>
      <c r="G281" s="9" t="s">
        <v>277</v>
      </c>
      <c r="H281" s="6">
        <v>20</v>
      </c>
      <c r="I281" s="6">
        <v>15</v>
      </c>
      <c r="J281" s="6">
        <v>11</v>
      </c>
      <c r="K281" s="6">
        <v>5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2</v>
      </c>
      <c r="E282" s="9" t="s">
        <v>226</v>
      </c>
      <c r="F282" s="9" t="s">
        <v>281</v>
      </c>
      <c r="G282" s="9" t="s">
        <v>278</v>
      </c>
      <c r="H282" s="6">
        <v>23</v>
      </c>
      <c r="I282" s="6">
        <v>15</v>
      </c>
      <c r="J282" s="6">
        <v>15</v>
      </c>
      <c r="K282" s="6">
        <v>8</v>
      </c>
      <c r="L282" s="10" t="s">
        <v>5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2</v>
      </c>
      <c r="E283" s="9" t="s">
        <v>226</v>
      </c>
      <c r="F283" s="9" t="s">
        <v>281</v>
      </c>
      <c r="G283" s="9" t="s">
        <v>279</v>
      </c>
      <c r="H283" s="6">
        <v>16</v>
      </c>
      <c r="I283" s="6">
        <v>8</v>
      </c>
      <c r="J283" s="6">
        <v>8</v>
      </c>
      <c r="K283" s="6">
        <v>8</v>
      </c>
      <c r="L283" s="10" t="s">
        <v>55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2</v>
      </c>
      <c r="E284" s="9" t="s">
        <v>226</v>
      </c>
      <c r="F284" s="9" t="s">
        <v>281</v>
      </c>
      <c r="G284" s="9" t="s">
        <v>280</v>
      </c>
      <c r="H284" s="6">
        <v>2765</v>
      </c>
      <c r="I284" s="6">
        <v>1767</v>
      </c>
      <c r="J284" s="6">
        <v>997</v>
      </c>
      <c r="K284" s="6">
        <v>988</v>
      </c>
      <c r="L284" s="6">
        <v>10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2</v>
      </c>
      <c r="E285" s="9" t="s">
        <v>226</v>
      </c>
      <c r="F285" s="9" t="s">
        <v>282</v>
      </c>
      <c r="G285" s="9" t="s">
        <v>6</v>
      </c>
      <c r="H285" s="6">
        <v>904</v>
      </c>
      <c r="I285" s="6">
        <v>628</v>
      </c>
      <c r="J285" s="6">
        <v>426</v>
      </c>
      <c r="K285" s="6">
        <v>275</v>
      </c>
      <c r="L285" s="6">
        <v>1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2</v>
      </c>
      <c r="E286" s="9" t="s">
        <v>226</v>
      </c>
      <c r="F286" s="9" t="s">
        <v>282</v>
      </c>
      <c r="G286" s="9" t="s">
        <v>272</v>
      </c>
      <c r="H286" s="6">
        <v>10</v>
      </c>
      <c r="I286" s="6">
        <v>5</v>
      </c>
      <c r="J286" s="6">
        <v>4</v>
      </c>
      <c r="K286" s="6">
        <v>5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2</v>
      </c>
      <c r="E287" s="9" t="s">
        <v>226</v>
      </c>
      <c r="F287" s="9" t="s">
        <v>282</v>
      </c>
      <c r="G287" s="9" t="s">
        <v>273</v>
      </c>
      <c r="H287" s="6">
        <v>15</v>
      </c>
      <c r="I287" s="6">
        <v>13</v>
      </c>
      <c r="J287" s="6">
        <v>11</v>
      </c>
      <c r="K287" s="6">
        <v>2</v>
      </c>
      <c r="L287" s="10" t="s">
        <v>55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2</v>
      </c>
      <c r="E288" s="9" t="s">
        <v>226</v>
      </c>
      <c r="F288" s="9" t="s">
        <v>282</v>
      </c>
      <c r="G288" s="9" t="s">
        <v>274</v>
      </c>
      <c r="H288" s="6">
        <v>31</v>
      </c>
      <c r="I288" s="6">
        <v>26</v>
      </c>
      <c r="J288" s="6">
        <v>23</v>
      </c>
      <c r="K288" s="6">
        <v>5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2</v>
      </c>
      <c r="E289" s="9" t="s">
        <v>226</v>
      </c>
      <c r="F289" s="9" t="s">
        <v>282</v>
      </c>
      <c r="G289" s="9" t="s">
        <v>275</v>
      </c>
      <c r="H289" s="6">
        <v>22</v>
      </c>
      <c r="I289" s="6">
        <v>18</v>
      </c>
      <c r="J289" s="6">
        <v>16</v>
      </c>
      <c r="K289" s="6">
        <v>4</v>
      </c>
      <c r="L289" s="10" t="s">
        <v>55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2</v>
      </c>
      <c r="E290" s="9" t="s">
        <v>226</v>
      </c>
      <c r="F290" s="9" t="s">
        <v>282</v>
      </c>
      <c r="G290" s="9" t="s">
        <v>276</v>
      </c>
      <c r="H290" s="6">
        <v>22</v>
      </c>
      <c r="I290" s="6">
        <v>20</v>
      </c>
      <c r="J290" s="6">
        <v>18</v>
      </c>
      <c r="K290" s="6">
        <v>2</v>
      </c>
      <c r="L290" s="10" t="s">
        <v>5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2</v>
      </c>
      <c r="E291" s="9" t="s">
        <v>226</v>
      </c>
      <c r="F291" s="9" t="s">
        <v>282</v>
      </c>
      <c r="G291" s="9" t="s">
        <v>277</v>
      </c>
      <c r="H291" s="6">
        <v>33</v>
      </c>
      <c r="I291" s="6">
        <v>27</v>
      </c>
      <c r="J291" s="6">
        <v>22</v>
      </c>
      <c r="K291" s="6">
        <v>6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2</v>
      </c>
      <c r="E292" s="9" t="s">
        <v>226</v>
      </c>
      <c r="F292" s="9" t="s">
        <v>282</v>
      </c>
      <c r="G292" s="9" t="s">
        <v>278</v>
      </c>
      <c r="H292" s="6">
        <v>26</v>
      </c>
      <c r="I292" s="6">
        <v>23</v>
      </c>
      <c r="J292" s="6">
        <v>19</v>
      </c>
      <c r="K292" s="6">
        <v>3</v>
      </c>
      <c r="L292" s="10" t="s">
        <v>55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2</v>
      </c>
      <c r="E293" s="9" t="s">
        <v>226</v>
      </c>
      <c r="F293" s="9" t="s">
        <v>282</v>
      </c>
      <c r="G293" s="9" t="s">
        <v>279</v>
      </c>
      <c r="H293" s="6">
        <v>34</v>
      </c>
      <c r="I293" s="6">
        <v>22</v>
      </c>
      <c r="J293" s="6">
        <v>20</v>
      </c>
      <c r="K293" s="6">
        <v>12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2</v>
      </c>
      <c r="E294" s="9" t="s">
        <v>226</v>
      </c>
      <c r="F294" s="9" t="s">
        <v>282</v>
      </c>
      <c r="G294" s="9" t="s">
        <v>280</v>
      </c>
      <c r="H294" s="6">
        <v>711</v>
      </c>
      <c r="I294" s="6">
        <v>474</v>
      </c>
      <c r="J294" s="6">
        <v>293</v>
      </c>
      <c r="K294" s="6">
        <v>236</v>
      </c>
      <c r="L294" s="6">
        <v>1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2</v>
      </c>
      <c r="E295" s="9" t="s">
        <v>226</v>
      </c>
      <c r="F295" s="9" t="s">
        <v>283</v>
      </c>
      <c r="G295" s="9" t="s">
        <v>6</v>
      </c>
      <c r="H295" s="6">
        <v>236</v>
      </c>
      <c r="I295" s="6">
        <v>182</v>
      </c>
      <c r="J295" s="6">
        <v>139</v>
      </c>
      <c r="K295" s="6">
        <v>54</v>
      </c>
      <c r="L295" s="10" t="s">
        <v>5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2</v>
      </c>
      <c r="E296" s="9" t="s">
        <v>226</v>
      </c>
      <c r="F296" s="9" t="s">
        <v>283</v>
      </c>
      <c r="G296" s="9" t="s">
        <v>272</v>
      </c>
      <c r="H296" s="6">
        <v>9</v>
      </c>
      <c r="I296" s="6">
        <v>2</v>
      </c>
      <c r="J296" s="6">
        <v>1</v>
      </c>
      <c r="K296" s="6">
        <v>7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2</v>
      </c>
      <c r="E297" s="9" t="s">
        <v>226</v>
      </c>
      <c r="F297" s="9" t="s">
        <v>283</v>
      </c>
      <c r="G297" s="9" t="s">
        <v>273</v>
      </c>
      <c r="H297" s="6">
        <v>14</v>
      </c>
      <c r="I297" s="6">
        <v>12</v>
      </c>
      <c r="J297" s="6">
        <v>10</v>
      </c>
      <c r="K297" s="6">
        <v>2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2</v>
      </c>
      <c r="E298" s="9" t="s">
        <v>226</v>
      </c>
      <c r="F298" s="9" t="s">
        <v>283</v>
      </c>
      <c r="G298" s="9" t="s">
        <v>274</v>
      </c>
      <c r="H298" s="6">
        <v>28</v>
      </c>
      <c r="I298" s="6">
        <v>25</v>
      </c>
      <c r="J298" s="6">
        <v>21</v>
      </c>
      <c r="K298" s="6">
        <v>3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2</v>
      </c>
      <c r="E299" s="9" t="s">
        <v>226</v>
      </c>
      <c r="F299" s="9" t="s">
        <v>283</v>
      </c>
      <c r="G299" s="9" t="s">
        <v>275</v>
      </c>
      <c r="H299" s="6">
        <v>20</v>
      </c>
      <c r="I299" s="6">
        <v>17</v>
      </c>
      <c r="J299" s="6">
        <v>14</v>
      </c>
      <c r="K299" s="6">
        <v>3</v>
      </c>
      <c r="L299" s="10" t="s">
        <v>55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2</v>
      </c>
      <c r="E300" s="9" t="s">
        <v>226</v>
      </c>
      <c r="F300" s="9" t="s">
        <v>283</v>
      </c>
      <c r="G300" s="9" t="s">
        <v>276</v>
      </c>
      <c r="H300" s="6">
        <v>20</v>
      </c>
      <c r="I300" s="6">
        <v>18</v>
      </c>
      <c r="J300" s="6">
        <v>14</v>
      </c>
      <c r="K300" s="6">
        <v>2</v>
      </c>
      <c r="L300" s="10" t="s">
        <v>55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2</v>
      </c>
      <c r="E301" s="9" t="s">
        <v>226</v>
      </c>
      <c r="F301" s="9" t="s">
        <v>283</v>
      </c>
      <c r="G301" s="9" t="s">
        <v>277</v>
      </c>
      <c r="H301" s="6">
        <v>17</v>
      </c>
      <c r="I301" s="6">
        <v>15</v>
      </c>
      <c r="J301" s="6">
        <v>13</v>
      </c>
      <c r="K301" s="6">
        <v>2</v>
      </c>
      <c r="L301" s="10" t="s">
        <v>55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2</v>
      </c>
      <c r="E302" s="9" t="s">
        <v>226</v>
      </c>
      <c r="F302" s="9" t="s">
        <v>283</v>
      </c>
      <c r="G302" s="9" t="s">
        <v>278</v>
      </c>
      <c r="H302" s="6">
        <v>21</v>
      </c>
      <c r="I302" s="6">
        <v>16</v>
      </c>
      <c r="J302" s="6">
        <v>12</v>
      </c>
      <c r="K302" s="6">
        <v>5</v>
      </c>
      <c r="L302" s="10" t="s">
        <v>55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2</v>
      </c>
      <c r="E303" s="9" t="s">
        <v>226</v>
      </c>
      <c r="F303" s="9" t="s">
        <v>283</v>
      </c>
      <c r="G303" s="9" t="s">
        <v>279</v>
      </c>
      <c r="H303" s="6">
        <v>10</v>
      </c>
      <c r="I303" s="6">
        <v>8</v>
      </c>
      <c r="J303" s="6">
        <v>7</v>
      </c>
      <c r="K303" s="6">
        <v>2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2</v>
      </c>
      <c r="E304" s="9" t="s">
        <v>226</v>
      </c>
      <c r="F304" s="9" t="s">
        <v>283</v>
      </c>
      <c r="G304" s="9" t="s">
        <v>280</v>
      </c>
      <c r="H304" s="6">
        <v>97</v>
      </c>
      <c r="I304" s="6">
        <v>69</v>
      </c>
      <c r="J304" s="6">
        <v>47</v>
      </c>
      <c r="K304" s="6">
        <v>28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2</v>
      </c>
      <c r="E305" s="9" t="s">
        <v>227</v>
      </c>
      <c r="F305" s="9" t="s">
        <v>6</v>
      </c>
      <c r="G305" s="9" t="s">
        <v>6</v>
      </c>
      <c r="H305" s="6">
        <v>3258</v>
      </c>
      <c r="I305" s="6">
        <v>1962</v>
      </c>
      <c r="J305" s="6">
        <v>1823</v>
      </c>
      <c r="K305" s="6">
        <v>1292</v>
      </c>
      <c r="L305" s="6">
        <v>4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2</v>
      </c>
      <c r="E306" s="9" t="s">
        <v>227</v>
      </c>
      <c r="F306" s="9" t="s">
        <v>234</v>
      </c>
      <c r="G306" s="9" t="s">
        <v>6</v>
      </c>
      <c r="H306" s="6">
        <v>761</v>
      </c>
      <c r="I306" s="6">
        <v>453</v>
      </c>
      <c r="J306" s="6">
        <v>434</v>
      </c>
      <c r="K306" s="6">
        <v>307</v>
      </c>
      <c r="L306" s="6">
        <v>1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2</v>
      </c>
      <c r="E307" s="9" t="s">
        <v>227</v>
      </c>
      <c r="F307" s="9" t="s">
        <v>235</v>
      </c>
      <c r="G307" s="9" t="s">
        <v>6</v>
      </c>
      <c r="H307" s="6">
        <v>2497</v>
      </c>
      <c r="I307" s="6">
        <v>1509</v>
      </c>
      <c r="J307" s="6">
        <v>1389</v>
      </c>
      <c r="K307" s="6">
        <v>985</v>
      </c>
      <c r="L307" s="6">
        <v>3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2</v>
      </c>
      <c r="E308" s="9" t="s">
        <v>227</v>
      </c>
      <c r="F308" s="9" t="s">
        <v>235</v>
      </c>
      <c r="G308" s="9" t="s">
        <v>272</v>
      </c>
      <c r="H308" s="6">
        <v>25</v>
      </c>
      <c r="I308" s="6">
        <v>9</v>
      </c>
      <c r="J308" s="6">
        <v>8</v>
      </c>
      <c r="K308" s="6">
        <v>16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2</v>
      </c>
      <c r="E309" s="9" t="s">
        <v>227</v>
      </c>
      <c r="F309" s="9" t="s">
        <v>235</v>
      </c>
      <c r="G309" s="9" t="s">
        <v>273</v>
      </c>
      <c r="H309" s="6">
        <v>44</v>
      </c>
      <c r="I309" s="6">
        <v>32</v>
      </c>
      <c r="J309" s="6">
        <v>30</v>
      </c>
      <c r="K309" s="6">
        <v>12</v>
      </c>
      <c r="L309" s="10" t="s">
        <v>55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2</v>
      </c>
      <c r="E310" s="9" t="s">
        <v>227</v>
      </c>
      <c r="F310" s="9" t="s">
        <v>235</v>
      </c>
      <c r="G310" s="9" t="s">
        <v>274</v>
      </c>
      <c r="H310" s="6">
        <v>62</v>
      </c>
      <c r="I310" s="6">
        <v>51</v>
      </c>
      <c r="J310" s="6">
        <v>47</v>
      </c>
      <c r="K310" s="6">
        <v>11</v>
      </c>
      <c r="L310" s="10" t="s">
        <v>55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2</v>
      </c>
      <c r="E311" s="9" t="s">
        <v>227</v>
      </c>
      <c r="F311" s="9" t="s">
        <v>235</v>
      </c>
      <c r="G311" s="9" t="s">
        <v>275</v>
      </c>
      <c r="H311" s="6">
        <v>51</v>
      </c>
      <c r="I311" s="6">
        <v>42</v>
      </c>
      <c r="J311" s="6">
        <v>38</v>
      </c>
      <c r="K311" s="6">
        <v>9</v>
      </c>
      <c r="L311" s="10" t="s">
        <v>55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2</v>
      </c>
      <c r="E312" s="9" t="s">
        <v>227</v>
      </c>
      <c r="F312" s="9" t="s">
        <v>235</v>
      </c>
      <c r="G312" s="9" t="s">
        <v>276</v>
      </c>
      <c r="H312" s="6">
        <v>40</v>
      </c>
      <c r="I312" s="6">
        <v>37</v>
      </c>
      <c r="J312" s="6">
        <v>36</v>
      </c>
      <c r="K312" s="6">
        <v>3</v>
      </c>
      <c r="L312" s="10" t="s">
        <v>55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2</v>
      </c>
      <c r="E313" s="9" t="s">
        <v>227</v>
      </c>
      <c r="F313" s="9" t="s">
        <v>235</v>
      </c>
      <c r="G313" s="9" t="s">
        <v>277</v>
      </c>
      <c r="H313" s="6">
        <v>63</v>
      </c>
      <c r="I313" s="6">
        <v>51</v>
      </c>
      <c r="J313" s="6">
        <v>43</v>
      </c>
      <c r="K313" s="6">
        <v>12</v>
      </c>
      <c r="L313" s="10" t="s">
        <v>55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2</v>
      </c>
      <c r="E314" s="9" t="s">
        <v>227</v>
      </c>
      <c r="F314" s="9" t="s">
        <v>235</v>
      </c>
      <c r="G314" s="9" t="s">
        <v>278</v>
      </c>
      <c r="H314" s="6">
        <v>58</v>
      </c>
      <c r="I314" s="6">
        <v>46</v>
      </c>
      <c r="J314" s="6">
        <v>44</v>
      </c>
      <c r="K314" s="6">
        <v>12</v>
      </c>
      <c r="L314" s="10" t="s">
        <v>55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2</v>
      </c>
      <c r="E315" s="9" t="s">
        <v>227</v>
      </c>
      <c r="F315" s="9" t="s">
        <v>235</v>
      </c>
      <c r="G315" s="9" t="s">
        <v>279</v>
      </c>
      <c r="H315" s="6">
        <v>54</v>
      </c>
      <c r="I315" s="6">
        <v>35</v>
      </c>
      <c r="J315" s="6">
        <v>33</v>
      </c>
      <c r="K315" s="6">
        <v>19</v>
      </c>
      <c r="L315" s="10" t="s">
        <v>55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2</v>
      </c>
      <c r="E316" s="9" t="s">
        <v>227</v>
      </c>
      <c r="F316" s="9" t="s">
        <v>235</v>
      </c>
      <c r="G316" s="9" t="s">
        <v>280</v>
      </c>
      <c r="H316" s="6">
        <v>2100</v>
      </c>
      <c r="I316" s="6">
        <v>1206</v>
      </c>
      <c r="J316" s="6">
        <v>1110</v>
      </c>
      <c r="K316" s="6">
        <v>891</v>
      </c>
      <c r="L316" s="6">
        <v>3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2</v>
      </c>
      <c r="E317" s="9" t="s">
        <v>227</v>
      </c>
      <c r="F317" s="9" t="s">
        <v>281</v>
      </c>
      <c r="G317" s="9" t="s">
        <v>6</v>
      </c>
      <c r="H317" s="6">
        <v>1725</v>
      </c>
      <c r="I317" s="6">
        <v>988</v>
      </c>
      <c r="J317" s="6">
        <v>901</v>
      </c>
      <c r="K317" s="6">
        <v>735</v>
      </c>
      <c r="L317" s="6">
        <v>2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2</v>
      </c>
      <c r="E318" s="9" t="s">
        <v>227</v>
      </c>
      <c r="F318" s="9" t="s">
        <v>281</v>
      </c>
      <c r="G318" s="9" t="s">
        <v>272</v>
      </c>
      <c r="H318" s="6">
        <v>8</v>
      </c>
      <c r="I318" s="6">
        <v>3</v>
      </c>
      <c r="J318" s="6">
        <v>3</v>
      </c>
      <c r="K318" s="6">
        <v>5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2</v>
      </c>
      <c r="E319" s="9" t="s">
        <v>227</v>
      </c>
      <c r="F319" s="9" t="s">
        <v>281</v>
      </c>
      <c r="G319" s="9" t="s">
        <v>273</v>
      </c>
      <c r="H319" s="6">
        <v>19</v>
      </c>
      <c r="I319" s="6">
        <v>11</v>
      </c>
      <c r="J319" s="6">
        <v>11</v>
      </c>
      <c r="K319" s="6">
        <v>8</v>
      </c>
      <c r="L319" s="10" t="s">
        <v>55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2</v>
      </c>
      <c r="E320" s="9" t="s">
        <v>227</v>
      </c>
      <c r="F320" s="9" t="s">
        <v>281</v>
      </c>
      <c r="G320" s="9" t="s">
        <v>274</v>
      </c>
      <c r="H320" s="6">
        <v>13</v>
      </c>
      <c r="I320" s="6">
        <v>10</v>
      </c>
      <c r="J320" s="6">
        <v>9</v>
      </c>
      <c r="K320" s="6">
        <v>3</v>
      </c>
      <c r="L320" s="10" t="s">
        <v>55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2</v>
      </c>
      <c r="E321" s="9" t="s">
        <v>227</v>
      </c>
      <c r="F321" s="9" t="s">
        <v>281</v>
      </c>
      <c r="G321" s="9" t="s">
        <v>275</v>
      </c>
      <c r="H321" s="6">
        <v>14</v>
      </c>
      <c r="I321" s="6">
        <v>12</v>
      </c>
      <c r="J321" s="6">
        <v>9</v>
      </c>
      <c r="K321" s="6">
        <v>2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2</v>
      </c>
      <c r="E322" s="9" t="s">
        <v>227</v>
      </c>
      <c r="F322" s="9" t="s">
        <v>281</v>
      </c>
      <c r="G322" s="9" t="s">
        <v>276</v>
      </c>
      <c r="H322" s="6">
        <v>10</v>
      </c>
      <c r="I322" s="6">
        <v>10</v>
      </c>
      <c r="J322" s="6">
        <v>10</v>
      </c>
      <c r="K322" s="10" t="s">
        <v>55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2</v>
      </c>
      <c r="E323" s="9" t="s">
        <v>227</v>
      </c>
      <c r="F323" s="9" t="s">
        <v>281</v>
      </c>
      <c r="G323" s="9" t="s">
        <v>277</v>
      </c>
      <c r="H323" s="6">
        <v>19</v>
      </c>
      <c r="I323" s="6">
        <v>14</v>
      </c>
      <c r="J323" s="6">
        <v>10</v>
      </c>
      <c r="K323" s="6">
        <v>5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2</v>
      </c>
      <c r="E324" s="9" t="s">
        <v>227</v>
      </c>
      <c r="F324" s="9" t="s">
        <v>281</v>
      </c>
      <c r="G324" s="9" t="s">
        <v>278</v>
      </c>
      <c r="H324" s="6">
        <v>22</v>
      </c>
      <c r="I324" s="6">
        <v>15</v>
      </c>
      <c r="J324" s="6">
        <v>15</v>
      </c>
      <c r="K324" s="6">
        <v>7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2</v>
      </c>
      <c r="E325" s="9" t="s">
        <v>227</v>
      </c>
      <c r="F325" s="9" t="s">
        <v>281</v>
      </c>
      <c r="G325" s="9" t="s">
        <v>279</v>
      </c>
      <c r="H325" s="6">
        <v>15</v>
      </c>
      <c r="I325" s="6">
        <v>8</v>
      </c>
      <c r="J325" s="6">
        <v>8</v>
      </c>
      <c r="K325" s="6">
        <v>7</v>
      </c>
      <c r="L325" s="10" t="s">
        <v>55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2</v>
      </c>
      <c r="E326" s="9" t="s">
        <v>227</v>
      </c>
      <c r="F326" s="9" t="s">
        <v>281</v>
      </c>
      <c r="G326" s="9" t="s">
        <v>280</v>
      </c>
      <c r="H326" s="6">
        <v>1605</v>
      </c>
      <c r="I326" s="6">
        <v>905</v>
      </c>
      <c r="J326" s="6">
        <v>826</v>
      </c>
      <c r="K326" s="6">
        <v>698</v>
      </c>
      <c r="L326" s="6">
        <v>2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2</v>
      </c>
      <c r="E327" s="9" t="s">
        <v>227</v>
      </c>
      <c r="F327" s="9" t="s">
        <v>282</v>
      </c>
      <c r="G327" s="9" t="s">
        <v>6</v>
      </c>
      <c r="H327" s="6">
        <v>603</v>
      </c>
      <c r="I327" s="6">
        <v>395</v>
      </c>
      <c r="J327" s="6">
        <v>370</v>
      </c>
      <c r="K327" s="6">
        <v>207</v>
      </c>
      <c r="L327" s="6">
        <v>1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2</v>
      </c>
      <c r="E328" s="9" t="s">
        <v>227</v>
      </c>
      <c r="F328" s="9" t="s">
        <v>282</v>
      </c>
      <c r="G328" s="9" t="s">
        <v>272</v>
      </c>
      <c r="H328" s="6">
        <v>9</v>
      </c>
      <c r="I328" s="6">
        <v>4</v>
      </c>
      <c r="J328" s="6">
        <v>4</v>
      </c>
      <c r="K328" s="6">
        <v>5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2</v>
      </c>
      <c r="E329" s="9" t="s">
        <v>227</v>
      </c>
      <c r="F329" s="9" t="s">
        <v>282</v>
      </c>
      <c r="G329" s="9" t="s">
        <v>273</v>
      </c>
      <c r="H329" s="6">
        <v>14</v>
      </c>
      <c r="I329" s="6">
        <v>12</v>
      </c>
      <c r="J329" s="6">
        <v>11</v>
      </c>
      <c r="K329" s="6">
        <v>2</v>
      </c>
      <c r="L329" s="10" t="s">
        <v>55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2</v>
      </c>
      <c r="E330" s="9" t="s">
        <v>227</v>
      </c>
      <c r="F330" s="9" t="s">
        <v>282</v>
      </c>
      <c r="G330" s="9" t="s">
        <v>274</v>
      </c>
      <c r="H330" s="6">
        <v>26</v>
      </c>
      <c r="I330" s="6">
        <v>21</v>
      </c>
      <c r="J330" s="6">
        <v>20</v>
      </c>
      <c r="K330" s="6">
        <v>5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2</v>
      </c>
      <c r="E331" s="9" t="s">
        <v>227</v>
      </c>
      <c r="F331" s="9" t="s">
        <v>282</v>
      </c>
      <c r="G331" s="9" t="s">
        <v>275</v>
      </c>
      <c r="H331" s="6">
        <v>20</v>
      </c>
      <c r="I331" s="6">
        <v>16</v>
      </c>
      <c r="J331" s="6">
        <v>15</v>
      </c>
      <c r="K331" s="6">
        <v>4</v>
      </c>
      <c r="L331" s="10" t="s">
        <v>55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2</v>
      </c>
      <c r="E332" s="9" t="s">
        <v>227</v>
      </c>
      <c r="F332" s="9" t="s">
        <v>282</v>
      </c>
      <c r="G332" s="9" t="s">
        <v>276</v>
      </c>
      <c r="H332" s="6">
        <v>19</v>
      </c>
      <c r="I332" s="6">
        <v>17</v>
      </c>
      <c r="J332" s="6">
        <v>16</v>
      </c>
      <c r="K332" s="6">
        <v>2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2</v>
      </c>
      <c r="E333" s="9" t="s">
        <v>227</v>
      </c>
      <c r="F333" s="9" t="s">
        <v>282</v>
      </c>
      <c r="G333" s="9" t="s">
        <v>277</v>
      </c>
      <c r="H333" s="6">
        <v>29</v>
      </c>
      <c r="I333" s="6">
        <v>24</v>
      </c>
      <c r="J333" s="6">
        <v>21</v>
      </c>
      <c r="K333" s="6">
        <v>5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2</v>
      </c>
      <c r="E334" s="9" t="s">
        <v>227</v>
      </c>
      <c r="F334" s="9" t="s">
        <v>282</v>
      </c>
      <c r="G334" s="9" t="s">
        <v>278</v>
      </c>
      <c r="H334" s="6">
        <v>20</v>
      </c>
      <c r="I334" s="6">
        <v>18</v>
      </c>
      <c r="J334" s="6">
        <v>17</v>
      </c>
      <c r="K334" s="6">
        <v>2</v>
      </c>
      <c r="L334" s="10" t="s">
        <v>55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2</v>
      </c>
      <c r="E335" s="9" t="s">
        <v>227</v>
      </c>
      <c r="F335" s="9" t="s">
        <v>282</v>
      </c>
      <c r="G335" s="9" t="s">
        <v>279</v>
      </c>
      <c r="H335" s="6">
        <v>29</v>
      </c>
      <c r="I335" s="6">
        <v>19</v>
      </c>
      <c r="J335" s="6">
        <v>18</v>
      </c>
      <c r="K335" s="6">
        <v>10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2</v>
      </c>
      <c r="E336" s="9" t="s">
        <v>227</v>
      </c>
      <c r="F336" s="9" t="s">
        <v>282</v>
      </c>
      <c r="G336" s="9" t="s">
        <v>280</v>
      </c>
      <c r="H336" s="6">
        <v>437</v>
      </c>
      <c r="I336" s="6">
        <v>264</v>
      </c>
      <c r="J336" s="6">
        <v>248</v>
      </c>
      <c r="K336" s="6">
        <v>172</v>
      </c>
      <c r="L336" s="6">
        <v>1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2</v>
      </c>
      <c r="E337" s="9" t="s">
        <v>227</v>
      </c>
      <c r="F337" s="9" t="s">
        <v>283</v>
      </c>
      <c r="G337" s="9" t="s">
        <v>6</v>
      </c>
      <c r="H337" s="6">
        <v>169</v>
      </c>
      <c r="I337" s="6">
        <v>126</v>
      </c>
      <c r="J337" s="6">
        <v>118</v>
      </c>
      <c r="K337" s="6">
        <v>43</v>
      </c>
      <c r="L337" s="10" t="s">
        <v>55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2</v>
      </c>
      <c r="E338" s="9" t="s">
        <v>227</v>
      </c>
      <c r="F338" s="9" t="s">
        <v>283</v>
      </c>
      <c r="G338" s="9" t="s">
        <v>272</v>
      </c>
      <c r="H338" s="6">
        <v>8</v>
      </c>
      <c r="I338" s="6">
        <v>2</v>
      </c>
      <c r="J338" s="6">
        <v>1</v>
      </c>
      <c r="K338" s="6">
        <v>6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2</v>
      </c>
      <c r="E339" s="9" t="s">
        <v>227</v>
      </c>
      <c r="F339" s="9" t="s">
        <v>283</v>
      </c>
      <c r="G339" s="9" t="s">
        <v>273</v>
      </c>
      <c r="H339" s="6">
        <v>11</v>
      </c>
      <c r="I339" s="6">
        <v>9</v>
      </c>
      <c r="J339" s="6">
        <v>8</v>
      </c>
      <c r="K339" s="6">
        <v>2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2</v>
      </c>
      <c r="E340" s="9" t="s">
        <v>227</v>
      </c>
      <c r="F340" s="9" t="s">
        <v>283</v>
      </c>
      <c r="G340" s="9" t="s">
        <v>274</v>
      </c>
      <c r="H340" s="6">
        <v>23</v>
      </c>
      <c r="I340" s="6">
        <v>20</v>
      </c>
      <c r="J340" s="6">
        <v>18</v>
      </c>
      <c r="K340" s="6">
        <v>3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2</v>
      </c>
      <c r="E341" s="9" t="s">
        <v>227</v>
      </c>
      <c r="F341" s="9" t="s">
        <v>283</v>
      </c>
      <c r="G341" s="9" t="s">
        <v>275</v>
      </c>
      <c r="H341" s="6">
        <v>17</v>
      </c>
      <c r="I341" s="6">
        <v>14</v>
      </c>
      <c r="J341" s="6">
        <v>14</v>
      </c>
      <c r="K341" s="6">
        <v>3</v>
      </c>
      <c r="L341" s="10" t="s">
        <v>55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2</v>
      </c>
      <c r="E342" s="9" t="s">
        <v>227</v>
      </c>
      <c r="F342" s="9" t="s">
        <v>283</v>
      </c>
      <c r="G342" s="9" t="s">
        <v>276</v>
      </c>
      <c r="H342" s="6">
        <v>11</v>
      </c>
      <c r="I342" s="6">
        <v>10</v>
      </c>
      <c r="J342" s="6">
        <v>10</v>
      </c>
      <c r="K342" s="6">
        <v>1</v>
      </c>
      <c r="L342" s="10" t="s">
        <v>55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2</v>
      </c>
      <c r="E343" s="9" t="s">
        <v>227</v>
      </c>
      <c r="F343" s="9" t="s">
        <v>283</v>
      </c>
      <c r="G343" s="9" t="s">
        <v>277</v>
      </c>
      <c r="H343" s="6">
        <v>15</v>
      </c>
      <c r="I343" s="6">
        <v>13</v>
      </c>
      <c r="J343" s="6">
        <v>12</v>
      </c>
      <c r="K343" s="6">
        <v>2</v>
      </c>
      <c r="L343" s="10" t="s">
        <v>55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2</v>
      </c>
      <c r="E344" s="9" t="s">
        <v>227</v>
      </c>
      <c r="F344" s="9" t="s">
        <v>283</v>
      </c>
      <c r="G344" s="9" t="s">
        <v>278</v>
      </c>
      <c r="H344" s="6">
        <v>16</v>
      </c>
      <c r="I344" s="6">
        <v>13</v>
      </c>
      <c r="J344" s="6">
        <v>12</v>
      </c>
      <c r="K344" s="6">
        <v>3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2</v>
      </c>
      <c r="E345" s="9" t="s">
        <v>227</v>
      </c>
      <c r="F345" s="9" t="s">
        <v>283</v>
      </c>
      <c r="G345" s="9" t="s">
        <v>279</v>
      </c>
      <c r="H345" s="6">
        <v>10</v>
      </c>
      <c r="I345" s="6">
        <v>8</v>
      </c>
      <c r="J345" s="6">
        <v>7</v>
      </c>
      <c r="K345" s="6">
        <v>2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2</v>
      </c>
      <c r="E346" s="9" t="s">
        <v>227</v>
      </c>
      <c r="F346" s="9" t="s">
        <v>283</v>
      </c>
      <c r="G346" s="9" t="s">
        <v>280</v>
      </c>
      <c r="H346" s="6">
        <v>58</v>
      </c>
      <c r="I346" s="6">
        <v>37</v>
      </c>
      <c r="J346" s="6">
        <v>36</v>
      </c>
      <c r="K346" s="6">
        <v>21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2</v>
      </c>
      <c r="E347" s="9" t="s">
        <v>228</v>
      </c>
      <c r="F347" s="9" t="s">
        <v>6</v>
      </c>
      <c r="G347" s="9" t="s">
        <v>6</v>
      </c>
      <c r="H347" s="6">
        <v>4234</v>
      </c>
      <c r="I347" s="6">
        <v>688</v>
      </c>
      <c r="J347" s="6">
        <v>568</v>
      </c>
      <c r="K347" s="6">
        <v>3540</v>
      </c>
      <c r="L347" s="6">
        <v>6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2</v>
      </c>
      <c r="E348" s="9" t="s">
        <v>228</v>
      </c>
      <c r="F348" s="9" t="s">
        <v>234</v>
      </c>
      <c r="G348" s="9" t="s">
        <v>6</v>
      </c>
      <c r="H348" s="6">
        <v>998</v>
      </c>
      <c r="I348" s="6">
        <v>154</v>
      </c>
      <c r="J348" s="6">
        <v>125</v>
      </c>
      <c r="K348" s="6">
        <v>842</v>
      </c>
      <c r="L348" s="6">
        <v>2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2</v>
      </c>
      <c r="E349" s="9" t="s">
        <v>228</v>
      </c>
      <c r="F349" s="9" t="s">
        <v>235</v>
      </c>
      <c r="G349" s="9" t="s">
        <v>6</v>
      </c>
      <c r="H349" s="6">
        <v>3236</v>
      </c>
      <c r="I349" s="6">
        <v>534</v>
      </c>
      <c r="J349" s="6">
        <v>443</v>
      </c>
      <c r="K349" s="6">
        <v>2698</v>
      </c>
      <c r="L349" s="6">
        <v>4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2</v>
      </c>
      <c r="E350" s="9" t="s">
        <v>228</v>
      </c>
      <c r="F350" s="9" t="s">
        <v>235</v>
      </c>
      <c r="G350" s="9" t="s">
        <v>272</v>
      </c>
      <c r="H350" s="6">
        <v>1</v>
      </c>
      <c r="I350" s="10" t="s">
        <v>55</v>
      </c>
      <c r="J350" s="10" t="s">
        <v>55</v>
      </c>
      <c r="K350" s="6">
        <v>1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2</v>
      </c>
      <c r="E351" s="9" t="s">
        <v>228</v>
      </c>
      <c r="F351" s="9" t="s">
        <v>235</v>
      </c>
      <c r="G351" s="9" t="s">
        <v>273</v>
      </c>
      <c r="H351" s="6">
        <v>5</v>
      </c>
      <c r="I351" s="6">
        <v>3</v>
      </c>
      <c r="J351" s="6">
        <v>2</v>
      </c>
      <c r="K351" s="6">
        <v>2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2</v>
      </c>
      <c r="E352" s="9" t="s">
        <v>228</v>
      </c>
      <c r="F352" s="9" t="s">
        <v>235</v>
      </c>
      <c r="G352" s="9" t="s">
        <v>274</v>
      </c>
      <c r="H352" s="6">
        <v>4</v>
      </c>
      <c r="I352" s="6">
        <v>2</v>
      </c>
      <c r="J352" s="6">
        <v>2</v>
      </c>
      <c r="K352" s="6">
        <v>2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2</v>
      </c>
      <c r="E353" s="9" t="s">
        <v>228</v>
      </c>
      <c r="F353" s="9" t="s">
        <v>235</v>
      </c>
      <c r="G353" s="9" t="s">
        <v>275</v>
      </c>
      <c r="H353" s="6">
        <v>4</v>
      </c>
      <c r="I353" s="6">
        <v>3</v>
      </c>
      <c r="J353" s="6">
        <v>3</v>
      </c>
      <c r="K353" s="6">
        <v>1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2</v>
      </c>
      <c r="E354" s="9" t="s">
        <v>228</v>
      </c>
      <c r="F354" s="9" t="s">
        <v>235</v>
      </c>
      <c r="G354" s="9" t="s">
        <v>276</v>
      </c>
      <c r="H354" s="10" t="s">
        <v>55</v>
      </c>
      <c r="I354" s="10" t="s">
        <v>55</v>
      </c>
      <c r="J354" s="10" t="s">
        <v>55</v>
      </c>
      <c r="K354" s="10" t="s">
        <v>55</v>
      </c>
      <c r="L354" s="10" t="s">
        <v>55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2</v>
      </c>
      <c r="E355" s="9" t="s">
        <v>228</v>
      </c>
      <c r="F355" s="9" t="s">
        <v>235</v>
      </c>
      <c r="G355" s="9" t="s">
        <v>277</v>
      </c>
      <c r="H355" s="6">
        <v>1</v>
      </c>
      <c r="I355" s="6">
        <v>1</v>
      </c>
      <c r="J355" s="6">
        <v>1</v>
      </c>
      <c r="K355" s="10" t="s">
        <v>55</v>
      </c>
      <c r="L355" s="10" t="s">
        <v>55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2</v>
      </c>
      <c r="E356" s="9" t="s">
        <v>228</v>
      </c>
      <c r="F356" s="9" t="s">
        <v>235</v>
      </c>
      <c r="G356" s="9" t="s">
        <v>278</v>
      </c>
      <c r="H356" s="6">
        <v>5</v>
      </c>
      <c r="I356" s="6">
        <v>3</v>
      </c>
      <c r="J356" s="6">
        <v>3</v>
      </c>
      <c r="K356" s="6">
        <v>2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2</v>
      </c>
      <c r="E357" s="9" t="s">
        <v>228</v>
      </c>
      <c r="F357" s="9" t="s">
        <v>235</v>
      </c>
      <c r="G357" s="9" t="s">
        <v>279</v>
      </c>
      <c r="H357" s="6">
        <v>4</v>
      </c>
      <c r="I357" s="6">
        <v>3</v>
      </c>
      <c r="J357" s="6">
        <v>3</v>
      </c>
      <c r="K357" s="6">
        <v>1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2</v>
      </c>
      <c r="E358" s="9" t="s">
        <v>228</v>
      </c>
      <c r="F358" s="9" t="s">
        <v>235</v>
      </c>
      <c r="G358" s="9" t="s">
        <v>280</v>
      </c>
      <c r="H358" s="6">
        <v>3212</v>
      </c>
      <c r="I358" s="6">
        <v>519</v>
      </c>
      <c r="J358" s="6">
        <v>429</v>
      </c>
      <c r="K358" s="6">
        <v>2689</v>
      </c>
      <c r="L358" s="6">
        <v>4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2</v>
      </c>
      <c r="E359" s="9" t="s">
        <v>228</v>
      </c>
      <c r="F359" s="9" t="s">
        <v>281</v>
      </c>
      <c r="G359" s="9" t="s">
        <v>6</v>
      </c>
      <c r="H359" s="6">
        <v>2696</v>
      </c>
      <c r="I359" s="6">
        <v>419</v>
      </c>
      <c r="J359" s="6">
        <v>347</v>
      </c>
      <c r="K359" s="6">
        <v>2274</v>
      </c>
      <c r="L359" s="6">
        <v>3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2</v>
      </c>
      <c r="E360" s="9" t="s">
        <v>228</v>
      </c>
      <c r="F360" s="9" t="s">
        <v>281</v>
      </c>
      <c r="G360" s="9" t="s">
        <v>272</v>
      </c>
      <c r="H360" s="10" t="s">
        <v>55</v>
      </c>
      <c r="I360" s="10" t="s">
        <v>55</v>
      </c>
      <c r="J360" s="10" t="s">
        <v>55</v>
      </c>
      <c r="K360" s="10" t="s">
        <v>55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2</v>
      </c>
      <c r="E361" s="9" t="s">
        <v>228</v>
      </c>
      <c r="F361" s="9" t="s">
        <v>281</v>
      </c>
      <c r="G361" s="9" t="s">
        <v>273</v>
      </c>
      <c r="H361" s="6">
        <v>2</v>
      </c>
      <c r="I361" s="6">
        <v>2</v>
      </c>
      <c r="J361" s="6">
        <v>1</v>
      </c>
      <c r="K361" s="10" t="s">
        <v>55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2</v>
      </c>
      <c r="E362" s="9" t="s">
        <v>228</v>
      </c>
      <c r="F362" s="9" t="s">
        <v>281</v>
      </c>
      <c r="G362" s="9" t="s">
        <v>274</v>
      </c>
      <c r="H362" s="6">
        <v>2</v>
      </c>
      <c r="I362" s="6">
        <v>1</v>
      </c>
      <c r="J362" s="6">
        <v>1</v>
      </c>
      <c r="K362" s="6">
        <v>1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2</v>
      </c>
      <c r="E363" s="9" t="s">
        <v>228</v>
      </c>
      <c r="F363" s="9" t="s">
        <v>281</v>
      </c>
      <c r="G363" s="9" t="s">
        <v>275</v>
      </c>
      <c r="H363" s="6">
        <v>2</v>
      </c>
      <c r="I363" s="6">
        <v>2</v>
      </c>
      <c r="J363" s="6">
        <v>2</v>
      </c>
      <c r="K363" s="10" t="s">
        <v>55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2</v>
      </c>
      <c r="E364" s="9" t="s">
        <v>228</v>
      </c>
      <c r="F364" s="9" t="s">
        <v>281</v>
      </c>
      <c r="G364" s="9" t="s">
        <v>276</v>
      </c>
      <c r="H364" s="10" t="s">
        <v>55</v>
      </c>
      <c r="I364" s="10" t="s">
        <v>55</v>
      </c>
      <c r="J364" s="10" t="s">
        <v>55</v>
      </c>
      <c r="K364" s="10" t="s">
        <v>55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2</v>
      </c>
      <c r="E365" s="9" t="s">
        <v>228</v>
      </c>
      <c r="F365" s="9" t="s">
        <v>281</v>
      </c>
      <c r="G365" s="9" t="s">
        <v>277</v>
      </c>
      <c r="H365" s="10" t="s">
        <v>55</v>
      </c>
      <c r="I365" s="10" t="s">
        <v>55</v>
      </c>
      <c r="J365" s="10" t="s">
        <v>55</v>
      </c>
      <c r="K365" s="10" t="s">
        <v>55</v>
      </c>
      <c r="L365" s="10" t="s">
        <v>55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2</v>
      </c>
      <c r="E366" s="9" t="s">
        <v>228</v>
      </c>
      <c r="F366" s="9" t="s">
        <v>281</v>
      </c>
      <c r="G366" s="9" t="s">
        <v>278</v>
      </c>
      <c r="H366" s="6">
        <v>2</v>
      </c>
      <c r="I366" s="6">
        <v>2</v>
      </c>
      <c r="J366" s="6">
        <v>2</v>
      </c>
      <c r="K366" s="10" t="s">
        <v>55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2</v>
      </c>
      <c r="E367" s="9" t="s">
        <v>228</v>
      </c>
      <c r="F367" s="9" t="s">
        <v>281</v>
      </c>
      <c r="G367" s="9" t="s">
        <v>279</v>
      </c>
      <c r="H367" s="6">
        <v>1</v>
      </c>
      <c r="I367" s="6">
        <v>1</v>
      </c>
      <c r="J367" s="6">
        <v>1</v>
      </c>
      <c r="K367" s="10" t="s">
        <v>55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2</v>
      </c>
      <c r="E368" s="9" t="s">
        <v>228</v>
      </c>
      <c r="F368" s="9" t="s">
        <v>281</v>
      </c>
      <c r="G368" s="9" t="s">
        <v>280</v>
      </c>
      <c r="H368" s="6">
        <v>2687</v>
      </c>
      <c r="I368" s="6">
        <v>411</v>
      </c>
      <c r="J368" s="6">
        <v>340</v>
      </c>
      <c r="K368" s="6">
        <v>2273</v>
      </c>
      <c r="L368" s="6">
        <v>3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2</v>
      </c>
      <c r="E369" s="9" t="s">
        <v>228</v>
      </c>
      <c r="F369" s="9" t="s">
        <v>282</v>
      </c>
      <c r="G369" s="9" t="s">
        <v>6</v>
      </c>
      <c r="H369" s="6">
        <v>497</v>
      </c>
      <c r="I369" s="6">
        <v>103</v>
      </c>
      <c r="J369" s="6">
        <v>84</v>
      </c>
      <c r="K369" s="6">
        <v>393</v>
      </c>
      <c r="L369" s="6">
        <v>1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2</v>
      </c>
      <c r="E370" s="9" t="s">
        <v>228</v>
      </c>
      <c r="F370" s="9" t="s">
        <v>282</v>
      </c>
      <c r="G370" s="9" t="s">
        <v>272</v>
      </c>
      <c r="H370" s="10" t="s">
        <v>55</v>
      </c>
      <c r="I370" s="10" t="s">
        <v>55</v>
      </c>
      <c r="J370" s="10" t="s">
        <v>55</v>
      </c>
      <c r="K370" s="10" t="s">
        <v>55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2</v>
      </c>
      <c r="E371" s="9" t="s">
        <v>228</v>
      </c>
      <c r="F371" s="9" t="s">
        <v>282</v>
      </c>
      <c r="G371" s="9" t="s">
        <v>273</v>
      </c>
      <c r="H371" s="6">
        <v>1</v>
      </c>
      <c r="I371" s="10" t="s">
        <v>55</v>
      </c>
      <c r="J371" s="10" t="s">
        <v>55</v>
      </c>
      <c r="K371" s="6">
        <v>1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2</v>
      </c>
      <c r="E372" s="9" t="s">
        <v>228</v>
      </c>
      <c r="F372" s="9" t="s">
        <v>282</v>
      </c>
      <c r="G372" s="9" t="s">
        <v>274</v>
      </c>
      <c r="H372" s="6">
        <v>2</v>
      </c>
      <c r="I372" s="6">
        <v>1</v>
      </c>
      <c r="J372" s="6">
        <v>1</v>
      </c>
      <c r="K372" s="6">
        <v>1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2</v>
      </c>
      <c r="E373" s="9" t="s">
        <v>228</v>
      </c>
      <c r="F373" s="9" t="s">
        <v>282</v>
      </c>
      <c r="G373" s="9" t="s">
        <v>275</v>
      </c>
      <c r="H373" s="6">
        <v>1</v>
      </c>
      <c r="I373" s="10" t="s">
        <v>55</v>
      </c>
      <c r="J373" s="10" t="s">
        <v>55</v>
      </c>
      <c r="K373" s="6">
        <v>1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2</v>
      </c>
      <c r="E374" s="9" t="s">
        <v>228</v>
      </c>
      <c r="F374" s="9" t="s">
        <v>282</v>
      </c>
      <c r="G374" s="9" t="s">
        <v>276</v>
      </c>
      <c r="H374" s="10" t="s">
        <v>55</v>
      </c>
      <c r="I374" s="10" t="s">
        <v>55</v>
      </c>
      <c r="J374" s="10" t="s">
        <v>55</v>
      </c>
      <c r="K374" s="10" t="s">
        <v>55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2</v>
      </c>
      <c r="E375" s="9" t="s">
        <v>228</v>
      </c>
      <c r="F375" s="9" t="s">
        <v>282</v>
      </c>
      <c r="G375" s="9" t="s">
        <v>277</v>
      </c>
      <c r="H375" s="6">
        <v>1</v>
      </c>
      <c r="I375" s="6">
        <v>1</v>
      </c>
      <c r="J375" s="6">
        <v>1</v>
      </c>
      <c r="K375" s="10" t="s">
        <v>55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2</v>
      </c>
      <c r="E376" s="9" t="s">
        <v>228</v>
      </c>
      <c r="F376" s="9" t="s">
        <v>282</v>
      </c>
      <c r="G376" s="9" t="s">
        <v>278</v>
      </c>
      <c r="H376" s="6">
        <v>3</v>
      </c>
      <c r="I376" s="6">
        <v>1</v>
      </c>
      <c r="J376" s="6">
        <v>1</v>
      </c>
      <c r="K376" s="6">
        <v>2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2</v>
      </c>
      <c r="E377" s="9" t="s">
        <v>228</v>
      </c>
      <c r="F377" s="9" t="s">
        <v>282</v>
      </c>
      <c r="G377" s="9" t="s">
        <v>279</v>
      </c>
      <c r="H377" s="6">
        <v>3</v>
      </c>
      <c r="I377" s="6">
        <v>2</v>
      </c>
      <c r="J377" s="6">
        <v>2</v>
      </c>
      <c r="K377" s="6">
        <v>1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2</v>
      </c>
      <c r="E378" s="9" t="s">
        <v>228</v>
      </c>
      <c r="F378" s="9" t="s">
        <v>282</v>
      </c>
      <c r="G378" s="9" t="s">
        <v>280</v>
      </c>
      <c r="H378" s="6">
        <v>486</v>
      </c>
      <c r="I378" s="6">
        <v>98</v>
      </c>
      <c r="J378" s="6">
        <v>79</v>
      </c>
      <c r="K378" s="6">
        <v>387</v>
      </c>
      <c r="L378" s="6">
        <v>1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2</v>
      </c>
      <c r="E379" s="9" t="s">
        <v>228</v>
      </c>
      <c r="F379" s="9" t="s">
        <v>283</v>
      </c>
      <c r="G379" s="9" t="s">
        <v>6</v>
      </c>
      <c r="H379" s="6">
        <v>43</v>
      </c>
      <c r="I379" s="6">
        <v>12</v>
      </c>
      <c r="J379" s="6">
        <v>12</v>
      </c>
      <c r="K379" s="6">
        <v>31</v>
      </c>
      <c r="L379" s="10" t="s">
        <v>55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2</v>
      </c>
      <c r="E380" s="9" t="s">
        <v>228</v>
      </c>
      <c r="F380" s="9" t="s">
        <v>283</v>
      </c>
      <c r="G380" s="9" t="s">
        <v>272</v>
      </c>
      <c r="H380" s="6">
        <v>1</v>
      </c>
      <c r="I380" s="10" t="s">
        <v>55</v>
      </c>
      <c r="J380" s="10" t="s">
        <v>55</v>
      </c>
      <c r="K380" s="6">
        <v>1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2</v>
      </c>
      <c r="E381" s="9" t="s">
        <v>228</v>
      </c>
      <c r="F381" s="9" t="s">
        <v>283</v>
      </c>
      <c r="G381" s="9" t="s">
        <v>273</v>
      </c>
      <c r="H381" s="6">
        <v>2</v>
      </c>
      <c r="I381" s="6">
        <v>1</v>
      </c>
      <c r="J381" s="6">
        <v>1</v>
      </c>
      <c r="K381" s="6">
        <v>1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2</v>
      </c>
      <c r="E382" s="9" t="s">
        <v>228</v>
      </c>
      <c r="F382" s="9" t="s">
        <v>283</v>
      </c>
      <c r="G382" s="9" t="s">
        <v>274</v>
      </c>
      <c r="H382" s="10" t="s">
        <v>55</v>
      </c>
      <c r="I382" s="10" t="s">
        <v>55</v>
      </c>
      <c r="J382" s="10" t="s">
        <v>55</v>
      </c>
      <c r="K382" s="10" t="s">
        <v>55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2</v>
      </c>
      <c r="E383" s="9" t="s">
        <v>228</v>
      </c>
      <c r="F383" s="9" t="s">
        <v>283</v>
      </c>
      <c r="G383" s="9" t="s">
        <v>275</v>
      </c>
      <c r="H383" s="6">
        <v>1</v>
      </c>
      <c r="I383" s="6">
        <v>1</v>
      </c>
      <c r="J383" s="6">
        <v>1</v>
      </c>
      <c r="K383" s="10" t="s">
        <v>55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2</v>
      </c>
      <c r="E384" s="9" t="s">
        <v>228</v>
      </c>
      <c r="F384" s="9" t="s">
        <v>283</v>
      </c>
      <c r="G384" s="9" t="s">
        <v>276</v>
      </c>
      <c r="H384" s="10" t="s">
        <v>55</v>
      </c>
      <c r="I384" s="10" t="s">
        <v>55</v>
      </c>
      <c r="J384" s="10" t="s">
        <v>55</v>
      </c>
      <c r="K384" s="10" t="s">
        <v>55</v>
      </c>
      <c r="L384" s="10" t="s">
        <v>55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2</v>
      </c>
      <c r="E385" s="9" t="s">
        <v>228</v>
      </c>
      <c r="F385" s="9" t="s">
        <v>283</v>
      </c>
      <c r="G385" s="9" t="s">
        <v>277</v>
      </c>
      <c r="H385" s="10" t="s">
        <v>55</v>
      </c>
      <c r="I385" s="10" t="s">
        <v>55</v>
      </c>
      <c r="J385" s="10" t="s">
        <v>55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2</v>
      </c>
      <c r="E386" s="9" t="s">
        <v>228</v>
      </c>
      <c r="F386" s="9" t="s">
        <v>283</v>
      </c>
      <c r="G386" s="9" t="s">
        <v>278</v>
      </c>
      <c r="H386" s="10" t="s">
        <v>55</v>
      </c>
      <c r="I386" s="10" t="s">
        <v>55</v>
      </c>
      <c r="J386" s="10" t="s">
        <v>55</v>
      </c>
      <c r="K386" s="10" t="s">
        <v>55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2</v>
      </c>
      <c r="E387" s="9" t="s">
        <v>228</v>
      </c>
      <c r="F387" s="9" t="s">
        <v>283</v>
      </c>
      <c r="G387" s="9" t="s">
        <v>279</v>
      </c>
      <c r="H387" s="10" t="s">
        <v>55</v>
      </c>
      <c r="I387" s="10" t="s">
        <v>55</v>
      </c>
      <c r="J387" s="10" t="s">
        <v>55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2</v>
      </c>
      <c r="E388" s="9" t="s">
        <v>228</v>
      </c>
      <c r="F388" s="9" t="s">
        <v>283</v>
      </c>
      <c r="G388" s="9" t="s">
        <v>280</v>
      </c>
      <c r="H388" s="6">
        <v>39</v>
      </c>
      <c r="I388" s="6">
        <v>10</v>
      </c>
      <c r="J388" s="6">
        <v>10</v>
      </c>
      <c r="K388" s="6">
        <v>29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2</v>
      </c>
      <c r="E389" s="9" t="s">
        <v>18</v>
      </c>
      <c r="F389" s="9" t="s">
        <v>6</v>
      </c>
      <c r="G389" s="9" t="s">
        <v>6</v>
      </c>
      <c r="H389" s="6">
        <v>367</v>
      </c>
      <c r="I389" s="6">
        <v>12</v>
      </c>
      <c r="J389" s="6">
        <v>7</v>
      </c>
      <c r="K389" s="6">
        <v>9</v>
      </c>
      <c r="L389" s="6">
        <v>346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2</v>
      </c>
      <c r="E390" s="9" t="s">
        <v>18</v>
      </c>
      <c r="F390" s="9" t="s">
        <v>234</v>
      </c>
      <c r="G390" s="9" t="s">
        <v>6</v>
      </c>
      <c r="H390" s="6">
        <v>125</v>
      </c>
      <c r="I390" s="6">
        <v>4</v>
      </c>
      <c r="J390" s="6">
        <v>2</v>
      </c>
      <c r="K390" s="6">
        <v>3</v>
      </c>
      <c r="L390" s="6">
        <v>118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2</v>
      </c>
      <c r="E391" s="9" t="s">
        <v>18</v>
      </c>
      <c r="F391" s="9" t="s">
        <v>235</v>
      </c>
      <c r="G391" s="9" t="s">
        <v>6</v>
      </c>
      <c r="H391" s="6">
        <v>242</v>
      </c>
      <c r="I391" s="6">
        <v>8</v>
      </c>
      <c r="J391" s="6">
        <v>5</v>
      </c>
      <c r="K391" s="6">
        <v>6</v>
      </c>
      <c r="L391" s="6">
        <v>228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2</v>
      </c>
      <c r="E392" s="9" t="s">
        <v>18</v>
      </c>
      <c r="F392" s="9" t="s">
        <v>235</v>
      </c>
      <c r="G392" s="9" t="s">
        <v>272</v>
      </c>
      <c r="H392" s="6">
        <v>5</v>
      </c>
      <c r="I392" s="10" t="s">
        <v>55</v>
      </c>
      <c r="J392" s="10" t="s">
        <v>55</v>
      </c>
      <c r="K392" s="10" t="s">
        <v>55</v>
      </c>
      <c r="L392" s="6">
        <v>5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2</v>
      </c>
      <c r="E393" s="9" t="s">
        <v>18</v>
      </c>
      <c r="F393" s="9" t="s">
        <v>235</v>
      </c>
      <c r="G393" s="9" t="s">
        <v>273</v>
      </c>
      <c r="H393" s="6">
        <v>12</v>
      </c>
      <c r="I393" s="10" t="s">
        <v>55</v>
      </c>
      <c r="J393" s="10" t="s">
        <v>55</v>
      </c>
      <c r="K393" s="10" t="s">
        <v>55</v>
      </c>
      <c r="L393" s="6">
        <v>12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2</v>
      </c>
      <c r="E394" s="9" t="s">
        <v>18</v>
      </c>
      <c r="F394" s="9" t="s">
        <v>235</v>
      </c>
      <c r="G394" s="9" t="s">
        <v>274</v>
      </c>
      <c r="H394" s="6">
        <v>9</v>
      </c>
      <c r="I394" s="10" t="s">
        <v>55</v>
      </c>
      <c r="J394" s="10" t="s">
        <v>55</v>
      </c>
      <c r="K394" s="10" t="s">
        <v>55</v>
      </c>
      <c r="L394" s="6">
        <v>9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2</v>
      </c>
      <c r="E395" s="9" t="s">
        <v>18</v>
      </c>
      <c r="F395" s="9" t="s">
        <v>235</v>
      </c>
      <c r="G395" s="9" t="s">
        <v>275</v>
      </c>
      <c r="H395" s="6">
        <v>6</v>
      </c>
      <c r="I395" s="10" t="s">
        <v>55</v>
      </c>
      <c r="J395" s="10" t="s">
        <v>55</v>
      </c>
      <c r="K395" s="10" t="s">
        <v>55</v>
      </c>
      <c r="L395" s="6">
        <v>6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2</v>
      </c>
      <c r="E396" s="9" t="s">
        <v>18</v>
      </c>
      <c r="F396" s="9" t="s">
        <v>235</v>
      </c>
      <c r="G396" s="9" t="s">
        <v>276</v>
      </c>
      <c r="H396" s="6">
        <v>5</v>
      </c>
      <c r="I396" s="10" t="s">
        <v>55</v>
      </c>
      <c r="J396" s="10" t="s">
        <v>55</v>
      </c>
      <c r="K396" s="10" t="s">
        <v>55</v>
      </c>
      <c r="L396" s="6">
        <v>5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2</v>
      </c>
      <c r="E397" s="9" t="s">
        <v>18</v>
      </c>
      <c r="F397" s="9" t="s">
        <v>235</v>
      </c>
      <c r="G397" s="9" t="s">
        <v>277</v>
      </c>
      <c r="H397" s="6">
        <v>7</v>
      </c>
      <c r="I397" s="10" t="s">
        <v>55</v>
      </c>
      <c r="J397" s="10" t="s">
        <v>55</v>
      </c>
      <c r="K397" s="10" t="s">
        <v>55</v>
      </c>
      <c r="L397" s="6">
        <v>7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2</v>
      </c>
      <c r="E398" s="9" t="s">
        <v>18</v>
      </c>
      <c r="F398" s="9" t="s">
        <v>235</v>
      </c>
      <c r="G398" s="9" t="s">
        <v>278</v>
      </c>
      <c r="H398" s="6">
        <v>10</v>
      </c>
      <c r="I398" s="10" t="s">
        <v>55</v>
      </c>
      <c r="J398" s="10" t="s">
        <v>55</v>
      </c>
      <c r="K398" s="10" t="s">
        <v>55</v>
      </c>
      <c r="L398" s="6">
        <v>10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2</v>
      </c>
      <c r="E399" s="9" t="s">
        <v>18</v>
      </c>
      <c r="F399" s="9" t="s">
        <v>235</v>
      </c>
      <c r="G399" s="9" t="s">
        <v>279</v>
      </c>
      <c r="H399" s="6">
        <v>11</v>
      </c>
      <c r="I399" s="10" t="s">
        <v>55</v>
      </c>
      <c r="J399" s="10" t="s">
        <v>55</v>
      </c>
      <c r="K399" s="10" t="s">
        <v>55</v>
      </c>
      <c r="L399" s="6">
        <v>11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2</v>
      </c>
      <c r="E400" s="9" t="s">
        <v>18</v>
      </c>
      <c r="F400" s="9" t="s">
        <v>235</v>
      </c>
      <c r="G400" s="9" t="s">
        <v>280</v>
      </c>
      <c r="H400" s="6">
        <v>177</v>
      </c>
      <c r="I400" s="6">
        <v>8</v>
      </c>
      <c r="J400" s="6">
        <v>5</v>
      </c>
      <c r="K400" s="6">
        <v>6</v>
      </c>
      <c r="L400" s="6">
        <v>163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2</v>
      </c>
      <c r="E401" s="9" t="s">
        <v>18</v>
      </c>
      <c r="F401" s="9" t="s">
        <v>281</v>
      </c>
      <c r="G401" s="9" t="s">
        <v>6</v>
      </c>
      <c r="H401" s="6">
        <v>159</v>
      </c>
      <c r="I401" s="6">
        <v>6</v>
      </c>
      <c r="J401" s="6">
        <v>5</v>
      </c>
      <c r="K401" s="6">
        <v>4</v>
      </c>
      <c r="L401" s="6">
        <v>149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2</v>
      </c>
      <c r="E402" s="9" t="s">
        <v>18</v>
      </c>
      <c r="F402" s="9" t="s">
        <v>281</v>
      </c>
      <c r="G402" s="9" t="s">
        <v>272</v>
      </c>
      <c r="H402" s="6">
        <v>1</v>
      </c>
      <c r="I402" s="10" t="s">
        <v>55</v>
      </c>
      <c r="J402" s="10" t="s">
        <v>55</v>
      </c>
      <c r="K402" s="10" t="s">
        <v>55</v>
      </c>
      <c r="L402" s="6">
        <v>1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2</v>
      </c>
      <c r="E403" s="9" t="s">
        <v>18</v>
      </c>
      <c r="F403" s="9" t="s">
        <v>281</v>
      </c>
      <c r="G403" s="9" t="s">
        <v>273</v>
      </c>
      <c r="H403" s="6">
        <v>6</v>
      </c>
      <c r="I403" s="10" t="s">
        <v>55</v>
      </c>
      <c r="J403" s="10" t="s">
        <v>55</v>
      </c>
      <c r="K403" s="10" t="s">
        <v>55</v>
      </c>
      <c r="L403" s="6">
        <v>6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2</v>
      </c>
      <c r="E404" s="9" t="s">
        <v>18</v>
      </c>
      <c r="F404" s="9" t="s">
        <v>281</v>
      </c>
      <c r="G404" s="9" t="s">
        <v>274</v>
      </c>
      <c r="H404" s="6">
        <v>4</v>
      </c>
      <c r="I404" s="10" t="s">
        <v>55</v>
      </c>
      <c r="J404" s="10" t="s">
        <v>55</v>
      </c>
      <c r="K404" s="10" t="s">
        <v>55</v>
      </c>
      <c r="L404" s="6">
        <v>4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2</v>
      </c>
      <c r="E405" s="9" t="s">
        <v>18</v>
      </c>
      <c r="F405" s="9" t="s">
        <v>281</v>
      </c>
      <c r="G405" s="9" t="s">
        <v>275</v>
      </c>
      <c r="H405" s="6">
        <v>2</v>
      </c>
      <c r="I405" s="10" t="s">
        <v>55</v>
      </c>
      <c r="J405" s="10" t="s">
        <v>55</v>
      </c>
      <c r="K405" s="10" t="s">
        <v>55</v>
      </c>
      <c r="L405" s="6">
        <v>2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2</v>
      </c>
      <c r="E406" s="9" t="s">
        <v>18</v>
      </c>
      <c r="F406" s="9" t="s">
        <v>281</v>
      </c>
      <c r="G406" s="9" t="s">
        <v>276</v>
      </c>
      <c r="H406" s="6">
        <v>1</v>
      </c>
      <c r="I406" s="10" t="s">
        <v>55</v>
      </c>
      <c r="J406" s="10" t="s">
        <v>55</v>
      </c>
      <c r="K406" s="10" t="s">
        <v>55</v>
      </c>
      <c r="L406" s="6">
        <v>1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2</v>
      </c>
      <c r="E407" s="9" t="s">
        <v>18</v>
      </c>
      <c r="F407" s="9" t="s">
        <v>281</v>
      </c>
      <c r="G407" s="9" t="s">
        <v>277</v>
      </c>
      <c r="H407" s="10" t="s">
        <v>55</v>
      </c>
      <c r="I407" s="10" t="s">
        <v>55</v>
      </c>
      <c r="J407" s="10" t="s">
        <v>55</v>
      </c>
      <c r="K407" s="10" t="s">
        <v>55</v>
      </c>
      <c r="L407" s="10" t="s">
        <v>55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2</v>
      </c>
      <c r="E408" s="9" t="s">
        <v>18</v>
      </c>
      <c r="F408" s="9" t="s">
        <v>281</v>
      </c>
      <c r="G408" s="9" t="s">
        <v>278</v>
      </c>
      <c r="H408" s="6">
        <v>5</v>
      </c>
      <c r="I408" s="10" t="s">
        <v>55</v>
      </c>
      <c r="J408" s="10" t="s">
        <v>55</v>
      </c>
      <c r="K408" s="10" t="s">
        <v>55</v>
      </c>
      <c r="L408" s="6">
        <v>5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2</v>
      </c>
      <c r="E409" s="9" t="s">
        <v>18</v>
      </c>
      <c r="F409" s="9" t="s">
        <v>281</v>
      </c>
      <c r="G409" s="9" t="s">
        <v>279</v>
      </c>
      <c r="H409" s="6">
        <v>4</v>
      </c>
      <c r="I409" s="10" t="s">
        <v>55</v>
      </c>
      <c r="J409" s="10" t="s">
        <v>55</v>
      </c>
      <c r="K409" s="10" t="s">
        <v>55</v>
      </c>
      <c r="L409" s="6">
        <v>4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2</v>
      </c>
      <c r="E410" s="9" t="s">
        <v>18</v>
      </c>
      <c r="F410" s="9" t="s">
        <v>281</v>
      </c>
      <c r="G410" s="9" t="s">
        <v>280</v>
      </c>
      <c r="H410" s="6">
        <v>136</v>
      </c>
      <c r="I410" s="6">
        <v>6</v>
      </c>
      <c r="J410" s="6">
        <v>5</v>
      </c>
      <c r="K410" s="6">
        <v>4</v>
      </c>
      <c r="L410" s="6">
        <v>126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2</v>
      </c>
      <c r="E411" s="9" t="s">
        <v>18</v>
      </c>
      <c r="F411" s="9" t="s">
        <v>282</v>
      </c>
      <c r="G411" s="9" t="s">
        <v>6</v>
      </c>
      <c r="H411" s="6">
        <v>56</v>
      </c>
      <c r="I411" s="6">
        <v>2</v>
      </c>
      <c r="J411" s="10" t="s">
        <v>55</v>
      </c>
      <c r="K411" s="6">
        <v>2</v>
      </c>
      <c r="L411" s="6">
        <v>52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2</v>
      </c>
      <c r="E412" s="9" t="s">
        <v>18</v>
      </c>
      <c r="F412" s="9" t="s">
        <v>282</v>
      </c>
      <c r="G412" s="9" t="s">
        <v>272</v>
      </c>
      <c r="H412" s="6">
        <v>2</v>
      </c>
      <c r="I412" s="10" t="s">
        <v>55</v>
      </c>
      <c r="J412" s="10" t="s">
        <v>55</v>
      </c>
      <c r="K412" s="10" t="s">
        <v>55</v>
      </c>
      <c r="L412" s="6">
        <v>2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2</v>
      </c>
      <c r="E413" s="9" t="s">
        <v>18</v>
      </c>
      <c r="F413" s="9" t="s">
        <v>282</v>
      </c>
      <c r="G413" s="9" t="s">
        <v>273</v>
      </c>
      <c r="H413" s="6">
        <v>2</v>
      </c>
      <c r="I413" s="10" t="s">
        <v>55</v>
      </c>
      <c r="J413" s="10" t="s">
        <v>55</v>
      </c>
      <c r="K413" s="10" t="s">
        <v>55</v>
      </c>
      <c r="L413" s="6">
        <v>2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2</v>
      </c>
      <c r="E414" s="9" t="s">
        <v>18</v>
      </c>
      <c r="F414" s="9" t="s">
        <v>282</v>
      </c>
      <c r="G414" s="9" t="s">
        <v>274</v>
      </c>
      <c r="H414" s="6">
        <v>3</v>
      </c>
      <c r="I414" s="10" t="s">
        <v>55</v>
      </c>
      <c r="J414" s="10" t="s">
        <v>55</v>
      </c>
      <c r="K414" s="10" t="s">
        <v>55</v>
      </c>
      <c r="L414" s="6">
        <v>3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2</v>
      </c>
      <c r="E415" s="9" t="s">
        <v>18</v>
      </c>
      <c r="F415" s="9" t="s">
        <v>282</v>
      </c>
      <c r="G415" s="9" t="s">
        <v>275</v>
      </c>
      <c r="H415" s="6">
        <v>1</v>
      </c>
      <c r="I415" s="10" t="s">
        <v>55</v>
      </c>
      <c r="J415" s="10" t="s">
        <v>55</v>
      </c>
      <c r="K415" s="10" t="s">
        <v>55</v>
      </c>
      <c r="L415" s="6">
        <v>1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2</v>
      </c>
      <c r="E416" s="9" t="s">
        <v>18</v>
      </c>
      <c r="F416" s="9" t="s">
        <v>282</v>
      </c>
      <c r="G416" s="9" t="s">
        <v>276</v>
      </c>
      <c r="H416" s="10" t="s">
        <v>55</v>
      </c>
      <c r="I416" s="10" t="s">
        <v>55</v>
      </c>
      <c r="J416" s="10" t="s">
        <v>55</v>
      </c>
      <c r="K416" s="10" t="s">
        <v>55</v>
      </c>
      <c r="L416" s="10" t="s">
        <v>55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2</v>
      </c>
      <c r="E417" s="9" t="s">
        <v>18</v>
      </c>
      <c r="F417" s="9" t="s">
        <v>282</v>
      </c>
      <c r="G417" s="9" t="s">
        <v>277</v>
      </c>
      <c r="H417" s="6">
        <v>5</v>
      </c>
      <c r="I417" s="10" t="s">
        <v>55</v>
      </c>
      <c r="J417" s="10" t="s">
        <v>55</v>
      </c>
      <c r="K417" s="10" t="s">
        <v>55</v>
      </c>
      <c r="L417" s="6">
        <v>5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2</v>
      </c>
      <c r="E418" s="9" t="s">
        <v>18</v>
      </c>
      <c r="F418" s="9" t="s">
        <v>282</v>
      </c>
      <c r="G418" s="9" t="s">
        <v>278</v>
      </c>
      <c r="H418" s="6">
        <v>3</v>
      </c>
      <c r="I418" s="10" t="s">
        <v>55</v>
      </c>
      <c r="J418" s="10" t="s">
        <v>55</v>
      </c>
      <c r="K418" s="10" t="s">
        <v>55</v>
      </c>
      <c r="L418" s="6">
        <v>3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2</v>
      </c>
      <c r="E419" s="9" t="s">
        <v>18</v>
      </c>
      <c r="F419" s="9" t="s">
        <v>282</v>
      </c>
      <c r="G419" s="9" t="s">
        <v>279</v>
      </c>
      <c r="H419" s="6">
        <v>5</v>
      </c>
      <c r="I419" s="10" t="s">
        <v>55</v>
      </c>
      <c r="J419" s="10" t="s">
        <v>55</v>
      </c>
      <c r="K419" s="10" t="s">
        <v>55</v>
      </c>
      <c r="L419" s="6">
        <v>5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2</v>
      </c>
      <c r="E420" s="9" t="s">
        <v>18</v>
      </c>
      <c r="F420" s="9" t="s">
        <v>282</v>
      </c>
      <c r="G420" s="9" t="s">
        <v>280</v>
      </c>
      <c r="H420" s="6">
        <v>35</v>
      </c>
      <c r="I420" s="6">
        <v>2</v>
      </c>
      <c r="J420" s="10" t="s">
        <v>55</v>
      </c>
      <c r="K420" s="6">
        <v>2</v>
      </c>
      <c r="L420" s="6">
        <v>31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2</v>
      </c>
      <c r="E421" s="9" t="s">
        <v>18</v>
      </c>
      <c r="F421" s="9" t="s">
        <v>283</v>
      </c>
      <c r="G421" s="9" t="s">
        <v>6</v>
      </c>
      <c r="H421" s="6">
        <v>27</v>
      </c>
      <c r="I421" s="10" t="s">
        <v>55</v>
      </c>
      <c r="J421" s="10" t="s">
        <v>55</v>
      </c>
      <c r="K421" s="10" t="s">
        <v>55</v>
      </c>
      <c r="L421" s="6">
        <v>27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2</v>
      </c>
      <c r="E422" s="9" t="s">
        <v>18</v>
      </c>
      <c r="F422" s="9" t="s">
        <v>283</v>
      </c>
      <c r="G422" s="9" t="s">
        <v>272</v>
      </c>
      <c r="H422" s="6">
        <v>2</v>
      </c>
      <c r="I422" s="10" t="s">
        <v>55</v>
      </c>
      <c r="J422" s="10" t="s">
        <v>55</v>
      </c>
      <c r="K422" s="10" t="s">
        <v>55</v>
      </c>
      <c r="L422" s="6">
        <v>2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2</v>
      </c>
      <c r="E423" s="9" t="s">
        <v>18</v>
      </c>
      <c r="F423" s="9" t="s">
        <v>283</v>
      </c>
      <c r="G423" s="9" t="s">
        <v>273</v>
      </c>
      <c r="H423" s="6">
        <v>4</v>
      </c>
      <c r="I423" s="10" t="s">
        <v>55</v>
      </c>
      <c r="J423" s="10" t="s">
        <v>55</v>
      </c>
      <c r="K423" s="10" t="s">
        <v>55</v>
      </c>
      <c r="L423" s="6">
        <v>4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2</v>
      </c>
      <c r="E424" s="9" t="s">
        <v>18</v>
      </c>
      <c r="F424" s="9" t="s">
        <v>283</v>
      </c>
      <c r="G424" s="9" t="s">
        <v>274</v>
      </c>
      <c r="H424" s="6">
        <v>2</v>
      </c>
      <c r="I424" s="10" t="s">
        <v>55</v>
      </c>
      <c r="J424" s="10" t="s">
        <v>55</v>
      </c>
      <c r="K424" s="10" t="s">
        <v>55</v>
      </c>
      <c r="L424" s="6">
        <v>2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2</v>
      </c>
      <c r="E425" s="9" t="s">
        <v>18</v>
      </c>
      <c r="F425" s="9" t="s">
        <v>283</v>
      </c>
      <c r="G425" s="9" t="s">
        <v>275</v>
      </c>
      <c r="H425" s="6">
        <v>3</v>
      </c>
      <c r="I425" s="10" t="s">
        <v>55</v>
      </c>
      <c r="J425" s="10" t="s">
        <v>55</v>
      </c>
      <c r="K425" s="10" t="s">
        <v>55</v>
      </c>
      <c r="L425" s="6">
        <v>3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2</v>
      </c>
      <c r="E426" s="9" t="s">
        <v>18</v>
      </c>
      <c r="F426" s="9" t="s">
        <v>283</v>
      </c>
      <c r="G426" s="9" t="s">
        <v>276</v>
      </c>
      <c r="H426" s="6">
        <v>4</v>
      </c>
      <c r="I426" s="10" t="s">
        <v>55</v>
      </c>
      <c r="J426" s="10" t="s">
        <v>55</v>
      </c>
      <c r="K426" s="10" t="s">
        <v>55</v>
      </c>
      <c r="L426" s="6">
        <v>4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2</v>
      </c>
      <c r="E427" s="9" t="s">
        <v>18</v>
      </c>
      <c r="F427" s="9" t="s">
        <v>283</v>
      </c>
      <c r="G427" s="9" t="s">
        <v>277</v>
      </c>
      <c r="H427" s="6">
        <v>2</v>
      </c>
      <c r="I427" s="10" t="s">
        <v>55</v>
      </c>
      <c r="J427" s="10" t="s">
        <v>55</v>
      </c>
      <c r="K427" s="10" t="s">
        <v>55</v>
      </c>
      <c r="L427" s="6">
        <v>2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2</v>
      </c>
      <c r="E428" s="9" t="s">
        <v>18</v>
      </c>
      <c r="F428" s="9" t="s">
        <v>283</v>
      </c>
      <c r="G428" s="9" t="s">
        <v>278</v>
      </c>
      <c r="H428" s="6">
        <v>2</v>
      </c>
      <c r="I428" s="10" t="s">
        <v>55</v>
      </c>
      <c r="J428" s="10" t="s">
        <v>55</v>
      </c>
      <c r="K428" s="10" t="s">
        <v>55</v>
      </c>
      <c r="L428" s="6">
        <v>2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2</v>
      </c>
      <c r="E429" s="9" t="s">
        <v>18</v>
      </c>
      <c r="F429" s="9" t="s">
        <v>283</v>
      </c>
      <c r="G429" s="9" t="s">
        <v>279</v>
      </c>
      <c r="H429" s="6">
        <v>2</v>
      </c>
      <c r="I429" s="10" t="s">
        <v>55</v>
      </c>
      <c r="J429" s="10" t="s">
        <v>55</v>
      </c>
      <c r="K429" s="10" t="s">
        <v>55</v>
      </c>
      <c r="L429" s="6">
        <v>2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2</v>
      </c>
      <c r="E430" s="9" t="s">
        <v>18</v>
      </c>
      <c r="F430" s="9" t="s">
        <v>283</v>
      </c>
      <c r="G430" s="9" t="s">
        <v>280</v>
      </c>
      <c r="H430" s="6">
        <v>6</v>
      </c>
      <c r="I430" s="10" t="s">
        <v>55</v>
      </c>
      <c r="J430" s="10" t="s">
        <v>55</v>
      </c>
      <c r="K430" s="10" t="s">
        <v>55</v>
      </c>
      <c r="L430" s="6">
        <v>6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2</v>
      </c>
      <c r="E431" s="9" t="s">
        <v>6</v>
      </c>
      <c r="F431" s="9" t="s">
        <v>6</v>
      </c>
      <c r="G431" s="9" t="s">
        <v>6</v>
      </c>
      <c r="H431" s="6">
        <v>858</v>
      </c>
      <c r="I431" s="6">
        <v>366</v>
      </c>
      <c r="J431" s="6">
        <v>225</v>
      </c>
      <c r="K431" s="6">
        <v>461</v>
      </c>
      <c r="L431" s="6">
        <v>31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2</v>
      </c>
      <c r="E432" s="9" t="s">
        <v>6</v>
      </c>
      <c r="F432" s="9" t="s">
        <v>234</v>
      </c>
      <c r="G432" s="9" t="s">
        <v>6</v>
      </c>
      <c r="H432" s="6">
        <v>208</v>
      </c>
      <c r="I432" s="6">
        <v>86</v>
      </c>
      <c r="J432" s="6">
        <v>54</v>
      </c>
      <c r="K432" s="6">
        <v>112</v>
      </c>
      <c r="L432" s="6">
        <v>10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2</v>
      </c>
      <c r="E433" s="9" t="s">
        <v>6</v>
      </c>
      <c r="F433" s="9" t="s">
        <v>235</v>
      </c>
      <c r="G433" s="9" t="s">
        <v>6</v>
      </c>
      <c r="H433" s="6">
        <v>650</v>
      </c>
      <c r="I433" s="6">
        <v>280</v>
      </c>
      <c r="J433" s="6">
        <v>171</v>
      </c>
      <c r="K433" s="6">
        <v>349</v>
      </c>
      <c r="L433" s="6">
        <v>21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2</v>
      </c>
      <c r="E434" s="9" t="s">
        <v>6</v>
      </c>
      <c r="F434" s="9" t="s">
        <v>235</v>
      </c>
      <c r="G434" s="9" t="s">
        <v>272</v>
      </c>
      <c r="H434" s="6">
        <v>1</v>
      </c>
      <c r="I434" s="10" t="s">
        <v>55</v>
      </c>
      <c r="J434" s="10" t="s">
        <v>55</v>
      </c>
      <c r="K434" s="6">
        <v>1</v>
      </c>
      <c r="L434" s="10" t="s">
        <v>55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2</v>
      </c>
      <c r="E435" s="9" t="s">
        <v>6</v>
      </c>
      <c r="F435" s="9" t="s">
        <v>235</v>
      </c>
      <c r="G435" s="9" t="s">
        <v>273</v>
      </c>
      <c r="H435" s="6">
        <v>7</v>
      </c>
      <c r="I435" s="6">
        <v>3</v>
      </c>
      <c r="J435" s="6">
        <v>3</v>
      </c>
      <c r="K435" s="6">
        <v>1</v>
      </c>
      <c r="L435" s="6">
        <v>3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2</v>
      </c>
      <c r="E436" s="9" t="s">
        <v>6</v>
      </c>
      <c r="F436" s="9" t="s">
        <v>235</v>
      </c>
      <c r="G436" s="9" t="s">
        <v>274</v>
      </c>
      <c r="H436" s="6">
        <v>9</v>
      </c>
      <c r="I436" s="6">
        <v>8</v>
      </c>
      <c r="J436" s="6">
        <v>4</v>
      </c>
      <c r="K436" s="10" t="s">
        <v>55</v>
      </c>
      <c r="L436" s="6">
        <v>1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2</v>
      </c>
      <c r="E437" s="9" t="s">
        <v>6</v>
      </c>
      <c r="F437" s="9" t="s">
        <v>235</v>
      </c>
      <c r="G437" s="9" t="s">
        <v>275</v>
      </c>
      <c r="H437" s="6">
        <v>7</v>
      </c>
      <c r="I437" s="6">
        <v>6</v>
      </c>
      <c r="J437" s="6">
        <v>5</v>
      </c>
      <c r="K437" s="6">
        <v>1</v>
      </c>
      <c r="L437" s="10" t="s">
        <v>55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2</v>
      </c>
      <c r="E438" s="9" t="s">
        <v>6</v>
      </c>
      <c r="F438" s="9" t="s">
        <v>235</v>
      </c>
      <c r="G438" s="9" t="s">
        <v>276</v>
      </c>
      <c r="H438" s="6">
        <v>2</v>
      </c>
      <c r="I438" s="6">
        <v>1</v>
      </c>
      <c r="J438" s="10" t="s">
        <v>55</v>
      </c>
      <c r="K438" s="10" t="s">
        <v>55</v>
      </c>
      <c r="L438" s="6">
        <v>1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2</v>
      </c>
      <c r="E439" s="9" t="s">
        <v>6</v>
      </c>
      <c r="F439" s="9" t="s">
        <v>235</v>
      </c>
      <c r="G439" s="9" t="s">
        <v>277</v>
      </c>
      <c r="H439" s="6">
        <v>5</v>
      </c>
      <c r="I439" s="6">
        <v>5</v>
      </c>
      <c r="J439" s="6">
        <v>3</v>
      </c>
      <c r="K439" s="10" t="s">
        <v>55</v>
      </c>
      <c r="L439" s="10" t="s">
        <v>55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2</v>
      </c>
      <c r="E440" s="9" t="s">
        <v>6</v>
      </c>
      <c r="F440" s="9" t="s">
        <v>235</v>
      </c>
      <c r="G440" s="9" t="s">
        <v>278</v>
      </c>
      <c r="H440" s="6">
        <v>4</v>
      </c>
      <c r="I440" s="6">
        <v>3</v>
      </c>
      <c r="J440" s="6">
        <v>3</v>
      </c>
      <c r="K440" s="10" t="s">
        <v>55</v>
      </c>
      <c r="L440" s="6">
        <v>1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2</v>
      </c>
      <c r="E441" s="9" t="s">
        <v>6</v>
      </c>
      <c r="F441" s="9" t="s">
        <v>235</v>
      </c>
      <c r="G441" s="9" t="s">
        <v>279</v>
      </c>
      <c r="H441" s="6">
        <v>2</v>
      </c>
      <c r="I441" s="6">
        <v>2</v>
      </c>
      <c r="J441" s="6">
        <v>2</v>
      </c>
      <c r="K441" s="10" t="s">
        <v>55</v>
      </c>
      <c r="L441" s="10" t="s">
        <v>55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2</v>
      </c>
      <c r="E442" s="9" t="s">
        <v>6</v>
      </c>
      <c r="F442" s="9" t="s">
        <v>235</v>
      </c>
      <c r="G442" s="9" t="s">
        <v>280</v>
      </c>
      <c r="H442" s="6">
        <v>613</v>
      </c>
      <c r="I442" s="6">
        <v>252</v>
      </c>
      <c r="J442" s="6">
        <v>151</v>
      </c>
      <c r="K442" s="6">
        <v>346</v>
      </c>
      <c r="L442" s="6">
        <v>15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2</v>
      </c>
      <c r="E443" s="9" t="s">
        <v>6</v>
      </c>
      <c r="F443" s="9" t="s">
        <v>281</v>
      </c>
      <c r="G443" s="9" t="s">
        <v>6</v>
      </c>
      <c r="H443" s="6">
        <v>504</v>
      </c>
      <c r="I443" s="6">
        <v>206</v>
      </c>
      <c r="J443" s="6">
        <v>120</v>
      </c>
      <c r="K443" s="6">
        <v>284</v>
      </c>
      <c r="L443" s="6">
        <v>14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2</v>
      </c>
      <c r="E444" s="9" t="s">
        <v>6</v>
      </c>
      <c r="F444" s="9" t="s">
        <v>281</v>
      </c>
      <c r="G444" s="9" t="s">
        <v>272</v>
      </c>
      <c r="H444" s="10" t="s">
        <v>55</v>
      </c>
      <c r="I444" s="10" t="s">
        <v>55</v>
      </c>
      <c r="J444" s="10" t="s">
        <v>55</v>
      </c>
      <c r="K444" s="10" t="s">
        <v>55</v>
      </c>
      <c r="L444" s="10" t="s">
        <v>55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2</v>
      </c>
      <c r="E445" s="9" t="s">
        <v>6</v>
      </c>
      <c r="F445" s="9" t="s">
        <v>281</v>
      </c>
      <c r="G445" s="9" t="s">
        <v>273</v>
      </c>
      <c r="H445" s="6">
        <v>3</v>
      </c>
      <c r="I445" s="6">
        <v>1</v>
      </c>
      <c r="J445" s="6">
        <v>1</v>
      </c>
      <c r="K445" s="10" t="s">
        <v>55</v>
      </c>
      <c r="L445" s="6">
        <v>2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2</v>
      </c>
      <c r="E446" s="9" t="s">
        <v>6</v>
      </c>
      <c r="F446" s="9" t="s">
        <v>281</v>
      </c>
      <c r="G446" s="9" t="s">
        <v>274</v>
      </c>
      <c r="H446" s="6">
        <v>1</v>
      </c>
      <c r="I446" s="6">
        <v>1</v>
      </c>
      <c r="J446" s="6">
        <v>1</v>
      </c>
      <c r="K446" s="10" t="s">
        <v>55</v>
      </c>
      <c r="L446" s="10" t="s">
        <v>55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2</v>
      </c>
      <c r="E447" s="9" t="s">
        <v>6</v>
      </c>
      <c r="F447" s="9" t="s">
        <v>281</v>
      </c>
      <c r="G447" s="9" t="s">
        <v>275</v>
      </c>
      <c r="H447" s="6">
        <v>2</v>
      </c>
      <c r="I447" s="6">
        <v>1</v>
      </c>
      <c r="J447" s="10" t="s">
        <v>55</v>
      </c>
      <c r="K447" s="6">
        <v>1</v>
      </c>
      <c r="L447" s="10" t="s">
        <v>55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2</v>
      </c>
      <c r="E448" s="9" t="s">
        <v>6</v>
      </c>
      <c r="F448" s="9" t="s">
        <v>281</v>
      </c>
      <c r="G448" s="9" t="s">
        <v>276</v>
      </c>
      <c r="H448" s="10" t="s">
        <v>55</v>
      </c>
      <c r="I448" s="10" t="s">
        <v>55</v>
      </c>
      <c r="J448" s="10" t="s">
        <v>55</v>
      </c>
      <c r="K448" s="10" t="s">
        <v>55</v>
      </c>
      <c r="L448" s="10" t="s">
        <v>55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2</v>
      </c>
      <c r="E449" s="9" t="s">
        <v>6</v>
      </c>
      <c r="F449" s="9" t="s">
        <v>281</v>
      </c>
      <c r="G449" s="9" t="s">
        <v>277</v>
      </c>
      <c r="H449" s="6">
        <v>1</v>
      </c>
      <c r="I449" s="6">
        <v>1</v>
      </c>
      <c r="J449" s="10" t="s">
        <v>55</v>
      </c>
      <c r="K449" s="10" t="s">
        <v>55</v>
      </c>
      <c r="L449" s="10" t="s">
        <v>55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2</v>
      </c>
      <c r="E450" s="9" t="s">
        <v>6</v>
      </c>
      <c r="F450" s="9" t="s">
        <v>281</v>
      </c>
      <c r="G450" s="9" t="s">
        <v>278</v>
      </c>
      <c r="H450" s="6">
        <v>1</v>
      </c>
      <c r="I450" s="10" t="s">
        <v>55</v>
      </c>
      <c r="J450" s="10" t="s">
        <v>55</v>
      </c>
      <c r="K450" s="10" t="s">
        <v>55</v>
      </c>
      <c r="L450" s="6">
        <v>1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2</v>
      </c>
      <c r="E451" s="9" t="s">
        <v>6</v>
      </c>
      <c r="F451" s="9" t="s">
        <v>281</v>
      </c>
      <c r="G451" s="9" t="s">
        <v>279</v>
      </c>
      <c r="H451" s="10" t="s">
        <v>55</v>
      </c>
      <c r="I451" s="10" t="s">
        <v>55</v>
      </c>
      <c r="J451" s="10" t="s">
        <v>55</v>
      </c>
      <c r="K451" s="10" t="s">
        <v>55</v>
      </c>
      <c r="L451" s="10" t="s">
        <v>55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2</v>
      </c>
      <c r="E452" s="9" t="s">
        <v>6</v>
      </c>
      <c r="F452" s="9" t="s">
        <v>281</v>
      </c>
      <c r="G452" s="9" t="s">
        <v>280</v>
      </c>
      <c r="H452" s="6">
        <v>496</v>
      </c>
      <c r="I452" s="6">
        <v>202</v>
      </c>
      <c r="J452" s="6">
        <v>118</v>
      </c>
      <c r="K452" s="6">
        <v>283</v>
      </c>
      <c r="L452" s="6">
        <v>11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2</v>
      </c>
      <c r="E453" s="9" t="s">
        <v>6</v>
      </c>
      <c r="F453" s="9" t="s">
        <v>282</v>
      </c>
      <c r="G453" s="9" t="s">
        <v>6</v>
      </c>
      <c r="H453" s="6">
        <v>120</v>
      </c>
      <c r="I453" s="6">
        <v>61</v>
      </c>
      <c r="J453" s="6">
        <v>42</v>
      </c>
      <c r="K453" s="6">
        <v>56</v>
      </c>
      <c r="L453" s="6">
        <v>3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2</v>
      </c>
      <c r="E454" s="9" t="s">
        <v>6</v>
      </c>
      <c r="F454" s="9" t="s">
        <v>282</v>
      </c>
      <c r="G454" s="9" t="s">
        <v>272</v>
      </c>
      <c r="H454" s="10" t="s">
        <v>55</v>
      </c>
      <c r="I454" s="10" t="s">
        <v>55</v>
      </c>
      <c r="J454" s="10" t="s">
        <v>55</v>
      </c>
      <c r="K454" s="10" t="s">
        <v>55</v>
      </c>
      <c r="L454" s="10" t="s">
        <v>55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2</v>
      </c>
      <c r="E455" s="9" t="s">
        <v>6</v>
      </c>
      <c r="F455" s="9" t="s">
        <v>282</v>
      </c>
      <c r="G455" s="9" t="s">
        <v>273</v>
      </c>
      <c r="H455" s="10" t="s">
        <v>55</v>
      </c>
      <c r="I455" s="10" t="s">
        <v>55</v>
      </c>
      <c r="J455" s="10" t="s">
        <v>55</v>
      </c>
      <c r="K455" s="10" t="s">
        <v>55</v>
      </c>
      <c r="L455" s="10" t="s">
        <v>55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2</v>
      </c>
      <c r="E456" s="9" t="s">
        <v>6</v>
      </c>
      <c r="F456" s="9" t="s">
        <v>282</v>
      </c>
      <c r="G456" s="9" t="s">
        <v>274</v>
      </c>
      <c r="H456" s="6">
        <v>2</v>
      </c>
      <c r="I456" s="6">
        <v>2</v>
      </c>
      <c r="J456" s="6">
        <v>1</v>
      </c>
      <c r="K456" s="10" t="s">
        <v>55</v>
      </c>
      <c r="L456" s="10" t="s">
        <v>55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2</v>
      </c>
      <c r="E457" s="9" t="s">
        <v>6</v>
      </c>
      <c r="F457" s="9" t="s">
        <v>282</v>
      </c>
      <c r="G457" s="9" t="s">
        <v>275</v>
      </c>
      <c r="H457" s="6">
        <v>4</v>
      </c>
      <c r="I457" s="6">
        <v>4</v>
      </c>
      <c r="J457" s="6">
        <v>4</v>
      </c>
      <c r="K457" s="10" t="s">
        <v>55</v>
      </c>
      <c r="L457" s="10" t="s">
        <v>55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2</v>
      </c>
      <c r="E458" s="9" t="s">
        <v>6</v>
      </c>
      <c r="F458" s="9" t="s">
        <v>282</v>
      </c>
      <c r="G458" s="9" t="s">
        <v>276</v>
      </c>
      <c r="H458" s="6">
        <v>1</v>
      </c>
      <c r="I458" s="6">
        <v>1</v>
      </c>
      <c r="J458" s="10" t="s">
        <v>55</v>
      </c>
      <c r="K458" s="10" t="s">
        <v>55</v>
      </c>
      <c r="L458" s="10" t="s">
        <v>55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2</v>
      </c>
      <c r="E459" s="9" t="s">
        <v>6</v>
      </c>
      <c r="F459" s="9" t="s">
        <v>282</v>
      </c>
      <c r="G459" s="9" t="s">
        <v>277</v>
      </c>
      <c r="H459" s="6">
        <v>4</v>
      </c>
      <c r="I459" s="6">
        <v>4</v>
      </c>
      <c r="J459" s="6">
        <v>3</v>
      </c>
      <c r="K459" s="10" t="s">
        <v>55</v>
      </c>
      <c r="L459" s="10" t="s">
        <v>55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2</v>
      </c>
      <c r="E460" s="9" t="s">
        <v>6</v>
      </c>
      <c r="F460" s="9" t="s">
        <v>282</v>
      </c>
      <c r="G460" s="9" t="s">
        <v>278</v>
      </c>
      <c r="H460" s="6">
        <v>2</v>
      </c>
      <c r="I460" s="6">
        <v>2</v>
      </c>
      <c r="J460" s="6">
        <v>2</v>
      </c>
      <c r="K460" s="10" t="s">
        <v>55</v>
      </c>
      <c r="L460" s="10" t="s">
        <v>55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2</v>
      </c>
      <c r="E461" s="9" t="s">
        <v>6</v>
      </c>
      <c r="F461" s="9" t="s">
        <v>282</v>
      </c>
      <c r="G461" s="9" t="s">
        <v>279</v>
      </c>
      <c r="H461" s="6">
        <v>2</v>
      </c>
      <c r="I461" s="6">
        <v>2</v>
      </c>
      <c r="J461" s="6">
        <v>2</v>
      </c>
      <c r="K461" s="10" t="s">
        <v>55</v>
      </c>
      <c r="L461" s="10" t="s">
        <v>55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2</v>
      </c>
      <c r="E462" s="9" t="s">
        <v>6</v>
      </c>
      <c r="F462" s="9" t="s">
        <v>282</v>
      </c>
      <c r="G462" s="9" t="s">
        <v>280</v>
      </c>
      <c r="H462" s="6">
        <v>105</v>
      </c>
      <c r="I462" s="6">
        <v>46</v>
      </c>
      <c r="J462" s="6">
        <v>30</v>
      </c>
      <c r="K462" s="6">
        <v>56</v>
      </c>
      <c r="L462" s="6">
        <v>3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2</v>
      </c>
      <c r="E463" s="9" t="s">
        <v>6</v>
      </c>
      <c r="F463" s="9" t="s">
        <v>283</v>
      </c>
      <c r="G463" s="9" t="s">
        <v>6</v>
      </c>
      <c r="H463" s="6">
        <v>26</v>
      </c>
      <c r="I463" s="6">
        <v>13</v>
      </c>
      <c r="J463" s="6">
        <v>9</v>
      </c>
      <c r="K463" s="6">
        <v>9</v>
      </c>
      <c r="L463" s="6">
        <v>4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2</v>
      </c>
      <c r="E464" s="9" t="s">
        <v>6</v>
      </c>
      <c r="F464" s="9" t="s">
        <v>283</v>
      </c>
      <c r="G464" s="9" t="s">
        <v>272</v>
      </c>
      <c r="H464" s="6">
        <v>1</v>
      </c>
      <c r="I464" s="10" t="s">
        <v>55</v>
      </c>
      <c r="J464" s="10" t="s">
        <v>55</v>
      </c>
      <c r="K464" s="6">
        <v>1</v>
      </c>
      <c r="L464" s="10" t="s">
        <v>55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2</v>
      </c>
      <c r="E465" s="9" t="s">
        <v>6</v>
      </c>
      <c r="F465" s="9" t="s">
        <v>283</v>
      </c>
      <c r="G465" s="9" t="s">
        <v>273</v>
      </c>
      <c r="H465" s="6">
        <v>4</v>
      </c>
      <c r="I465" s="6">
        <v>2</v>
      </c>
      <c r="J465" s="6">
        <v>2</v>
      </c>
      <c r="K465" s="6">
        <v>1</v>
      </c>
      <c r="L465" s="6">
        <v>1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2</v>
      </c>
      <c r="E466" s="9" t="s">
        <v>6</v>
      </c>
      <c r="F466" s="9" t="s">
        <v>283</v>
      </c>
      <c r="G466" s="9" t="s">
        <v>274</v>
      </c>
      <c r="H466" s="6">
        <v>6</v>
      </c>
      <c r="I466" s="6">
        <v>5</v>
      </c>
      <c r="J466" s="6">
        <v>2</v>
      </c>
      <c r="K466" s="10" t="s">
        <v>55</v>
      </c>
      <c r="L466" s="6">
        <v>1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2</v>
      </c>
      <c r="E467" s="9" t="s">
        <v>6</v>
      </c>
      <c r="F467" s="9" t="s">
        <v>283</v>
      </c>
      <c r="G467" s="9" t="s">
        <v>275</v>
      </c>
      <c r="H467" s="6">
        <v>1</v>
      </c>
      <c r="I467" s="6">
        <v>1</v>
      </c>
      <c r="J467" s="6">
        <v>1</v>
      </c>
      <c r="K467" s="10" t="s">
        <v>55</v>
      </c>
      <c r="L467" s="10" t="s">
        <v>55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2</v>
      </c>
      <c r="E468" s="9" t="s">
        <v>6</v>
      </c>
      <c r="F468" s="9" t="s">
        <v>283</v>
      </c>
      <c r="G468" s="9" t="s">
        <v>276</v>
      </c>
      <c r="H468" s="6">
        <v>1</v>
      </c>
      <c r="I468" s="10" t="s">
        <v>55</v>
      </c>
      <c r="J468" s="10" t="s">
        <v>55</v>
      </c>
      <c r="K468" s="10" t="s">
        <v>55</v>
      </c>
      <c r="L468" s="6">
        <v>1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2</v>
      </c>
      <c r="E469" s="9" t="s">
        <v>6</v>
      </c>
      <c r="F469" s="9" t="s">
        <v>283</v>
      </c>
      <c r="G469" s="9" t="s">
        <v>277</v>
      </c>
      <c r="H469" s="10" t="s">
        <v>55</v>
      </c>
      <c r="I469" s="10" t="s">
        <v>55</v>
      </c>
      <c r="J469" s="10" t="s">
        <v>55</v>
      </c>
      <c r="K469" s="10" t="s">
        <v>55</v>
      </c>
      <c r="L469" s="10" t="s">
        <v>55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2</v>
      </c>
      <c r="E470" s="9" t="s">
        <v>6</v>
      </c>
      <c r="F470" s="9" t="s">
        <v>283</v>
      </c>
      <c r="G470" s="9" t="s">
        <v>278</v>
      </c>
      <c r="H470" s="6">
        <v>1</v>
      </c>
      <c r="I470" s="6">
        <v>1</v>
      </c>
      <c r="J470" s="6">
        <v>1</v>
      </c>
      <c r="K470" s="10" t="s">
        <v>55</v>
      </c>
      <c r="L470" s="10" t="s">
        <v>55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2</v>
      </c>
      <c r="E471" s="9" t="s">
        <v>6</v>
      </c>
      <c r="F471" s="9" t="s">
        <v>283</v>
      </c>
      <c r="G471" s="9" t="s">
        <v>279</v>
      </c>
      <c r="H471" s="10" t="s">
        <v>55</v>
      </c>
      <c r="I471" s="10" t="s">
        <v>55</v>
      </c>
      <c r="J471" s="10" t="s">
        <v>55</v>
      </c>
      <c r="K471" s="10" t="s">
        <v>55</v>
      </c>
      <c r="L471" s="10" t="s">
        <v>55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2</v>
      </c>
      <c r="E472" s="9" t="s">
        <v>6</v>
      </c>
      <c r="F472" s="9" t="s">
        <v>283</v>
      </c>
      <c r="G472" s="9" t="s">
        <v>280</v>
      </c>
      <c r="H472" s="6">
        <v>12</v>
      </c>
      <c r="I472" s="6">
        <v>4</v>
      </c>
      <c r="J472" s="6">
        <v>3</v>
      </c>
      <c r="K472" s="6">
        <v>7</v>
      </c>
      <c r="L472" s="6">
        <v>1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2</v>
      </c>
      <c r="E473" s="9" t="s">
        <v>226</v>
      </c>
      <c r="F473" s="9" t="s">
        <v>6</v>
      </c>
      <c r="G473" s="9" t="s">
        <v>6</v>
      </c>
      <c r="H473" s="6">
        <v>446</v>
      </c>
      <c r="I473" s="6">
        <v>297</v>
      </c>
      <c r="J473" s="6">
        <v>166</v>
      </c>
      <c r="K473" s="6">
        <v>148</v>
      </c>
      <c r="L473" s="6">
        <v>1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2</v>
      </c>
      <c r="E474" s="9" t="s">
        <v>226</v>
      </c>
      <c r="F474" s="9" t="s">
        <v>234</v>
      </c>
      <c r="G474" s="9" t="s">
        <v>6</v>
      </c>
      <c r="H474" s="6">
        <v>112</v>
      </c>
      <c r="I474" s="6">
        <v>71</v>
      </c>
      <c r="J474" s="6">
        <v>40</v>
      </c>
      <c r="K474" s="6">
        <v>41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2</v>
      </c>
      <c r="E475" s="9" t="s">
        <v>226</v>
      </c>
      <c r="F475" s="9" t="s">
        <v>235</v>
      </c>
      <c r="G475" s="9" t="s">
        <v>6</v>
      </c>
      <c r="H475" s="6">
        <v>334</v>
      </c>
      <c r="I475" s="6">
        <v>226</v>
      </c>
      <c r="J475" s="6">
        <v>126</v>
      </c>
      <c r="K475" s="6">
        <v>107</v>
      </c>
      <c r="L475" s="6">
        <v>1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2</v>
      </c>
      <c r="E476" s="9" t="s">
        <v>226</v>
      </c>
      <c r="F476" s="9" t="s">
        <v>235</v>
      </c>
      <c r="G476" s="9" t="s">
        <v>272</v>
      </c>
      <c r="H476" s="6">
        <v>1</v>
      </c>
      <c r="I476" s="10" t="s">
        <v>55</v>
      </c>
      <c r="J476" s="10" t="s">
        <v>55</v>
      </c>
      <c r="K476" s="6">
        <v>1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2</v>
      </c>
      <c r="E477" s="9" t="s">
        <v>226</v>
      </c>
      <c r="F477" s="9" t="s">
        <v>235</v>
      </c>
      <c r="G477" s="9" t="s">
        <v>273</v>
      </c>
      <c r="H477" s="6">
        <v>4</v>
      </c>
      <c r="I477" s="6">
        <v>3</v>
      </c>
      <c r="J477" s="6">
        <v>3</v>
      </c>
      <c r="K477" s="6">
        <v>1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2</v>
      </c>
      <c r="E478" s="9" t="s">
        <v>226</v>
      </c>
      <c r="F478" s="9" t="s">
        <v>235</v>
      </c>
      <c r="G478" s="9" t="s">
        <v>274</v>
      </c>
      <c r="H478" s="6">
        <v>8</v>
      </c>
      <c r="I478" s="6">
        <v>8</v>
      </c>
      <c r="J478" s="6">
        <v>4</v>
      </c>
      <c r="K478" s="10" t="s">
        <v>55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2</v>
      </c>
      <c r="E479" s="9" t="s">
        <v>226</v>
      </c>
      <c r="F479" s="9" t="s">
        <v>235</v>
      </c>
      <c r="G479" s="9" t="s">
        <v>275</v>
      </c>
      <c r="H479" s="6">
        <v>7</v>
      </c>
      <c r="I479" s="6">
        <v>6</v>
      </c>
      <c r="J479" s="6">
        <v>5</v>
      </c>
      <c r="K479" s="6">
        <v>1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2</v>
      </c>
      <c r="E480" s="9" t="s">
        <v>226</v>
      </c>
      <c r="F480" s="9" t="s">
        <v>235</v>
      </c>
      <c r="G480" s="9" t="s">
        <v>276</v>
      </c>
      <c r="H480" s="6">
        <v>1</v>
      </c>
      <c r="I480" s="6">
        <v>1</v>
      </c>
      <c r="J480" s="10" t="s">
        <v>55</v>
      </c>
      <c r="K480" s="10" t="s">
        <v>55</v>
      </c>
      <c r="L480" s="10" t="s">
        <v>5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2</v>
      </c>
      <c r="E481" s="9" t="s">
        <v>226</v>
      </c>
      <c r="F481" s="9" t="s">
        <v>235</v>
      </c>
      <c r="G481" s="9" t="s">
        <v>277</v>
      </c>
      <c r="H481" s="6">
        <v>5</v>
      </c>
      <c r="I481" s="6">
        <v>5</v>
      </c>
      <c r="J481" s="6">
        <v>3</v>
      </c>
      <c r="K481" s="10" t="s">
        <v>55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2</v>
      </c>
      <c r="E482" s="9" t="s">
        <v>226</v>
      </c>
      <c r="F482" s="9" t="s">
        <v>235</v>
      </c>
      <c r="G482" s="9" t="s">
        <v>278</v>
      </c>
      <c r="H482" s="6">
        <v>3</v>
      </c>
      <c r="I482" s="6">
        <v>3</v>
      </c>
      <c r="J482" s="6">
        <v>3</v>
      </c>
      <c r="K482" s="10" t="s">
        <v>55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2</v>
      </c>
      <c r="E483" s="9" t="s">
        <v>226</v>
      </c>
      <c r="F483" s="9" t="s">
        <v>235</v>
      </c>
      <c r="G483" s="9" t="s">
        <v>279</v>
      </c>
      <c r="H483" s="6">
        <v>2</v>
      </c>
      <c r="I483" s="6">
        <v>2</v>
      </c>
      <c r="J483" s="6">
        <v>2</v>
      </c>
      <c r="K483" s="10" t="s">
        <v>55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2</v>
      </c>
      <c r="E484" s="9" t="s">
        <v>226</v>
      </c>
      <c r="F484" s="9" t="s">
        <v>235</v>
      </c>
      <c r="G484" s="9" t="s">
        <v>280</v>
      </c>
      <c r="H484" s="6">
        <v>303</v>
      </c>
      <c r="I484" s="6">
        <v>198</v>
      </c>
      <c r="J484" s="6">
        <v>106</v>
      </c>
      <c r="K484" s="6">
        <v>104</v>
      </c>
      <c r="L484" s="6">
        <v>1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2</v>
      </c>
      <c r="E485" s="9" t="s">
        <v>226</v>
      </c>
      <c r="F485" s="9" t="s">
        <v>281</v>
      </c>
      <c r="G485" s="9" t="s">
        <v>6</v>
      </c>
      <c r="H485" s="6">
        <v>250</v>
      </c>
      <c r="I485" s="6">
        <v>162</v>
      </c>
      <c r="J485" s="6">
        <v>83</v>
      </c>
      <c r="K485" s="6">
        <v>87</v>
      </c>
      <c r="L485" s="6">
        <v>1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2</v>
      </c>
      <c r="E486" s="9" t="s">
        <v>226</v>
      </c>
      <c r="F486" s="9" t="s">
        <v>281</v>
      </c>
      <c r="G486" s="9" t="s">
        <v>272</v>
      </c>
      <c r="H486" s="10" t="s">
        <v>55</v>
      </c>
      <c r="I486" s="10" t="s">
        <v>55</v>
      </c>
      <c r="J486" s="10" t="s">
        <v>55</v>
      </c>
      <c r="K486" s="10" t="s">
        <v>55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2</v>
      </c>
      <c r="E487" s="9" t="s">
        <v>226</v>
      </c>
      <c r="F487" s="9" t="s">
        <v>281</v>
      </c>
      <c r="G487" s="9" t="s">
        <v>273</v>
      </c>
      <c r="H487" s="6">
        <v>1</v>
      </c>
      <c r="I487" s="6">
        <v>1</v>
      </c>
      <c r="J487" s="6">
        <v>1</v>
      </c>
      <c r="K487" s="10" t="s">
        <v>55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2</v>
      </c>
      <c r="E488" s="9" t="s">
        <v>226</v>
      </c>
      <c r="F488" s="9" t="s">
        <v>281</v>
      </c>
      <c r="G488" s="9" t="s">
        <v>274</v>
      </c>
      <c r="H488" s="6">
        <v>1</v>
      </c>
      <c r="I488" s="6">
        <v>1</v>
      </c>
      <c r="J488" s="6">
        <v>1</v>
      </c>
      <c r="K488" s="10" t="s">
        <v>55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2</v>
      </c>
      <c r="E489" s="9" t="s">
        <v>226</v>
      </c>
      <c r="F489" s="9" t="s">
        <v>281</v>
      </c>
      <c r="G489" s="9" t="s">
        <v>275</v>
      </c>
      <c r="H489" s="6">
        <v>2</v>
      </c>
      <c r="I489" s="6">
        <v>1</v>
      </c>
      <c r="J489" s="10" t="s">
        <v>55</v>
      </c>
      <c r="K489" s="6">
        <v>1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2</v>
      </c>
      <c r="E490" s="9" t="s">
        <v>226</v>
      </c>
      <c r="F490" s="9" t="s">
        <v>281</v>
      </c>
      <c r="G490" s="9" t="s">
        <v>276</v>
      </c>
      <c r="H490" s="10" t="s">
        <v>55</v>
      </c>
      <c r="I490" s="10" t="s">
        <v>55</v>
      </c>
      <c r="J490" s="10" t="s">
        <v>55</v>
      </c>
      <c r="K490" s="10" t="s">
        <v>55</v>
      </c>
      <c r="L490" s="10" t="s">
        <v>5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2</v>
      </c>
      <c r="E491" s="9" t="s">
        <v>226</v>
      </c>
      <c r="F491" s="9" t="s">
        <v>281</v>
      </c>
      <c r="G491" s="9" t="s">
        <v>277</v>
      </c>
      <c r="H491" s="6">
        <v>1</v>
      </c>
      <c r="I491" s="6">
        <v>1</v>
      </c>
      <c r="J491" s="10" t="s">
        <v>55</v>
      </c>
      <c r="K491" s="10" t="s">
        <v>55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2</v>
      </c>
      <c r="E492" s="9" t="s">
        <v>226</v>
      </c>
      <c r="F492" s="9" t="s">
        <v>281</v>
      </c>
      <c r="G492" s="9" t="s">
        <v>278</v>
      </c>
      <c r="H492" s="10" t="s">
        <v>55</v>
      </c>
      <c r="I492" s="10" t="s">
        <v>55</v>
      </c>
      <c r="J492" s="10" t="s">
        <v>55</v>
      </c>
      <c r="K492" s="10" t="s">
        <v>55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2</v>
      </c>
      <c r="E493" s="9" t="s">
        <v>226</v>
      </c>
      <c r="F493" s="9" t="s">
        <v>281</v>
      </c>
      <c r="G493" s="9" t="s">
        <v>279</v>
      </c>
      <c r="H493" s="10" t="s">
        <v>55</v>
      </c>
      <c r="I493" s="10" t="s">
        <v>55</v>
      </c>
      <c r="J493" s="10" t="s">
        <v>55</v>
      </c>
      <c r="K493" s="10" t="s">
        <v>55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2</v>
      </c>
      <c r="E494" s="9" t="s">
        <v>226</v>
      </c>
      <c r="F494" s="9" t="s">
        <v>281</v>
      </c>
      <c r="G494" s="9" t="s">
        <v>280</v>
      </c>
      <c r="H494" s="6">
        <v>245</v>
      </c>
      <c r="I494" s="6">
        <v>158</v>
      </c>
      <c r="J494" s="6">
        <v>81</v>
      </c>
      <c r="K494" s="6">
        <v>86</v>
      </c>
      <c r="L494" s="6">
        <v>1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2</v>
      </c>
      <c r="E495" s="9" t="s">
        <v>226</v>
      </c>
      <c r="F495" s="9" t="s">
        <v>282</v>
      </c>
      <c r="G495" s="9" t="s">
        <v>6</v>
      </c>
      <c r="H495" s="6">
        <v>66</v>
      </c>
      <c r="I495" s="6">
        <v>51</v>
      </c>
      <c r="J495" s="6">
        <v>34</v>
      </c>
      <c r="K495" s="6">
        <v>15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2</v>
      </c>
      <c r="E496" s="9" t="s">
        <v>226</v>
      </c>
      <c r="F496" s="9" t="s">
        <v>282</v>
      </c>
      <c r="G496" s="9" t="s">
        <v>272</v>
      </c>
      <c r="H496" s="10" t="s">
        <v>55</v>
      </c>
      <c r="I496" s="10" t="s">
        <v>55</v>
      </c>
      <c r="J496" s="10" t="s">
        <v>55</v>
      </c>
      <c r="K496" s="10" t="s">
        <v>55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2</v>
      </c>
      <c r="E497" s="9" t="s">
        <v>226</v>
      </c>
      <c r="F497" s="9" t="s">
        <v>282</v>
      </c>
      <c r="G497" s="9" t="s">
        <v>273</v>
      </c>
      <c r="H497" s="10" t="s">
        <v>55</v>
      </c>
      <c r="I497" s="10" t="s">
        <v>55</v>
      </c>
      <c r="J497" s="10" t="s">
        <v>55</v>
      </c>
      <c r="K497" s="10" t="s">
        <v>55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2</v>
      </c>
      <c r="E498" s="9" t="s">
        <v>226</v>
      </c>
      <c r="F498" s="9" t="s">
        <v>282</v>
      </c>
      <c r="G498" s="9" t="s">
        <v>274</v>
      </c>
      <c r="H498" s="6">
        <v>2</v>
      </c>
      <c r="I498" s="6">
        <v>2</v>
      </c>
      <c r="J498" s="6">
        <v>1</v>
      </c>
      <c r="K498" s="10" t="s">
        <v>55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2</v>
      </c>
      <c r="E499" s="9" t="s">
        <v>226</v>
      </c>
      <c r="F499" s="9" t="s">
        <v>282</v>
      </c>
      <c r="G499" s="9" t="s">
        <v>275</v>
      </c>
      <c r="H499" s="6">
        <v>4</v>
      </c>
      <c r="I499" s="6">
        <v>4</v>
      </c>
      <c r="J499" s="6">
        <v>4</v>
      </c>
      <c r="K499" s="10" t="s">
        <v>55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2</v>
      </c>
      <c r="E500" s="9" t="s">
        <v>226</v>
      </c>
      <c r="F500" s="9" t="s">
        <v>282</v>
      </c>
      <c r="G500" s="9" t="s">
        <v>276</v>
      </c>
      <c r="H500" s="6">
        <v>1</v>
      </c>
      <c r="I500" s="6">
        <v>1</v>
      </c>
      <c r="J500" s="10" t="s">
        <v>55</v>
      </c>
      <c r="K500" s="10" t="s">
        <v>55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2</v>
      </c>
      <c r="E501" s="9" t="s">
        <v>226</v>
      </c>
      <c r="F501" s="9" t="s">
        <v>282</v>
      </c>
      <c r="G501" s="9" t="s">
        <v>277</v>
      </c>
      <c r="H501" s="6">
        <v>4</v>
      </c>
      <c r="I501" s="6">
        <v>4</v>
      </c>
      <c r="J501" s="6">
        <v>3</v>
      </c>
      <c r="K501" s="10" t="s">
        <v>55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2</v>
      </c>
      <c r="E502" s="9" t="s">
        <v>226</v>
      </c>
      <c r="F502" s="9" t="s">
        <v>282</v>
      </c>
      <c r="G502" s="9" t="s">
        <v>278</v>
      </c>
      <c r="H502" s="6">
        <v>2</v>
      </c>
      <c r="I502" s="6">
        <v>2</v>
      </c>
      <c r="J502" s="6">
        <v>2</v>
      </c>
      <c r="K502" s="10" t="s">
        <v>55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2</v>
      </c>
      <c r="E503" s="9" t="s">
        <v>226</v>
      </c>
      <c r="F503" s="9" t="s">
        <v>282</v>
      </c>
      <c r="G503" s="9" t="s">
        <v>279</v>
      </c>
      <c r="H503" s="6">
        <v>2</v>
      </c>
      <c r="I503" s="6">
        <v>2</v>
      </c>
      <c r="J503" s="6">
        <v>2</v>
      </c>
      <c r="K503" s="10" t="s">
        <v>55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2</v>
      </c>
      <c r="E504" s="9" t="s">
        <v>226</v>
      </c>
      <c r="F504" s="9" t="s">
        <v>282</v>
      </c>
      <c r="G504" s="9" t="s">
        <v>280</v>
      </c>
      <c r="H504" s="6">
        <v>51</v>
      </c>
      <c r="I504" s="6">
        <v>36</v>
      </c>
      <c r="J504" s="6">
        <v>22</v>
      </c>
      <c r="K504" s="6">
        <v>15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2</v>
      </c>
      <c r="E505" s="9" t="s">
        <v>226</v>
      </c>
      <c r="F505" s="9" t="s">
        <v>283</v>
      </c>
      <c r="G505" s="9" t="s">
        <v>6</v>
      </c>
      <c r="H505" s="6">
        <v>18</v>
      </c>
      <c r="I505" s="6">
        <v>13</v>
      </c>
      <c r="J505" s="6">
        <v>9</v>
      </c>
      <c r="K505" s="6">
        <v>5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2</v>
      </c>
      <c r="E506" s="9" t="s">
        <v>226</v>
      </c>
      <c r="F506" s="9" t="s">
        <v>283</v>
      </c>
      <c r="G506" s="9" t="s">
        <v>272</v>
      </c>
      <c r="H506" s="6">
        <v>1</v>
      </c>
      <c r="I506" s="10" t="s">
        <v>55</v>
      </c>
      <c r="J506" s="10" t="s">
        <v>55</v>
      </c>
      <c r="K506" s="6">
        <v>1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2</v>
      </c>
      <c r="E507" s="9" t="s">
        <v>226</v>
      </c>
      <c r="F507" s="9" t="s">
        <v>283</v>
      </c>
      <c r="G507" s="9" t="s">
        <v>273</v>
      </c>
      <c r="H507" s="6">
        <v>3</v>
      </c>
      <c r="I507" s="6">
        <v>2</v>
      </c>
      <c r="J507" s="6">
        <v>2</v>
      </c>
      <c r="K507" s="6">
        <v>1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2</v>
      </c>
      <c r="E508" s="9" t="s">
        <v>226</v>
      </c>
      <c r="F508" s="9" t="s">
        <v>283</v>
      </c>
      <c r="G508" s="9" t="s">
        <v>274</v>
      </c>
      <c r="H508" s="6">
        <v>5</v>
      </c>
      <c r="I508" s="6">
        <v>5</v>
      </c>
      <c r="J508" s="6">
        <v>2</v>
      </c>
      <c r="K508" s="10" t="s">
        <v>55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2</v>
      </c>
      <c r="E509" s="9" t="s">
        <v>226</v>
      </c>
      <c r="F509" s="9" t="s">
        <v>283</v>
      </c>
      <c r="G509" s="9" t="s">
        <v>275</v>
      </c>
      <c r="H509" s="6">
        <v>1</v>
      </c>
      <c r="I509" s="6">
        <v>1</v>
      </c>
      <c r="J509" s="6">
        <v>1</v>
      </c>
      <c r="K509" s="10" t="s">
        <v>55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2</v>
      </c>
      <c r="E510" s="9" t="s">
        <v>226</v>
      </c>
      <c r="F510" s="9" t="s">
        <v>283</v>
      </c>
      <c r="G510" s="9" t="s">
        <v>276</v>
      </c>
      <c r="H510" s="10" t="s">
        <v>55</v>
      </c>
      <c r="I510" s="10" t="s">
        <v>55</v>
      </c>
      <c r="J510" s="10" t="s">
        <v>55</v>
      </c>
      <c r="K510" s="10" t="s">
        <v>55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2</v>
      </c>
      <c r="E511" s="9" t="s">
        <v>226</v>
      </c>
      <c r="F511" s="9" t="s">
        <v>283</v>
      </c>
      <c r="G511" s="9" t="s">
        <v>277</v>
      </c>
      <c r="H511" s="10" t="s">
        <v>55</v>
      </c>
      <c r="I511" s="10" t="s">
        <v>55</v>
      </c>
      <c r="J511" s="10" t="s">
        <v>55</v>
      </c>
      <c r="K511" s="10" t="s">
        <v>55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2</v>
      </c>
      <c r="E512" s="9" t="s">
        <v>226</v>
      </c>
      <c r="F512" s="9" t="s">
        <v>283</v>
      </c>
      <c r="G512" s="9" t="s">
        <v>278</v>
      </c>
      <c r="H512" s="6">
        <v>1</v>
      </c>
      <c r="I512" s="6">
        <v>1</v>
      </c>
      <c r="J512" s="6">
        <v>1</v>
      </c>
      <c r="K512" s="10" t="s">
        <v>55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2</v>
      </c>
      <c r="E513" s="9" t="s">
        <v>226</v>
      </c>
      <c r="F513" s="9" t="s">
        <v>283</v>
      </c>
      <c r="G513" s="9" t="s">
        <v>279</v>
      </c>
      <c r="H513" s="10" t="s">
        <v>55</v>
      </c>
      <c r="I513" s="10" t="s">
        <v>55</v>
      </c>
      <c r="J513" s="10" t="s">
        <v>55</v>
      </c>
      <c r="K513" s="10" t="s">
        <v>55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2</v>
      </c>
      <c r="E514" s="9" t="s">
        <v>226</v>
      </c>
      <c r="F514" s="9" t="s">
        <v>283</v>
      </c>
      <c r="G514" s="9" t="s">
        <v>280</v>
      </c>
      <c r="H514" s="6">
        <v>7</v>
      </c>
      <c r="I514" s="6">
        <v>4</v>
      </c>
      <c r="J514" s="6">
        <v>3</v>
      </c>
      <c r="K514" s="6">
        <v>3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2</v>
      </c>
      <c r="E515" s="9" t="s">
        <v>227</v>
      </c>
      <c r="F515" s="9" t="s">
        <v>6</v>
      </c>
      <c r="G515" s="9" t="s">
        <v>6</v>
      </c>
      <c r="H515" s="6">
        <v>279</v>
      </c>
      <c r="I515" s="6">
        <v>161</v>
      </c>
      <c r="J515" s="6">
        <v>142</v>
      </c>
      <c r="K515" s="6">
        <v>118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2</v>
      </c>
      <c r="E516" s="9" t="s">
        <v>227</v>
      </c>
      <c r="F516" s="9" t="s">
        <v>234</v>
      </c>
      <c r="G516" s="9" t="s">
        <v>6</v>
      </c>
      <c r="H516" s="6">
        <v>73</v>
      </c>
      <c r="I516" s="6">
        <v>37</v>
      </c>
      <c r="J516" s="6">
        <v>33</v>
      </c>
      <c r="K516" s="6">
        <v>36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2</v>
      </c>
      <c r="E517" s="9" t="s">
        <v>227</v>
      </c>
      <c r="F517" s="9" t="s">
        <v>235</v>
      </c>
      <c r="G517" s="9" t="s">
        <v>6</v>
      </c>
      <c r="H517" s="6">
        <v>206</v>
      </c>
      <c r="I517" s="6">
        <v>124</v>
      </c>
      <c r="J517" s="6">
        <v>109</v>
      </c>
      <c r="K517" s="6">
        <v>82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2</v>
      </c>
      <c r="E518" s="9" t="s">
        <v>227</v>
      </c>
      <c r="F518" s="9" t="s">
        <v>235</v>
      </c>
      <c r="G518" s="9" t="s">
        <v>272</v>
      </c>
      <c r="H518" s="6">
        <v>1</v>
      </c>
      <c r="I518" s="10" t="s">
        <v>55</v>
      </c>
      <c r="J518" s="10" t="s">
        <v>55</v>
      </c>
      <c r="K518" s="6">
        <v>1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2</v>
      </c>
      <c r="E519" s="9" t="s">
        <v>227</v>
      </c>
      <c r="F519" s="9" t="s">
        <v>235</v>
      </c>
      <c r="G519" s="9" t="s">
        <v>273</v>
      </c>
      <c r="H519" s="6">
        <v>3</v>
      </c>
      <c r="I519" s="6">
        <v>2</v>
      </c>
      <c r="J519" s="6">
        <v>2</v>
      </c>
      <c r="K519" s="6">
        <v>1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2</v>
      </c>
      <c r="E520" s="9" t="s">
        <v>227</v>
      </c>
      <c r="F520" s="9" t="s">
        <v>235</v>
      </c>
      <c r="G520" s="9" t="s">
        <v>274</v>
      </c>
      <c r="H520" s="6">
        <v>6</v>
      </c>
      <c r="I520" s="6">
        <v>6</v>
      </c>
      <c r="J520" s="6">
        <v>4</v>
      </c>
      <c r="K520" s="10" t="s">
        <v>55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2</v>
      </c>
      <c r="E521" s="9" t="s">
        <v>227</v>
      </c>
      <c r="F521" s="9" t="s">
        <v>235</v>
      </c>
      <c r="G521" s="9" t="s">
        <v>275</v>
      </c>
      <c r="H521" s="6">
        <v>7</v>
      </c>
      <c r="I521" s="6">
        <v>6</v>
      </c>
      <c r="J521" s="6">
        <v>5</v>
      </c>
      <c r="K521" s="6">
        <v>1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2</v>
      </c>
      <c r="E522" s="9" t="s">
        <v>227</v>
      </c>
      <c r="F522" s="9" t="s">
        <v>235</v>
      </c>
      <c r="G522" s="9" t="s">
        <v>276</v>
      </c>
      <c r="H522" s="10" t="s">
        <v>55</v>
      </c>
      <c r="I522" s="10" t="s">
        <v>55</v>
      </c>
      <c r="J522" s="10" t="s">
        <v>55</v>
      </c>
      <c r="K522" s="10" t="s">
        <v>55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2</v>
      </c>
      <c r="E523" s="9" t="s">
        <v>227</v>
      </c>
      <c r="F523" s="9" t="s">
        <v>235</v>
      </c>
      <c r="G523" s="9" t="s">
        <v>277</v>
      </c>
      <c r="H523" s="6">
        <v>4</v>
      </c>
      <c r="I523" s="6">
        <v>4</v>
      </c>
      <c r="J523" s="6">
        <v>3</v>
      </c>
      <c r="K523" s="10" t="s">
        <v>55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2</v>
      </c>
      <c r="E524" s="9" t="s">
        <v>227</v>
      </c>
      <c r="F524" s="9" t="s">
        <v>235</v>
      </c>
      <c r="G524" s="9" t="s">
        <v>278</v>
      </c>
      <c r="H524" s="6">
        <v>2</v>
      </c>
      <c r="I524" s="6">
        <v>2</v>
      </c>
      <c r="J524" s="6">
        <v>2</v>
      </c>
      <c r="K524" s="10" t="s">
        <v>55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2</v>
      </c>
      <c r="E525" s="9" t="s">
        <v>227</v>
      </c>
      <c r="F525" s="9" t="s">
        <v>235</v>
      </c>
      <c r="G525" s="9" t="s">
        <v>279</v>
      </c>
      <c r="H525" s="6">
        <v>1</v>
      </c>
      <c r="I525" s="6">
        <v>1</v>
      </c>
      <c r="J525" s="6">
        <v>1</v>
      </c>
      <c r="K525" s="10" t="s">
        <v>55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2</v>
      </c>
      <c r="E526" s="9" t="s">
        <v>227</v>
      </c>
      <c r="F526" s="9" t="s">
        <v>235</v>
      </c>
      <c r="G526" s="9" t="s">
        <v>280</v>
      </c>
      <c r="H526" s="6">
        <v>182</v>
      </c>
      <c r="I526" s="6">
        <v>103</v>
      </c>
      <c r="J526" s="6">
        <v>92</v>
      </c>
      <c r="K526" s="6">
        <v>79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2</v>
      </c>
      <c r="E527" s="9" t="s">
        <v>227</v>
      </c>
      <c r="F527" s="9" t="s">
        <v>281</v>
      </c>
      <c r="G527" s="9" t="s">
        <v>6</v>
      </c>
      <c r="H527" s="6">
        <v>147</v>
      </c>
      <c r="I527" s="6">
        <v>84</v>
      </c>
      <c r="J527" s="6">
        <v>72</v>
      </c>
      <c r="K527" s="6">
        <v>63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2</v>
      </c>
      <c r="E528" s="9" t="s">
        <v>227</v>
      </c>
      <c r="F528" s="9" t="s">
        <v>281</v>
      </c>
      <c r="G528" s="9" t="s">
        <v>272</v>
      </c>
      <c r="H528" s="10" t="s">
        <v>55</v>
      </c>
      <c r="I528" s="10" t="s">
        <v>55</v>
      </c>
      <c r="J528" s="10" t="s">
        <v>55</v>
      </c>
      <c r="K528" s="10" t="s">
        <v>55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2</v>
      </c>
      <c r="E529" s="9" t="s">
        <v>227</v>
      </c>
      <c r="F529" s="9" t="s">
        <v>281</v>
      </c>
      <c r="G529" s="9" t="s">
        <v>273</v>
      </c>
      <c r="H529" s="6">
        <v>1</v>
      </c>
      <c r="I529" s="6">
        <v>1</v>
      </c>
      <c r="J529" s="6">
        <v>1</v>
      </c>
      <c r="K529" s="10" t="s">
        <v>55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2</v>
      </c>
      <c r="E530" s="9" t="s">
        <v>227</v>
      </c>
      <c r="F530" s="9" t="s">
        <v>281</v>
      </c>
      <c r="G530" s="9" t="s">
        <v>274</v>
      </c>
      <c r="H530" s="6">
        <v>1</v>
      </c>
      <c r="I530" s="6">
        <v>1</v>
      </c>
      <c r="J530" s="6">
        <v>1</v>
      </c>
      <c r="K530" s="10" t="s">
        <v>55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2</v>
      </c>
      <c r="E531" s="9" t="s">
        <v>227</v>
      </c>
      <c r="F531" s="9" t="s">
        <v>281</v>
      </c>
      <c r="G531" s="9" t="s">
        <v>275</v>
      </c>
      <c r="H531" s="6">
        <v>2</v>
      </c>
      <c r="I531" s="6">
        <v>1</v>
      </c>
      <c r="J531" s="10" t="s">
        <v>55</v>
      </c>
      <c r="K531" s="6">
        <v>1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2</v>
      </c>
      <c r="E532" s="9" t="s">
        <v>227</v>
      </c>
      <c r="F532" s="9" t="s">
        <v>281</v>
      </c>
      <c r="G532" s="9" t="s">
        <v>276</v>
      </c>
      <c r="H532" s="10" t="s">
        <v>55</v>
      </c>
      <c r="I532" s="10" t="s">
        <v>55</v>
      </c>
      <c r="J532" s="10" t="s">
        <v>55</v>
      </c>
      <c r="K532" s="10" t="s">
        <v>55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2</v>
      </c>
      <c r="E533" s="9" t="s">
        <v>227</v>
      </c>
      <c r="F533" s="9" t="s">
        <v>281</v>
      </c>
      <c r="G533" s="9" t="s">
        <v>277</v>
      </c>
      <c r="H533" s="6">
        <v>1</v>
      </c>
      <c r="I533" s="6">
        <v>1</v>
      </c>
      <c r="J533" s="10" t="s">
        <v>55</v>
      </c>
      <c r="K533" s="10" t="s">
        <v>55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2</v>
      </c>
      <c r="E534" s="9" t="s">
        <v>227</v>
      </c>
      <c r="F534" s="9" t="s">
        <v>281</v>
      </c>
      <c r="G534" s="9" t="s">
        <v>278</v>
      </c>
      <c r="H534" s="10" t="s">
        <v>55</v>
      </c>
      <c r="I534" s="10" t="s">
        <v>55</v>
      </c>
      <c r="J534" s="10" t="s">
        <v>55</v>
      </c>
      <c r="K534" s="10" t="s">
        <v>55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2</v>
      </c>
      <c r="E535" s="9" t="s">
        <v>227</v>
      </c>
      <c r="F535" s="9" t="s">
        <v>281</v>
      </c>
      <c r="G535" s="9" t="s">
        <v>279</v>
      </c>
      <c r="H535" s="10" t="s">
        <v>55</v>
      </c>
      <c r="I535" s="10" t="s">
        <v>55</v>
      </c>
      <c r="J535" s="10" t="s">
        <v>55</v>
      </c>
      <c r="K535" s="10" t="s">
        <v>55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2</v>
      </c>
      <c r="E536" s="9" t="s">
        <v>227</v>
      </c>
      <c r="F536" s="9" t="s">
        <v>281</v>
      </c>
      <c r="G536" s="9" t="s">
        <v>280</v>
      </c>
      <c r="H536" s="6">
        <v>142</v>
      </c>
      <c r="I536" s="6">
        <v>80</v>
      </c>
      <c r="J536" s="6">
        <v>70</v>
      </c>
      <c r="K536" s="6">
        <v>62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2</v>
      </c>
      <c r="E537" s="9" t="s">
        <v>227</v>
      </c>
      <c r="F537" s="9" t="s">
        <v>282</v>
      </c>
      <c r="G537" s="9" t="s">
        <v>6</v>
      </c>
      <c r="H537" s="6">
        <v>45</v>
      </c>
      <c r="I537" s="6">
        <v>31</v>
      </c>
      <c r="J537" s="6">
        <v>29</v>
      </c>
      <c r="K537" s="6">
        <v>14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2</v>
      </c>
      <c r="E538" s="9" t="s">
        <v>227</v>
      </c>
      <c r="F538" s="9" t="s">
        <v>282</v>
      </c>
      <c r="G538" s="9" t="s">
        <v>272</v>
      </c>
      <c r="H538" s="10" t="s">
        <v>55</v>
      </c>
      <c r="I538" s="10" t="s">
        <v>55</v>
      </c>
      <c r="J538" s="10" t="s">
        <v>55</v>
      </c>
      <c r="K538" s="10" t="s">
        <v>55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2</v>
      </c>
      <c r="E539" s="9" t="s">
        <v>227</v>
      </c>
      <c r="F539" s="9" t="s">
        <v>282</v>
      </c>
      <c r="G539" s="9" t="s">
        <v>273</v>
      </c>
      <c r="H539" s="10" t="s">
        <v>55</v>
      </c>
      <c r="I539" s="10" t="s">
        <v>55</v>
      </c>
      <c r="J539" s="10" t="s">
        <v>55</v>
      </c>
      <c r="K539" s="10" t="s">
        <v>55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2</v>
      </c>
      <c r="E540" s="9" t="s">
        <v>227</v>
      </c>
      <c r="F540" s="9" t="s">
        <v>282</v>
      </c>
      <c r="G540" s="9" t="s">
        <v>274</v>
      </c>
      <c r="H540" s="6">
        <v>2</v>
      </c>
      <c r="I540" s="6">
        <v>2</v>
      </c>
      <c r="J540" s="6">
        <v>1</v>
      </c>
      <c r="K540" s="10" t="s">
        <v>55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2</v>
      </c>
      <c r="E541" s="9" t="s">
        <v>227</v>
      </c>
      <c r="F541" s="9" t="s">
        <v>282</v>
      </c>
      <c r="G541" s="9" t="s">
        <v>275</v>
      </c>
      <c r="H541" s="6">
        <v>4</v>
      </c>
      <c r="I541" s="6">
        <v>4</v>
      </c>
      <c r="J541" s="6">
        <v>4</v>
      </c>
      <c r="K541" s="10" t="s">
        <v>55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2</v>
      </c>
      <c r="E542" s="9" t="s">
        <v>227</v>
      </c>
      <c r="F542" s="9" t="s">
        <v>282</v>
      </c>
      <c r="G542" s="9" t="s">
        <v>276</v>
      </c>
      <c r="H542" s="10" t="s">
        <v>55</v>
      </c>
      <c r="I542" s="10" t="s">
        <v>55</v>
      </c>
      <c r="J542" s="10" t="s">
        <v>55</v>
      </c>
      <c r="K542" s="10" t="s">
        <v>55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2</v>
      </c>
      <c r="E543" s="9" t="s">
        <v>227</v>
      </c>
      <c r="F543" s="9" t="s">
        <v>282</v>
      </c>
      <c r="G543" s="9" t="s">
        <v>277</v>
      </c>
      <c r="H543" s="6">
        <v>3</v>
      </c>
      <c r="I543" s="6">
        <v>3</v>
      </c>
      <c r="J543" s="6">
        <v>3</v>
      </c>
      <c r="K543" s="10" t="s">
        <v>55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2</v>
      </c>
      <c r="E544" s="9" t="s">
        <v>227</v>
      </c>
      <c r="F544" s="9" t="s">
        <v>282</v>
      </c>
      <c r="G544" s="9" t="s">
        <v>278</v>
      </c>
      <c r="H544" s="6">
        <v>1</v>
      </c>
      <c r="I544" s="6">
        <v>1</v>
      </c>
      <c r="J544" s="6">
        <v>1</v>
      </c>
      <c r="K544" s="10" t="s">
        <v>55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2</v>
      </c>
      <c r="E545" s="9" t="s">
        <v>227</v>
      </c>
      <c r="F545" s="9" t="s">
        <v>282</v>
      </c>
      <c r="G545" s="9" t="s">
        <v>279</v>
      </c>
      <c r="H545" s="6">
        <v>1</v>
      </c>
      <c r="I545" s="6">
        <v>1</v>
      </c>
      <c r="J545" s="6">
        <v>1</v>
      </c>
      <c r="K545" s="10" t="s">
        <v>55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2</v>
      </c>
      <c r="E546" s="9" t="s">
        <v>227</v>
      </c>
      <c r="F546" s="9" t="s">
        <v>282</v>
      </c>
      <c r="G546" s="9" t="s">
        <v>280</v>
      </c>
      <c r="H546" s="6">
        <v>34</v>
      </c>
      <c r="I546" s="6">
        <v>20</v>
      </c>
      <c r="J546" s="6">
        <v>19</v>
      </c>
      <c r="K546" s="6">
        <v>14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2</v>
      </c>
      <c r="E547" s="9" t="s">
        <v>227</v>
      </c>
      <c r="F547" s="9" t="s">
        <v>283</v>
      </c>
      <c r="G547" s="9" t="s">
        <v>6</v>
      </c>
      <c r="H547" s="6">
        <v>14</v>
      </c>
      <c r="I547" s="6">
        <v>9</v>
      </c>
      <c r="J547" s="6">
        <v>8</v>
      </c>
      <c r="K547" s="6">
        <v>5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2</v>
      </c>
      <c r="E548" s="9" t="s">
        <v>227</v>
      </c>
      <c r="F548" s="9" t="s">
        <v>283</v>
      </c>
      <c r="G548" s="9" t="s">
        <v>272</v>
      </c>
      <c r="H548" s="6">
        <v>1</v>
      </c>
      <c r="I548" s="10" t="s">
        <v>55</v>
      </c>
      <c r="J548" s="10" t="s">
        <v>55</v>
      </c>
      <c r="K548" s="6">
        <v>1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2</v>
      </c>
      <c r="E549" s="9" t="s">
        <v>227</v>
      </c>
      <c r="F549" s="9" t="s">
        <v>283</v>
      </c>
      <c r="G549" s="9" t="s">
        <v>273</v>
      </c>
      <c r="H549" s="6">
        <v>2</v>
      </c>
      <c r="I549" s="6">
        <v>1</v>
      </c>
      <c r="J549" s="6">
        <v>1</v>
      </c>
      <c r="K549" s="6">
        <v>1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2</v>
      </c>
      <c r="E550" s="9" t="s">
        <v>227</v>
      </c>
      <c r="F550" s="9" t="s">
        <v>283</v>
      </c>
      <c r="G550" s="9" t="s">
        <v>274</v>
      </c>
      <c r="H550" s="6">
        <v>3</v>
      </c>
      <c r="I550" s="6">
        <v>3</v>
      </c>
      <c r="J550" s="6">
        <v>2</v>
      </c>
      <c r="K550" s="10" t="s">
        <v>55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2</v>
      </c>
      <c r="E551" s="9" t="s">
        <v>227</v>
      </c>
      <c r="F551" s="9" t="s">
        <v>283</v>
      </c>
      <c r="G551" s="9" t="s">
        <v>275</v>
      </c>
      <c r="H551" s="6">
        <v>1</v>
      </c>
      <c r="I551" s="6">
        <v>1</v>
      </c>
      <c r="J551" s="6">
        <v>1</v>
      </c>
      <c r="K551" s="10" t="s">
        <v>55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2</v>
      </c>
      <c r="E552" s="9" t="s">
        <v>227</v>
      </c>
      <c r="F552" s="9" t="s">
        <v>283</v>
      </c>
      <c r="G552" s="9" t="s">
        <v>276</v>
      </c>
      <c r="H552" s="10" t="s">
        <v>55</v>
      </c>
      <c r="I552" s="10" t="s">
        <v>55</v>
      </c>
      <c r="J552" s="10" t="s">
        <v>55</v>
      </c>
      <c r="K552" s="10" t="s">
        <v>55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2</v>
      </c>
      <c r="E553" s="9" t="s">
        <v>227</v>
      </c>
      <c r="F553" s="9" t="s">
        <v>283</v>
      </c>
      <c r="G553" s="9" t="s">
        <v>277</v>
      </c>
      <c r="H553" s="10" t="s">
        <v>55</v>
      </c>
      <c r="I553" s="10" t="s">
        <v>55</v>
      </c>
      <c r="J553" s="10" t="s">
        <v>55</v>
      </c>
      <c r="K553" s="10" t="s">
        <v>55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2</v>
      </c>
      <c r="E554" s="9" t="s">
        <v>227</v>
      </c>
      <c r="F554" s="9" t="s">
        <v>283</v>
      </c>
      <c r="G554" s="9" t="s">
        <v>278</v>
      </c>
      <c r="H554" s="6">
        <v>1</v>
      </c>
      <c r="I554" s="6">
        <v>1</v>
      </c>
      <c r="J554" s="6">
        <v>1</v>
      </c>
      <c r="K554" s="10" t="s">
        <v>55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2</v>
      </c>
      <c r="E555" s="9" t="s">
        <v>227</v>
      </c>
      <c r="F555" s="9" t="s">
        <v>283</v>
      </c>
      <c r="G555" s="9" t="s">
        <v>279</v>
      </c>
      <c r="H555" s="10" t="s">
        <v>55</v>
      </c>
      <c r="I555" s="10" t="s">
        <v>55</v>
      </c>
      <c r="J555" s="10" t="s">
        <v>55</v>
      </c>
      <c r="K555" s="10" t="s">
        <v>55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2</v>
      </c>
      <c r="E556" s="9" t="s">
        <v>227</v>
      </c>
      <c r="F556" s="9" t="s">
        <v>283</v>
      </c>
      <c r="G556" s="9" t="s">
        <v>280</v>
      </c>
      <c r="H556" s="6">
        <v>6</v>
      </c>
      <c r="I556" s="6">
        <v>3</v>
      </c>
      <c r="J556" s="6">
        <v>3</v>
      </c>
      <c r="K556" s="6">
        <v>3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2</v>
      </c>
      <c r="E557" s="9" t="s">
        <v>228</v>
      </c>
      <c r="F557" s="9" t="s">
        <v>6</v>
      </c>
      <c r="G557" s="9" t="s">
        <v>6</v>
      </c>
      <c r="H557" s="6">
        <v>382</v>
      </c>
      <c r="I557" s="6">
        <v>69</v>
      </c>
      <c r="J557" s="6">
        <v>59</v>
      </c>
      <c r="K557" s="6">
        <v>312</v>
      </c>
      <c r="L557" s="6">
        <v>1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2</v>
      </c>
      <c r="E558" s="9" t="s">
        <v>228</v>
      </c>
      <c r="F558" s="9" t="s">
        <v>234</v>
      </c>
      <c r="G558" s="9" t="s">
        <v>6</v>
      </c>
      <c r="H558" s="6">
        <v>86</v>
      </c>
      <c r="I558" s="6">
        <v>15</v>
      </c>
      <c r="J558" s="6">
        <v>14</v>
      </c>
      <c r="K558" s="6">
        <v>71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2</v>
      </c>
      <c r="E559" s="9" t="s">
        <v>228</v>
      </c>
      <c r="F559" s="9" t="s">
        <v>235</v>
      </c>
      <c r="G559" s="9" t="s">
        <v>6</v>
      </c>
      <c r="H559" s="6">
        <v>296</v>
      </c>
      <c r="I559" s="6">
        <v>54</v>
      </c>
      <c r="J559" s="6">
        <v>45</v>
      </c>
      <c r="K559" s="6">
        <v>241</v>
      </c>
      <c r="L559" s="6">
        <v>1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2</v>
      </c>
      <c r="E560" s="9" t="s">
        <v>228</v>
      </c>
      <c r="F560" s="9" t="s">
        <v>235</v>
      </c>
      <c r="G560" s="9" t="s">
        <v>272</v>
      </c>
      <c r="H560" s="10" t="s">
        <v>55</v>
      </c>
      <c r="I560" s="10" t="s">
        <v>55</v>
      </c>
      <c r="J560" s="10" t="s">
        <v>55</v>
      </c>
      <c r="K560" s="10" t="s">
        <v>55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2</v>
      </c>
      <c r="E561" s="9" t="s">
        <v>228</v>
      </c>
      <c r="F561" s="9" t="s">
        <v>235</v>
      </c>
      <c r="G561" s="9" t="s">
        <v>273</v>
      </c>
      <c r="H561" s="10" t="s">
        <v>55</v>
      </c>
      <c r="I561" s="10" t="s">
        <v>55</v>
      </c>
      <c r="J561" s="10" t="s">
        <v>55</v>
      </c>
      <c r="K561" s="10" t="s">
        <v>55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2</v>
      </c>
      <c r="E562" s="9" t="s">
        <v>228</v>
      </c>
      <c r="F562" s="9" t="s">
        <v>235</v>
      </c>
      <c r="G562" s="9" t="s">
        <v>274</v>
      </c>
      <c r="H562" s="10" t="s">
        <v>55</v>
      </c>
      <c r="I562" s="10" t="s">
        <v>55</v>
      </c>
      <c r="J562" s="10" t="s">
        <v>55</v>
      </c>
      <c r="K562" s="10" t="s">
        <v>55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2</v>
      </c>
      <c r="E563" s="9" t="s">
        <v>228</v>
      </c>
      <c r="F563" s="9" t="s">
        <v>235</v>
      </c>
      <c r="G563" s="9" t="s">
        <v>275</v>
      </c>
      <c r="H563" s="10" t="s">
        <v>55</v>
      </c>
      <c r="I563" s="10" t="s">
        <v>55</v>
      </c>
      <c r="J563" s="10" t="s">
        <v>55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2</v>
      </c>
      <c r="E564" s="9" t="s">
        <v>228</v>
      </c>
      <c r="F564" s="9" t="s">
        <v>235</v>
      </c>
      <c r="G564" s="9" t="s">
        <v>276</v>
      </c>
      <c r="H564" s="10" t="s">
        <v>55</v>
      </c>
      <c r="I564" s="10" t="s">
        <v>55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2</v>
      </c>
      <c r="E565" s="9" t="s">
        <v>228</v>
      </c>
      <c r="F565" s="9" t="s">
        <v>235</v>
      </c>
      <c r="G565" s="9" t="s">
        <v>277</v>
      </c>
      <c r="H565" s="10" t="s">
        <v>55</v>
      </c>
      <c r="I565" s="10" t="s">
        <v>55</v>
      </c>
      <c r="J565" s="10" t="s">
        <v>55</v>
      </c>
      <c r="K565" s="10" t="s">
        <v>55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2</v>
      </c>
      <c r="E566" s="9" t="s">
        <v>228</v>
      </c>
      <c r="F566" s="9" t="s">
        <v>235</v>
      </c>
      <c r="G566" s="9" t="s">
        <v>278</v>
      </c>
      <c r="H566" s="10" t="s">
        <v>55</v>
      </c>
      <c r="I566" s="10" t="s">
        <v>55</v>
      </c>
      <c r="J566" s="10" t="s">
        <v>55</v>
      </c>
      <c r="K566" s="10" t="s">
        <v>55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2</v>
      </c>
      <c r="E567" s="9" t="s">
        <v>228</v>
      </c>
      <c r="F567" s="9" t="s">
        <v>235</v>
      </c>
      <c r="G567" s="9" t="s">
        <v>279</v>
      </c>
      <c r="H567" s="10" t="s">
        <v>55</v>
      </c>
      <c r="I567" s="10" t="s">
        <v>55</v>
      </c>
      <c r="J567" s="10" t="s">
        <v>55</v>
      </c>
      <c r="K567" s="10" t="s">
        <v>55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2</v>
      </c>
      <c r="E568" s="9" t="s">
        <v>228</v>
      </c>
      <c r="F568" s="9" t="s">
        <v>235</v>
      </c>
      <c r="G568" s="9" t="s">
        <v>280</v>
      </c>
      <c r="H568" s="6">
        <v>296</v>
      </c>
      <c r="I568" s="6">
        <v>54</v>
      </c>
      <c r="J568" s="6">
        <v>45</v>
      </c>
      <c r="K568" s="6">
        <v>241</v>
      </c>
      <c r="L568" s="6">
        <v>1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2</v>
      </c>
      <c r="E569" s="9" t="s">
        <v>228</v>
      </c>
      <c r="F569" s="9" t="s">
        <v>281</v>
      </c>
      <c r="G569" s="9" t="s">
        <v>6</v>
      </c>
      <c r="H569" s="6">
        <v>242</v>
      </c>
      <c r="I569" s="6">
        <v>44</v>
      </c>
      <c r="J569" s="6">
        <v>37</v>
      </c>
      <c r="K569" s="6">
        <v>197</v>
      </c>
      <c r="L569" s="6">
        <v>1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2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2</v>
      </c>
      <c r="E571" s="9" t="s">
        <v>228</v>
      </c>
      <c r="F571" s="9" t="s">
        <v>281</v>
      </c>
      <c r="G571" s="9" t="s">
        <v>273</v>
      </c>
      <c r="H571" s="10" t="s">
        <v>55</v>
      </c>
      <c r="I571" s="10" t="s">
        <v>55</v>
      </c>
      <c r="J571" s="10" t="s">
        <v>55</v>
      </c>
      <c r="K571" s="10" t="s">
        <v>55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2</v>
      </c>
      <c r="E572" s="9" t="s">
        <v>228</v>
      </c>
      <c r="F572" s="9" t="s">
        <v>281</v>
      </c>
      <c r="G572" s="9" t="s">
        <v>274</v>
      </c>
      <c r="H572" s="10" t="s">
        <v>55</v>
      </c>
      <c r="I572" s="10" t="s">
        <v>55</v>
      </c>
      <c r="J572" s="10" t="s">
        <v>55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2</v>
      </c>
      <c r="E573" s="9" t="s">
        <v>228</v>
      </c>
      <c r="F573" s="9" t="s">
        <v>281</v>
      </c>
      <c r="G573" s="9" t="s">
        <v>275</v>
      </c>
      <c r="H573" s="10" t="s">
        <v>55</v>
      </c>
      <c r="I573" s="10" t="s">
        <v>55</v>
      </c>
      <c r="J573" s="10" t="s">
        <v>55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2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2</v>
      </c>
      <c r="E575" s="9" t="s">
        <v>228</v>
      </c>
      <c r="F575" s="9" t="s">
        <v>281</v>
      </c>
      <c r="G575" s="9" t="s">
        <v>277</v>
      </c>
      <c r="H575" s="10" t="s">
        <v>55</v>
      </c>
      <c r="I575" s="10" t="s">
        <v>55</v>
      </c>
      <c r="J575" s="10" t="s">
        <v>55</v>
      </c>
      <c r="K575" s="10" t="s">
        <v>55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2</v>
      </c>
      <c r="E576" s="9" t="s">
        <v>228</v>
      </c>
      <c r="F576" s="9" t="s">
        <v>281</v>
      </c>
      <c r="G576" s="9" t="s">
        <v>278</v>
      </c>
      <c r="H576" s="10" t="s">
        <v>55</v>
      </c>
      <c r="I576" s="10" t="s">
        <v>55</v>
      </c>
      <c r="J576" s="10" t="s">
        <v>55</v>
      </c>
      <c r="K576" s="10" t="s">
        <v>55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2</v>
      </c>
      <c r="E577" s="9" t="s">
        <v>228</v>
      </c>
      <c r="F577" s="9" t="s">
        <v>281</v>
      </c>
      <c r="G577" s="9" t="s">
        <v>279</v>
      </c>
      <c r="H577" s="10" t="s">
        <v>55</v>
      </c>
      <c r="I577" s="10" t="s">
        <v>55</v>
      </c>
      <c r="J577" s="10" t="s">
        <v>55</v>
      </c>
      <c r="K577" s="10" t="s">
        <v>55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2</v>
      </c>
      <c r="E578" s="9" t="s">
        <v>228</v>
      </c>
      <c r="F578" s="9" t="s">
        <v>281</v>
      </c>
      <c r="G578" s="9" t="s">
        <v>280</v>
      </c>
      <c r="H578" s="6">
        <v>242</v>
      </c>
      <c r="I578" s="6">
        <v>44</v>
      </c>
      <c r="J578" s="6">
        <v>37</v>
      </c>
      <c r="K578" s="6">
        <v>197</v>
      </c>
      <c r="L578" s="6">
        <v>1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2</v>
      </c>
      <c r="E579" s="9" t="s">
        <v>228</v>
      </c>
      <c r="F579" s="9" t="s">
        <v>282</v>
      </c>
      <c r="G579" s="9" t="s">
        <v>6</v>
      </c>
      <c r="H579" s="6">
        <v>50</v>
      </c>
      <c r="I579" s="6">
        <v>10</v>
      </c>
      <c r="J579" s="6">
        <v>8</v>
      </c>
      <c r="K579" s="6">
        <v>40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2</v>
      </c>
      <c r="E580" s="9" t="s">
        <v>228</v>
      </c>
      <c r="F580" s="9" t="s">
        <v>282</v>
      </c>
      <c r="G580" s="9" t="s">
        <v>272</v>
      </c>
      <c r="H580" s="10" t="s">
        <v>55</v>
      </c>
      <c r="I580" s="10" t="s">
        <v>55</v>
      </c>
      <c r="J580" s="10" t="s">
        <v>55</v>
      </c>
      <c r="K580" s="10" t="s">
        <v>55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2</v>
      </c>
      <c r="E581" s="9" t="s">
        <v>228</v>
      </c>
      <c r="F581" s="9" t="s">
        <v>282</v>
      </c>
      <c r="G581" s="9" t="s">
        <v>273</v>
      </c>
      <c r="H581" s="10" t="s">
        <v>55</v>
      </c>
      <c r="I581" s="10" t="s">
        <v>55</v>
      </c>
      <c r="J581" s="10" t="s">
        <v>55</v>
      </c>
      <c r="K581" s="10" t="s">
        <v>55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2</v>
      </c>
      <c r="E582" s="9" t="s">
        <v>228</v>
      </c>
      <c r="F582" s="9" t="s">
        <v>282</v>
      </c>
      <c r="G582" s="9" t="s">
        <v>274</v>
      </c>
      <c r="H582" s="10" t="s">
        <v>55</v>
      </c>
      <c r="I582" s="10" t="s">
        <v>55</v>
      </c>
      <c r="J582" s="10" t="s">
        <v>55</v>
      </c>
      <c r="K582" s="10" t="s">
        <v>55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2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2</v>
      </c>
      <c r="E584" s="9" t="s">
        <v>228</v>
      </c>
      <c r="F584" s="9" t="s">
        <v>282</v>
      </c>
      <c r="G584" s="9" t="s">
        <v>276</v>
      </c>
      <c r="H584" s="10" t="s">
        <v>55</v>
      </c>
      <c r="I584" s="10" t="s">
        <v>55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2</v>
      </c>
      <c r="E585" s="9" t="s">
        <v>228</v>
      </c>
      <c r="F585" s="9" t="s">
        <v>282</v>
      </c>
      <c r="G585" s="9" t="s">
        <v>277</v>
      </c>
      <c r="H585" s="10" t="s">
        <v>55</v>
      </c>
      <c r="I585" s="10" t="s">
        <v>55</v>
      </c>
      <c r="J585" s="10" t="s">
        <v>55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2</v>
      </c>
      <c r="E586" s="9" t="s">
        <v>228</v>
      </c>
      <c r="F586" s="9" t="s">
        <v>282</v>
      </c>
      <c r="G586" s="9" t="s">
        <v>278</v>
      </c>
      <c r="H586" s="10" t="s">
        <v>55</v>
      </c>
      <c r="I586" s="10" t="s">
        <v>55</v>
      </c>
      <c r="J586" s="10" t="s">
        <v>55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2</v>
      </c>
      <c r="E587" s="9" t="s">
        <v>228</v>
      </c>
      <c r="F587" s="9" t="s">
        <v>282</v>
      </c>
      <c r="G587" s="9" t="s">
        <v>279</v>
      </c>
      <c r="H587" s="10" t="s">
        <v>55</v>
      </c>
      <c r="I587" s="10" t="s">
        <v>55</v>
      </c>
      <c r="J587" s="10" t="s">
        <v>55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2</v>
      </c>
      <c r="E588" s="9" t="s">
        <v>228</v>
      </c>
      <c r="F588" s="9" t="s">
        <v>282</v>
      </c>
      <c r="G588" s="9" t="s">
        <v>280</v>
      </c>
      <c r="H588" s="6">
        <v>50</v>
      </c>
      <c r="I588" s="6">
        <v>10</v>
      </c>
      <c r="J588" s="6">
        <v>8</v>
      </c>
      <c r="K588" s="6">
        <v>40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2</v>
      </c>
      <c r="E589" s="9" t="s">
        <v>228</v>
      </c>
      <c r="F589" s="9" t="s">
        <v>283</v>
      </c>
      <c r="G589" s="9" t="s">
        <v>6</v>
      </c>
      <c r="H589" s="6">
        <v>4</v>
      </c>
      <c r="I589" s="10" t="s">
        <v>55</v>
      </c>
      <c r="J589" s="10" t="s">
        <v>55</v>
      </c>
      <c r="K589" s="6">
        <v>4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2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2</v>
      </c>
      <c r="E591" s="9" t="s">
        <v>228</v>
      </c>
      <c r="F591" s="9" t="s">
        <v>283</v>
      </c>
      <c r="G591" s="9" t="s">
        <v>273</v>
      </c>
      <c r="H591" s="10" t="s">
        <v>55</v>
      </c>
      <c r="I591" s="10" t="s">
        <v>55</v>
      </c>
      <c r="J591" s="10" t="s">
        <v>55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2</v>
      </c>
      <c r="E592" s="9" t="s">
        <v>228</v>
      </c>
      <c r="F592" s="9" t="s">
        <v>283</v>
      </c>
      <c r="G592" s="9" t="s">
        <v>274</v>
      </c>
      <c r="H592" s="10" t="s">
        <v>55</v>
      </c>
      <c r="I592" s="10" t="s">
        <v>55</v>
      </c>
      <c r="J592" s="10" t="s">
        <v>55</v>
      </c>
      <c r="K592" s="10" t="s">
        <v>55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2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2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2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2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2</v>
      </c>
      <c r="E597" s="9" t="s">
        <v>228</v>
      </c>
      <c r="F597" s="9" t="s">
        <v>283</v>
      </c>
      <c r="G597" s="9" t="s">
        <v>279</v>
      </c>
      <c r="H597" s="10" t="s">
        <v>55</v>
      </c>
      <c r="I597" s="10" t="s">
        <v>55</v>
      </c>
      <c r="J597" s="10" t="s">
        <v>55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2</v>
      </c>
      <c r="E598" s="9" t="s">
        <v>228</v>
      </c>
      <c r="F598" s="9" t="s">
        <v>283</v>
      </c>
      <c r="G598" s="9" t="s">
        <v>280</v>
      </c>
      <c r="H598" s="6">
        <v>4</v>
      </c>
      <c r="I598" s="10" t="s">
        <v>55</v>
      </c>
      <c r="J598" s="10" t="s">
        <v>55</v>
      </c>
      <c r="K598" s="6">
        <v>4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2</v>
      </c>
      <c r="E599" s="9" t="s">
        <v>18</v>
      </c>
      <c r="F599" s="9" t="s">
        <v>6</v>
      </c>
      <c r="G599" s="9" t="s">
        <v>6</v>
      </c>
      <c r="H599" s="6">
        <v>30</v>
      </c>
      <c r="I599" s="10" t="s">
        <v>55</v>
      </c>
      <c r="J599" s="10" t="s">
        <v>55</v>
      </c>
      <c r="K599" s="6">
        <v>1</v>
      </c>
      <c r="L599" s="6">
        <v>29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2</v>
      </c>
      <c r="E600" s="9" t="s">
        <v>18</v>
      </c>
      <c r="F600" s="9" t="s">
        <v>234</v>
      </c>
      <c r="G600" s="9" t="s">
        <v>6</v>
      </c>
      <c r="H600" s="6">
        <v>10</v>
      </c>
      <c r="I600" s="10" t="s">
        <v>55</v>
      </c>
      <c r="J600" s="10" t="s">
        <v>55</v>
      </c>
      <c r="K600" s="10" t="s">
        <v>55</v>
      </c>
      <c r="L600" s="6">
        <v>10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2</v>
      </c>
      <c r="E601" s="9" t="s">
        <v>18</v>
      </c>
      <c r="F601" s="9" t="s">
        <v>235</v>
      </c>
      <c r="G601" s="9" t="s">
        <v>6</v>
      </c>
      <c r="H601" s="6">
        <v>20</v>
      </c>
      <c r="I601" s="10" t="s">
        <v>55</v>
      </c>
      <c r="J601" s="10" t="s">
        <v>55</v>
      </c>
      <c r="K601" s="6">
        <v>1</v>
      </c>
      <c r="L601" s="6">
        <v>19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2</v>
      </c>
      <c r="E602" s="9" t="s">
        <v>18</v>
      </c>
      <c r="F602" s="9" t="s">
        <v>235</v>
      </c>
      <c r="G602" s="9" t="s">
        <v>272</v>
      </c>
      <c r="H602" s="10" t="s">
        <v>55</v>
      </c>
      <c r="I602" s="10" t="s">
        <v>55</v>
      </c>
      <c r="J602" s="10" t="s">
        <v>55</v>
      </c>
      <c r="K602" s="10" t="s">
        <v>55</v>
      </c>
      <c r="L602" s="10" t="s">
        <v>55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2</v>
      </c>
      <c r="E603" s="9" t="s">
        <v>18</v>
      </c>
      <c r="F603" s="9" t="s">
        <v>235</v>
      </c>
      <c r="G603" s="9" t="s">
        <v>273</v>
      </c>
      <c r="H603" s="6">
        <v>3</v>
      </c>
      <c r="I603" s="10" t="s">
        <v>55</v>
      </c>
      <c r="J603" s="10" t="s">
        <v>55</v>
      </c>
      <c r="K603" s="10" t="s">
        <v>55</v>
      </c>
      <c r="L603" s="6">
        <v>3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2</v>
      </c>
      <c r="E604" s="9" t="s">
        <v>18</v>
      </c>
      <c r="F604" s="9" t="s">
        <v>235</v>
      </c>
      <c r="G604" s="9" t="s">
        <v>274</v>
      </c>
      <c r="H604" s="6">
        <v>1</v>
      </c>
      <c r="I604" s="10" t="s">
        <v>55</v>
      </c>
      <c r="J604" s="10" t="s">
        <v>55</v>
      </c>
      <c r="K604" s="10" t="s">
        <v>55</v>
      </c>
      <c r="L604" s="6">
        <v>1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2</v>
      </c>
      <c r="E605" s="9" t="s">
        <v>18</v>
      </c>
      <c r="F605" s="9" t="s">
        <v>235</v>
      </c>
      <c r="G605" s="9" t="s">
        <v>275</v>
      </c>
      <c r="H605" s="10" t="s">
        <v>55</v>
      </c>
      <c r="I605" s="10" t="s">
        <v>55</v>
      </c>
      <c r="J605" s="10" t="s">
        <v>55</v>
      </c>
      <c r="K605" s="10" t="s">
        <v>55</v>
      </c>
      <c r="L605" s="10" t="s">
        <v>55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2</v>
      </c>
      <c r="E606" s="9" t="s">
        <v>18</v>
      </c>
      <c r="F606" s="9" t="s">
        <v>235</v>
      </c>
      <c r="G606" s="9" t="s">
        <v>276</v>
      </c>
      <c r="H606" s="6">
        <v>1</v>
      </c>
      <c r="I606" s="10" t="s">
        <v>55</v>
      </c>
      <c r="J606" s="10" t="s">
        <v>55</v>
      </c>
      <c r="K606" s="10" t="s">
        <v>55</v>
      </c>
      <c r="L606" s="6">
        <v>1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2</v>
      </c>
      <c r="E607" s="9" t="s">
        <v>18</v>
      </c>
      <c r="F607" s="9" t="s">
        <v>235</v>
      </c>
      <c r="G607" s="9" t="s">
        <v>277</v>
      </c>
      <c r="H607" s="10" t="s">
        <v>55</v>
      </c>
      <c r="I607" s="10" t="s">
        <v>55</v>
      </c>
      <c r="J607" s="10" t="s">
        <v>55</v>
      </c>
      <c r="K607" s="10" t="s">
        <v>55</v>
      </c>
      <c r="L607" s="10" t="s">
        <v>55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2</v>
      </c>
      <c r="E608" s="9" t="s">
        <v>18</v>
      </c>
      <c r="F608" s="9" t="s">
        <v>235</v>
      </c>
      <c r="G608" s="9" t="s">
        <v>278</v>
      </c>
      <c r="H608" s="6">
        <v>1</v>
      </c>
      <c r="I608" s="10" t="s">
        <v>55</v>
      </c>
      <c r="J608" s="10" t="s">
        <v>55</v>
      </c>
      <c r="K608" s="10" t="s">
        <v>55</v>
      </c>
      <c r="L608" s="6">
        <v>1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2</v>
      </c>
      <c r="E609" s="9" t="s">
        <v>18</v>
      </c>
      <c r="F609" s="9" t="s">
        <v>235</v>
      </c>
      <c r="G609" s="9" t="s">
        <v>279</v>
      </c>
      <c r="H609" s="10" t="s">
        <v>55</v>
      </c>
      <c r="I609" s="10" t="s">
        <v>55</v>
      </c>
      <c r="J609" s="10" t="s">
        <v>55</v>
      </c>
      <c r="K609" s="10" t="s">
        <v>55</v>
      </c>
      <c r="L609" s="10" t="s">
        <v>55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2</v>
      </c>
      <c r="E610" s="9" t="s">
        <v>18</v>
      </c>
      <c r="F610" s="9" t="s">
        <v>235</v>
      </c>
      <c r="G610" s="9" t="s">
        <v>280</v>
      </c>
      <c r="H610" s="6">
        <v>14</v>
      </c>
      <c r="I610" s="10" t="s">
        <v>55</v>
      </c>
      <c r="J610" s="10" t="s">
        <v>55</v>
      </c>
      <c r="K610" s="6">
        <v>1</v>
      </c>
      <c r="L610" s="6">
        <v>13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2</v>
      </c>
      <c r="E611" s="9" t="s">
        <v>18</v>
      </c>
      <c r="F611" s="9" t="s">
        <v>281</v>
      </c>
      <c r="G611" s="9" t="s">
        <v>6</v>
      </c>
      <c r="H611" s="6">
        <v>12</v>
      </c>
      <c r="I611" s="10" t="s">
        <v>55</v>
      </c>
      <c r="J611" s="10" t="s">
        <v>55</v>
      </c>
      <c r="K611" s="10" t="s">
        <v>55</v>
      </c>
      <c r="L611" s="6">
        <v>12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2</v>
      </c>
      <c r="E612" s="9" t="s">
        <v>18</v>
      </c>
      <c r="F612" s="9" t="s">
        <v>281</v>
      </c>
      <c r="G612" s="9" t="s">
        <v>272</v>
      </c>
      <c r="H612" s="10" t="s">
        <v>55</v>
      </c>
      <c r="I612" s="10" t="s">
        <v>55</v>
      </c>
      <c r="J612" s="10" t="s">
        <v>55</v>
      </c>
      <c r="K612" s="10" t="s">
        <v>55</v>
      </c>
      <c r="L612" s="10" t="s">
        <v>55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2</v>
      </c>
      <c r="E613" s="9" t="s">
        <v>18</v>
      </c>
      <c r="F613" s="9" t="s">
        <v>281</v>
      </c>
      <c r="G613" s="9" t="s">
        <v>273</v>
      </c>
      <c r="H613" s="6">
        <v>2</v>
      </c>
      <c r="I613" s="10" t="s">
        <v>55</v>
      </c>
      <c r="J613" s="10" t="s">
        <v>55</v>
      </c>
      <c r="K613" s="10" t="s">
        <v>55</v>
      </c>
      <c r="L613" s="6">
        <v>2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2</v>
      </c>
      <c r="E614" s="9" t="s">
        <v>18</v>
      </c>
      <c r="F614" s="9" t="s">
        <v>281</v>
      </c>
      <c r="G614" s="9" t="s">
        <v>274</v>
      </c>
      <c r="H614" s="10" t="s">
        <v>55</v>
      </c>
      <c r="I614" s="10" t="s">
        <v>55</v>
      </c>
      <c r="J614" s="10" t="s">
        <v>55</v>
      </c>
      <c r="K614" s="10" t="s">
        <v>55</v>
      </c>
      <c r="L614" s="10" t="s">
        <v>55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2</v>
      </c>
      <c r="E615" s="9" t="s">
        <v>18</v>
      </c>
      <c r="F615" s="9" t="s">
        <v>281</v>
      </c>
      <c r="G615" s="9" t="s">
        <v>275</v>
      </c>
      <c r="H615" s="10" t="s">
        <v>55</v>
      </c>
      <c r="I615" s="10" t="s">
        <v>55</v>
      </c>
      <c r="J615" s="10" t="s">
        <v>55</v>
      </c>
      <c r="K615" s="10" t="s">
        <v>55</v>
      </c>
      <c r="L615" s="10" t="s">
        <v>55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2</v>
      </c>
      <c r="E616" s="9" t="s">
        <v>18</v>
      </c>
      <c r="F616" s="9" t="s">
        <v>281</v>
      </c>
      <c r="G616" s="9" t="s">
        <v>276</v>
      </c>
      <c r="H616" s="10" t="s">
        <v>55</v>
      </c>
      <c r="I616" s="10" t="s">
        <v>55</v>
      </c>
      <c r="J616" s="10" t="s">
        <v>55</v>
      </c>
      <c r="K616" s="10" t="s">
        <v>55</v>
      </c>
      <c r="L616" s="10" t="s">
        <v>55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2</v>
      </c>
      <c r="E617" s="9" t="s">
        <v>18</v>
      </c>
      <c r="F617" s="9" t="s">
        <v>281</v>
      </c>
      <c r="G617" s="9" t="s">
        <v>277</v>
      </c>
      <c r="H617" s="10" t="s">
        <v>55</v>
      </c>
      <c r="I617" s="10" t="s">
        <v>55</v>
      </c>
      <c r="J617" s="10" t="s">
        <v>55</v>
      </c>
      <c r="K617" s="10" t="s">
        <v>55</v>
      </c>
      <c r="L617" s="10" t="s">
        <v>55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2</v>
      </c>
      <c r="E618" s="9" t="s">
        <v>18</v>
      </c>
      <c r="F618" s="9" t="s">
        <v>281</v>
      </c>
      <c r="G618" s="9" t="s">
        <v>278</v>
      </c>
      <c r="H618" s="6">
        <v>1</v>
      </c>
      <c r="I618" s="10" t="s">
        <v>55</v>
      </c>
      <c r="J618" s="10" t="s">
        <v>55</v>
      </c>
      <c r="K618" s="10" t="s">
        <v>55</v>
      </c>
      <c r="L618" s="6">
        <v>1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2</v>
      </c>
      <c r="E619" s="9" t="s">
        <v>18</v>
      </c>
      <c r="F619" s="9" t="s">
        <v>281</v>
      </c>
      <c r="G619" s="9" t="s">
        <v>279</v>
      </c>
      <c r="H619" s="10" t="s">
        <v>55</v>
      </c>
      <c r="I619" s="10" t="s">
        <v>55</v>
      </c>
      <c r="J619" s="10" t="s">
        <v>55</v>
      </c>
      <c r="K619" s="10" t="s">
        <v>55</v>
      </c>
      <c r="L619" s="10" t="s">
        <v>55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2</v>
      </c>
      <c r="E620" s="9" t="s">
        <v>18</v>
      </c>
      <c r="F620" s="9" t="s">
        <v>281</v>
      </c>
      <c r="G620" s="9" t="s">
        <v>280</v>
      </c>
      <c r="H620" s="6">
        <v>9</v>
      </c>
      <c r="I620" s="10" t="s">
        <v>55</v>
      </c>
      <c r="J620" s="10" t="s">
        <v>55</v>
      </c>
      <c r="K620" s="10" t="s">
        <v>55</v>
      </c>
      <c r="L620" s="6">
        <v>9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2</v>
      </c>
      <c r="E621" s="9" t="s">
        <v>18</v>
      </c>
      <c r="F621" s="9" t="s">
        <v>282</v>
      </c>
      <c r="G621" s="9" t="s">
        <v>6</v>
      </c>
      <c r="H621" s="6">
        <v>4</v>
      </c>
      <c r="I621" s="10" t="s">
        <v>55</v>
      </c>
      <c r="J621" s="10" t="s">
        <v>55</v>
      </c>
      <c r="K621" s="6">
        <v>1</v>
      </c>
      <c r="L621" s="6">
        <v>3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2</v>
      </c>
      <c r="E622" s="9" t="s">
        <v>18</v>
      </c>
      <c r="F622" s="9" t="s">
        <v>282</v>
      </c>
      <c r="G622" s="9" t="s">
        <v>272</v>
      </c>
      <c r="H622" s="10" t="s">
        <v>55</v>
      </c>
      <c r="I622" s="10" t="s">
        <v>55</v>
      </c>
      <c r="J622" s="10" t="s">
        <v>55</v>
      </c>
      <c r="K622" s="10" t="s">
        <v>55</v>
      </c>
      <c r="L622" s="10" t="s">
        <v>55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2</v>
      </c>
      <c r="E623" s="9" t="s">
        <v>18</v>
      </c>
      <c r="F623" s="9" t="s">
        <v>282</v>
      </c>
      <c r="G623" s="9" t="s">
        <v>273</v>
      </c>
      <c r="H623" s="10" t="s">
        <v>55</v>
      </c>
      <c r="I623" s="10" t="s">
        <v>55</v>
      </c>
      <c r="J623" s="10" t="s">
        <v>55</v>
      </c>
      <c r="K623" s="10" t="s">
        <v>55</v>
      </c>
      <c r="L623" s="10" t="s">
        <v>55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2</v>
      </c>
      <c r="E624" s="9" t="s">
        <v>18</v>
      </c>
      <c r="F624" s="9" t="s">
        <v>282</v>
      </c>
      <c r="G624" s="9" t="s">
        <v>274</v>
      </c>
      <c r="H624" s="10" t="s">
        <v>55</v>
      </c>
      <c r="I624" s="10" t="s">
        <v>55</v>
      </c>
      <c r="J624" s="10" t="s">
        <v>55</v>
      </c>
      <c r="K624" s="10" t="s">
        <v>55</v>
      </c>
      <c r="L624" s="10" t="s">
        <v>55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2</v>
      </c>
      <c r="E625" s="9" t="s">
        <v>18</v>
      </c>
      <c r="F625" s="9" t="s">
        <v>282</v>
      </c>
      <c r="G625" s="9" t="s">
        <v>275</v>
      </c>
      <c r="H625" s="10" t="s">
        <v>55</v>
      </c>
      <c r="I625" s="10" t="s">
        <v>55</v>
      </c>
      <c r="J625" s="10" t="s">
        <v>55</v>
      </c>
      <c r="K625" s="10" t="s">
        <v>55</v>
      </c>
      <c r="L625" s="10" t="s">
        <v>55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2</v>
      </c>
      <c r="E626" s="9" t="s">
        <v>18</v>
      </c>
      <c r="F626" s="9" t="s">
        <v>282</v>
      </c>
      <c r="G626" s="9" t="s">
        <v>276</v>
      </c>
      <c r="H626" s="10" t="s">
        <v>55</v>
      </c>
      <c r="I626" s="10" t="s">
        <v>55</v>
      </c>
      <c r="J626" s="10" t="s">
        <v>55</v>
      </c>
      <c r="K626" s="10" t="s">
        <v>55</v>
      </c>
      <c r="L626" s="10" t="s">
        <v>55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2</v>
      </c>
      <c r="E627" s="9" t="s">
        <v>18</v>
      </c>
      <c r="F627" s="9" t="s">
        <v>282</v>
      </c>
      <c r="G627" s="9" t="s">
        <v>277</v>
      </c>
      <c r="H627" s="10" t="s">
        <v>55</v>
      </c>
      <c r="I627" s="10" t="s">
        <v>55</v>
      </c>
      <c r="J627" s="10" t="s">
        <v>55</v>
      </c>
      <c r="K627" s="10" t="s">
        <v>55</v>
      </c>
      <c r="L627" s="10" t="s">
        <v>55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2</v>
      </c>
      <c r="E628" s="9" t="s">
        <v>18</v>
      </c>
      <c r="F628" s="9" t="s">
        <v>282</v>
      </c>
      <c r="G628" s="9" t="s">
        <v>278</v>
      </c>
      <c r="H628" s="10" t="s">
        <v>55</v>
      </c>
      <c r="I628" s="10" t="s">
        <v>55</v>
      </c>
      <c r="J628" s="10" t="s">
        <v>55</v>
      </c>
      <c r="K628" s="10" t="s">
        <v>55</v>
      </c>
      <c r="L628" s="10" t="s">
        <v>55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2</v>
      </c>
      <c r="E629" s="9" t="s">
        <v>18</v>
      </c>
      <c r="F629" s="9" t="s">
        <v>282</v>
      </c>
      <c r="G629" s="9" t="s">
        <v>279</v>
      </c>
      <c r="H629" s="10" t="s">
        <v>55</v>
      </c>
      <c r="I629" s="10" t="s">
        <v>55</v>
      </c>
      <c r="J629" s="10" t="s">
        <v>55</v>
      </c>
      <c r="K629" s="10" t="s">
        <v>55</v>
      </c>
      <c r="L629" s="10" t="s">
        <v>55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2</v>
      </c>
      <c r="E630" s="9" t="s">
        <v>18</v>
      </c>
      <c r="F630" s="9" t="s">
        <v>282</v>
      </c>
      <c r="G630" s="9" t="s">
        <v>280</v>
      </c>
      <c r="H630" s="6">
        <v>4</v>
      </c>
      <c r="I630" s="10" t="s">
        <v>55</v>
      </c>
      <c r="J630" s="10" t="s">
        <v>55</v>
      </c>
      <c r="K630" s="6">
        <v>1</v>
      </c>
      <c r="L630" s="6">
        <v>3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2</v>
      </c>
      <c r="E631" s="9" t="s">
        <v>18</v>
      </c>
      <c r="F631" s="9" t="s">
        <v>283</v>
      </c>
      <c r="G631" s="9" t="s">
        <v>6</v>
      </c>
      <c r="H631" s="6">
        <v>4</v>
      </c>
      <c r="I631" s="10" t="s">
        <v>55</v>
      </c>
      <c r="J631" s="10" t="s">
        <v>55</v>
      </c>
      <c r="K631" s="10" t="s">
        <v>55</v>
      </c>
      <c r="L631" s="6">
        <v>4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2</v>
      </c>
      <c r="E632" s="9" t="s">
        <v>18</v>
      </c>
      <c r="F632" s="9" t="s">
        <v>283</v>
      </c>
      <c r="G632" s="9" t="s">
        <v>272</v>
      </c>
      <c r="H632" s="10" t="s">
        <v>55</v>
      </c>
      <c r="I632" s="10" t="s">
        <v>55</v>
      </c>
      <c r="J632" s="10" t="s">
        <v>55</v>
      </c>
      <c r="K632" s="10" t="s">
        <v>55</v>
      </c>
      <c r="L632" s="10" t="s">
        <v>55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2</v>
      </c>
      <c r="E633" s="9" t="s">
        <v>18</v>
      </c>
      <c r="F633" s="9" t="s">
        <v>283</v>
      </c>
      <c r="G633" s="9" t="s">
        <v>273</v>
      </c>
      <c r="H633" s="6">
        <v>1</v>
      </c>
      <c r="I633" s="10" t="s">
        <v>55</v>
      </c>
      <c r="J633" s="10" t="s">
        <v>55</v>
      </c>
      <c r="K633" s="10" t="s">
        <v>55</v>
      </c>
      <c r="L633" s="6">
        <v>1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2</v>
      </c>
      <c r="E634" s="9" t="s">
        <v>18</v>
      </c>
      <c r="F634" s="9" t="s">
        <v>283</v>
      </c>
      <c r="G634" s="9" t="s">
        <v>274</v>
      </c>
      <c r="H634" s="6">
        <v>1</v>
      </c>
      <c r="I634" s="10" t="s">
        <v>55</v>
      </c>
      <c r="J634" s="10" t="s">
        <v>55</v>
      </c>
      <c r="K634" s="10" t="s">
        <v>55</v>
      </c>
      <c r="L634" s="6">
        <v>1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2</v>
      </c>
      <c r="E635" s="9" t="s">
        <v>18</v>
      </c>
      <c r="F635" s="9" t="s">
        <v>283</v>
      </c>
      <c r="G635" s="9" t="s">
        <v>275</v>
      </c>
      <c r="H635" s="10" t="s">
        <v>55</v>
      </c>
      <c r="I635" s="10" t="s">
        <v>55</v>
      </c>
      <c r="J635" s="10" t="s">
        <v>55</v>
      </c>
      <c r="K635" s="10" t="s">
        <v>55</v>
      </c>
      <c r="L635" s="10" t="s">
        <v>55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2</v>
      </c>
      <c r="E636" s="9" t="s">
        <v>18</v>
      </c>
      <c r="F636" s="9" t="s">
        <v>283</v>
      </c>
      <c r="G636" s="9" t="s">
        <v>276</v>
      </c>
      <c r="H636" s="6">
        <v>1</v>
      </c>
      <c r="I636" s="10" t="s">
        <v>55</v>
      </c>
      <c r="J636" s="10" t="s">
        <v>55</v>
      </c>
      <c r="K636" s="10" t="s">
        <v>55</v>
      </c>
      <c r="L636" s="6">
        <v>1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2</v>
      </c>
      <c r="E637" s="9" t="s">
        <v>18</v>
      </c>
      <c r="F637" s="9" t="s">
        <v>283</v>
      </c>
      <c r="G637" s="9" t="s">
        <v>277</v>
      </c>
      <c r="H637" s="10" t="s">
        <v>55</v>
      </c>
      <c r="I637" s="10" t="s">
        <v>55</v>
      </c>
      <c r="J637" s="10" t="s">
        <v>55</v>
      </c>
      <c r="K637" s="10" t="s">
        <v>55</v>
      </c>
      <c r="L637" s="10" t="s">
        <v>55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2</v>
      </c>
      <c r="E638" s="9" t="s">
        <v>18</v>
      </c>
      <c r="F638" s="9" t="s">
        <v>283</v>
      </c>
      <c r="G638" s="9" t="s">
        <v>278</v>
      </c>
      <c r="H638" s="10" t="s">
        <v>55</v>
      </c>
      <c r="I638" s="10" t="s">
        <v>55</v>
      </c>
      <c r="J638" s="10" t="s">
        <v>55</v>
      </c>
      <c r="K638" s="10" t="s">
        <v>55</v>
      </c>
      <c r="L638" s="10" t="s">
        <v>55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2</v>
      </c>
      <c r="E639" s="9" t="s">
        <v>18</v>
      </c>
      <c r="F639" s="9" t="s">
        <v>283</v>
      </c>
      <c r="G639" s="9" t="s">
        <v>279</v>
      </c>
      <c r="H639" s="10" t="s">
        <v>55</v>
      </c>
      <c r="I639" s="10" t="s">
        <v>55</v>
      </c>
      <c r="J639" s="10" t="s">
        <v>55</v>
      </c>
      <c r="K639" s="10" t="s">
        <v>55</v>
      </c>
      <c r="L639" s="10" t="s">
        <v>55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2</v>
      </c>
      <c r="E640" s="9" t="s">
        <v>18</v>
      </c>
      <c r="F640" s="9" t="s">
        <v>283</v>
      </c>
      <c r="G640" s="9" t="s">
        <v>280</v>
      </c>
      <c r="H640" s="6">
        <v>1</v>
      </c>
      <c r="I640" s="10" t="s">
        <v>55</v>
      </c>
      <c r="J640" s="10" t="s">
        <v>55</v>
      </c>
      <c r="K640" s="10" t="s">
        <v>55</v>
      </c>
      <c r="L640" s="6">
        <v>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4B5BD93-51DA-4DE4-9E20-1EAF4BEB0CD5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7</v>
      </c>
    </row>
    <row r="3" spans="1:12" s="1" customFormat="1"/>
    <row r="4" spans="1:12" s="1" customFormat="1" hidden="1"/>
    <row r="5" spans="1:12" s="1" customFormat="1"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4</v>
      </c>
      <c r="E11" s="5" t="s">
        <v>6</v>
      </c>
      <c r="F11" s="5" t="s">
        <v>6</v>
      </c>
      <c r="G11" s="5" t="s">
        <v>6</v>
      </c>
      <c r="H11" s="6">
        <v>1951546</v>
      </c>
      <c r="I11" s="6">
        <v>1337110</v>
      </c>
      <c r="J11" s="6">
        <v>1145837</v>
      </c>
      <c r="K11" s="6">
        <v>536588</v>
      </c>
      <c r="L11" s="6">
        <v>77848</v>
      </c>
    </row>
    <row r="12" spans="1:12">
      <c r="A12" s="9" t="s">
        <v>27</v>
      </c>
      <c r="B12" s="9" t="s">
        <v>28</v>
      </c>
      <c r="C12" s="9" t="s">
        <v>29</v>
      </c>
      <c r="D12" s="9" t="s">
        <v>264</v>
      </c>
      <c r="E12" s="9" t="s">
        <v>6</v>
      </c>
      <c r="F12" s="9" t="s">
        <v>234</v>
      </c>
      <c r="G12" s="9" t="s">
        <v>6</v>
      </c>
      <c r="H12" s="6">
        <v>27119</v>
      </c>
      <c r="I12" s="6">
        <v>19781</v>
      </c>
      <c r="J12" s="6">
        <v>17186</v>
      </c>
      <c r="K12" s="6">
        <v>6341</v>
      </c>
      <c r="L12" s="6">
        <v>997</v>
      </c>
    </row>
    <row r="13" spans="1:12">
      <c r="A13" s="9" t="s">
        <v>27</v>
      </c>
      <c r="B13" s="9" t="s">
        <v>28</v>
      </c>
      <c r="C13" s="9" t="s">
        <v>29</v>
      </c>
      <c r="D13" s="9" t="s">
        <v>264</v>
      </c>
      <c r="E13" s="9" t="s">
        <v>6</v>
      </c>
      <c r="F13" s="9" t="s">
        <v>235</v>
      </c>
      <c r="G13" s="9" t="s">
        <v>6</v>
      </c>
      <c r="H13" s="6">
        <v>1924427</v>
      </c>
      <c r="I13" s="6">
        <v>1317329</v>
      </c>
      <c r="J13" s="6">
        <v>1128651</v>
      </c>
      <c r="K13" s="6">
        <v>530247</v>
      </c>
      <c r="L13" s="6">
        <v>76851</v>
      </c>
    </row>
    <row r="14" spans="1:12">
      <c r="A14" s="9" t="s">
        <v>27</v>
      </c>
      <c r="B14" s="9" t="s">
        <v>28</v>
      </c>
      <c r="C14" s="9" t="s">
        <v>29</v>
      </c>
      <c r="D14" s="9" t="s">
        <v>264</v>
      </c>
      <c r="E14" s="9" t="s">
        <v>6</v>
      </c>
      <c r="F14" s="9" t="s">
        <v>235</v>
      </c>
      <c r="G14" s="9" t="s">
        <v>272</v>
      </c>
      <c r="H14" s="6">
        <v>54167</v>
      </c>
      <c r="I14" s="6">
        <v>26001</v>
      </c>
      <c r="J14" s="6">
        <v>22850</v>
      </c>
      <c r="K14" s="6">
        <v>24617</v>
      </c>
      <c r="L14" s="6">
        <v>3549</v>
      </c>
    </row>
    <row r="15" spans="1:12">
      <c r="A15" s="9" t="s">
        <v>27</v>
      </c>
      <c r="B15" s="9" t="s">
        <v>28</v>
      </c>
      <c r="C15" s="9" t="s">
        <v>29</v>
      </c>
      <c r="D15" s="9" t="s">
        <v>264</v>
      </c>
      <c r="E15" s="9" t="s">
        <v>6</v>
      </c>
      <c r="F15" s="9" t="s">
        <v>235</v>
      </c>
      <c r="G15" s="9" t="s">
        <v>273</v>
      </c>
      <c r="H15" s="6">
        <v>106719</v>
      </c>
      <c r="I15" s="6">
        <v>68766</v>
      </c>
      <c r="J15" s="6">
        <v>60686</v>
      </c>
      <c r="K15" s="6">
        <v>31450</v>
      </c>
      <c r="L15" s="6">
        <v>6503</v>
      </c>
    </row>
    <row r="16" spans="1:12">
      <c r="A16" s="9" t="s">
        <v>27</v>
      </c>
      <c r="B16" s="9" t="s">
        <v>28</v>
      </c>
      <c r="C16" s="9" t="s">
        <v>29</v>
      </c>
      <c r="D16" s="9" t="s">
        <v>264</v>
      </c>
      <c r="E16" s="9" t="s">
        <v>6</v>
      </c>
      <c r="F16" s="9" t="s">
        <v>235</v>
      </c>
      <c r="G16" s="9" t="s">
        <v>274</v>
      </c>
      <c r="H16" s="6">
        <v>136202</v>
      </c>
      <c r="I16" s="6">
        <v>102480</v>
      </c>
      <c r="J16" s="6">
        <v>90684</v>
      </c>
      <c r="K16" s="6">
        <v>26637</v>
      </c>
      <c r="L16" s="6">
        <v>7085</v>
      </c>
    </row>
    <row r="17" spans="1:12">
      <c r="A17" s="9" t="s">
        <v>27</v>
      </c>
      <c r="B17" s="9" t="s">
        <v>28</v>
      </c>
      <c r="C17" s="9" t="s">
        <v>29</v>
      </c>
      <c r="D17" s="9" t="s">
        <v>264</v>
      </c>
      <c r="E17" s="9" t="s">
        <v>6</v>
      </c>
      <c r="F17" s="9" t="s">
        <v>235</v>
      </c>
      <c r="G17" s="9" t="s">
        <v>275</v>
      </c>
      <c r="H17" s="6">
        <v>135597</v>
      </c>
      <c r="I17" s="6">
        <v>108455</v>
      </c>
      <c r="J17" s="6">
        <v>96500</v>
      </c>
      <c r="K17" s="6">
        <v>20868</v>
      </c>
      <c r="L17" s="6">
        <v>6274</v>
      </c>
    </row>
    <row r="18" spans="1:12">
      <c r="A18" s="9" t="s">
        <v>27</v>
      </c>
      <c r="B18" s="9" t="s">
        <v>28</v>
      </c>
      <c r="C18" s="9" t="s">
        <v>29</v>
      </c>
      <c r="D18" s="9" t="s">
        <v>264</v>
      </c>
      <c r="E18" s="9" t="s">
        <v>6</v>
      </c>
      <c r="F18" s="9" t="s">
        <v>235</v>
      </c>
      <c r="G18" s="9" t="s">
        <v>276</v>
      </c>
      <c r="H18" s="6">
        <v>144538</v>
      </c>
      <c r="I18" s="6">
        <v>118469</v>
      </c>
      <c r="J18" s="6">
        <v>105588</v>
      </c>
      <c r="K18" s="6">
        <v>19634</v>
      </c>
      <c r="L18" s="6">
        <v>6435</v>
      </c>
    </row>
    <row r="19" spans="1:12">
      <c r="A19" s="9" t="s">
        <v>27</v>
      </c>
      <c r="B19" s="9" t="s">
        <v>28</v>
      </c>
      <c r="C19" s="9" t="s">
        <v>29</v>
      </c>
      <c r="D19" s="9" t="s">
        <v>264</v>
      </c>
      <c r="E19" s="9" t="s">
        <v>6</v>
      </c>
      <c r="F19" s="9" t="s">
        <v>235</v>
      </c>
      <c r="G19" s="9" t="s">
        <v>277</v>
      </c>
      <c r="H19" s="6">
        <v>154933</v>
      </c>
      <c r="I19" s="6">
        <v>128406</v>
      </c>
      <c r="J19" s="6">
        <v>115033</v>
      </c>
      <c r="K19" s="6">
        <v>20234</v>
      </c>
      <c r="L19" s="6">
        <v>6293</v>
      </c>
    </row>
    <row r="20" spans="1:12">
      <c r="A20" s="9" t="s">
        <v>27</v>
      </c>
      <c r="B20" s="9" t="s">
        <v>28</v>
      </c>
      <c r="C20" s="9" t="s">
        <v>29</v>
      </c>
      <c r="D20" s="9" t="s">
        <v>264</v>
      </c>
      <c r="E20" s="9" t="s">
        <v>6</v>
      </c>
      <c r="F20" s="9" t="s">
        <v>235</v>
      </c>
      <c r="G20" s="9" t="s">
        <v>278</v>
      </c>
      <c r="H20" s="6">
        <v>163012</v>
      </c>
      <c r="I20" s="6">
        <v>134957</v>
      </c>
      <c r="J20" s="6">
        <v>121078</v>
      </c>
      <c r="K20" s="6">
        <v>21801</v>
      </c>
      <c r="L20" s="6">
        <v>6254</v>
      </c>
    </row>
    <row r="21" spans="1:12">
      <c r="A21" s="9" t="s">
        <v>27</v>
      </c>
      <c r="B21" s="9" t="s">
        <v>28</v>
      </c>
      <c r="C21" s="9" t="s">
        <v>29</v>
      </c>
      <c r="D21" s="9" t="s">
        <v>264</v>
      </c>
      <c r="E21" s="9" t="s">
        <v>6</v>
      </c>
      <c r="F21" s="9" t="s">
        <v>235</v>
      </c>
      <c r="G21" s="9" t="s">
        <v>279</v>
      </c>
      <c r="H21" s="6">
        <v>97857</v>
      </c>
      <c r="I21" s="6">
        <v>79027</v>
      </c>
      <c r="J21" s="6">
        <v>70810</v>
      </c>
      <c r="K21" s="6">
        <v>14561</v>
      </c>
      <c r="L21" s="6">
        <v>4269</v>
      </c>
    </row>
    <row r="22" spans="1:12">
      <c r="A22" s="9" t="s">
        <v>27</v>
      </c>
      <c r="B22" s="9" t="s">
        <v>28</v>
      </c>
      <c r="C22" s="9" t="s">
        <v>29</v>
      </c>
      <c r="D22" s="9" t="s">
        <v>264</v>
      </c>
      <c r="E22" s="9" t="s">
        <v>6</v>
      </c>
      <c r="F22" s="9" t="s">
        <v>235</v>
      </c>
      <c r="G22" s="9" t="s">
        <v>280</v>
      </c>
      <c r="H22" s="6">
        <v>931402</v>
      </c>
      <c r="I22" s="6">
        <v>550768</v>
      </c>
      <c r="J22" s="6">
        <v>445422</v>
      </c>
      <c r="K22" s="6">
        <v>350445</v>
      </c>
      <c r="L22" s="6">
        <v>30189</v>
      </c>
    </row>
    <row r="23" spans="1:12">
      <c r="A23" s="9" t="s">
        <v>27</v>
      </c>
      <c r="B23" s="9" t="s">
        <v>28</v>
      </c>
      <c r="C23" s="9" t="s">
        <v>29</v>
      </c>
      <c r="D23" s="9" t="s">
        <v>264</v>
      </c>
      <c r="E23" s="9" t="s">
        <v>6</v>
      </c>
      <c r="F23" s="9" t="s">
        <v>281</v>
      </c>
      <c r="G23" s="9" t="s">
        <v>6</v>
      </c>
      <c r="H23" s="6">
        <v>990352</v>
      </c>
      <c r="I23" s="6">
        <v>612455</v>
      </c>
      <c r="J23" s="6">
        <v>510641</v>
      </c>
      <c r="K23" s="6">
        <v>342747</v>
      </c>
      <c r="L23" s="6">
        <v>35150</v>
      </c>
    </row>
    <row r="24" spans="1:12">
      <c r="A24" s="9" t="s">
        <v>27</v>
      </c>
      <c r="B24" s="9" t="s">
        <v>28</v>
      </c>
      <c r="C24" s="9" t="s">
        <v>29</v>
      </c>
      <c r="D24" s="9" t="s">
        <v>264</v>
      </c>
      <c r="E24" s="9" t="s">
        <v>6</v>
      </c>
      <c r="F24" s="9" t="s">
        <v>281</v>
      </c>
      <c r="G24" s="9" t="s">
        <v>272</v>
      </c>
      <c r="H24" s="6">
        <v>21445</v>
      </c>
      <c r="I24" s="6">
        <v>9694</v>
      </c>
      <c r="J24" s="6">
        <v>8746</v>
      </c>
      <c r="K24" s="6">
        <v>10154</v>
      </c>
      <c r="L24" s="6">
        <v>1597</v>
      </c>
    </row>
    <row r="25" spans="1:12">
      <c r="A25" s="9" t="s">
        <v>27</v>
      </c>
      <c r="B25" s="9" t="s">
        <v>28</v>
      </c>
      <c r="C25" s="9" t="s">
        <v>29</v>
      </c>
      <c r="D25" s="9" t="s">
        <v>264</v>
      </c>
      <c r="E25" s="9" t="s">
        <v>6</v>
      </c>
      <c r="F25" s="9" t="s">
        <v>281</v>
      </c>
      <c r="G25" s="9" t="s">
        <v>273</v>
      </c>
      <c r="H25" s="6">
        <v>38466</v>
      </c>
      <c r="I25" s="6">
        <v>23327</v>
      </c>
      <c r="J25" s="6">
        <v>20942</v>
      </c>
      <c r="K25" s="6">
        <v>12572</v>
      </c>
      <c r="L25" s="6">
        <v>2567</v>
      </c>
    </row>
    <row r="26" spans="1:12">
      <c r="A26" s="9" t="s">
        <v>27</v>
      </c>
      <c r="B26" s="9" t="s">
        <v>28</v>
      </c>
      <c r="C26" s="9" t="s">
        <v>29</v>
      </c>
      <c r="D26" s="9" t="s">
        <v>264</v>
      </c>
      <c r="E26" s="9" t="s">
        <v>6</v>
      </c>
      <c r="F26" s="9" t="s">
        <v>281</v>
      </c>
      <c r="G26" s="9" t="s">
        <v>274</v>
      </c>
      <c r="H26" s="6">
        <v>36293</v>
      </c>
      <c r="I26" s="6">
        <v>25597</v>
      </c>
      <c r="J26" s="6">
        <v>22802</v>
      </c>
      <c r="K26" s="6">
        <v>8536</v>
      </c>
      <c r="L26" s="6">
        <v>2160</v>
      </c>
    </row>
    <row r="27" spans="1:12">
      <c r="A27" s="9" t="s">
        <v>27</v>
      </c>
      <c r="B27" s="9" t="s">
        <v>28</v>
      </c>
      <c r="C27" s="9" t="s">
        <v>29</v>
      </c>
      <c r="D27" s="9" t="s">
        <v>264</v>
      </c>
      <c r="E27" s="9" t="s">
        <v>6</v>
      </c>
      <c r="F27" s="9" t="s">
        <v>281</v>
      </c>
      <c r="G27" s="9" t="s">
        <v>275</v>
      </c>
      <c r="H27" s="6">
        <v>30729</v>
      </c>
      <c r="I27" s="6">
        <v>22858</v>
      </c>
      <c r="J27" s="6">
        <v>20353</v>
      </c>
      <c r="K27" s="6">
        <v>6371</v>
      </c>
      <c r="L27" s="6">
        <v>1500</v>
      </c>
    </row>
    <row r="28" spans="1:12">
      <c r="A28" s="9" t="s">
        <v>27</v>
      </c>
      <c r="B28" s="9" t="s">
        <v>28</v>
      </c>
      <c r="C28" s="9" t="s">
        <v>29</v>
      </c>
      <c r="D28" s="9" t="s">
        <v>264</v>
      </c>
      <c r="E28" s="9" t="s">
        <v>6</v>
      </c>
      <c r="F28" s="9" t="s">
        <v>281</v>
      </c>
      <c r="G28" s="9" t="s">
        <v>276</v>
      </c>
      <c r="H28" s="6">
        <v>32384</v>
      </c>
      <c r="I28" s="6">
        <v>24620</v>
      </c>
      <c r="J28" s="6">
        <v>21970</v>
      </c>
      <c r="K28" s="6">
        <v>6193</v>
      </c>
      <c r="L28" s="6">
        <v>1571</v>
      </c>
    </row>
    <row r="29" spans="1:12">
      <c r="A29" s="9" t="s">
        <v>27</v>
      </c>
      <c r="B29" s="9" t="s">
        <v>28</v>
      </c>
      <c r="C29" s="9" t="s">
        <v>29</v>
      </c>
      <c r="D29" s="9" t="s">
        <v>264</v>
      </c>
      <c r="E29" s="9" t="s">
        <v>6</v>
      </c>
      <c r="F29" s="9" t="s">
        <v>281</v>
      </c>
      <c r="G29" s="9" t="s">
        <v>277</v>
      </c>
      <c r="H29" s="6">
        <v>39979</v>
      </c>
      <c r="I29" s="6">
        <v>31569</v>
      </c>
      <c r="J29" s="6">
        <v>28226</v>
      </c>
      <c r="K29" s="6">
        <v>6834</v>
      </c>
      <c r="L29" s="6">
        <v>1576</v>
      </c>
    </row>
    <row r="30" spans="1:12">
      <c r="A30" s="9" t="s">
        <v>27</v>
      </c>
      <c r="B30" s="9" t="s">
        <v>28</v>
      </c>
      <c r="C30" s="9" t="s">
        <v>29</v>
      </c>
      <c r="D30" s="9" t="s">
        <v>264</v>
      </c>
      <c r="E30" s="9" t="s">
        <v>6</v>
      </c>
      <c r="F30" s="9" t="s">
        <v>281</v>
      </c>
      <c r="G30" s="9" t="s">
        <v>278</v>
      </c>
      <c r="H30" s="6">
        <v>61072</v>
      </c>
      <c r="I30" s="6">
        <v>49928</v>
      </c>
      <c r="J30" s="6">
        <v>44622</v>
      </c>
      <c r="K30" s="6">
        <v>9196</v>
      </c>
      <c r="L30" s="6">
        <v>1948</v>
      </c>
    </row>
    <row r="31" spans="1:12">
      <c r="A31" s="9" t="s">
        <v>27</v>
      </c>
      <c r="B31" s="9" t="s">
        <v>28</v>
      </c>
      <c r="C31" s="9" t="s">
        <v>29</v>
      </c>
      <c r="D31" s="9" t="s">
        <v>264</v>
      </c>
      <c r="E31" s="9" t="s">
        <v>6</v>
      </c>
      <c r="F31" s="9" t="s">
        <v>281</v>
      </c>
      <c r="G31" s="9" t="s">
        <v>279</v>
      </c>
      <c r="H31" s="6">
        <v>41731</v>
      </c>
      <c r="I31" s="6">
        <v>33541</v>
      </c>
      <c r="J31" s="6">
        <v>30030</v>
      </c>
      <c r="K31" s="6">
        <v>6662</v>
      </c>
      <c r="L31" s="6">
        <v>1528</v>
      </c>
    </row>
    <row r="32" spans="1:12">
      <c r="A32" s="9" t="s">
        <v>27</v>
      </c>
      <c r="B32" s="9" t="s">
        <v>28</v>
      </c>
      <c r="C32" s="9" t="s">
        <v>29</v>
      </c>
      <c r="D32" s="9" t="s">
        <v>264</v>
      </c>
      <c r="E32" s="9" t="s">
        <v>6</v>
      </c>
      <c r="F32" s="9" t="s">
        <v>281</v>
      </c>
      <c r="G32" s="9" t="s">
        <v>280</v>
      </c>
      <c r="H32" s="6">
        <v>688253</v>
      </c>
      <c r="I32" s="6">
        <v>391321</v>
      </c>
      <c r="J32" s="6">
        <v>312950</v>
      </c>
      <c r="K32" s="6">
        <v>276229</v>
      </c>
      <c r="L32" s="6">
        <v>20703</v>
      </c>
    </row>
    <row r="33" spans="1:12">
      <c r="A33" s="9" t="s">
        <v>27</v>
      </c>
      <c r="B33" s="9" t="s">
        <v>28</v>
      </c>
      <c r="C33" s="9" t="s">
        <v>29</v>
      </c>
      <c r="D33" s="9" t="s">
        <v>264</v>
      </c>
      <c r="E33" s="9" t="s">
        <v>6</v>
      </c>
      <c r="F33" s="9" t="s">
        <v>282</v>
      </c>
      <c r="G33" s="9" t="s">
        <v>6</v>
      </c>
      <c r="H33" s="6">
        <v>679563</v>
      </c>
      <c r="I33" s="6">
        <v>508281</v>
      </c>
      <c r="J33" s="6">
        <v>447362</v>
      </c>
      <c r="K33" s="6">
        <v>143027</v>
      </c>
      <c r="L33" s="6">
        <v>28255</v>
      </c>
    </row>
    <row r="34" spans="1:12">
      <c r="A34" s="9" t="s">
        <v>27</v>
      </c>
      <c r="B34" s="9" t="s">
        <v>28</v>
      </c>
      <c r="C34" s="9" t="s">
        <v>29</v>
      </c>
      <c r="D34" s="9" t="s">
        <v>264</v>
      </c>
      <c r="E34" s="9" t="s">
        <v>6</v>
      </c>
      <c r="F34" s="9" t="s">
        <v>282</v>
      </c>
      <c r="G34" s="9" t="s">
        <v>272</v>
      </c>
      <c r="H34" s="6">
        <v>19874</v>
      </c>
      <c r="I34" s="6">
        <v>9685</v>
      </c>
      <c r="J34" s="6">
        <v>8545</v>
      </c>
      <c r="K34" s="6">
        <v>9014</v>
      </c>
      <c r="L34" s="6">
        <v>1175</v>
      </c>
    </row>
    <row r="35" spans="1:12">
      <c r="A35" s="9" t="s">
        <v>27</v>
      </c>
      <c r="B35" s="9" t="s">
        <v>28</v>
      </c>
      <c r="C35" s="9" t="s">
        <v>29</v>
      </c>
      <c r="D35" s="9" t="s">
        <v>264</v>
      </c>
      <c r="E35" s="9" t="s">
        <v>6</v>
      </c>
      <c r="F35" s="9" t="s">
        <v>282</v>
      </c>
      <c r="G35" s="9" t="s">
        <v>273</v>
      </c>
      <c r="H35" s="6">
        <v>41773</v>
      </c>
      <c r="I35" s="6">
        <v>27590</v>
      </c>
      <c r="J35" s="6">
        <v>24448</v>
      </c>
      <c r="K35" s="6">
        <v>11877</v>
      </c>
      <c r="L35" s="6">
        <v>2306</v>
      </c>
    </row>
    <row r="36" spans="1:12">
      <c r="A36" s="9" t="s">
        <v>27</v>
      </c>
      <c r="B36" s="9" t="s">
        <v>28</v>
      </c>
      <c r="C36" s="9" t="s">
        <v>29</v>
      </c>
      <c r="D36" s="9" t="s">
        <v>264</v>
      </c>
      <c r="E36" s="9" t="s">
        <v>6</v>
      </c>
      <c r="F36" s="9" t="s">
        <v>282</v>
      </c>
      <c r="G36" s="9" t="s">
        <v>274</v>
      </c>
      <c r="H36" s="6">
        <v>59700</v>
      </c>
      <c r="I36" s="6">
        <v>45533</v>
      </c>
      <c r="J36" s="6">
        <v>40659</v>
      </c>
      <c r="K36" s="6">
        <v>11437</v>
      </c>
      <c r="L36" s="6">
        <v>2730</v>
      </c>
    </row>
    <row r="37" spans="1:12">
      <c r="A37" s="9" t="s">
        <v>27</v>
      </c>
      <c r="B37" s="9" t="s">
        <v>28</v>
      </c>
      <c r="C37" s="9" t="s">
        <v>29</v>
      </c>
      <c r="D37" s="9" t="s">
        <v>264</v>
      </c>
      <c r="E37" s="9" t="s">
        <v>6</v>
      </c>
      <c r="F37" s="9" t="s">
        <v>282</v>
      </c>
      <c r="G37" s="9" t="s">
        <v>275</v>
      </c>
      <c r="H37" s="6">
        <v>63388</v>
      </c>
      <c r="I37" s="6">
        <v>51353</v>
      </c>
      <c r="J37" s="6">
        <v>46232</v>
      </c>
      <c r="K37" s="6">
        <v>9312</v>
      </c>
      <c r="L37" s="6">
        <v>2723</v>
      </c>
    </row>
    <row r="38" spans="1:12">
      <c r="A38" s="9" t="s">
        <v>27</v>
      </c>
      <c r="B38" s="9" t="s">
        <v>28</v>
      </c>
      <c r="C38" s="9" t="s">
        <v>29</v>
      </c>
      <c r="D38" s="9" t="s">
        <v>264</v>
      </c>
      <c r="E38" s="9" t="s">
        <v>6</v>
      </c>
      <c r="F38" s="9" t="s">
        <v>282</v>
      </c>
      <c r="G38" s="9" t="s">
        <v>276</v>
      </c>
      <c r="H38" s="6">
        <v>71871</v>
      </c>
      <c r="I38" s="6">
        <v>59912</v>
      </c>
      <c r="J38" s="6">
        <v>53815</v>
      </c>
      <c r="K38" s="6">
        <v>9101</v>
      </c>
      <c r="L38" s="6">
        <v>2858</v>
      </c>
    </row>
    <row r="39" spans="1:12">
      <c r="A39" s="9" t="s">
        <v>27</v>
      </c>
      <c r="B39" s="9" t="s">
        <v>28</v>
      </c>
      <c r="C39" s="9" t="s">
        <v>29</v>
      </c>
      <c r="D39" s="9" t="s">
        <v>264</v>
      </c>
      <c r="E39" s="9" t="s">
        <v>6</v>
      </c>
      <c r="F39" s="9" t="s">
        <v>282</v>
      </c>
      <c r="G39" s="9" t="s">
        <v>277</v>
      </c>
      <c r="H39" s="6">
        <v>82402</v>
      </c>
      <c r="I39" s="6">
        <v>69566</v>
      </c>
      <c r="J39" s="6">
        <v>62738</v>
      </c>
      <c r="K39" s="6">
        <v>9743</v>
      </c>
      <c r="L39" s="6">
        <v>3093</v>
      </c>
    </row>
    <row r="40" spans="1:12">
      <c r="A40" s="9" t="s">
        <v>27</v>
      </c>
      <c r="B40" s="9" t="s">
        <v>28</v>
      </c>
      <c r="C40" s="9" t="s">
        <v>29</v>
      </c>
      <c r="D40" s="9" t="s">
        <v>264</v>
      </c>
      <c r="E40" s="9" t="s">
        <v>6</v>
      </c>
      <c r="F40" s="9" t="s">
        <v>282</v>
      </c>
      <c r="G40" s="9" t="s">
        <v>278</v>
      </c>
      <c r="H40" s="6">
        <v>79965</v>
      </c>
      <c r="I40" s="6">
        <v>67093</v>
      </c>
      <c r="J40" s="6">
        <v>60575</v>
      </c>
      <c r="K40" s="6">
        <v>9748</v>
      </c>
      <c r="L40" s="6">
        <v>3124</v>
      </c>
    </row>
    <row r="41" spans="1:12">
      <c r="A41" s="9" t="s">
        <v>27</v>
      </c>
      <c r="B41" s="9" t="s">
        <v>28</v>
      </c>
      <c r="C41" s="9" t="s">
        <v>29</v>
      </c>
      <c r="D41" s="9" t="s">
        <v>264</v>
      </c>
      <c r="E41" s="9" t="s">
        <v>6</v>
      </c>
      <c r="F41" s="9" t="s">
        <v>282</v>
      </c>
      <c r="G41" s="9" t="s">
        <v>279</v>
      </c>
      <c r="H41" s="6">
        <v>45460</v>
      </c>
      <c r="I41" s="6">
        <v>37060</v>
      </c>
      <c r="J41" s="6">
        <v>33396</v>
      </c>
      <c r="K41" s="6">
        <v>6264</v>
      </c>
      <c r="L41" s="6">
        <v>2136</v>
      </c>
    </row>
    <row r="42" spans="1:12">
      <c r="A42" s="9" t="s">
        <v>27</v>
      </c>
      <c r="B42" s="9" t="s">
        <v>28</v>
      </c>
      <c r="C42" s="9" t="s">
        <v>29</v>
      </c>
      <c r="D42" s="9" t="s">
        <v>264</v>
      </c>
      <c r="E42" s="9" t="s">
        <v>6</v>
      </c>
      <c r="F42" s="9" t="s">
        <v>282</v>
      </c>
      <c r="G42" s="9" t="s">
        <v>280</v>
      </c>
      <c r="H42" s="6">
        <v>215130</v>
      </c>
      <c r="I42" s="6">
        <v>140489</v>
      </c>
      <c r="J42" s="6">
        <v>116954</v>
      </c>
      <c r="K42" s="6">
        <v>66531</v>
      </c>
      <c r="L42" s="6">
        <v>8110</v>
      </c>
    </row>
    <row r="43" spans="1:12">
      <c r="A43" s="9" t="s">
        <v>27</v>
      </c>
      <c r="B43" s="9" t="s">
        <v>28</v>
      </c>
      <c r="C43" s="9" t="s">
        <v>29</v>
      </c>
      <c r="D43" s="9" t="s">
        <v>264</v>
      </c>
      <c r="E43" s="9" t="s">
        <v>6</v>
      </c>
      <c r="F43" s="9" t="s">
        <v>283</v>
      </c>
      <c r="G43" s="9" t="s">
        <v>6</v>
      </c>
      <c r="H43" s="6">
        <v>254512</v>
      </c>
      <c r="I43" s="6">
        <v>196593</v>
      </c>
      <c r="J43" s="6">
        <v>170648</v>
      </c>
      <c r="K43" s="6">
        <v>44473</v>
      </c>
      <c r="L43" s="6">
        <v>13446</v>
      </c>
    </row>
    <row r="44" spans="1:12">
      <c r="A44" s="9" t="s">
        <v>27</v>
      </c>
      <c r="B44" s="9" t="s">
        <v>28</v>
      </c>
      <c r="C44" s="9" t="s">
        <v>29</v>
      </c>
      <c r="D44" s="9" t="s">
        <v>264</v>
      </c>
      <c r="E44" s="9" t="s">
        <v>6</v>
      </c>
      <c r="F44" s="9" t="s">
        <v>283</v>
      </c>
      <c r="G44" s="9" t="s">
        <v>272</v>
      </c>
      <c r="H44" s="6">
        <v>12848</v>
      </c>
      <c r="I44" s="6">
        <v>6622</v>
      </c>
      <c r="J44" s="6">
        <v>5559</v>
      </c>
      <c r="K44" s="6">
        <v>5449</v>
      </c>
      <c r="L44" s="6">
        <v>777</v>
      </c>
    </row>
    <row r="45" spans="1:12">
      <c r="A45" s="9" t="s">
        <v>27</v>
      </c>
      <c r="B45" s="9" t="s">
        <v>28</v>
      </c>
      <c r="C45" s="9" t="s">
        <v>29</v>
      </c>
      <c r="D45" s="9" t="s">
        <v>264</v>
      </c>
      <c r="E45" s="9" t="s">
        <v>6</v>
      </c>
      <c r="F45" s="9" t="s">
        <v>283</v>
      </c>
      <c r="G45" s="9" t="s">
        <v>273</v>
      </c>
      <c r="H45" s="6">
        <v>26480</v>
      </c>
      <c r="I45" s="6">
        <v>17849</v>
      </c>
      <c r="J45" s="6">
        <v>15296</v>
      </c>
      <c r="K45" s="6">
        <v>7001</v>
      </c>
      <c r="L45" s="6">
        <v>1630</v>
      </c>
    </row>
    <row r="46" spans="1:12">
      <c r="A46" s="9" t="s">
        <v>27</v>
      </c>
      <c r="B46" s="9" t="s">
        <v>28</v>
      </c>
      <c r="C46" s="9" t="s">
        <v>29</v>
      </c>
      <c r="D46" s="9" t="s">
        <v>264</v>
      </c>
      <c r="E46" s="9" t="s">
        <v>6</v>
      </c>
      <c r="F46" s="9" t="s">
        <v>283</v>
      </c>
      <c r="G46" s="9" t="s">
        <v>274</v>
      </c>
      <c r="H46" s="6">
        <v>40209</v>
      </c>
      <c r="I46" s="6">
        <v>31350</v>
      </c>
      <c r="J46" s="6">
        <v>27223</v>
      </c>
      <c r="K46" s="6">
        <v>6664</v>
      </c>
      <c r="L46" s="6">
        <v>2195</v>
      </c>
    </row>
    <row r="47" spans="1:12">
      <c r="A47" s="9" t="s">
        <v>27</v>
      </c>
      <c r="B47" s="9" t="s">
        <v>28</v>
      </c>
      <c r="C47" s="9" t="s">
        <v>29</v>
      </c>
      <c r="D47" s="9" t="s">
        <v>264</v>
      </c>
      <c r="E47" s="9" t="s">
        <v>6</v>
      </c>
      <c r="F47" s="9" t="s">
        <v>283</v>
      </c>
      <c r="G47" s="9" t="s">
        <v>275</v>
      </c>
      <c r="H47" s="6">
        <v>41480</v>
      </c>
      <c r="I47" s="6">
        <v>34244</v>
      </c>
      <c r="J47" s="6">
        <v>29915</v>
      </c>
      <c r="K47" s="6">
        <v>5185</v>
      </c>
      <c r="L47" s="6">
        <v>2051</v>
      </c>
    </row>
    <row r="48" spans="1:12">
      <c r="A48" s="9" t="s">
        <v>27</v>
      </c>
      <c r="B48" s="9" t="s">
        <v>28</v>
      </c>
      <c r="C48" s="9" t="s">
        <v>29</v>
      </c>
      <c r="D48" s="9" t="s">
        <v>264</v>
      </c>
      <c r="E48" s="9" t="s">
        <v>6</v>
      </c>
      <c r="F48" s="9" t="s">
        <v>283</v>
      </c>
      <c r="G48" s="9" t="s">
        <v>276</v>
      </c>
      <c r="H48" s="6">
        <v>40283</v>
      </c>
      <c r="I48" s="6">
        <v>33937</v>
      </c>
      <c r="J48" s="6">
        <v>29803</v>
      </c>
      <c r="K48" s="6">
        <v>4340</v>
      </c>
      <c r="L48" s="6">
        <v>2006</v>
      </c>
    </row>
    <row r="49" spans="1:12">
      <c r="A49" s="9" t="s">
        <v>27</v>
      </c>
      <c r="B49" s="9" t="s">
        <v>28</v>
      </c>
      <c r="C49" s="9" t="s">
        <v>29</v>
      </c>
      <c r="D49" s="9" t="s">
        <v>264</v>
      </c>
      <c r="E49" s="9" t="s">
        <v>6</v>
      </c>
      <c r="F49" s="9" t="s">
        <v>283</v>
      </c>
      <c r="G49" s="9" t="s">
        <v>277</v>
      </c>
      <c r="H49" s="6">
        <v>32552</v>
      </c>
      <c r="I49" s="6">
        <v>27271</v>
      </c>
      <c r="J49" s="6">
        <v>24069</v>
      </c>
      <c r="K49" s="6">
        <v>3657</v>
      </c>
      <c r="L49" s="6">
        <v>1624</v>
      </c>
    </row>
    <row r="50" spans="1:12">
      <c r="A50" s="9" t="s">
        <v>27</v>
      </c>
      <c r="B50" s="9" t="s">
        <v>28</v>
      </c>
      <c r="C50" s="9" t="s">
        <v>29</v>
      </c>
      <c r="D50" s="9" t="s">
        <v>264</v>
      </c>
      <c r="E50" s="9" t="s">
        <v>6</v>
      </c>
      <c r="F50" s="9" t="s">
        <v>283</v>
      </c>
      <c r="G50" s="9" t="s">
        <v>278</v>
      </c>
      <c r="H50" s="6">
        <v>21975</v>
      </c>
      <c r="I50" s="6">
        <v>17936</v>
      </c>
      <c r="J50" s="6">
        <v>15881</v>
      </c>
      <c r="K50" s="6">
        <v>2857</v>
      </c>
      <c r="L50" s="6">
        <v>1182</v>
      </c>
    </row>
    <row r="51" spans="1:12">
      <c r="A51" s="9" t="s">
        <v>27</v>
      </c>
      <c r="B51" s="9" t="s">
        <v>28</v>
      </c>
      <c r="C51" s="9" t="s">
        <v>29</v>
      </c>
      <c r="D51" s="9" t="s">
        <v>264</v>
      </c>
      <c r="E51" s="9" t="s">
        <v>6</v>
      </c>
      <c r="F51" s="9" t="s">
        <v>283</v>
      </c>
      <c r="G51" s="9" t="s">
        <v>279</v>
      </c>
      <c r="H51" s="6">
        <v>10666</v>
      </c>
      <c r="I51" s="6">
        <v>8426</v>
      </c>
      <c r="J51" s="6">
        <v>7384</v>
      </c>
      <c r="K51" s="6">
        <v>1635</v>
      </c>
      <c r="L51" s="6">
        <v>605</v>
      </c>
    </row>
    <row r="52" spans="1:12">
      <c r="A52" s="9" t="s">
        <v>27</v>
      </c>
      <c r="B52" s="9" t="s">
        <v>28</v>
      </c>
      <c r="C52" s="9" t="s">
        <v>29</v>
      </c>
      <c r="D52" s="9" t="s">
        <v>264</v>
      </c>
      <c r="E52" s="9" t="s">
        <v>6</v>
      </c>
      <c r="F52" s="9" t="s">
        <v>283</v>
      </c>
      <c r="G52" s="9" t="s">
        <v>280</v>
      </c>
      <c r="H52" s="6">
        <v>28019</v>
      </c>
      <c r="I52" s="6">
        <v>18958</v>
      </c>
      <c r="J52" s="6">
        <v>15518</v>
      </c>
      <c r="K52" s="6">
        <v>7685</v>
      </c>
      <c r="L52" s="6">
        <v>1376</v>
      </c>
    </row>
    <row r="53" spans="1:12">
      <c r="A53" s="9" t="s">
        <v>27</v>
      </c>
      <c r="B53" s="9" t="s">
        <v>28</v>
      </c>
      <c r="C53" s="9" t="s">
        <v>29</v>
      </c>
      <c r="D53" s="9" t="s">
        <v>264</v>
      </c>
      <c r="E53" s="9" t="s">
        <v>226</v>
      </c>
      <c r="F53" s="9" t="s">
        <v>6</v>
      </c>
      <c r="G53" s="9" t="s">
        <v>6</v>
      </c>
      <c r="H53" s="6">
        <v>1627591</v>
      </c>
      <c r="I53" s="6">
        <v>1268205</v>
      </c>
      <c r="J53" s="6">
        <v>1083969</v>
      </c>
      <c r="K53" s="6">
        <v>356345</v>
      </c>
      <c r="L53" s="6">
        <v>3041</v>
      </c>
    </row>
    <row r="54" spans="1:12">
      <c r="A54" s="9" t="s">
        <v>27</v>
      </c>
      <c r="B54" s="9" t="s">
        <v>28</v>
      </c>
      <c r="C54" s="9" t="s">
        <v>29</v>
      </c>
      <c r="D54" s="9" t="s">
        <v>264</v>
      </c>
      <c r="E54" s="9" t="s">
        <v>226</v>
      </c>
      <c r="F54" s="9" t="s">
        <v>234</v>
      </c>
      <c r="G54" s="9" t="s">
        <v>6</v>
      </c>
      <c r="H54" s="6">
        <v>24971</v>
      </c>
      <c r="I54" s="6">
        <v>19242</v>
      </c>
      <c r="J54" s="6">
        <v>16695</v>
      </c>
      <c r="K54" s="6">
        <v>5606</v>
      </c>
      <c r="L54" s="6">
        <v>123</v>
      </c>
    </row>
    <row r="55" spans="1:12">
      <c r="A55" s="9" t="s">
        <v>27</v>
      </c>
      <c r="B55" s="9" t="s">
        <v>28</v>
      </c>
      <c r="C55" s="9" t="s">
        <v>29</v>
      </c>
      <c r="D55" s="9" t="s">
        <v>264</v>
      </c>
      <c r="E55" s="9" t="s">
        <v>226</v>
      </c>
      <c r="F55" s="9" t="s">
        <v>235</v>
      </c>
      <c r="G55" s="9" t="s">
        <v>6</v>
      </c>
      <c r="H55" s="6">
        <v>1602620</v>
      </c>
      <c r="I55" s="6">
        <v>1248963</v>
      </c>
      <c r="J55" s="6">
        <v>1067274</v>
      </c>
      <c r="K55" s="6">
        <v>350739</v>
      </c>
      <c r="L55" s="6">
        <v>2918</v>
      </c>
    </row>
    <row r="56" spans="1:12">
      <c r="A56" s="9" t="s">
        <v>27</v>
      </c>
      <c r="B56" s="9" t="s">
        <v>28</v>
      </c>
      <c r="C56" s="9" t="s">
        <v>29</v>
      </c>
      <c r="D56" s="9" t="s">
        <v>264</v>
      </c>
      <c r="E56" s="9" t="s">
        <v>226</v>
      </c>
      <c r="F56" s="9" t="s">
        <v>235</v>
      </c>
      <c r="G56" s="9" t="s">
        <v>272</v>
      </c>
      <c r="H56" s="6">
        <v>49510</v>
      </c>
      <c r="I56" s="6">
        <v>25592</v>
      </c>
      <c r="J56" s="6">
        <v>22481</v>
      </c>
      <c r="K56" s="6">
        <v>23754</v>
      </c>
      <c r="L56" s="6">
        <v>164</v>
      </c>
    </row>
    <row r="57" spans="1:12">
      <c r="A57" s="9" t="s">
        <v>27</v>
      </c>
      <c r="B57" s="9" t="s">
        <v>28</v>
      </c>
      <c r="C57" s="9" t="s">
        <v>29</v>
      </c>
      <c r="D57" s="9" t="s">
        <v>264</v>
      </c>
      <c r="E57" s="9" t="s">
        <v>226</v>
      </c>
      <c r="F57" s="9" t="s">
        <v>235</v>
      </c>
      <c r="G57" s="9" t="s">
        <v>273</v>
      </c>
      <c r="H57" s="6">
        <v>98675</v>
      </c>
      <c r="I57" s="6">
        <v>67917</v>
      </c>
      <c r="J57" s="6">
        <v>59921</v>
      </c>
      <c r="K57" s="6">
        <v>30483</v>
      </c>
      <c r="L57" s="6">
        <v>275</v>
      </c>
    </row>
    <row r="58" spans="1:12">
      <c r="A58" s="9" t="s">
        <v>27</v>
      </c>
      <c r="B58" s="9" t="s">
        <v>28</v>
      </c>
      <c r="C58" s="9" t="s">
        <v>29</v>
      </c>
      <c r="D58" s="9" t="s">
        <v>264</v>
      </c>
      <c r="E58" s="9" t="s">
        <v>226</v>
      </c>
      <c r="F58" s="9" t="s">
        <v>235</v>
      </c>
      <c r="G58" s="9" t="s">
        <v>274</v>
      </c>
      <c r="H58" s="6">
        <v>127274</v>
      </c>
      <c r="I58" s="6">
        <v>101230</v>
      </c>
      <c r="J58" s="6">
        <v>89566</v>
      </c>
      <c r="K58" s="6">
        <v>25799</v>
      </c>
      <c r="L58" s="6">
        <v>245</v>
      </c>
    </row>
    <row r="59" spans="1:12">
      <c r="A59" s="9" t="s">
        <v>27</v>
      </c>
      <c r="B59" s="9" t="s">
        <v>28</v>
      </c>
      <c r="C59" s="9" t="s">
        <v>29</v>
      </c>
      <c r="D59" s="9" t="s">
        <v>264</v>
      </c>
      <c r="E59" s="9" t="s">
        <v>226</v>
      </c>
      <c r="F59" s="9" t="s">
        <v>235</v>
      </c>
      <c r="G59" s="9" t="s">
        <v>275</v>
      </c>
      <c r="H59" s="6">
        <v>127497</v>
      </c>
      <c r="I59" s="6">
        <v>107135</v>
      </c>
      <c r="J59" s="6">
        <v>95277</v>
      </c>
      <c r="K59" s="6">
        <v>20159</v>
      </c>
      <c r="L59" s="6">
        <v>203</v>
      </c>
    </row>
    <row r="60" spans="1:12">
      <c r="A60" s="9" t="s">
        <v>27</v>
      </c>
      <c r="B60" s="9" t="s">
        <v>28</v>
      </c>
      <c r="C60" s="9" t="s">
        <v>29</v>
      </c>
      <c r="D60" s="9" t="s">
        <v>264</v>
      </c>
      <c r="E60" s="9" t="s">
        <v>226</v>
      </c>
      <c r="F60" s="9" t="s">
        <v>235</v>
      </c>
      <c r="G60" s="9" t="s">
        <v>276</v>
      </c>
      <c r="H60" s="6">
        <v>136078</v>
      </c>
      <c r="I60" s="6">
        <v>116893</v>
      </c>
      <c r="J60" s="6">
        <v>104128</v>
      </c>
      <c r="K60" s="6">
        <v>18978</v>
      </c>
      <c r="L60" s="6">
        <v>207</v>
      </c>
    </row>
    <row r="61" spans="1:12">
      <c r="A61" s="9" t="s">
        <v>27</v>
      </c>
      <c r="B61" s="9" t="s">
        <v>28</v>
      </c>
      <c r="C61" s="9" t="s">
        <v>29</v>
      </c>
      <c r="D61" s="9" t="s">
        <v>264</v>
      </c>
      <c r="E61" s="9" t="s">
        <v>226</v>
      </c>
      <c r="F61" s="9" t="s">
        <v>235</v>
      </c>
      <c r="G61" s="9" t="s">
        <v>277</v>
      </c>
      <c r="H61" s="6">
        <v>146243</v>
      </c>
      <c r="I61" s="6">
        <v>126540</v>
      </c>
      <c r="J61" s="6">
        <v>113289</v>
      </c>
      <c r="K61" s="6">
        <v>19499</v>
      </c>
      <c r="L61" s="6">
        <v>204</v>
      </c>
    </row>
    <row r="62" spans="1:12">
      <c r="A62" s="9" t="s">
        <v>27</v>
      </c>
      <c r="B62" s="9" t="s">
        <v>28</v>
      </c>
      <c r="C62" s="9" t="s">
        <v>29</v>
      </c>
      <c r="D62" s="9" t="s">
        <v>264</v>
      </c>
      <c r="E62" s="9" t="s">
        <v>226</v>
      </c>
      <c r="F62" s="9" t="s">
        <v>235</v>
      </c>
      <c r="G62" s="9" t="s">
        <v>278</v>
      </c>
      <c r="H62" s="6">
        <v>153581</v>
      </c>
      <c r="I62" s="6">
        <v>132563</v>
      </c>
      <c r="J62" s="6">
        <v>118830</v>
      </c>
      <c r="K62" s="6">
        <v>20816</v>
      </c>
      <c r="L62" s="6">
        <v>202</v>
      </c>
    </row>
    <row r="63" spans="1:12">
      <c r="A63" s="9" t="s">
        <v>27</v>
      </c>
      <c r="B63" s="9" t="s">
        <v>28</v>
      </c>
      <c r="C63" s="9" t="s">
        <v>29</v>
      </c>
      <c r="D63" s="9" t="s">
        <v>264</v>
      </c>
      <c r="E63" s="9" t="s">
        <v>226</v>
      </c>
      <c r="F63" s="9" t="s">
        <v>235</v>
      </c>
      <c r="G63" s="9" t="s">
        <v>279</v>
      </c>
      <c r="H63" s="6">
        <v>91218</v>
      </c>
      <c r="I63" s="6">
        <v>77245</v>
      </c>
      <c r="J63" s="6">
        <v>69132</v>
      </c>
      <c r="K63" s="6">
        <v>13843</v>
      </c>
      <c r="L63" s="6">
        <v>130</v>
      </c>
    </row>
    <row r="64" spans="1:12">
      <c r="A64" s="9" t="s">
        <v>27</v>
      </c>
      <c r="B64" s="9" t="s">
        <v>28</v>
      </c>
      <c r="C64" s="9" t="s">
        <v>29</v>
      </c>
      <c r="D64" s="9" t="s">
        <v>264</v>
      </c>
      <c r="E64" s="9" t="s">
        <v>226</v>
      </c>
      <c r="F64" s="9" t="s">
        <v>235</v>
      </c>
      <c r="G64" s="9" t="s">
        <v>280</v>
      </c>
      <c r="H64" s="6">
        <v>672544</v>
      </c>
      <c r="I64" s="6">
        <v>493848</v>
      </c>
      <c r="J64" s="6">
        <v>394650</v>
      </c>
      <c r="K64" s="6">
        <v>177408</v>
      </c>
      <c r="L64" s="6">
        <v>1288</v>
      </c>
    </row>
    <row r="65" spans="1:12">
      <c r="A65" s="9" t="s">
        <v>27</v>
      </c>
      <c r="B65" s="9" t="s">
        <v>28</v>
      </c>
      <c r="C65" s="9" t="s">
        <v>29</v>
      </c>
      <c r="D65" s="9" t="s">
        <v>264</v>
      </c>
      <c r="E65" s="9" t="s">
        <v>226</v>
      </c>
      <c r="F65" s="9" t="s">
        <v>281</v>
      </c>
      <c r="G65" s="9" t="s">
        <v>6</v>
      </c>
      <c r="H65" s="6">
        <v>760291</v>
      </c>
      <c r="I65" s="6">
        <v>564083</v>
      </c>
      <c r="J65" s="6">
        <v>467528</v>
      </c>
      <c r="K65" s="6">
        <v>194693</v>
      </c>
      <c r="L65" s="6">
        <v>1515</v>
      </c>
    </row>
    <row r="66" spans="1:12">
      <c r="A66" s="9" t="s">
        <v>27</v>
      </c>
      <c r="B66" s="9" t="s">
        <v>28</v>
      </c>
      <c r="C66" s="9" t="s">
        <v>29</v>
      </c>
      <c r="D66" s="9" t="s">
        <v>264</v>
      </c>
      <c r="E66" s="9" t="s">
        <v>226</v>
      </c>
      <c r="F66" s="9" t="s">
        <v>281</v>
      </c>
      <c r="G66" s="9" t="s">
        <v>272</v>
      </c>
      <c r="H66" s="6">
        <v>19218</v>
      </c>
      <c r="I66" s="6">
        <v>9478</v>
      </c>
      <c r="J66" s="6">
        <v>8550</v>
      </c>
      <c r="K66" s="6">
        <v>9670</v>
      </c>
      <c r="L66" s="6">
        <v>70</v>
      </c>
    </row>
    <row r="67" spans="1:12">
      <c r="A67" s="9" t="s">
        <v>27</v>
      </c>
      <c r="B67" s="9" t="s">
        <v>28</v>
      </c>
      <c r="C67" s="9" t="s">
        <v>29</v>
      </c>
      <c r="D67" s="9" t="s">
        <v>264</v>
      </c>
      <c r="E67" s="9" t="s">
        <v>226</v>
      </c>
      <c r="F67" s="9" t="s">
        <v>281</v>
      </c>
      <c r="G67" s="9" t="s">
        <v>273</v>
      </c>
      <c r="H67" s="6">
        <v>35148</v>
      </c>
      <c r="I67" s="6">
        <v>22932</v>
      </c>
      <c r="J67" s="6">
        <v>20583</v>
      </c>
      <c r="K67" s="6">
        <v>12097</v>
      </c>
      <c r="L67" s="6">
        <v>119</v>
      </c>
    </row>
    <row r="68" spans="1:12">
      <c r="A68" s="9" t="s">
        <v>27</v>
      </c>
      <c r="B68" s="9" t="s">
        <v>28</v>
      </c>
      <c r="C68" s="9" t="s">
        <v>29</v>
      </c>
      <c r="D68" s="9" t="s">
        <v>264</v>
      </c>
      <c r="E68" s="9" t="s">
        <v>226</v>
      </c>
      <c r="F68" s="9" t="s">
        <v>281</v>
      </c>
      <c r="G68" s="9" t="s">
        <v>274</v>
      </c>
      <c r="H68" s="6">
        <v>33402</v>
      </c>
      <c r="I68" s="6">
        <v>25117</v>
      </c>
      <c r="J68" s="6">
        <v>22375</v>
      </c>
      <c r="K68" s="6">
        <v>8195</v>
      </c>
      <c r="L68" s="6">
        <v>90</v>
      </c>
    </row>
    <row r="69" spans="1:12">
      <c r="A69" s="9" t="s">
        <v>27</v>
      </c>
      <c r="B69" s="9" t="s">
        <v>28</v>
      </c>
      <c r="C69" s="9" t="s">
        <v>29</v>
      </c>
      <c r="D69" s="9" t="s">
        <v>264</v>
      </c>
      <c r="E69" s="9" t="s">
        <v>226</v>
      </c>
      <c r="F69" s="9" t="s">
        <v>281</v>
      </c>
      <c r="G69" s="9" t="s">
        <v>275</v>
      </c>
      <c r="H69" s="6">
        <v>28574</v>
      </c>
      <c r="I69" s="6">
        <v>22400</v>
      </c>
      <c r="J69" s="6">
        <v>19938</v>
      </c>
      <c r="K69" s="6">
        <v>6112</v>
      </c>
      <c r="L69" s="6">
        <v>62</v>
      </c>
    </row>
    <row r="70" spans="1:12">
      <c r="A70" s="9" t="s">
        <v>27</v>
      </c>
      <c r="B70" s="9" t="s">
        <v>28</v>
      </c>
      <c r="C70" s="9" t="s">
        <v>29</v>
      </c>
      <c r="D70" s="9" t="s">
        <v>264</v>
      </c>
      <c r="E70" s="9" t="s">
        <v>226</v>
      </c>
      <c r="F70" s="9" t="s">
        <v>281</v>
      </c>
      <c r="G70" s="9" t="s">
        <v>276</v>
      </c>
      <c r="H70" s="6">
        <v>30092</v>
      </c>
      <c r="I70" s="6">
        <v>24083</v>
      </c>
      <c r="J70" s="6">
        <v>21475</v>
      </c>
      <c r="K70" s="6">
        <v>5952</v>
      </c>
      <c r="L70" s="6">
        <v>57</v>
      </c>
    </row>
    <row r="71" spans="1:12">
      <c r="A71" s="9" t="s">
        <v>27</v>
      </c>
      <c r="B71" s="9" t="s">
        <v>28</v>
      </c>
      <c r="C71" s="9" t="s">
        <v>29</v>
      </c>
      <c r="D71" s="9" t="s">
        <v>264</v>
      </c>
      <c r="E71" s="9" t="s">
        <v>226</v>
      </c>
      <c r="F71" s="9" t="s">
        <v>281</v>
      </c>
      <c r="G71" s="9" t="s">
        <v>277</v>
      </c>
      <c r="H71" s="6">
        <v>37493</v>
      </c>
      <c r="I71" s="6">
        <v>30900</v>
      </c>
      <c r="J71" s="6">
        <v>27607</v>
      </c>
      <c r="K71" s="6">
        <v>6534</v>
      </c>
      <c r="L71" s="6">
        <v>59</v>
      </c>
    </row>
    <row r="72" spans="1:12">
      <c r="A72" s="9" t="s">
        <v>27</v>
      </c>
      <c r="B72" s="9" t="s">
        <v>28</v>
      </c>
      <c r="C72" s="9" t="s">
        <v>29</v>
      </c>
      <c r="D72" s="9" t="s">
        <v>264</v>
      </c>
      <c r="E72" s="9" t="s">
        <v>226</v>
      </c>
      <c r="F72" s="9" t="s">
        <v>281</v>
      </c>
      <c r="G72" s="9" t="s">
        <v>278</v>
      </c>
      <c r="H72" s="6">
        <v>57686</v>
      </c>
      <c r="I72" s="6">
        <v>48874</v>
      </c>
      <c r="J72" s="6">
        <v>43638</v>
      </c>
      <c r="K72" s="6">
        <v>8739</v>
      </c>
      <c r="L72" s="6">
        <v>73</v>
      </c>
    </row>
    <row r="73" spans="1:12">
      <c r="A73" s="9" t="s">
        <v>27</v>
      </c>
      <c r="B73" s="9" t="s">
        <v>28</v>
      </c>
      <c r="C73" s="9" t="s">
        <v>29</v>
      </c>
      <c r="D73" s="9" t="s">
        <v>264</v>
      </c>
      <c r="E73" s="9" t="s">
        <v>226</v>
      </c>
      <c r="F73" s="9" t="s">
        <v>281</v>
      </c>
      <c r="G73" s="9" t="s">
        <v>279</v>
      </c>
      <c r="H73" s="6">
        <v>39008</v>
      </c>
      <c r="I73" s="6">
        <v>32687</v>
      </c>
      <c r="J73" s="6">
        <v>29227</v>
      </c>
      <c r="K73" s="6">
        <v>6274</v>
      </c>
      <c r="L73" s="6">
        <v>47</v>
      </c>
    </row>
    <row r="74" spans="1:12">
      <c r="A74" s="9" t="s">
        <v>27</v>
      </c>
      <c r="B74" s="9" t="s">
        <v>28</v>
      </c>
      <c r="C74" s="9" t="s">
        <v>29</v>
      </c>
      <c r="D74" s="9" t="s">
        <v>264</v>
      </c>
      <c r="E74" s="9" t="s">
        <v>226</v>
      </c>
      <c r="F74" s="9" t="s">
        <v>281</v>
      </c>
      <c r="G74" s="9" t="s">
        <v>280</v>
      </c>
      <c r="H74" s="6">
        <v>479670</v>
      </c>
      <c r="I74" s="6">
        <v>347612</v>
      </c>
      <c r="J74" s="6">
        <v>274135</v>
      </c>
      <c r="K74" s="6">
        <v>131120</v>
      </c>
      <c r="L74" s="6">
        <v>938</v>
      </c>
    </row>
    <row r="75" spans="1:12">
      <c r="A75" s="9" t="s">
        <v>27</v>
      </c>
      <c r="B75" s="9" t="s">
        <v>28</v>
      </c>
      <c r="C75" s="9" t="s">
        <v>29</v>
      </c>
      <c r="D75" s="9" t="s">
        <v>264</v>
      </c>
      <c r="E75" s="9" t="s">
        <v>226</v>
      </c>
      <c r="F75" s="9" t="s">
        <v>282</v>
      </c>
      <c r="G75" s="9" t="s">
        <v>6</v>
      </c>
      <c r="H75" s="6">
        <v>607717</v>
      </c>
      <c r="I75" s="6">
        <v>491809</v>
      </c>
      <c r="J75" s="6">
        <v>432331</v>
      </c>
      <c r="K75" s="6">
        <v>114944</v>
      </c>
      <c r="L75" s="6">
        <v>964</v>
      </c>
    </row>
    <row r="76" spans="1:12">
      <c r="A76" s="9" t="s">
        <v>27</v>
      </c>
      <c r="B76" s="9" t="s">
        <v>28</v>
      </c>
      <c r="C76" s="9" t="s">
        <v>29</v>
      </c>
      <c r="D76" s="9" t="s">
        <v>264</v>
      </c>
      <c r="E76" s="9" t="s">
        <v>226</v>
      </c>
      <c r="F76" s="9" t="s">
        <v>282</v>
      </c>
      <c r="G76" s="9" t="s">
        <v>272</v>
      </c>
      <c r="H76" s="6">
        <v>18390</v>
      </c>
      <c r="I76" s="6">
        <v>9566</v>
      </c>
      <c r="J76" s="6">
        <v>8440</v>
      </c>
      <c r="K76" s="6">
        <v>8770</v>
      </c>
      <c r="L76" s="6">
        <v>54</v>
      </c>
    </row>
    <row r="77" spans="1:12">
      <c r="A77" s="9" t="s">
        <v>27</v>
      </c>
      <c r="B77" s="9" t="s">
        <v>28</v>
      </c>
      <c r="C77" s="9" t="s">
        <v>29</v>
      </c>
      <c r="D77" s="9" t="s">
        <v>264</v>
      </c>
      <c r="E77" s="9" t="s">
        <v>226</v>
      </c>
      <c r="F77" s="9" t="s">
        <v>282</v>
      </c>
      <c r="G77" s="9" t="s">
        <v>273</v>
      </c>
      <c r="H77" s="6">
        <v>38970</v>
      </c>
      <c r="I77" s="6">
        <v>27307</v>
      </c>
      <c r="J77" s="6">
        <v>24194</v>
      </c>
      <c r="K77" s="6">
        <v>11560</v>
      </c>
      <c r="L77" s="6">
        <v>103</v>
      </c>
    </row>
    <row r="78" spans="1:12">
      <c r="A78" s="9" t="s">
        <v>27</v>
      </c>
      <c r="B78" s="9" t="s">
        <v>28</v>
      </c>
      <c r="C78" s="9" t="s">
        <v>29</v>
      </c>
      <c r="D78" s="9" t="s">
        <v>264</v>
      </c>
      <c r="E78" s="9" t="s">
        <v>226</v>
      </c>
      <c r="F78" s="9" t="s">
        <v>282</v>
      </c>
      <c r="G78" s="9" t="s">
        <v>274</v>
      </c>
      <c r="H78" s="6">
        <v>56283</v>
      </c>
      <c r="I78" s="6">
        <v>45065</v>
      </c>
      <c r="J78" s="6">
        <v>40232</v>
      </c>
      <c r="K78" s="6">
        <v>11137</v>
      </c>
      <c r="L78" s="6">
        <v>81</v>
      </c>
    </row>
    <row r="79" spans="1:12">
      <c r="A79" s="9" t="s">
        <v>27</v>
      </c>
      <c r="B79" s="9" t="s">
        <v>28</v>
      </c>
      <c r="C79" s="9" t="s">
        <v>29</v>
      </c>
      <c r="D79" s="9" t="s">
        <v>264</v>
      </c>
      <c r="E79" s="9" t="s">
        <v>226</v>
      </c>
      <c r="F79" s="9" t="s">
        <v>282</v>
      </c>
      <c r="G79" s="9" t="s">
        <v>275</v>
      </c>
      <c r="H79" s="6">
        <v>59958</v>
      </c>
      <c r="I79" s="6">
        <v>50818</v>
      </c>
      <c r="J79" s="6">
        <v>45729</v>
      </c>
      <c r="K79" s="6">
        <v>9069</v>
      </c>
      <c r="L79" s="6">
        <v>71</v>
      </c>
    </row>
    <row r="80" spans="1:12">
      <c r="A80" s="9" t="s">
        <v>27</v>
      </c>
      <c r="B80" s="9" t="s">
        <v>28</v>
      </c>
      <c r="C80" s="9" t="s">
        <v>29</v>
      </c>
      <c r="D80" s="9" t="s">
        <v>264</v>
      </c>
      <c r="E80" s="9" t="s">
        <v>226</v>
      </c>
      <c r="F80" s="9" t="s">
        <v>282</v>
      </c>
      <c r="G80" s="9" t="s">
        <v>276</v>
      </c>
      <c r="H80" s="6">
        <v>68142</v>
      </c>
      <c r="I80" s="6">
        <v>59214</v>
      </c>
      <c r="J80" s="6">
        <v>53167</v>
      </c>
      <c r="K80" s="6">
        <v>8836</v>
      </c>
      <c r="L80" s="6">
        <v>92</v>
      </c>
    </row>
    <row r="81" spans="1:12">
      <c r="A81" s="9" t="s">
        <v>27</v>
      </c>
      <c r="B81" s="9" t="s">
        <v>28</v>
      </c>
      <c r="C81" s="9" t="s">
        <v>29</v>
      </c>
      <c r="D81" s="9" t="s">
        <v>264</v>
      </c>
      <c r="E81" s="9" t="s">
        <v>226</v>
      </c>
      <c r="F81" s="9" t="s">
        <v>282</v>
      </c>
      <c r="G81" s="9" t="s">
        <v>277</v>
      </c>
      <c r="H81" s="6">
        <v>78225</v>
      </c>
      <c r="I81" s="6">
        <v>68713</v>
      </c>
      <c r="J81" s="6">
        <v>61930</v>
      </c>
      <c r="K81" s="6">
        <v>9421</v>
      </c>
      <c r="L81" s="6">
        <v>91</v>
      </c>
    </row>
    <row r="82" spans="1:12">
      <c r="A82" s="9" t="s">
        <v>27</v>
      </c>
      <c r="B82" s="9" t="s">
        <v>28</v>
      </c>
      <c r="C82" s="9" t="s">
        <v>29</v>
      </c>
      <c r="D82" s="9" t="s">
        <v>264</v>
      </c>
      <c r="E82" s="9" t="s">
        <v>226</v>
      </c>
      <c r="F82" s="9" t="s">
        <v>282</v>
      </c>
      <c r="G82" s="9" t="s">
        <v>278</v>
      </c>
      <c r="H82" s="6">
        <v>75497</v>
      </c>
      <c r="I82" s="6">
        <v>66060</v>
      </c>
      <c r="J82" s="6">
        <v>59603</v>
      </c>
      <c r="K82" s="6">
        <v>9340</v>
      </c>
      <c r="L82" s="6">
        <v>97</v>
      </c>
    </row>
    <row r="83" spans="1:12">
      <c r="A83" s="9" t="s">
        <v>27</v>
      </c>
      <c r="B83" s="9" t="s">
        <v>28</v>
      </c>
      <c r="C83" s="9" t="s">
        <v>29</v>
      </c>
      <c r="D83" s="9" t="s">
        <v>264</v>
      </c>
      <c r="E83" s="9" t="s">
        <v>226</v>
      </c>
      <c r="F83" s="9" t="s">
        <v>282</v>
      </c>
      <c r="G83" s="9" t="s">
        <v>279</v>
      </c>
      <c r="H83" s="6">
        <v>42397</v>
      </c>
      <c r="I83" s="6">
        <v>36330</v>
      </c>
      <c r="J83" s="6">
        <v>32709</v>
      </c>
      <c r="K83" s="6">
        <v>6002</v>
      </c>
      <c r="L83" s="6">
        <v>65</v>
      </c>
    </row>
    <row r="84" spans="1:12">
      <c r="A84" s="9" t="s">
        <v>27</v>
      </c>
      <c r="B84" s="9" t="s">
        <v>28</v>
      </c>
      <c r="C84" s="9" t="s">
        <v>29</v>
      </c>
      <c r="D84" s="9" t="s">
        <v>264</v>
      </c>
      <c r="E84" s="9" t="s">
        <v>226</v>
      </c>
      <c r="F84" s="9" t="s">
        <v>282</v>
      </c>
      <c r="G84" s="9" t="s">
        <v>280</v>
      </c>
      <c r="H84" s="6">
        <v>169855</v>
      </c>
      <c r="I84" s="6">
        <v>128736</v>
      </c>
      <c r="J84" s="6">
        <v>106327</v>
      </c>
      <c r="K84" s="6">
        <v>40809</v>
      </c>
      <c r="L84" s="6">
        <v>310</v>
      </c>
    </row>
    <row r="85" spans="1:12">
      <c r="A85" s="9" t="s">
        <v>27</v>
      </c>
      <c r="B85" s="9" t="s">
        <v>28</v>
      </c>
      <c r="C85" s="9" t="s">
        <v>29</v>
      </c>
      <c r="D85" s="9" t="s">
        <v>264</v>
      </c>
      <c r="E85" s="9" t="s">
        <v>226</v>
      </c>
      <c r="F85" s="9" t="s">
        <v>283</v>
      </c>
      <c r="G85" s="9" t="s">
        <v>6</v>
      </c>
      <c r="H85" s="6">
        <v>234612</v>
      </c>
      <c r="I85" s="6">
        <v>193071</v>
      </c>
      <c r="J85" s="6">
        <v>167415</v>
      </c>
      <c r="K85" s="6">
        <v>41102</v>
      </c>
      <c r="L85" s="6">
        <v>439</v>
      </c>
    </row>
    <row r="86" spans="1:12">
      <c r="A86" s="9" t="s">
        <v>27</v>
      </c>
      <c r="B86" s="9" t="s">
        <v>28</v>
      </c>
      <c r="C86" s="9" t="s">
        <v>29</v>
      </c>
      <c r="D86" s="9" t="s">
        <v>264</v>
      </c>
      <c r="E86" s="9" t="s">
        <v>226</v>
      </c>
      <c r="F86" s="9" t="s">
        <v>283</v>
      </c>
      <c r="G86" s="9" t="s">
        <v>272</v>
      </c>
      <c r="H86" s="6">
        <v>11902</v>
      </c>
      <c r="I86" s="6">
        <v>6548</v>
      </c>
      <c r="J86" s="6">
        <v>5491</v>
      </c>
      <c r="K86" s="6">
        <v>5314</v>
      </c>
      <c r="L86" s="6">
        <v>40</v>
      </c>
    </row>
    <row r="87" spans="1:12">
      <c r="A87" s="9" t="s">
        <v>27</v>
      </c>
      <c r="B87" s="9" t="s">
        <v>28</v>
      </c>
      <c r="C87" s="9" t="s">
        <v>29</v>
      </c>
      <c r="D87" s="9" t="s">
        <v>264</v>
      </c>
      <c r="E87" s="9" t="s">
        <v>226</v>
      </c>
      <c r="F87" s="9" t="s">
        <v>283</v>
      </c>
      <c r="G87" s="9" t="s">
        <v>273</v>
      </c>
      <c r="H87" s="6">
        <v>24557</v>
      </c>
      <c r="I87" s="6">
        <v>17678</v>
      </c>
      <c r="J87" s="6">
        <v>15144</v>
      </c>
      <c r="K87" s="6">
        <v>6826</v>
      </c>
      <c r="L87" s="6">
        <v>53</v>
      </c>
    </row>
    <row r="88" spans="1:12">
      <c r="A88" s="9" t="s">
        <v>27</v>
      </c>
      <c r="B88" s="9" t="s">
        <v>28</v>
      </c>
      <c r="C88" s="9" t="s">
        <v>29</v>
      </c>
      <c r="D88" s="9" t="s">
        <v>264</v>
      </c>
      <c r="E88" s="9" t="s">
        <v>226</v>
      </c>
      <c r="F88" s="9" t="s">
        <v>283</v>
      </c>
      <c r="G88" s="9" t="s">
        <v>274</v>
      </c>
      <c r="H88" s="6">
        <v>37589</v>
      </c>
      <c r="I88" s="6">
        <v>31048</v>
      </c>
      <c r="J88" s="6">
        <v>26959</v>
      </c>
      <c r="K88" s="6">
        <v>6467</v>
      </c>
      <c r="L88" s="6">
        <v>74</v>
      </c>
    </row>
    <row r="89" spans="1:12">
      <c r="A89" s="9" t="s">
        <v>27</v>
      </c>
      <c r="B89" s="9" t="s">
        <v>28</v>
      </c>
      <c r="C89" s="9" t="s">
        <v>29</v>
      </c>
      <c r="D89" s="9" t="s">
        <v>264</v>
      </c>
      <c r="E89" s="9" t="s">
        <v>226</v>
      </c>
      <c r="F89" s="9" t="s">
        <v>283</v>
      </c>
      <c r="G89" s="9" t="s">
        <v>275</v>
      </c>
      <c r="H89" s="6">
        <v>38965</v>
      </c>
      <c r="I89" s="6">
        <v>33917</v>
      </c>
      <c r="J89" s="6">
        <v>29610</v>
      </c>
      <c r="K89" s="6">
        <v>4978</v>
      </c>
      <c r="L89" s="6">
        <v>70</v>
      </c>
    </row>
    <row r="90" spans="1:12">
      <c r="A90" s="9" t="s">
        <v>27</v>
      </c>
      <c r="B90" s="9" t="s">
        <v>28</v>
      </c>
      <c r="C90" s="9" t="s">
        <v>29</v>
      </c>
      <c r="D90" s="9" t="s">
        <v>264</v>
      </c>
      <c r="E90" s="9" t="s">
        <v>226</v>
      </c>
      <c r="F90" s="9" t="s">
        <v>283</v>
      </c>
      <c r="G90" s="9" t="s">
        <v>276</v>
      </c>
      <c r="H90" s="6">
        <v>37844</v>
      </c>
      <c r="I90" s="6">
        <v>33596</v>
      </c>
      <c r="J90" s="6">
        <v>29486</v>
      </c>
      <c r="K90" s="6">
        <v>4190</v>
      </c>
      <c r="L90" s="6">
        <v>58</v>
      </c>
    </row>
    <row r="91" spans="1:12">
      <c r="A91" s="9" t="s">
        <v>27</v>
      </c>
      <c r="B91" s="9" t="s">
        <v>28</v>
      </c>
      <c r="C91" s="9" t="s">
        <v>29</v>
      </c>
      <c r="D91" s="9" t="s">
        <v>264</v>
      </c>
      <c r="E91" s="9" t="s">
        <v>226</v>
      </c>
      <c r="F91" s="9" t="s">
        <v>283</v>
      </c>
      <c r="G91" s="9" t="s">
        <v>277</v>
      </c>
      <c r="H91" s="6">
        <v>30525</v>
      </c>
      <c r="I91" s="6">
        <v>26927</v>
      </c>
      <c r="J91" s="6">
        <v>23752</v>
      </c>
      <c r="K91" s="6">
        <v>3544</v>
      </c>
      <c r="L91" s="6">
        <v>54</v>
      </c>
    </row>
    <row r="92" spans="1:12">
      <c r="A92" s="9" t="s">
        <v>27</v>
      </c>
      <c r="B92" s="9" t="s">
        <v>28</v>
      </c>
      <c r="C92" s="9" t="s">
        <v>29</v>
      </c>
      <c r="D92" s="9" t="s">
        <v>264</v>
      </c>
      <c r="E92" s="9" t="s">
        <v>226</v>
      </c>
      <c r="F92" s="9" t="s">
        <v>283</v>
      </c>
      <c r="G92" s="9" t="s">
        <v>278</v>
      </c>
      <c r="H92" s="6">
        <v>20398</v>
      </c>
      <c r="I92" s="6">
        <v>17629</v>
      </c>
      <c r="J92" s="6">
        <v>15589</v>
      </c>
      <c r="K92" s="6">
        <v>2737</v>
      </c>
      <c r="L92" s="6">
        <v>32</v>
      </c>
    </row>
    <row r="93" spans="1:12">
      <c r="A93" s="9" t="s">
        <v>27</v>
      </c>
      <c r="B93" s="9" t="s">
        <v>28</v>
      </c>
      <c r="C93" s="9" t="s">
        <v>29</v>
      </c>
      <c r="D93" s="9" t="s">
        <v>264</v>
      </c>
      <c r="E93" s="9" t="s">
        <v>226</v>
      </c>
      <c r="F93" s="9" t="s">
        <v>283</v>
      </c>
      <c r="G93" s="9" t="s">
        <v>279</v>
      </c>
      <c r="H93" s="6">
        <v>9813</v>
      </c>
      <c r="I93" s="6">
        <v>8228</v>
      </c>
      <c r="J93" s="6">
        <v>7196</v>
      </c>
      <c r="K93" s="6">
        <v>1567</v>
      </c>
      <c r="L93" s="6">
        <v>18</v>
      </c>
    </row>
    <row r="94" spans="1:12">
      <c r="A94" s="9" t="s">
        <v>27</v>
      </c>
      <c r="B94" s="9" t="s">
        <v>28</v>
      </c>
      <c r="C94" s="9" t="s">
        <v>29</v>
      </c>
      <c r="D94" s="9" t="s">
        <v>264</v>
      </c>
      <c r="E94" s="9" t="s">
        <v>226</v>
      </c>
      <c r="F94" s="9" t="s">
        <v>283</v>
      </c>
      <c r="G94" s="9" t="s">
        <v>280</v>
      </c>
      <c r="H94" s="6">
        <v>23019</v>
      </c>
      <c r="I94" s="6">
        <v>17500</v>
      </c>
      <c r="J94" s="6">
        <v>14188</v>
      </c>
      <c r="K94" s="6">
        <v>5479</v>
      </c>
      <c r="L94" s="6">
        <v>40</v>
      </c>
    </row>
    <row r="95" spans="1:12">
      <c r="A95" s="9" t="s">
        <v>27</v>
      </c>
      <c r="B95" s="9" t="s">
        <v>28</v>
      </c>
      <c r="C95" s="9" t="s">
        <v>29</v>
      </c>
      <c r="D95" s="9" t="s">
        <v>264</v>
      </c>
      <c r="E95" s="9" t="s">
        <v>227</v>
      </c>
      <c r="F95" s="9" t="s">
        <v>6</v>
      </c>
      <c r="G95" s="9" t="s">
        <v>6</v>
      </c>
      <c r="H95" s="6">
        <v>1326515</v>
      </c>
      <c r="I95" s="6">
        <v>1022503</v>
      </c>
      <c r="J95" s="6">
        <v>978795</v>
      </c>
      <c r="K95" s="6">
        <v>302067</v>
      </c>
      <c r="L95" s="6">
        <v>1945</v>
      </c>
    </row>
    <row r="96" spans="1:12">
      <c r="A96" s="9" t="s">
        <v>27</v>
      </c>
      <c r="B96" s="9" t="s">
        <v>28</v>
      </c>
      <c r="C96" s="9" t="s">
        <v>29</v>
      </c>
      <c r="D96" s="9" t="s">
        <v>264</v>
      </c>
      <c r="E96" s="9" t="s">
        <v>227</v>
      </c>
      <c r="F96" s="9" t="s">
        <v>234</v>
      </c>
      <c r="G96" s="9" t="s">
        <v>6</v>
      </c>
      <c r="H96" s="6">
        <v>20558</v>
      </c>
      <c r="I96" s="6">
        <v>15724</v>
      </c>
      <c r="J96" s="6">
        <v>15033</v>
      </c>
      <c r="K96" s="6">
        <v>4745</v>
      </c>
      <c r="L96" s="6">
        <v>89</v>
      </c>
    </row>
    <row r="97" spans="1:12">
      <c r="A97" s="9" t="s">
        <v>27</v>
      </c>
      <c r="B97" s="9" t="s">
        <v>28</v>
      </c>
      <c r="C97" s="9" t="s">
        <v>29</v>
      </c>
      <c r="D97" s="9" t="s">
        <v>264</v>
      </c>
      <c r="E97" s="9" t="s">
        <v>227</v>
      </c>
      <c r="F97" s="9" t="s">
        <v>235</v>
      </c>
      <c r="G97" s="9" t="s">
        <v>6</v>
      </c>
      <c r="H97" s="6">
        <v>1305957</v>
      </c>
      <c r="I97" s="6">
        <v>1006779</v>
      </c>
      <c r="J97" s="6">
        <v>963762</v>
      </c>
      <c r="K97" s="6">
        <v>297322</v>
      </c>
      <c r="L97" s="6">
        <v>1856</v>
      </c>
    </row>
    <row r="98" spans="1:12">
      <c r="A98" s="9" t="s">
        <v>27</v>
      </c>
      <c r="B98" s="9" t="s">
        <v>28</v>
      </c>
      <c r="C98" s="9" t="s">
        <v>29</v>
      </c>
      <c r="D98" s="9" t="s">
        <v>264</v>
      </c>
      <c r="E98" s="9" t="s">
        <v>227</v>
      </c>
      <c r="F98" s="9" t="s">
        <v>235</v>
      </c>
      <c r="G98" s="9" t="s">
        <v>272</v>
      </c>
      <c r="H98" s="6">
        <v>42997</v>
      </c>
      <c r="I98" s="6">
        <v>21944</v>
      </c>
      <c r="J98" s="6">
        <v>20798</v>
      </c>
      <c r="K98" s="6">
        <v>20929</v>
      </c>
      <c r="L98" s="6">
        <v>124</v>
      </c>
    </row>
    <row r="99" spans="1:12">
      <c r="A99" s="9" t="s">
        <v>27</v>
      </c>
      <c r="B99" s="9" t="s">
        <v>28</v>
      </c>
      <c r="C99" s="9" t="s">
        <v>29</v>
      </c>
      <c r="D99" s="9" t="s">
        <v>264</v>
      </c>
      <c r="E99" s="9" t="s">
        <v>227</v>
      </c>
      <c r="F99" s="9" t="s">
        <v>235</v>
      </c>
      <c r="G99" s="9" t="s">
        <v>273</v>
      </c>
      <c r="H99" s="6">
        <v>85392</v>
      </c>
      <c r="I99" s="6">
        <v>58065</v>
      </c>
      <c r="J99" s="6">
        <v>55325</v>
      </c>
      <c r="K99" s="6">
        <v>27143</v>
      </c>
      <c r="L99" s="6">
        <v>184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4</v>
      </c>
      <c r="E100" s="9" t="s">
        <v>227</v>
      </c>
      <c r="F100" s="9" t="s">
        <v>235</v>
      </c>
      <c r="G100" s="9" t="s">
        <v>274</v>
      </c>
      <c r="H100" s="6">
        <v>109389</v>
      </c>
      <c r="I100" s="6">
        <v>86248</v>
      </c>
      <c r="J100" s="6">
        <v>82445</v>
      </c>
      <c r="K100" s="6">
        <v>22971</v>
      </c>
      <c r="L100" s="6">
        <v>170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4</v>
      </c>
      <c r="E101" s="9" t="s">
        <v>227</v>
      </c>
      <c r="F101" s="9" t="s">
        <v>235</v>
      </c>
      <c r="G101" s="9" t="s">
        <v>275</v>
      </c>
      <c r="H101" s="6">
        <v>109078</v>
      </c>
      <c r="I101" s="6">
        <v>90998</v>
      </c>
      <c r="J101" s="6">
        <v>87357</v>
      </c>
      <c r="K101" s="6">
        <v>17954</v>
      </c>
      <c r="L101" s="6">
        <v>12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4</v>
      </c>
      <c r="E102" s="9" t="s">
        <v>227</v>
      </c>
      <c r="F102" s="9" t="s">
        <v>235</v>
      </c>
      <c r="G102" s="9" t="s">
        <v>276</v>
      </c>
      <c r="H102" s="6">
        <v>115982</v>
      </c>
      <c r="I102" s="6">
        <v>99007</v>
      </c>
      <c r="J102" s="6">
        <v>95324</v>
      </c>
      <c r="K102" s="6">
        <v>16841</v>
      </c>
      <c r="L102" s="6">
        <v>134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4</v>
      </c>
      <c r="E103" s="9" t="s">
        <v>227</v>
      </c>
      <c r="F103" s="9" t="s">
        <v>235</v>
      </c>
      <c r="G103" s="9" t="s">
        <v>277</v>
      </c>
      <c r="H103" s="6">
        <v>124873</v>
      </c>
      <c r="I103" s="6">
        <v>107519</v>
      </c>
      <c r="J103" s="6">
        <v>103754</v>
      </c>
      <c r="K103" s="6">
        <v>17210</v>
      </c>
      <c r="L103" s="6">
        <v>144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4</v>
      </c>
      <c r="E104" s="9" t="s">
        <v>227</v>
      </c>
      <c r="F104" s="9" t="s">
        <v>235</v>
      </c>
      <c r="G104" s="9" t="s">
        <v>278</v>
      </c>
      <c r="H104" s="6">
        <v>131070</v>
      </c>
      <c r="I104" s="6">
        <v>112415</v>
      </c>
      <c r="J104" s="6">
        <v>108526</v>
      </c>
      <c r="K104" s="6">
        <v>18540</v>
      </c>
      <c r="L104" s="6">
        <v>115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4</v>
      </c>
      <c r="E105" s="9" t="s">
        <v>227</v>
      </c>
      <c r="F105" s="9" t="s">
        <v>235</v>
      </c>
      <c r="G105" s="9" t="s">
        <v>279</v>
      </c>
      <c r="H105" s="6">
        <v>77631</v>
      </c>
      <c r="I105" s="6">
        <v>65295</v>
      </c>
      <c r="J105" s="6">
        <v>63048</v>
      </c>
      <c r="K105" s="6">
        <v>12253</v>
      </c>
      <c r="L105" s="6">
        <v>83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4</v>
      </c>
      <c r="E106" s="9" t="s">
        <v>227</v>
      </c>
      <c r="F106" s="9" t="s">
        <v>235</v>
      </c>
      <c r="G106" s="9" t="s">
        <v>280</v>
      </c>
      <c r="H106" s="6">
        <v>509545</v>
      </c>
      <c r="I106" s="6">
        <v>365288</v>
      </c>
      <c r="J106" s="6">
        <v>347185</v>
      </c>
      <c r="K106" s="6">
        <v>143481</v>
      </c>
      <c r="L106" s="6">
        <v>776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4</v>
      </c>
      <c r="E107" s="9" t="s">
        <v>227</v>
      </c>
      <c r="F107" s="9" t="s">
        <v>281</v>
      </c>
      <c r="G107" s="9" t="s">
        <v>6</v>
      </c>
      <c r="H107" s="6">
        <v>601682</v>
      </c>
      <c r="I107" s="6">
        <v>438680</v>
      </c>
      <c r="J107" s="6">
        <v>417858</v>
      </c>
      <c r="K107" s="6">
        <v>162037</v>
      </c>
      <c r="L107" s="6">
        <v>965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4</v>
      </c>
      <c r="E108" s="9" t="s">
        <v>227</v>
      </c>
      <c r="F108" s="9" t="s">
        <v>281</v>
      </c>
      <c r="G108" s="9" t="s">
        <v>272</v>
      </c>
      <c r="H108" s="6">
        <v>17006</v>
      </c>
      <c r="I108" s="6">
        <v>8334</v>
      </c>
      <c r="J108" s="6">
        <v>7957</v>
      </c>
      <c r="K108" s="6">
        <v>8612</v>
      </c>
      <c r="L108" s="6">
        <v>60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4</v>
      </c>
      <c r="E109" s="9" t="s">
        <v>227</v>
      </c>
      <c r="F109" s="9" t="s">
        <v>281</v>
      </c>
      <c r="G109" s="9" t="s">
        <v>273</v>
      </c>
      <c r="H109" s="6">
        <v>30858</v>
      </c>
      <c r="I109" s="6">
        <v>19982</v>
      </c>
      <c r="J109" s="6">
        <v>19100</v>
      </c>
      <c r="K109" s="6">
        <v>10790</v>
      </c>
      <c r="L109" s="6">
        <v>86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4</v>
      </c>
      <c r="E110" s="9" t="s">
        <v>227</v>
      </c>
      <c r="F110" s="9" t="s">
        <v>281</v>
      </c>
      <c r="G110" s="9" t="s">
        <v>274</v>
      </c>
      <c r="H110" s="6">
        <v>29047</v>
      </c>
      <c r="I110" s="6">
        <v>21620</v>
      </c>
      <c r="J110" s="6">
        <v>20618</v>
      </c>
      <c r="K110" s="6">
        <v>7359</v>
      </c>
      <c r="L110" s="6">
        <v>68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4</v>
      </c>
      <c r="E111" s="9" t="s">
        <v>227</v>
      </c>
      <c r="F111" s="9" t="s">
        <v>281</v>
      </c>
      <c r="G111" s="9" t="s">
        <v>275</v>
      </c>
      <c r="H111" s="6">
        <v>24733</v>
      </c>
      <c r="I111" s="6">
        <v>19150</v>
      </c>
      <c r="J111" s="6">
        <v>18251</v>
      </c>
      <c r="K111" s="6">
        <v>5544</v>
      </c>
      <c r="L111" s="6">
        <v>39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4</v>
      </c>
      <c r="E112" s="9" t="s">
        <v>227</v>
      </c>
      <c r="F112" s="9" t="s">
        <v>281</v>
      </c>
      <c r="G112" s="9" t="s">
        <v>276</v>
      </c>
      <c r="H112" s="6">
        <v>25923</v>
      </c>
      <c r="I112" s="6">
        <v>20517</v>
      </c>
      <c r="J112" s="6">
        <v>19617</v>
      </c>
      <c r="K112" s="6">
        <v>5369</v>
      </c>
      <c r="L112" s="6">
        <v>37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4</v>
      </c>
      <c r="E113" s="9" t="s">
        <v>227</v>
      </c>
      <c r="F113" s="9" t="s">
        <v>281</v>
      </c>
      <c r="G113" s="9" t="s">
        <v>277</v>
      </c>
      <c r="H113" s="6">
        <v>32109</v>
      </c>
      <c r="I113" s="6">
        <v>26234</v>
      </c>
      <c r="J113" s="6">
        <v>25184</v>
      </c>
      <c r="K113" s="6">
        <v>5834</v>
      </c>
      <c r="L113" s="6">
        <v>41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4</v>
      </c>
      <c r="E114" s="9" t="s">
        <v>227</v>
      </c>
      <c r="F114" s="9" t="s">
        <v>281</v>
      </c>
      <c r="G114" s="9" t="s">
        <v>278</v>
      </c>
      <c r="H114" s="6">
        <v>49376</v>
      </c>
      <c r="I114" s="6">
        <v>41524</v>
      </c>
      <c r="J114" s="6">
        <v>39953</v>
      </c>
      <c r="K114" s="6">
        <v>7809</v>
      </c>
      <c r="L114" s="6">
        <v>43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4</v>
      </c>
      <c r="E115" s="9" t="s">
        <v>227</v>
      </c>
      <c r="F115" s="9" t="s">
        <v>281</v>
      </c>
      <c r="G115" s="9" t="s">
        <v>279</v>
      </c>
      <c r="H115" s="6">
        <v>33321</v>
      </c>
      <c r="I115" s="6">
        <v>27690</v>
      </c>
      <c r="J115" s="6">
        <v>26679</v>
      </c>
      <c r="K115" s="6">
        <v>5598</v>
      </c>
      <c r="L115" s="6">
        <v>33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4</v>
      </c>
      <c r="E116" s="9" t="s">
        <v>227</v>
      </c>
      <c r="F116" s="9" t="s">
        <v>281</v>
      </c>
      <c r="G116" s="9" t="s">
        <v>280</v>
      </c>
      <c r="H116" s="6">
        <v>359309</v>
      </c>
      <c r="I116" s="6">
        <v>253629</v>
      </c>
      <c r="J116" s="6">
        <v>240499</v>
      </c>
      <c r="K116" s="6">
        <v>105122</v>
      </c>
      <c r="L116" s="6">
        <v>558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4</v>
      </c>
      <c r="E117" s="9" t="s">
        <v>227</v>
      </c>
      <c r="F117" s="9" t="s">
        <v>282</v>
      </c>
      <c r="G117" s="9" t="s">
        <v>6</v>
      </c>
      <c r="H117" s="6">
        <v>510837</v>
      </c>
      <c r="I117" s="6">
        <v>410121</v>
      </c>
      <c r="J117" s="6">
        <v>394462</v>
      </c>
      <c r="K117" s="6">
        <v>100105</v>
      </c>
      <c r="L117" s="6">
        <v>611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4</v>
      </c>
      <c r="E118" s="9" t="s">
        <v>227</v>
      </c>
      <c r="F118" s="9" t="s">
        <v>282</v>
      </c>
      <c r="G118" s="9" t="s">
        <v>272</v>
      </c>
      <c r="H118" s="6">
        <v>16042</v>
      </c>
      <c r="I118" s="6">
        <v>8234</v>
      </c>
      <c r="J118" s="6">
        <v>7820</v>
      </c>
      <c r="K118" s="6">
        <v>7772</v>
      </c>
      <c r="L118" s="6">
        <v>36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4</v>
      </c>
      <c r="E119" s="9" t="s">
        <v>227</v>
      </c>
      <c r="F119" s="9" t="s">
        <v>282</v>
      </c>
      <c r="G119" s="9" t="s">
        <v>273</v>
      </c>
      <c r="H119" s="6">
        <v>33964</v>
      </c>
      <c r="I119" s="6">
        <v>23519</v>
      </c>
      <c r="J119" s="6">
        <v>22405</v>
      </c>
      <c r="K119" s="6">
        <v>10381</v>
      </c>
      <c r="L119" s="6">
        <v>64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4</v>
      </c>
      <c r="E120" s="9" t="s">
        <v>227</v>
      </c>
      <c r="F120" s="9" t="s">
        <v>282</v>
      </c>
      <c r="G120" s="9" t="s">
        <v>274</v>
      </c>
      <c r="H120" s="6">
        <v>48918</v>
      </c>
      <c r="I120" s="6">
        <v>38866</v>
      </c>
      <c r="J120" s="6">
        <v>37234</v>
      </c>
      <c r="K120" s="6">
        <v>9993</v>
      </c>
      <c r="L120" s="6">
        <v>59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4</v>
      </c>
      <c r="E121" s="9" t="s">
        <v>227</v>
      </c>
      <c r="F121" s="9" t="s">
        <v>282</v>
      </c>
      <c r="G121" s="9" t="s">
        <v>275</v>
      </c>
      <c r="H121" s="6">
        <v>52098</v>
      </c>
      <c r="I121" s="6">
        <v>43899</v>
      </c>
      <c r="J121" s="6">
        <v>42226</v>
      </c>
      <c r="K121" s="6">
        <v>8153</v>
      </c>
      <c r="L121" s="6">
        <v>46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4</v>
      </c>
      <c r="E122" s="9" t="s">
        <v>227</v>
      </c>
      <c r="F122" s="9" t="s">
        <v>282</v>
      </c>
      <c r="G122" s="9" t="s">
        <v>276</v>
      </c>
      <c r="H122" s="6">
        <v>58767</v>
      </c>
      <c r="I122" s="6">
        <v>50813</v>
      </c>
      <c r="J122" s="6">
        <v>49034</v>
      </c>
      <c r="K122" s="6">
        <v>7896</v>
      </c>
      <c r="L122" s="6">
        <v>58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4</v>
      </c>
      <c r="E123" s="9" t="s">
        <v>227</v>
      </c>
      <c r="F123" s="9" t="s">
        <v>282</v>
      </c>
      <c r="G123" s="9" t="s">
        <v>277</v>
      </c>
      <c r="H123" s="6">
        <v>67366</v>
      </c>
      <c r="I123" s="6">
        <v>58965</v>
      </c>
      <c r="J123" s="6">
        <v>57024</v>
      </c>
      <c r="K123" s="6">
        <v>8335</v>
      </c>
      <c r="L123" s="6">
        <v>66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4</v>
      </c>
      <c r="E124" s="9" t="s">
        <v>227</v>
      </c>
      <c r="F124" s="9" t="s">
        <v>282</v>
      </c>
      <c r="G124" s="9" t="s">
        <v>278</v>
      </c>
      <c r="H124" s="6">
        <v>64753</v>
      </c>
      <c r="I124" s="6">
        <v>56322</v>
      </c>
      <c r="J124" s="6">
        <v>54538</v>
      </c>
      <c r="K124" s="6">
        <v>8378</v>
      </c>
      <c r="L124" s="6">
        <v>53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4</v>
      </c>
      <c r="E125" s="9" t="s">
        <v>227</v>
      </c>
      <c r="F125" s="9" t="s">
        <v>282</v>
      </c>
      <c r="G125" s="9" t="s">
        <v>279</v>
      </c>
      <c r="H125" s="6">
        <v>36219</v>
      </c>
      <c r="I125" s="6">
        <v>30872</v>
      </c>
      <c r="J125" s="6">
        <v>29890</v>
      </c>
      <c r="K125" s="6">
        <v>5308</v>
      </c>
      <c r="L125" s="6">
        <v>39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4</v>
      </c>
      <c r="E126" s="9" t="s">
        <v>227</v>
      </c>
      <c r="F126" s="9" t="s">
        <v>282</v>
      </c>
      <c r="G126" s="9" t="s">
        <v>280</v>
      </c>
      <c r="H126" s="6">
        <v>132710</v>
      </c>
      <c r="I126" s="6">
        <v>98631</v>
      </c>
      <c r="J126" s="6">
        <v>94291</v>
      </c>
      <c r="K126" s="6">
        <v>33889</v>
      </c>
      <c r="L126" s="6">
        <v>190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4</v>
      </c>
      <c r="E127" s="9" t="s">
        <v>227</v>
      </c>
      <c r="F127" s="9" t="s">
        <v>283</v>
      </c>
      <c r="G127" s="9" t="s">
        <v>6</v>
      </c>
      <c r="H127" s="6">
        <v>193438</v>
      </c>
      <c r="I127" s="6">
        <v>157978</v>
      </c>
      <c r="J127" s="6">
        <v>151442</v>
      </c>
      <c r="K127" s="6">
        <v>35180</v>
      </c>
      <c r="L127" s="6">
        <v>280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4</v>
      </c>
      <c r="E128" s="9" t="s">
        <v>227</v>
      </c>
      <c r="F128" s="9" t="s">
        <v>283</v>
      </c>
      <c r="G128" s="9" t="s">
        <v>272</v>
      </c>
      <c r="H128" s="6">
        <v>9949</v>
      </c>
      <c r="I128" s="6">
        <v>5376</v>
      </c>
      <c r="J128" s="6">
        <v>5021</v>
      </c>
      <c r="K128" s="6">
        <v>4545</v>
      </c>
      <c r="L128" s="6">
        <v>28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4</v>
      </c>
      <c r="E129" s="9" t="s">
        <v>227</v>
      </c>
      <c r="F129" s="9" t="s">
        <v>283</v>
      </c>
      <c r="G129" s="9" t="s">
        <v>273</v>
      </c>
      <c r="H129" s="6">
        <v>20570</v>
      </c>
      <c r="I129" s="6">
        <v>14564</v>
      </c>
      <c r="J129" s="6">
        <v>13820</v>
      </c>
      <c r="K129" s="6">
        <v>5972</v>
      </c>
      <c r="L129" s="6">
        <v>34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4</v>
      </c>
      <c r="E130" s="9" t="s">
        <v>227</v>
      </c>
      <c r="F130" s="9" t="s">
        <v>283</v>
      </c>
      <c r="G130" s="9" t="s">
        <v>274</v>
      </c>
      <c r="H130" s="6">
        <v>31424</v>
      </c>
      <c r="I130" s="6">
        <v>25762</v>
      </c>
      <c r="J130" s="6">
        <v>24593</v>
      </c>
      <c r="K130" s="6">
        <v>5619</v>
      </c>
      <c r="L130" s="6">
        <v>43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4</v>
      </c>
      <c r="E131" s="9" t="s">
        <v>227</v>
      </c>
      <c r="F131" s="9" t="s">
        <v>283</v>
      </c>
      <c r="G131" s="9" t="s">
        <v>275</v>
      </c>
      <c r="H131" s="6">
        <v>32247</v>
      </c>
      <c r="I131" s="6">
        <v>27949</v>
      </c>
      <c r="J131" s="6">
        <v>26880</v>
      </c>
      <c r="K131" s="6">
        <v>4257</v>
      </c>
      <c r="L131" s="6">
        <v>41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4</v>
      </c>
      <c r="E132" s="9" t="s">
        <v>227</v>
      </c>
      <c r="F132" s="9" t="s">
        <v>283</v>
      </c>
      <c r="G132" s="9" t="s">
        <v>276</v>
      </c>
      <c r="H132" s="6">
        <v>31292</v>
      </c>
      <c r="I132" s="6">
        <v>27677</v>
      </c>
      <c r="J132" s="6">
        <v>26673</v>
      </c>
      <c r="K132" s="6">
        <v>3576</v>
      </c>
      <c r="L132" s="6">
        <v>39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4</v>
      </c>
      <c r="E133" s="9" t="s">
        <v>227</v>
      </c>
      <c r="F133" s="9" t="s">
        <v>283</v>
      </c>
      <c r="G133" s="9" t="s">
        <v>277</v>
      </c>
      <c r="H133" s="6">
        <v>25398</v>
      </c>
      <c r="I133" s="6">
        <v>22320</v>
      </c>
      <c r="J133" s="6">
        <v>21546</v>
      </c>
      <c r="K133" s="6">
        <v>3041</v>
      </c>
      <c r="L133" s="6">
        <v>37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4</v>
      </c>
      <c r="E134" s="9" t="s">
        <v>227</v>
      </c>
      <c r="F134" s="9" t="s">
        <v>283</v>
      </c>
      <c r="G134" s="9" t="s">
        <v>278</v>
      </c>
      <c r="H134" s="6">
        <v>16941</v>
      </c>
      <c r="I134" s="6">
        <v>14569</v>
      </c>
      <c r="J134" s="6">
        <v>14035</v>
      </c>
      <c r="K134" s="6">
        <v>2353</v>
      </c>
      <c r="L134" s="6">
        <v>19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4</v>
      </c>
      <c r="E135" s="9" t="s">
        <v>227</v>
      </c>
      <c r="F135" s="9" t="s">
        <v>283</v>
      </c>
      <c r="G135" s="9" t="s">
        <v>279</v>
      </c>
      <c r="H135" s="6">
        <v>8091</v>
      </c>
      <c r="I135" s="6">
        <v>6733</v>
      </c>
      <c r="J135" s="6">
        <v>6479</v>
      </c>
      <c r="K135" s="6">
        <v>1347</v>
      </c>
      <c r="L135" s="6">
        <v>11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4</v>
      </c>
      <c r="E136" s="9" t="s">
        <v>227</v>
      </c>
      <c r="F136" s="9" t="s">
        <v>283</v>
      </c>
      <c r="G136" s="9" t="s">
        <v>280</v>
      </c>
      <c r="H136" s="6">
        <v>17526</v>
      </c>
      <c r="I136" s="6">
        <v>13028</v>
      </c>
      <c r="J136" s="6">
        <v>12395</v>
      </c>
      <c r="K136" s="6">
        <v>4470</v>
      </c>
      <c r="L136" s="6">
        <v>28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4</v>
      </c>
      <c r="E137" s="9" t="s">
        <v>228</v>
      </c>
      <c r="F137" s="9" t="s">
        <v>6</v>
      </c>
      <c r="G137" s="9" t="s">
        <v>6</v>
      </c>
      <c r="H137" s="6">
        <v>246970</v>
      </c>
      <c r="I137" s="6">
        <v>67319</v>
      </c>
      <c r="J137" s="6">
        <v>60654</v>
      </c>
      <c r="K137" s="6">
        <v>179220</v>
      </c>
      <c r="L137" s="6">
        <v>431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4</v>
      </c>
      <c r="E138" s="9" t="s">
        <v>228</v>
      </c>
      <c r="F138" s="9" t="s">
        <v>234</v>
      </c>
      <c r="G138" s="9" t="s">
        <v>6</v>
      </c>
      <c r="H138" s="6">
        <v>1232</v>
      </c>
      <c r="I138" s="6">
        <v>502</v>
      </c>
      <c r="J138" s="6">
        <v>461</v>
      </c>
      <c r="K138" s="6">
        <v>724</v>
      </c>
      <c r="L138" s="6">
        <v>6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4</v>
      </c>
      <c r="E139" s="9" t="s">
        <v>228</v>
      </c>
      <c r="F139" s="9" t="s">
        <v>235</v>
      </c>
      <c r="G139" s="9" t="s">
        <v>6</v>
      </c>
      <c r="H139" s="6">
        <v>245738</v>
      </c>
      <c r="I139" s="6">
        <v>66817</v>
      </c>
      <c r="J139" s="6">
        <v>60193</v>
      </c>
      <c r="K139" s="6">
        <v>178496</v>
      </c>
      <c r="L139" s="6">
        <v>425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4</v>
      </c>
      <c r="E140" s="9" t="s">
        <v>228</v>
      </c>
      <c r="F140" s="9" t="s">
        <v>235</v>
      </c>
      <c r="G140" s="9" t="s">
        <v>272</v>
      </c>
      <c r="H140" s="6">
        <v>1224</v>
      </c>
      <c r="I140" s="6">
        <v>376</v>
      </c>
      <c r="J140" s="6">
        <v>346</v>
      </c>
      <c r="K140" s="6">
        <v>833</v>
      </c>
      <c r="L140" s="6">
        <v>15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4</v>
      </c>
      <c r="E141" s="9" t="s">
        <v>228</v>
      </c>
      <c r="F141" s="9" t="s">
        <v>235</v>
      </c>
      <c r="G141" s="9" t="s">
        <v>273</v>
      </c>
      <c r="H141" s="6">
        <v>1726</v>
      </c>
      <c r="I141" s="6">
        <v>804</v>
      </c>
      <c r="J141" s="6">
        <v>731</v>
      </c>
      <c r="K141" s="6">
        <v>912</v>
      </c>
      <c r="L141" s="6">
        <v>10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4</v>
      </c>
      <c r="E142" s="9" t="s">
        <v>228</v>
      </c>
      <c r="F142" s="9" t="s">
        <v>235</v>
      </c>
      <c r="G142" s="9" t="s">
        <v>274</v>
      </c>
      <c r="H142" s="6">
        <v>1972</v>
      </c>
      <c r="I142" s="6">
        <v>1169</v>
      </c>
      <c r="J142" s="6">
        <v>1060</v>
      </c>
      <c r="K142" s="6">
        <v>789</v>
      </c>
      <c r="L142" s="6">
        <v>14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4</v>
      </c>
      <c r="E143" s="9" t="s">
        <v>228</v>
      </c>
      <c r="F143" s="9" t="s">
        <v>235</v>
      </c>
      <c r="G143" s="9" t="s">
        <v>275</v>
      </c>
      <c r="H143" s="6">
        <v>1949</v>
      </c>
      <c r="I143" s="6">
        <v>1257</v>
      </c>
      <c r="J143" s="6">
        <v>1175</v>
      </c>
      <c r="K143" s="6">
        <v>679</v>
      </c>
      <c r="L143" s="6">
        <v>13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4</v>
      </c>
      <c r="E144" s="9" t="s">
        <v>228</v>
      </c>
      <c r="F144" s="9" t="s">
        <v>235</v>
      </c>
      <c r="G144" s="9" t="s">
        <v>276</v>
      </c>
      <c r="H144" s="6">
        <v>2152</v>
      </c>
      <c r="I144" s="6">
        <v>1511</v>
      </c>
      <c r="J144" s="6">
        <v>1410</v>
      </c>
      <c r="K144" s="6">
        <v>627</v>
      </c>
      <c r="L144" s="6">
        <v>14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4</v>
      </c>
      <c r="E145" s="9" t="s">
        <v>228</v>
      </c>
      <c r="F145" s="9" t="s">
        <v>235</v>
      </c>
      <c r="G145" s="9" t="s">
        <v>277</v>
      </c>
      <c r="H145" s="6">
        <v>2496</v>
      </c>
      <c r="I145" s="6">
        <v>1776</v>
      </c>
      <c r="J145" s="6">
        <v>1670</v>
      </c>
      <c r="K145" s="6">
        <v>709</v>
      </c>
      <c r="L145" s="6">
        <v>11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4</v>
      </c>
      <c r="E146" s="9" t="s">
        <v>228</v>
      </c>
      <c r="F146" s="9" t="s">
        <v>235</v>
      </c>
      <c r="G146" s="9" t="s">
        <v>278</v>
      </c>
      <c r="H146" s="6">
        <v>3248</v>
      </c>
      <c r="I146" s="6">
        <v>2274</v>
      </c>
      <c r="J146" s="6">
        <v>2150</v>
      </c>
      <c r="K146" s="6">
        <v>955</v>
      </c>
      <c r="L146" s="6">
        <v>19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4</v>
      </c>
      <c r="E147" s="9" t="s">
        <v>228</v>
      </c>
      <c r="F147" s="9" t="s">
        <v>235</v>
      </c>
      <c r="G147" s="9" t="s">
        <v>279</v>
      </c>
      <c r="H147" s="6">
        <v>2418</v>
      </c>
      <c r="I147" s="6">
        <v>1712</v>
      </c>
      <c r="J147" s="6">
        <v>1617</v>
      </c>
      <c r="K147" s="6">
        <v>698</v>
      </c>
      <c r="L147" s="6">
        <v>8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4</v>
      </c>
      <c r="E148" s="9" t="s">
        <v>228</v>
      </c>
      <c r="F148" s="9" t="s">
        <v>235</v>
      </c>
      <c r="G148" s="9" t="s">
        <v>280</v>
      </c>
      <c r="H148" s="6">
        <v>228553</v>
      </c>
      <c r="I148" s="6">
        <v>55938</v>
      </c>
      <c r="J148" s="6">
        <v>50034</v>
      </c>
      <c r="K148" s="6">
        <v>172294</v>
      </c>
      <c r="L148" s="6">
        <v>321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4</v>
      </c>
      <c r="E149" s="9" t="s">
        <v>228</v>
      </c>
      <c r="F149" s="9" t="s">
        <v>281</v>
      </c>
      <c r="G149" s="9" t="s">
        <v>6</v>
      </c>
      <c r="H149" s="6">
        <v>195187</v>
      </c>
      <c r="I149" s="6">
        <v>47527</v>
      </c>
      <c r="J149" s="6">
        <v>42480</v>
      </c>
      <c r="K149" s="6">
        <v>147364</v>
      </c>
      <c r="L149" s="6">
        <v>296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4</v>
      </c>
      <c r="E150" s="9" t="s">
        <v>228</v>
      </c>
      <c r="F150" s="9" t="s">
        <v>281</v>
      </c>
      <c r="G150" s="9" t="s">
        <v>272</v>
      </c>
      <c r="H150" s="6">
        <v>681</v>
      </c>
      <c r="I150" s="6">
        <v>199</v>
      </c>
      <c r="J150" s="6">
        <v>183</v>
      </c>
      <c r="K150" s="6">
        <v>471</v>
      </c>
      <c r="L150" s="6">
        <v>11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4</v>
      </c>
      <c r="E151" s="9" t="s">
        <v>228</v>
      </c>
      <c r="F151" s="9" t="s">
        <v>281</v>
      </c>
      <c r="G151" s="9" t="s">
        <v>273</v>
      </c>
      <c r="H151" s="6">
        <v>832</v>
      </c>
      <c r="I151" s="6">
        <v>379</v>
      </c>
      <c r="J151" s="6">
        <v>347</v>
      </c>
      <c r="K151" s="6">
        <v>449</v>
      </c>
      <c r="L151" s="6">
        <v>4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4</v>
      </c>
      <c r="E152" s="9" t="s">
        <v>228</v>
      </c>
      <c r="F152" s="9" t="s">
        <v>281</v>
      </c>
      <c r="G152" s="9" t="s">
        <v>274</v>
      </c>
      <c r="H152" s="6">
        <v>780</v>
      </c>
      <c r="I152" s="6">
        <v>453</v>
      </c>
      <c r="J152" s="6">
        <v>408</v>
      </c>
      <c r="K152" s="6">
        <v>324</v>
      </c>
      <c r="L152" s="6">
        <v>3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4</v>
      </c>
      <c r="E153" s="9" t="s">
        <v>228</v>
      </c>
      <c r="F153" s="9" t="s">
        <v>281</v>
      </c>
      <c r="G153" s="9" t="s">
        <v>275</v>
      </c>
      <c r="H153" s="6">
        <v>704</v>
      </c>
      <c r="I153" s="6">
        <v>447</v>
      </c>
      <c r="J153" s="6">
        <v>409</v>
      </c>
      <c r="K153" s="6">
        <v>252</v>
      </c>
      <c r="L153" s="6">
        <v>5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4</v>
      </c>
      <c r="E154" s="9" t="s">
        <v>228</v>
      </c>
      <c r="F154" s="9" t="s">
        <v>281</v>
      </c>
      <c r="G154" s="9" t="s">
        <v>276</v>
      </c>
      <c r="H154" s="6">
        <v>759</v>
      </c>
      <c r="I154" s="6">
        <v>520</v>
      </c>
      <c r="J154" s="6">
        <v>485</v>
      </c>
      <c r="K154" s="6">
        <v>234</v>
      </c>
      <c r="L154" s="6">
        <v>5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4</v>
      </c>
      <c r="E155" s="9" t="s">
        <v>228</v>
      </c>
      <c r="F155" s="9" t="s">
        <v>281</v>
      </c>
      <c r="G155" s="9" t="s">
        <v>277</v>
      </c>
      <c r="H155" s="6">
        <v>937</v>
      </c>
      <c r="I155" s="6">
        <v>644</v>
      </c>
      <c r="J155" s="6">
        <v>599</v>
      </c>
      <c r="K155" s="6">
        <v>290</v>
      </c>
      <c r="L155" s="6">
        <v>3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4</v>
      </c>
      <c r="E156" s="9" t="s">
        <v>228</v>
      </c>
      <c r="F156" s="9" t="s">
        <v>281</v>
      </c>
      <c r="G156" s="9" t="s">
        <v>278</v>
      </c>
      <c r="H156" s="6">
        <v>1473</v>
      </c>
      <c r="I156" s="6">
        <v>1017</v>
      </c>
      <c r="J156" s="6">
        <v>954</v>
      </c>
      <c r="K156" s="6">
        <v>450</v>
      </c>
      <c r="L156" s="6">
        <v>6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4</v>
      </c>
      <c r="E157" s="9" t="s">
        <v>228</v>
      </c>
      <c r="F157" s="9" t="s">
        <v>281</v>
      </c>
      <c r="G157" s="9" t="s">
        <v>279</v>
      </c>
      <c r="H157" s="6">
        <v>1226</v>
      </c>
      <c r="I157" s="6">
        <v>839</v>
      </c>
      <c r="J157" s="6">
        <v>789</v>
      </c>
      <c r="K157" s="6">
        <v>383</v>
      </c>
      <c r="L157" s="6">
        <v>4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4</v>
      </c>
      <c r="E158" s="9" t="s">
        <v>228</v>
      </c>
      <c r="F158" s="9" t="s">
        <v>281</v>
      </c>
      <c r="G158" s="9" t="s">
        <v>280</v>
      </c>
      <c r="H158" s="6">
        <v>187795</v>
      </c>
      <c r="I158" s="6">
        <v>43029</v>
      </c>
      <c r="J158" s="6">
        <v>38306</v>
      </c>
      <c r="K158" s="6">
        <v>144511</v>
      </c>
      <c r="L158" s="6">
        <v>255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4</v>
      </c>
      <c r="E159" s="9" t="s">
        <v>228</v>
      </c>
      <c r="F159" s="9" t="s">
        <v>282</v>
      </c>
      <c r="G159" s="9" t="s">
        <v>6</v>
      </c>
      <c r="H159" s="6">
        <v>43851</v>
      </c>
      <c r="I159" s="6">
        <v>15922</v>
      </c>
      <c r="J159" s="6">
        <v>14591</v>
      </c>
      <c r="K159" s="6">
        <v>27839</v>
      </c>
      <c r="L159" s="6">
        <v>90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4</v>
      </c>
      <c r="E160" s="9" t="s">
        <v>228</v>
      </c>
      <c r="F160" s="9" t="s">
        <v>282</v>
      </c>
      <c r="G160" s="9" t="s">
        <v>272</v>
      </c>
      <c r="H160" s="6">
        <v>346</v>
      </c>
      <c r="I160" s="6">
        <v>111</v>
      </c>
      <c r="J160" s="6">
        <v>101</v>
      </c>
      <c r="K160" s="6">
        <v>233</v>
      </c>
      <c r="L160" s="6">
        <v>2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4</v>
      </c>
      <c r="E161" s="9" t="s">
        <v>228</v>
      </c>
      <c r="F161" s="9" t="s">
        <v>282</v>
      </c>
      <c r="G161" s="9" t="s">
        <v>273</v>
      </c>
      <c r="H161" s="6">
        <v>563</v>
      </c>
      <c r="I161" s="6">
        <v>265</v>
      </c>
      <c r="J161" s="6">
        <v>240</v>
      </c>
      <c r="K161" s="6">
        <v>294</v>
      </c>
      <c r="L161" s="6">
        <v>4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4</v>
      </c>
      <c r="E162" s="9" t="s">
        <v>228</v>
      </c>
      <c r="F162" s="9" t="s">
        <v>282</v>
      </c>
      <c r="G162" s="9" t="s">
        <v>274</v>
      </c>
      <c r="H162" s="6">
        <v>725</v>
      </c>
      <c r="I162" s="6">
        <v>438</v>
      </c>
      <c r="J162" s="6">
        <v>405</v>
      </c>
      <c r="K162" s="6">
        <v>283</v>
      </c>
      <c r="L162" s="6">
        <v>4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4</v>
      </c>
      <c r="E163" s="9" t="s">
        <v>228</v>
      </c>
      <c r="F163" s="9" t="s">
        <v>282</v>
      </c>
      <c r="G163" s="9" t="s">
        <v>275</v>
      </c>
      <c r="H163" s="6">
        <v>743</v>
      </c>
      <c r="I163" s="6">
        <v>505</v>
      </c>
      <c r="J163" s="6">
        <v>477</v>
      </c>
      <c r="K163" s="6">
        <v>234</v>
      </c>
      <c r="L163" s="6">
        <v>4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4</v>
      </c>
      <c r="E164" s="9" t="s">
        <v>228</v>
      </c>
      <c r="F164" s="9" t="s">
        <v>282</v>
      </c>
      <c r="G164" s="9" t="s">
        <v>276</v>
      </c>
      <c r="H164" s="6">
        <v>912</v>
      </c>
      <c r="I164" s="6">
        <v>658</v>
      </c>
      <c r="J164" s="6">
        <v>613</v>
      </c>
      <c r="K164" s="6">
        <v>250</v>
      </c>
      <c r="L164" s="6">
        <v>4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4</v>
      </c>
      <c r="E165" s="9" t="s">
        <v>228</v>
      </c>
      <c r="F165" s="9" t="s">
        <v>282</v>
      </c>
      <c r="G165" s="9" t="s">
        <v>277</v>
      </c>
      <c r="H165" s="6">
        <v>1129</v>
      </c>
      <c r="I165" s="6">
        <v>813</v>
      </c>
      <c r="J165" s="6">
        <v>771</v>
      </c>
      <c r="K165" s="6">
        <v>312</v>
      </c>
      <c r="L165" s="6">
        <v>4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4</v>
      </c>
      <c r="E166" s="9" t="s">
        <v>228</v>
      </c>
      <c r="F166" s="9" t="s">
        <v>282</v>
      </c>
      <c r="G166" s="9" t="s">
        <v>278</v>
      </c>
      <c r="H166" s="6">
        <v>1366</v>
      </c>
      <c r="I166" s="6">
        <v>968</v>
      </c>
      <c r="J166" s="6">
        <v>919</v>
      </c>
      <c r="K166" s="6">
        <v>391</v>
      </c>
      <c r="L166" s="6">
        <v>7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4</v>
      </c>
      <c r="E167" s="9" t="s">
        <v>228</v>
      </c>
      <c r="F167" s="9" t="s">
        <v>282</v>
      </c>
      <c r="G167" s="9" t="s">
        <v>279</v>
      </c>
      <c r="H167" s="6">
        <v>941</v>
      </c>
      <c r="I167" s="6">
        <v>687</v>
      </c>
      <c r="J167" s="6">
        <v>650</v>
      </c>
      <c r="K167" s="6">
        <v>251</v>
      </c>
      <c r="L167" s="6">
        <v>3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4</v>
      </c>
      <c r="E168" s="9" t="s">
        <v>228</v>
      </c>
      <c r="F168" s="9" t="s">
        <v>282</v>
      </c>
      <c r="G168" s="9" t="s">
        <v>280</v>
      </c>
      <c r="H168" s="6">
        <v>37126</v>
      </c>
      <c r="I168" s="6">
        <v>11477</v>
      </c>
      <c r="J168" s="6">
        <v>10415</v>
      </c>
      <c r="K168" s="6">
        <v>25591</v>
      </c>
      <c r="L168" s="6">
        <v>58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4</v>
      </c>
      <c r="E169" s="9" t="s">
        <v>228</v>
      </c>
      <c r="F169" s="9" t="s">
        <v>283</v>
      </c>
      <c r="G169" s="9" t="s">
        <v>6</v>
      </c>
      <c r="H169" s="6">
        <v>6700</v>
      </c>
      <c r="I169" s="6">
        <v>3368</v>
      </c>
      <c r="J169" s="6">
        <v>3122</v>
      </c>
      <c r="K169" s="6">
        <v>3293</v>
      </c>
      <c r="L169" s="6">
        <v>39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4</v>
      </c>
      <c r="E170" s="9" t="s">
        <v>228</v>
      </c>
      <c r="F170" s="9" t="s">
        <v>283</v>
      </c>
      <c r="G170" s="9" t="s">
        <v>272</v>
      </c>
      <c r="H170" s="6">
        <v>197</v>
      </c>
      <c r="I170" s="6">
        <v>66</v>
      </c>
      <c r="J170" s="6">
        <v>62</v>
      </c>
      <c r="K170" s="6">
        <v>129</v>
      </c>
      <c r="L170" s="6">
        <v>2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4</v>
      </c>
      <c r="E171" s="9" t="s">
        <v>228</v>
      </c>
      <c r="F171" s="9" t="s">
        <v>283</v>
      </c>
      <c r="G171" s="9" t="s">
        <v>273</v>
      </c>
      <c r="H171" s="6">
        <v>331</v>
      </c>
      <c r="I171" s="6">
        <v>160</v>
      </c>
      <c r="J171" s="6">
        <v>144</v>
      </c>
      <c r="K171" s="6">
        <v>169</v>
      </c>
      <c r="L171" s="6">
        <v>2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4</v>
      </c>
      <c r="E172" s="9" t="s">
        <v>228</v>
      </c>
      <c r="F172" s="9" t="s">
        <v>283</v>
      </c>
      <c r="G172" s="9" t="s">
        <v>274</v>
      </c>
      <c r="H172" s="6">
        <v>467</v>
      </c>
      <c r="I172" s="6">
        <v>278</v>
      </c>
      <c r="J172" s="6">
        <v>247</v>
      </c>
      <c r="K172" s="6">
        <v>182</v>
      </c>
      <c r="L172" s="6">
        <v>7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4</v>
      </c>
      <c r="E173" s="9" t="s">
        <v>228</v>
      </c>
      <c r="F173" s="9" t="s">
        <v>283</v>
      </c>
      <c r="G173" s="9" t="s">
        <v>275</v>
      </c>
      <c r="H173" s="6">
        <v>502</v>
      </c>
      <c r="I173" s="6">
        <v>305</v>
      </c>
      <c r="J173" s="6">
        <v>289</v>
      </c>
      <c r="K173" s="6">
        <v>193</v>
      </c>
      <c r="L173" s="6">
        <v>4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4</v>
      </c>
      <c r="E174" s="9" t="s">
        <v>228</v>
      </c>
      <c r="F174" s="9" t="s">
        <v>283</v>
      </c>
      <c r="G174" s="9" t="s">
        <v>276</v>
      </c>
      <c r="H174" s="6">
        <v>481</v>
      </c>
      <c r="I174" s="6">
        <v>333</v>
      </c>
      <c r="J174" s="6">
        <v>312</v>
      </c>
      <c r="K174" s="6">
        <v>143</v>
      </c>
      <c r="L174" s="6">
        <v>5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4</v>
      </c>
      <c r="E175" s="9" t="s">
        <v>228</v>
      </c>
      <c r="F175" s="9" t="s">
        <v>283</v>
      </c>
      <c r="G175" s="9" t="s">
        <v>277</v>
      </c>
      <c r="H175" s="6">
        <v>430</v>
      </c>
      <c r="I175" s="6">
        <v>319</v>
      </c>
      <c r="J175" s="6">
        <v>300</v>
      </c>
      <c r="K175" s="6">
        <v>107</v>
      </c>
      <c r="L175" s="6">
        <v>4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4</v>
      </c>
      <c r="E176" s="9" t="s">
        <v>228</v>
      </c>
      <c r="F176" s="9" t="s">
        <v>283</v>
      </c>
      <c r="G176" s="9" t="s">
        <v>278</v>
      </c>
      <c r="H176" s="6">
        <v>409</v>
      </c>
      <c r="I176" s="6">
        <v>289</v>
      </c>
      <c r="J176" s="6">
        <v>277</v>
      </c>
      <c r="K176" s="6">
        <v>114</v>
      </c>
      <c r="L176" s="6">
        <v>6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4</v>
      </c>
      <c r="E177" s="9" t="s">
        <v>228</v>
      </c>
      <c r="F177" s="9" t="s">
        <v>283</v>
      </c>
      <c r="G177" s="9" t="s">
        <v>279</v>
      </c>
      <c r="H177" s="6">
        <v>251</v>
      </c>
      <c r="I177" s="6">
        <v>186</v>
      </c>
      <c r="J177" s="6">
        <v>178</v>
      </c>
      <c r="K177" s="6">
        <v>64</v>
      </c>
      <c r="L177" s="6">
        <v>1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4</v>
      </c>
      <c r="E178" s="9" t="s">
        <v>228</v>
      </c>
      <c r="F178" s="9" t="s">
        <v>283</v>
      </c>
      <c r="G178" s="9" t="s">
        <v>280</v>
      </c>
      <c r="H178" s="6">
        <v>3632</v>
      </c>
      <c r="I178" s="6">
        <v>1432</v>
      </c>
      <c r="J178" s="6">
        <v>1313</v>
      </c>
      <c r="K178" s="6">
        <v>2192</v>
      </c>
      <c r="L178" s="6">
        <v>8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4</v>
      </c>
      <c r="E179" s="9" t="s">
        <v>18</v>
      </c>
      <c r="F179" s="9" t="s">
        <v>6</v>
      </c>
      <c r="G179" s="9" t="s">
        <v>6</v>
      </c>
      <c r="H179" s="6">
        <v>76985</v>
      </c>
      <c r="I179" s="6">
        <v>1586</v>
      </c>
      <c r="J179" s="6">
        <v>1214</v>
      </c>
      <c r="K179" s="6">
        <v>1023</v>
      </c>
      <c r="L179" s="6">
        <v>74376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4</v>
      </c>
      <c r="E180" s="9" t="s">
        <v>18</v>
      </c>
      <c r="F180" s="9" t="s">
        <v>234</v>
      </c>
      <c r="G180" s="9" t="s">
        <v>6</v>
      </c>
      <c r="H180" s="6">
        <v>916</v>
      </c>
      <c r="I180" s="6">
        <v>37</v>
      </c>
      <c r="J180" s="6">
        <v>30</v>
      </c>
      <c r="K180" s="6">
        <v>11</v>
      </c>
      <c r="L180" s="6">
        <v>868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4</v>
      </c>
      <c r="E181" s="9" t="s">
        <v>18</v>
      </c>
      <c r="F181" s="9" t="s">
        <v>235</v>
      </c>
      <c r="G181" s="9" t="s">
        <v>6</v>
      </c>
      <c r="H181" s="6">
        <v>76069</v>
      </c>
      <c r="I181" s="6">
        <v>1549</v>
      </c>
      <c r="J181" s="6">
        <v>1184</v>
      </c>
      <c r="K181" s="6">
        <v>1012</v>
      </c>
      <c r="L181" s="6">
        <v>73508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4</v>
      </c>
      <c r="E182" s="9" t="s">
        <v>18</v>
      </c>
      <c r="F182" s="9" t="s">
        <v>235</v>
      </c>
      <c r="G182" s="9" t="s">
        <v>272</v>
      </c>
      <c r="H182" s="6">
        <v>3433</v>
      </c>
      <c r="I182" s="6">
        <v>33</v>
      </c>
      <c r="J182" s="6">
        <v>23</v>
      </c>
      <c r="K182" s="6">
        <v>30</v>
      </c>
      <c r="L182" s="6">
        <v>3370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4</v>
      </c>
      <c r="E183" s="9" t="s">
        <v>18</v>
      </c>
      <c r="F183" s="9" t="s">
        <v>235</v>
      </c>
      <c r="G183" s="9" t="s">
        <v>273</v>
      </c>
      <c r="H183" s="6">
        <v>6318</v>
      </c>
      <c r="I183" s="6">
        <v>45</v>
      </c>
      <c r="J183" s="6">
        <v>34</v>
      </c>
      <c r="K183" s="6">
        <v>55</v>
      </c>
      <c r="L183" s="6">
        <v>6218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4</v>
      </c>
      <c r="E184" s="9" t="s">
        <v>18</v>
      </c>
      <c r="F184" s="9" t="s">
        <v>235</v>
      </c>
      <c r="G184" s="9" t="s">
        <v>274</v>
      </c>
      <c r="H184" s="6">
        <v>6956</v>
      </c>
      <c r="I184" s="6">
        <v>81</v>
      </c>
      <c r="J184" s="6">
        <v>58</v>
      </c>
      <c r="K184" s="6">
        <v>49</v>
      </c>
      <c r="L184" s="6">
        <v>6826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4</v>
      </c>
      <c r="E185" s="9" t="s">
        <v>18</v>
      </c>
      <c r="F185" s="9" t="s">
        <v>235</v>
      </c>
      <c r="G185" s="9" t="s">
        <v>275</v>
      </c>
      <c r="H185" s="6">
        <v>6151</v>
      </c>
      <c r="I185" s="6">
        <v>63</v>
      </c>
      <c r="J185" s="6">
        <v>48</v>
      </c>
      <c r="K185" s="6">
        <v>30</v>
      </c>
      <c r="L185" s="6">
        <v>6058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4</v>
      </c>
      <c r="E186" s="9" t="s">
        <v>18</v>
      </c>
      <c r="F186" s="9" t="s">
        <v>235</v>
      </c>
      <c r="G186" s="9" t="s">
        <v>276</v>
      </c>
      <c r="H186" s="6">
        <v>6308</v>
      </c>
      <c r="I186" s="6">
        <v>65</v>
      </c>
      <c r="J186" s="6">
        <v>50</v>
      </c>
      <c r="K186" s="6">
        <v>29</v>
      </c>
      <c r="L186" s="6">
        <v>6214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4</v>
      </c>
      <c r="E187" s="9" t="s">
        <v>18</v>
      </c>
      <c r="F187" s="9" t="s">
        <v>235</v>
      </c>
      <c r="G187" s="9" t="s">
        <v>277</v>
      </c>
      <c r="H187" s="6">
        <v>6194</v>
      </c>
      <c r="I187" s="6">
        <v>90</v>
      </c>
      <c r="J187" s="6">
        <v>74</v>
      </c>
      <c r="K187" s="6">
        <v>26</v>
      </c>
      <c r="L187" s="6">
        <v>6078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4</v>
      </c>
      <c r="E188" s="9" t="s">
        <v>18</v>
      </c>
      <c r="F188" s="9" t="s">
        <v>235</v>
      </c>
      <c r="G188" s="9" t="s">
        <v>278</v>
      </c>
      <c r="H188" s="6">
        <v>6183</v>
      </c>
      <c r="I188" s="6">
        <v>120</v>
      </c>
      <c r="J188" s="6">
        <v>98</v>
      </c>
      <c r="K188" s="6">
        <v>30</v>
      </c>
      <c r="L188" s="6">
        <v>6033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4</v>
      </c>
      <c r="E189" s="9" t="s">
        <v>18</v>
      </c>
      <c r="F189" s="9" t="s">
        <v>235</v>
      </c>
      <c r="G189" s="9" t="s">
        <v>279</v>
      </c>
      <c r="H189" s="6">
        <v>4221</v>
      </c>
      <c r="I189" s="6">
        <v>70</v>
      </c>
      <c r="J189" s="6">
        <v>61</v>
      </c>
      <c r="K189" s="6">
        <v>20</v>
      </c>
      <c r="L189" s="6">
        <v>4131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4</v>
      </c>
      <c r="E190" s="9" t="s">
        <v>18</v>
      </c>
      <c r="F190" s="9" t="s">
        <v>235</v>
      </c>
      <c r="G190" s="9" t="s">
        <v>280</v>
      </c>
      <c r="H190" s="6">
        <v>30305</v>
      </c>
      <c r="I190" s="6">
        <v>982</v>
      </c>
      <c r="J190" s="6">
        <v>738</v>
      </c>
      <c r="K190" s="6">
        <v>743</v>
      </c>
      <c r="L190" s="6">
        <v>28580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4</v>
      </c>
      <c r="E191" s="9" t="s">
        <v>18</v>
      </c>
      <c r="F191" s="9" t="s">
        <v>281</v>
      </c>
      <c r="G191" s="9" t="s">
        <v>6</v>
      </c>
      <c r="H191" s="6">
        <v>34874</v>
      </c>
      <c r="I191" s="6">
        <v>845</v>
      </c>
      <c r="J191" s="6">
        <v>633</v>
      </c>
      <c r="K191" s="6">
        <v>690</v>
      </c>
      <c r="L191" s="6">
        <v>33339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4</v>
      </c>
      <c r="E192" s="9" t="s">
        <v>18</v>
      </c>
      <c r="F192" s="9" t="s">
        <v>281</v>
      </c>
      <c r="G192" s="9" t="s">
        <v>272</v>
      </c>
      <c r="H192" s="6">
        <v>1546</v>
      </c>
      <c r="I192" s="6">
        <v>17</v>
      </c>
      <c r="J192" s="6">
        <v>13</v>
      </c>
      <c r="K192" s="6">
        <v>13</v>
      </c>
      <c r="L192" s="6">
        <v>1516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4</v>
      </c>
      <c r="E193" s="9" t="s">
        <v>18</v>
      </c>
      <c r="F193" s="9" t="s">
        <v>281</v>
      </c>
      <c r="G193" s="9" t="s">
        <v>273</v>
      </c>
      <c r="H193" s="6">
        <v>2486</v>
      </c>
      <c r="I193" s="6">
        <v>16</v>
      </c>
      <c r="J193" s="6">
        <v>12</v>
      </c>
      <c r="K193" s="6">
        <v>26</v>
      </c>
      <c r="L193" s="6">
        <v>2444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4</v>
      </c>
      <c r="E194" s="9" t="s">
        <v>18</v>
      </c>
      <c r="F194" s="9" t="s">
        <v>281</v>
      </c>
      <c r="G194" s="9" t="s">
        <v>274</v>
      </c>
      <c r="H194" s="6">
        <v>2111</v>
      </c>
      <c r="I194" s="6">
        <v>27</v>
      </c>
      <c r="J194" s="6">
        <v>19</v>
      </c>
      <c r="K194" s="6">
        <v>17</v>
      </c>
      <c r="L194" s="6">
        <v>2067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4</v>
      </c>
      <c r="E195" s="9" t="s">
        <v>18</v>
      </c>
      <c r="F195" s="9" t="s">
        <v>281</v>
      </c>
      <c r="G195" s="9" t="s">
        <v>275</v>
      </c>
      <c r="H195" s="6">
        <v>1451</v>
      </c>
      <c r="I195" s="6">
        <v>11</v>
      </c>
      <c r="J195" s="6">
        <v>6</v>
      </c>
      <c r="K195" s="6">
        <v>7</v>
      </c>
      <c r="L195" s="6">
        <v>1433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4</v>
      </c>
      <c r="E196" s="9" t="s">
        <v>18</v>
      </c>
      <c r="F196" s="9" t="s">
        <v>281</v>
      </c>
      <c r="G196" s="9" t="s">
        <v>276</v>
      </c>
      <c r="H196" s="6">
        <v>1533</v>
      </c>
      <c r="I196" s="6">
        <v>17</v>
      </c>
      <c r="J196" s="6">
        <v>10</v>
      </c>
      <c r="K196" s="6">
        <v>7</v>
      </c>
      <c r="L196" s="6">
        <v>1509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4</v>
      </c>
      <c r="E197" s="9" t="s">
        <v>18</v>
      </c>
      <c r="F197" s="9" t="s">
        <v>281</v>
      </c>
      <c r="G197" s="9" t="s">
        <v>277</v>
      </c>
      <c r="H197" s="6">
        <v>1549</v>
      </c>
      <c r="I197" s="6">
        <v>25</v>
      </c>
      <c r="J197" s="6">
        <v>20</v>
      </c>
      <c r="K197" s="6">
        <v>10</v>
      </c>
      <c r="L197" s="6">
        <v>1514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4</v>
      </c>
      <c r="E198" s="9" t="s">
        <v>18</v>
      </c>
      <c r="F198" s="9" t="s">
        <v>281</v>
      </c>
      <c r="G198" s="9" t="s">
        <v>278</v>
      </c>
      <c r="H198" s="6">
        <v>1913</v>
      </c>
      <c r="I198" s="6">
        <v>37</v>
      </c>
      <c r="J198" s="6">
        <v>30</v>
      </c>
      <c r="K198" s="6">
        <v>7</v>
      </c>
      <c r="L198" s="6">
        <v>1869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4</v>
      </c>
      <c r="E199" s="9" t="s">
        <v>18</v>
      </c>
      <c r="F199" s="9" t="s">
        <v>281</v>
      </c>
      <c r="G199" s="9" t="s">
        <v>279</v>
      </c>
      <c r="H199" s="6">
        <v>1497</v>
      </c>
      <c r="I199" s="6">
        <v>15</v>
      </c>
      <c r="J199" s="6">
        <v>14</v>
      </c>
      <c r="K199" s="6">
        <v>5</v>
      </c>
      <c r="L199" s="6">
        <v>1477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4</v>
      </c>
      <c r="E200" s="9" t="s">
        <v>18</v>
      </c>
      <c r="F200" s="9" t="s">
        <v>281</v>
      </c>
      <c r="G200" s="9" t="s">
        <v>280</v>
      </c>
      <c r="H200" s="6">
        <v>20788</v>
      </c>
      <c r="I200" s="6">
        <v>680</v>
      </c>
      <c r="J200" s="6">
        <v>509</v>
      </c>
      <c r="K200" s="6">
        <v>598</v>
      </c>
      <c r="L200" s="6">
        <v>19510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4</v>
      </c>
      <c r="E201" s="9" t="s">
        <v>18</v>
      </c>
      <c r="F201" s="9" t="s">
        <v>282</v>
      </c>
      <c r="G201" s="9" t="s">
        <v>6</v>
      </c>
      <c r="H201" s="6">
        <v>27995</v>
      </c>
      <c r="I201" s="6">
        <v>550</v>
      </c>
      <c r="J201" s="6">
        <v>440</v>
      </c>
      <c r="K201" s="6">
        <v>244</v>
      </c>
      <c r="L201" s="6">
        <v>27201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4</v>
      </c>
      <c r="E202" s="9" t="s">
        <v>18</v>
      </c>
      <c r="F202" s="9" t="s">
        <v>282</v>
      </c>
      <c r="G202" s="9" t="s">
        <v>272</v>
      </c>
      <c r="H202" s="6">
        <v>1138</v>
      </c>
      <c r="I202" s="6">
        <v>8</v>
      </c>
      <c r="J202" s="6">
        <v>4</v>
      </c>
      <c r="K202" s="6">
        <v>11</v>
      </c>
      <c r="L202" s="6">
        <v>1119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4</v>
      </c>
      <c r="E203" s="9" t="s">
        <v>18</v>
      </c>
      <c r="F203" s="9" t="s">
        <v>282</v>
      </c>
      <c r="G203" s="9" t="s">
        <v>273</v>
      </c>
      <c r="H203" s="6">
        <v>2240</v>
      </c>
      <c r="I203" s="6">
        <v>18</v>
      </c>
      <c r="J203" s="6">
        <v>14</v>
      </c>
      <c r="K203" s="6">
        <v>23</v>
      </c>
      <c r="L203" s="6">
        <v>2199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4</v>
      </c>
      <c r="E204" s="9" t="s">
        <v>18</v>
      </c>
      <c r="F204" s="9" t="s">
        <v>282</v>
      </c>
      <c r="G204" s="9" t="s">
        <v>274</v>
      </c>
      <c r="H204" s="6">
        <v>2692</v>
      </c>
      <c r="I204" s="6">
        <v>30</v>
      </c>
      <c r="J204" s="6">
        <v>22</v>
      </c>
      <c r="K204" s="6">
        <v>17</v>
      </c>
      <c r="L204" s="6">
        <v>2645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4</v>
      </c>
      <c r="E205" s="9" t="s">
        <v>18</v>
      </c>
      <c r="F205" s="9" t="s">
        <v>282</v>
      </c>
      <c r="G205" s="9" t="s">
        <v>275</v>
      </c>
      <c r="H205" s="6">
        <v>2687</v>
      </c>
      <c r="I205" s="6">
        <v>30</v>
      </c>
      <c r="J205" s="6">
        <v>26</v>
      </c>
      <c r="K205" s="6">
        <v>9</v>
      </c>
      <c r="L205" s="6">
        <v>2648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4</v>
      </c>
      <c r="E206" s="9" t="s">
        <v>18</v>
      </c>
      <c r="F206" s="9" t="s">
        <v>282</v>
      </c>
      <c r="G206" s="9" t="s">
        <v>276</v>
      </c>
      <c r="H206" s="6">
        <v>2817</v>
      </c>
      <c r="I206" s="6">
        <v>40</v>
      </c>
      <c r="J206" s="6">
        <v>35</v>
      </c>
      <c r="K206" s="6">
        <v>15</v>
      </c>
      <c r="L206" s="6">
        <v>2762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4</v>
      </c>
      <c r="E207" s="9" t="s">
        <v>18</v>
      </c>
      <c r="F207" s="9" t="s">
        <v>282</v>
      </c>
      <c r="G207" s="9" t="s">
        <v>277</v>
      </c>
      <c r="H207" s="6">
        <v>3048</v>
      </c>
      <c r="I207" s="6">
        <v>40</v>
      </c>
      <c r="J207" s="6">
        <v>37</v>
      </c>
      <c r="K207" s="6">
        <v>10</v>
      </c>
      <c r="L207" s="6">
        <v>2998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4</v>
      </c>
      <c r="E208" s="9" t="s">
        <v>18</v>
      </c>
      <c r="F208" s="9" t="s">
        <v>282</v>
      </c>
      <c r="G208" s="9" t="s">
        <v>278</v>
      </c>
      <c r="H208" s="6">
        <v>3102</v>
      </c>
      <c r="I208" s="6">
        <v>65</v>
      </c>
      <c r="J208" s="6">
        <v>53</v>
      </c>
      <c r="K208" s="6">
        <v>17</v>
      </c>
      <c r="L208" s="6">
        <v>3020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4</v>
      </c>
      <c r="E209" s="9" t="s">
        <v>18</v>
      </c>
      <c r="F209" s="9" t="s">
        <v>282</v>
      </c>
      <c r="G209" s="9" t="s">
        <v>279</v>
      </c>
      <c r="H209" s="6">
        <v>2122</v>
      </c>
      <c r="I209" s="6">
        <v>43</v>
      </c>
      <c r="J209" s="6">
        <v>37</v>
      </c>
      <c r="K209" s="6">
        <v>11</v>
      </c>
      <c r="L209" s="6">
        <v>2068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4</v>
      </c>
      <c r="E210" s="9" t="s">
        <v>18</v>
      </c>
      <c r="F210" s="9" t="s">
        <v>282</v>
      </c>
      <c r="G210" s="9" t="s">
        <v>280</v>
      </c>
      <c r="H210" s="6">
        <v>8149</v>
      </c>
      <c r="I210" s="6">
        <v>276</v>
      </c>
      <c r="J210" s="6">
        <v>212</v>
      </c>
      <c r="K210" s="6">
        <v>131</v>
      </c>
      <c r="L210" s="6">
        <v>7742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4</v>
      </c>
      <c r="E211" s="9" t="s">
        <v>18</v>
      </c>
      <c r="F211" s="9" t="s">
        <v>283</v>
      </c>
      <c r="G211" s="9" t="s">
        <v>6</v>
      </c>
      <c r="H211" s="6">
        <v>13200</v>
      </c>
      <c r="I211" s="6">
        <v>154</v>
      </c>
      <c r="J211" s="6">
        <v>111</v>
      </c>
      <c r="K211" s="6">
        <v>78</v>
      </c>
      <c r="L211" s="6">
        <v>12968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4</v>
      </c>
      <c r="E212" s="9" t="s">
        <v>18</v>
      </c>
      <c r="F212" s="9" t="s">
        <v>283</v>
      </c>
      <c r="G212" s="9" t="s">
        <v>272</v>
      </c>
      <c r="H212" s="6">
        <v>749</v>
      </c>
      <c r="I212" s="6">
        <v>8</v>
      </c>
      <c r="J212" s="6">
        <v>6</v>
      </c>
      <c r="K212" s="6">
        <v>6</v>
      </c>
      <c r="L212" s="6">
        <v>735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4</v>
      </c>
      <c r="E213" s="9" t="s">
        <v>18</v>
      </c>
      <c r="F213" s="9" t="s">
        <v>283</v>
      </c>
      <c r="G213" s="9" t="s">
        <v>273</v>
      </c>
      <c r="H213" s="6">
        <v>1592</v>
      </c>
      <c r="I213" s="6">
        <v>11</v>
      </c>
      <c r="J213" s="6">
        <v>8</v>
      </c>
      <c r="K213" s="6">
        <v>6</v>
      </c>
      <c r="L213" s="6">
        <v>1575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4</v>
      </c>
      <c r="E214" s="9" t="s">
        <v>18</v>
      </c>
      <c r="F214" s="9" t="s">
        <v>283</v>
      </c>
      <c r="G214" s="9" t="s">
        <v>274</v>
      </c>
      <c r="H214" s="6">
        <v>2153</v>
      </c>
      <c r="I214" s="6">
        <v>24</v>
      </c>
      <c r="J214" s="6">
        <v>17</v>
      </c>
      <c r="K214" s="6">
        <v>15</v>
      </c>
      <c r="L214" s="6">
        <v>2114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4</v>
      </c>
      <c r="E215" s="9" t="s">
        <v>18</v>
      </c>
      <c r="F215" s="9" t="s">
        <v>283</v>
      </c>
      <c r="G215" s="9" t="s">
        <v>275</v>
      </c>
      <c r="H215" s="6">
        <v>2013</v>
      </c>
      <c r="I215" s="6">
        <v>22</v>
      </c>
      <c r="J215" s="6">
        <v>16</v>
      </c>
      <c r="K215" s="6">
        <v>14</v>
      </c>
      <c r="L215" s="6">
        <v>1977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4</v>
      </c>
      <c r="E216" s="9" t="s">
        <v>18</v>
      </c>
      <c r="F216" s="9" t="s">
        <v>283</v>
      </c>
      <c r="G216" s="9" t="s">
        <v>276</v>
      </c>
      <c r="H216" s="6">
        <v>1958</v>
      </c>
      <c r="I216" s="6">
        <v>8</v>
      </c>
      <c r="J216" s="6">
        <v>5</v>
      </c>
      <c r="K216" s="6">
        <v>7</v>
      </c>
      <c r="L216" s="6">
        <v>1943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4</v>
      </c>
      <c r="E217" s="9" t="s">
        <v>18</v>
      </c>
      <c r="F217" s="9" t="s">
        <v>283</v>
      </c>
      <c r="G217" s="9" t="s">
        <v>277</v>
      </c>
      <c r="H217" s="6">
        <v>1597</v>
      </c>
      <c r="I217" s="6">
        <v>25</v>
      </c>
      <c r="J217" s="6">
        <v>17</v>
      </c>
      <c r="K217" s="6">
        <v>6</v>
      </c>
      <c r="L217" s="6">
        <v>1566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4</v>
      </c>
      <c r="E218" s="9" t="s">
        <v>18</v>
      </c>
      <c r="F218" s="9" t="s">
        <v>283</v>
      </c>
      <c r="G218" s="9" t="s">
        <v>278</v>
      </c>
      <c r="H218" s="6">
        <v>1168</v>
      </c>
      <c r="I218" s="6">
        <v>18</v>
      </c>
      <c r="J218" s="6">
        <v>15</v>
      </c>
      <c r="K218" s="6">
        <v>6</v>
      </c>
      <c r="L218" s="6">
        <v>1144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4</v>
      </c>
      <c r="E219" s="9" t="s">
        <v>18</v>
      </c>
      <c r="F219" s="9" t="s">
        <v>283</v>
      </c>
      <c r="G219" s="9" t="s">
        <v>279</v>
      </c>
      <c r="H219" s="6">
        <v>602</v>
      </c>
      <c r="I219" s="6">
        <v>12</v>
      </c>
      <c r="J219" s="6">
        <v>10</v>
      </c>
      <c r="K219" s="6">
        <v>4</v>
      </c>
      <c r="L219" s="6">
        <v>586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4</v>
      </c>
      <c r="E220" s="9" t="s">
        <v>18</v>
      </c>
      <c r="F220" s="9" t="s">
        <v>283</v>
      </c>
      <c r="G220" s="9" t="s">
        <v>280</v>
      </c>
      <c r="H220" s="6">
        <v>1368</v>
      </c>
      <c r="I220" s="6">
        <v>26</v>
      </c>
      <c r="J220" s="6">
        <v>17</v>
      </c>
      <c r="K220" s="6">
        <v>14</v>
      </c>
      <c r="L220" s="6">
        <v>1328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4</v>
      </c>
      <c r="E221" s="9" t="s">
        <v>6</v>
      </c>
      <c r="F221" s="9" t="s">
        <v>6</v>
      </c>
      <c r="G221" s="9" t="s">
        <v>6</v>
      </c>
      <c r="H221" s="6">
        <v>36635</v>
      </c>
      <c r="I221" s="6">
        <v>27040</v>
      </c>
      <c r="J221" s="6">
        <v>20964</v>
      </c>
      <c r="K221" s="6">
        <v>8648</v>
      </c>
      <c r="L221" s="6">
        <v>947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4</v>
      </c>
      <c r="E222" s="9" t="s">
        <v>6</v>
      </c>
      <c r="F222" s="9" t="s">
        <v>234</v>
      </c>
      <c r="G222" s="9" t="s">
        <v>6</v>
      </c>
      <c r="H222" s="6">
        <v>734</v>
      </c>
      <c r="I222" s="6">
        <v>588</v>
      </c>
      <c r="J222" s="6">
        <v>446</v>
      </c>
      <c r="K222" s="6">
        <v>126</v>
      </c>
      <c r="L222" s="6">
        <v>20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4</v>
      </c>
      <c r="E223" s="9" t="s">
        <v>6</v>
      </c>
      <c r="F223" s="9" t="s">
        <v>235</v>
      </c>
      <c r="G223" s="9" t="s">
        <v>6</v>
      </c>
      <c r="H223" s="6">
        <v>35901</v>
      </c>
      <c r="I223" s="6">
        <v>26452</v>
      </c>
      <c r="J223" s="6">
        <v>20518</v>
      </c>
      <c r="K223" s="6">
        <v>8522</v>
      </c>
      <c r="L223" s="6">
        <v>927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4</v>
      </c>
      <c r="E224" s="9" t="s">
        <v>6</v>
      </c>
      <c r="F224" s="9" t="s">
        <v>235</v>
      </c>
      <c r="G224" s="9" t="s">
        <v>272</v>
      </c>
      <c r="H224" s="6">
        <v>1292</v>
      </c>
      <c r="I224" s="6">
        <v>704</v>
      </c>
      <c r="J224" s="6">
        <v>594</v>
      </c>
      <c r="K224" s="6">
        <v>530</v>
      </c>
      <c r="L224" s="6">
        <v>58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4</v>
      </c>
      <c r="E225" s="9" t="s">
        <v>6</v>
      </c>
      <c r="F225" s="9" t="s">
        <v>235</v>
      </c>
      <c r="G225" s="9" t="s">
        <v>273</v>
      </c>
      <c r="H225" s="6">
        <v>2368</v>
      </c>
      <c r="I225" s="6">
        <v>1882</v>
      </c>
      <c r="J225" s="6">
        <v>1557</v>
      </c>
      <c r="K225" s="6">
        <v>391</v>
      </c>
      <c r="L225" s="6">
        <v>95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4</v>
      </c>
      <c r="E226" s="9" t="s">
        <v>6</v>
      </c>
      <c r="F226" s="9" t="s">
        <v>235</v>
      </c>
      <c r="G226" s="9" t="s">
        <v>274</v>
      </c>
      <c r="H226" s="6">
        <v>2718</v>
      </c>
      <c r="I226" s="6">
        <v>2321</v>
      </c>
      <c r="J226" s="6">
        <v>1926</v>
      </c>
      <c r="K226" s="6">
        <v>314</v>
      </c>
      <c r="L226" s="6">
        <v>83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4</v>
      </c>
      <c r="E227" s="9" t="s">
        <v>6</v>
      </c>
      <c r="F227" s="9" t="s">
        <v>235</v>
      </c>
      <c r="G227" s="9" t="s">
        <v>275</v>
      </c>
      <c r="H227" s="6">
        <v>2614</v>
      </c>
      <c r="I227" s="6">
        <v>2297</v>
      </c>
      <c r="J227" s="6">
        <v>1919</v>
      </c>
      <c r="K227" s="6">
        <v>252</v>
      </c>
      <c r="L227" s="6">
        <v>65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4</v>
      </c>
      <c r="E228" s="9" t="s">
        <v>6</v>
      </c>
      <c r="F228" s="9" t="s">
        <v>235</v>
      </c>
      <c r="G228" s="9" t="s">
        <v>276</v>
      </c>
      <c r="H228" s="6">
        <v>2710</v>
      </c>
      <c r="I228" s="6">
        <v>2377</v>
      </c>
      <c r="J228" s="6">
        <v>1947</v>
      </c>
      <c r="K228" s="6">
        <v>244</v>
      </c>
      <c r="L228" s="6">
        <v>89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4</v>
      </c>
      <c r="E229" s="9" t="s">
        <v>6</v>
      </c>
      <c r="F229" s="9" t="s">
        <v>235</v>
      </c>
      <c r="G229" s="9" t="s">
        <v>277</v>
      </c>
      <c r="H229" s="6">
        <v>2664</v>
      </c>
      <c r="I229" s="6">
        <v>2333</v>
      </c>
      <c r="J229" s="6">
        <v>1921</v>
      </c>
      <c r="K229" s="6">
        <v>246</v>
      </c>
      <c r="L229" s="6">
        <v>85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4</v>
      </c>
      <c r="E230" s="9" t="s">
        <v>6</v>
      </c>
      <c r="F230" s="9" t="s">
        <v>235</v>
      </c>
      <c r="G230" s="9" t="s">
        <v>278</v>
      </c>
      <c r="H230" s="6">
        <v>2747</v>
      </c>
      <c r="I230" s="6">
        <v>2377</v>
      </c>
      <c r="J230" s="6">
        <v>1969</v>
      </c>
      <c r="K230" s="6">
        <v>314</v>
      </c>
      <c r="L230" s="6">
        <v>56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4</v>
      </c>
      <c r="E231" s="9" t="s">
        <v>6</v>
      </c>
      <c r="F231" s="9" t="s">
        <v>235</v>
      </c>
      <c r="G231" s="9" t="s">
        <v>279</v>
      </c>
      <c r="H231" s="6">
        <v>1527</v>
      </c>
      <c r="I231" s="6">
        <v>1284</v>
      </c>
      <c r="J231" s="6">
        <v>1012</v>
      </c>
      <c r="K231" s="6">
        <v>194</v>
      </c>
      <c r="L231" s="6">
        <v>49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4</v>
      </c>
      <c r="E232" s="9" t="s">
        <v>6</v>
      </c>
      <c r="F232" s="9" t="s">
        <v>235</v>
      </c>
      <c r="G232" s="9" t="s">
        <v>280</v>
      </c>
      <c r="H232" s="6">
        <v>17261</v>
      </c>
      <c r="I232" s="6">
        <v>10877</v>
      </c>
      <c r="J232" s="6">
        <v>7673</v>
      </c>
      <c r="K232" s="6">
        <v>6037</v>
      </c>
      <c r="L232" s="6">
        <v>347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4</v>
      </c>
      <c r="E233" s="9" t="s">
        <v>6</v>
      </c>
      <c r="F233" s="9" t="s">
        <v>281</v>
      </c>
      <c r="G233" s="9" t="s">
        <v>6</v>
      </c>
      <c r="H233" s="6">
        <v>18353</v>
      </c>
      <c r="I233" s="6">
        <v>12221</v>
      </c>
      <c r="J233" s="6">
        <v>9154</v>
      </c>
      <c r="K233" s="6">
        <v>5740</v>
      </c>
      <c r="L233" s="6">
        <v>392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4</v>
      </c>
      <c r="E234" s="9" t="s">
        <v>6</v>
      </c>
      <c r="F234" s="9" t="s">
        <v>281</v>
      </c>
      <c r="G234" s="9" t="s">
        <v>272</v>
      </c>
      <c r="H234" s="6">
        <v>434</v>
      </c>
      <c r="I234" s="6">
        <v>210</v>
      </c>
      <c r="J234" s="6">
        <v>189</v>
      </c>
      <c r="K234" s="6">
        <v>197</v>
      </c>
      <c r="L234" s="6">
        <v>27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4</v>
      </c>
      <c r="E235" s="9" t="s">
        <v>6</v>
      </c>
      <c r="F235" s="9" t="s">
        <v>281</v>
      </c>
      <c r="G235" s="9" t="s">
        <v>273</v>
      </c>
      <c r="H235" s="6">
        <v>710</v>
      </c>
      <c r="I235" s="6">
        <v>533</v>
      </c>
      <c r="J235" s="6">
        <v>450</v>
      </c>
      <c r="K235" s="6">
        <v>149</v>
      </c>
      <c r="L235" s="6">
        <v>28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4</v>
      </c>
      <c r="E236" s="9" t="s">
        <v>6</v>
      </c>
      <c r="F236" s="9" t="s">
        <v>281</v>
      </c>
      <c r="G236" s="9" t="s">
        <v>274</v>
      </c>
      <c r="H236" s="6">
        <v>542</v>
      </c>
      <c r="I236" s="6">
        <v>452</v>
      </c>
      <c r="J236" s="6">
        <v>393</v>
      </c>
      <c r="K236" s="6">
        <v>73</v>
      </c>
      <c r="L236" s="6">
        <v>17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4</v>
      </c>
      <c r="E237" s="9" t="s">
        <v>6</v>
      </c>
      <c r="F237" s="9" t="s">
        <v>281</v>
      </c>
      <c r="G237" s="9" t="s">
        <v>275</v>
      </c>
      <c r="H237" s="6">
        <v>463</v>
      </c>
      <c r="I237" s="6">
        <v>383</v>
      </c>
      <c r="J237" s="6">
        <v>330</v>
      </c>
      <c r="K237" s="6">
        <v>67</v>
      </c>
      <c r="L237" s="6">
        <v>13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4</v>
      </c>
      <c r="E238" s="9" t="s">
        <v>6</v>
      </c>
      <c r="F238" s="9" t="s">
        <v>281</v>
      </c>
      <c r="G238" s="9" t="s">
        <v>276</v>
      </c>
      <c r="H238" s="6">
        <v>495</v>
      </c>
      <c r="I238" s="6">
        <v>425</v>
      </c>
      <c r="J238" s="6">
        <v>375</v>
      </c>
      <c r="K238" s="6">
        <v>62</v>
      </c>
      <c r="L238" s="6">
        <v>8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4</v>
      </c>
      <c r="E239" s="9" t="s">
        <v>6</v>
      </c>
      <c r="F239" s="9" t="s">
        <v>281</v>
      </c>
      <c r="G239" s="9" t="s">
        <v>277</v>
      </c>
      <c r="H239" s="6">
        <v>678</v>
      </c>
      <c r="I239" s="6">
        <v>571</v>
      </c>
      <c r="J239" s="6">
        <v>479</v>
      </c>
      <c r="K239" s="6">
        <v>89</v>
      </c>
      <c r="L239" s="6">
        <v>18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4</v>
      </c>
      <c r="E240" s="9" t="s">
        <v>6</v>
      </c>
      <c r="F240" s="9" t="s">
        <v>281</v>
      </c>
      <c r="G240" s="9" t="s">
        <v>278</v>
      </c>
      <c r="H240" s="6">
        <v>1109</v>
      </c>
      <c r="I240" s="6">
        <v>954</v>
      </c>
      <c r="J240" s="6">
        <v>794</v>
      </c>
      <c r="K240" s="6">
        <v>140</v>
      </c>
      <c r="L240" s="6">
        <v>1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4</v>
      </c>
      <c r="E241" s="9" t="s">
        <v>6</v>
      </c>
      <c r="F241" s="9" t="s">
        <v>281</v>
      </c>
      <c r="G241" s="9" t="s">
        <v>279</v>
      </c>
      <c r="H241" s="6">
        <v>713</v>
      </c>
      <c r="I241" s="6">
        <v>602</v>
      </c>
      <c r="J241" s="6">
        <v>483</v>
      </c>
      <c r="K241" s="6">
        <v>92</v>
      </c>
      <c r="L241" s="6">
        <v>19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4</v>
      </c>
      <c r="E242" s="9" t="s">
        <v>6</v>
      </c>
      <c r="F242" s="9" t="s">
        <v>281</v>
      </c>
      <c r="G242" s="9" t="s">
        <v>280</v>
      </c>
      <c r="H242" s="6">
        <v>13209</v>
      </c>
      <c r="I242" s="6">
        <v>8091</v>
      </c>
      <c r="J242" s="6">
        <v>5661</v>
      </c>
      <c r="K242" s="6">
        <v>4871</v>
      </c>
      <c r="L242" s="6">
        <v>247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4</v>
      </c>
      <c r="E243" s="9" t="s">
        <v>6</v>
      </c>
      <c r="F243" s="9" t="s">
        <v>282</v>
      </c>
      <c r="G243" s="9" t="s">
        <v>6</v>
      </c>
      <c r="H243" s="6">
        <v>11444</v>
      </c>
      <c r="I243" s="6">
        <v>9063</v>
      </c>
      <c r="J243" s="6">
        <v>7300</v>
      </c>
      <c r="K243" s="6">
        <v>2057</v>
      </c>
      <c r="L243" s="6">
        <v>32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4</v>
      </c>
      <c r="E244" s="9" t="s">
        <v>6</v>
      </c>
      <c r="F244" s="9" t="s">
        <v>282</v>
      </c>
      <c r="G244" s="9" t="s">
        <v>272</v>
      </c>
      <c r="H244" s="6">
        <v>447</v>
      </c>
      <c r="I244" s="6">
        <v>236</v>
      </c>
      <c r="J244" s="6">
        <v>194</v>
      </c>
      <c r="K244" s="6">
        <v>192</v>
      </c>
      <c r="L244" s="6">
        <v>19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4</v>
      </c>
      <c r="E245" s="9" t="s">
        <v>6</v>
      </c>
      <c r="F245" s="9" t="s">
        <v>282</v>
      </c>
      <c r="G245" s="9" t="s">
        <v>273</v>
      </c>
      <c r="H245" s="6">
        <v>866</v>
      </c>
      <c r="I245" s="6">
        <v>694</v>
      </c>
      <c r="J245" s="6">
        <v>581</v>
      </c>
      <c r="K245" s="6">
        <v>135</v>
      </c>
      <c r="L245" s="6">
        <v>37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4</v>
      </c>
      <c r="E246" s="9" t="s">
        <v>6</v>
      </c>
      <c r="F246" s="9" t="s">
        <v>282</v>
      </c>
      <c r="G246" s="9" t="s">
        <v>274</v>
      </c>
      <c r="H246" s="6">
        <v>1040</v>
      </c>
      <c r="I246" s="6">
        <v>883</v>
      </c>
      <c r="J246" s="6">
        <v>750</v>
      </c>
      <c r="K246" s="6">
        <v>131</v>
      </c>
      <c r="L246" s="6">
        <v>26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4</v>
      </c>
      <c r="E247" s="9" t="s">
        <v>6</v>
      </c>
      <c r="F247" s="9" t="s">
        <v>282</v>
      </c>
      <c r="G247" s="9" t="s">
        <v>275</v>
      </c>
      <c r="H247" s="6">
        <v>1061</v>
      </c>
      <c r="I247" s="6">
        <v>934</v>
      </c>
      <c r="J247" s="6">
        <v>802</v>
      </c>
      <c r="K247" s="6">
        <v>99</v>
      </c>
      <c r="L247" s="6">
        <v>28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4</v>
      </c>
      <c r="E248" s="9" t="s">
        <v>6</v>
      </c>
      <c r="F248" s="9" t="s">
        <v>282</v>
      </c>
      <c r="G248" s="9" t="s">
        <v>276</v>
      </c>
      <c r="H248" s="6">
        <v>1222</v>
      </c>
      <c r="I248" s="6">
        <v>1069</v>
      </c>
      <c r="J248" s="6">
        <v>874</v>
      </c>
      <c r="K248" s="6">
        <v>112</v>
      </c>
      <c r="L248" s="6">
        <v>41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4</v>
      </c>
      <c r="E249" s="9" t="s">
        <v>6</v>
      </c>
      <c r="F249" s="9" t="s">
        <v>282</v>
      </c>
      <c r="G249" s="9" t="s">
        <v>277</v>
      </c>
      <c r="H249" s="6">
        <v>1306</v>
      </c>
      <c r="I249" s="6">
        <v>1152</v>
      </c>
      <c r="J249" s="6">
        <v>957</v>
      </c>
      <c r="K249" s="6">
        <v>115</v>
      </c>
      <c r="L249" s="6">
        <v>39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4</v>
      </c>
      <c r="E250" s="9" t="s">
        <v>6</v>
      </c>
      <c r="F250" s="9" t="s">
        <v>282</v>
      </c>
      <c r="G250" s="9" t="s">
        <v>278</v>
      </c>
      <c r="H250" s="6">
        <v>1274</v>
      </c>
      <c r="I250" s="6">
        <v>1104</v>
      </c>
      <c r="J250" s="6">
        <v>921</v>
      </c>
      <c r="K250" s="6">
        <v>143</v>
      </c>
      <c r="L250" s="6">
        <v>27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4</v>
      </c>
      <c r="E251" s="9" t="s">
        <v>6</v>
      </c>
      <c r="F251" s="9" t="s">
        <v>282</v>
      </c>
      <c r="G251" s="9" t="s">
        <v>279</v>
      </c>
      <c r="H251" s="6">
        <v>648</v>
      </c>
      <c r="I251" s="6">
        <v>548</v>
      </c>
      <c r="J251" s="6">
        <v>438</v>
      </c>
      <c r="K251" s="6">
        <v>82</v>
      </c>
      <c r="L251" s="6">
        <v>18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4</v>
      </c>
      <c r="E252" s="9" t="s">
        <v>6</v>
      </c>
      <c r="F252" s="9" t="s">
        <v>282</v>
      </c>
      <c r="G252" s="9" t="s">
        <v>280</v>
      </c>
      <c r="H252" s="6">
        <v>3580</v>
      </c>
      <c r="I252" s="6">
        <v>2443</v>
      </c>
      <c r="J252" s="6">
        <v>1783</v>
      </c>
      <c r="K252" s="6">
        <v>1048</v>
      </c>
      <c r="L252" s="6">
        <v>89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4</v>
      </c>
      <c r="E253" s="9" t="s">
        <v>6</v>
      </c>
      <c r="F253" s="9" t="s">
        <v>283</v>
      </c>
      <c r="G253" s="9" t="s">
        <v>6</v>
      </c>
      <c r="H253" s="6">
        <v>6104</v>
      </c>
      <c r="I253" s="6">
        <v>5168</v>
      </c>
      <c r="J253" s="6">
        <v>4064</v>
      </c>
      <c r="K253" s="6">
        <v>725</v>
      </c>
      <c r="L253" s="6">
        <v>211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4</v>
      </c>
      <c r="E254" s="9" t="s">
        <v>6</v>
      </c>
      <c r="F254" s="9" t="s">
        <v>283</v>
      </c>
      <c r="G254" s="9" t="s">
        <v>272</v>
      </c>
      <c r="H254" s="6">
        <v>411</v>
      </c>
      <c r="I254" s="6">
        <v>258</v>
      </c>
      <c r="J254" s="6">
        <v>211</v>
      </c>
      <c r="K254" s="6">
        <v>141</v>
      </c>
      <c r="L254" s="6">
        <v>12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4</v>
      </c>
      <c r="E255" s="9" t="s">
        <v>6</v>
      </c>
      <c r="F255" s="9" t="s">
        <v>283</v>
      </c>
      <c r="G255" s="9" t="s">
        <v>273</v>
      </c>
      <c r="H255" s="6">
        <v>792</v>
      </c>
      <c r="I255" s="6">
        <v>655</v>
      </c>
      <c r="J255" s="6">
        <v>526</v>
      </c>
      <c r="K255" s="6">
        <v>107</v>
      </c>
      <c r="L255" s="6">
        <v>30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4</v>
      </c>
      <c r="E256" s="9" t="s">
        <v>6</v>
      </c>
      <c r="F256" s="9" t="s">
        <v>283</v>
      </c>
      <c r="G256" s="9" t="s">
        <v>274</v>
      </c>
      <c r="H256" s="6">
        <v>1136</v>
      </c>
      <c r="I256" s="6">
        <v>986</v>
      </c>
      <c r="J256" s="6">
        <v>783</v>
      </c>
      <c r="K256" s="6">
        <v>110</v>
      </c>
      <c r="L256" s="6">
        <v>40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4</v>
      </c>
      <c r="E257" s="9" t="s">
        <v>6</v>
      </c>
      <c r="F257" s="9" t="s">
        <v>283</v>
      </c>
      <c r="G257" s="9" t="s">
        <v>275</v>
      </c>
      <c r="H257" s="6">
        <v>1090</v>
      </c>
      <c r="I257" s="6">
        <v>980</v>
      </c>
      <c r="J257" s="6">
        <v>787</v>
      </c>
      <c r="K257" s="6">
        <v>86</v>
      </c>
      <c r="L257" s="6">
        <v>24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4</v>
      </c>
      <c r="E258" s="9" t="s">
        <v>6</v>
      </c>
      <c r="F258" s="9" t="s">
        <v>283</v>
      </c>
      <c r="G258" s="9" t="s">
        <v>276</v>
      </c>
      <c r="H258" s="6">
        <v>993</v>
      </c>
      <c r="I258" s="6">
        <v>883</v>
      </c>
      <c r="J258" s="6">
        <v>698</v>
      </c>
      <c r="K258" s="6">
        <v>70</v>
      </c>
      <c r="L258" s="6">
        <v>40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4</v>
      </c>
      <c r="E259" s="9" t="s">
        <v>6</v>
      </c>
      <c r="F259" s="9" t="s">
        <v>283</v>
      </c>
      <c r="G259" s="9" t="s">
        <v>277</v>
      </c>
      <c r="H259" s="6">
        <v>680</v>
      </c>
      <c r="I259" s="6">
        <v>610</v>
      </c>
      <c r="J259" s="6">
        <v>485</v>
      </c>
      <c r="K259" s="6">
        <v>42</v>
      </c>
      <c r="L259" s="6">
        <v>28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4</v>
      </c>
      <c r="E260" s="9" t="s">
        <v>6</v>
      </c>
      <c r="F260" s="9" t="s">
        <v>283</v>
      </c>
      <c r="G260" s="9" t="s">
        <v>278</v>
      </c>
      <c r="H260" s="6">
        <v>364</v>
      </c>
      <c r="I260" s="6">
        <v>319</v>
      </c>
      <c r="J260" s="6">
        <v>254</v>
      </c>
      <c r="K260" s="6">
        <v>31</v>
      </c>
      <c r="L260" s="6">
        <v>14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4</v>
      </c>
      <c r="E261" s="9" t="s">
        <v>6</v>
      </c>
      <c r="F261" s="9" t="s">
        <v>283</v>
      </c>
      <c r="G261" s="9" t="s">
        <v>279</v>
      </c>
      <c r="H261" s="6">
        <v>166</v>
      </c>
      <c r="I261" s="6">
        <v>134</v>
      </c>
      <c r="J261" s="6">
        <v>91</v>
      </c>
      <c r="K261" s="6">
        <v>20</v>
      </c>
      <c r="L261" s="6">
        <v>12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4</v>
      </c>
      <c r="E262" s="9" t="s">
        <v>6</v>
      </c>
      <c r="F262" s="9" t="s">
        <v>283</v>
      </c>
      <c r="G262" s="9" t="s">
        <v>280</v>
      </c>
      <c r="H262" s="6">
        <v>472</v>
      </c>
      <c r="I262" s="6">
        <v>343</v>
      </c>
      <c r="J262" s="6">
        <v>229</v>
      </c>
      <c r="K262" s="6">
        <v>118</v>
      </c>
      <c r="L262" s="6">
        <v>11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4</v>
      </c>
      <c r="E263" s="9" t="s">
        <v>226</v>
      </c>
      <c r="F263" s="9" t="s">
        <v>6</v>
      </c>
      <c r="G263" s="9" t="s">
        <v>6</v>
      </c>
      <c r="H263" s="6">
        <v>31067</v>
      </c>
      <c r="I263" s="6">
        <v>25757</v>
      </c>
      <c r="J263" s="6">
        <v>19825</v>
      </c>
      <c r="K263" s="6">
        <v>5273</v>
      </c>
      <c r="L263" s="6">
        <v>37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4</v>
      </c>
      <c r="E264" s="9" t="s">
        <v>226</v>
      </c>
      <c r="F264" s="9" t="s">
        <v>234</v>
      </c>
      <c r="G264" s="9" t="s">
        <v>6</v>
      </c>
      <c r="H264" s="6">
        <v>691</v>
      </c>
      <c r="I264" s="6">
        <v>578</v>
      </c>
      <c r="J264" s="6">
        <v>436</v>
      </c>
      <c r="K264" s="6">
        <v>112</v>
      </c>
      <c r="L264" s="6">
        <v>1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4</v>
      </c>
      <c r="E265" s="9" t="s">
        <v>226</v>
      </c>
      <c r="F265" s="9" t="s">
        <v>235</v>
      </c>
      <c r="G265" s="9" t="s">
        <v>6</v>
      </c>
      <c r="H265" s="6">
        <v>30376</v>
      </c>
      <c r="I265" s="6">
        <v>25179</v>
      </c>
      <c r="J265" s="6">
        <v>19389</v>
      </c>
      <c r="K265" s="6">
        <v>5161</v>
      </c>
      <c r="L265" s="6">
        <v>36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4</v>
      </c>
      <c r="E266" s="9" t="s">
        <v>226</v>
      </c>
      <c r="F266" s="9" t="s">
        <v>235</v>
      </c>
      <c r="G266" s="9" t="s">
        <v>272</v>
      </c>
      <c r="H266" s="6">
        <v>1205</v>
      </c>
      <c r="I266" s="6">
        <v>699</v>
      </c>
      <c r="J266" s="6">
        <v>589</v>
      </c>
      <c r="K266" s="6">
        <v>506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4</v>
      </c>
      <c r="E267" s="9" t="s">
        <v>226</v>
      </c>
      <c r="F267" s="9" t="s">
        <v>235</v>
      </c>
      <c r="G267" s="9" t="s">
        <v>273</v>
      </c>
      <c r="H267" s="6">
        <v>2223</v>
      </c>
      <c r="I267" s="6">
        <v>1852</v>
      </c>
      <c r="J267" s="6">
        <v>1530</v>
      </c>
      <c r="K267" s="6">
        <v>369</v>
      </c>
      <c r="L267" s="6">
        <v>2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4</v>
      </c>
      <c r="E268" s="9" t="s">
        <v>226</v>
      </c>
      <c r="F268" s="9" t="s">
        <v>235</v>
      </c>
      <c r="G268" s="9" t="s">
        <v>274</v>
      </c>
      <c r="H268" s="6">
        <v>2583</v>
      </c>
      <c r="I268" s="6">
        <v>2284</v>
      </c>
      <c r="J268" s="6">
        <v>1896</v>
      </c>
      <c r="K268" s="6">
        <v>298</v>
      </c>
      <c r="L268" s="6">
        <v>1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4</v>
      </c>
      <c r="E269" s="9" t="s">
        <v>226</v>
      </c>
      <c r="F269" s="9" t="s">
        <v>235</v>
      </c>
      <c r="G269" s="9" t="s">
        <v>275</v>
      </c>
      <c r="H269" s="6">
        <v>2528</v>
      </c>
      <c r="I269" s="6">
        <v>2280</v>
      </c>
      <c r="J269" s="6">
        <v>1903</v>
      </c>
      <c r="K269" s="6">
        <v>244</v>
      </c>
      <c r="L269" s="6">
        <v>4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4</v>
      </c>
      <c r="E270" s="9" t="s">
        <v>226</v>
      </c>
      <c r="F270" s="9" t="s">
        <v>235</v>
      </c>
      <c r="G270" s="9" t="s">
        <v>276</v>
      </c>
      <c r="H270" s="6">
        <v>2578</v>
      </c>
      <c r="I270" s="6">
        <v>2338</v>
      </c>
      <c r="J270" s="6">
        <v>1914</v>
      </c>
      <c r="K270" s="6">
        <v>237</v>
      </c>
      <c r="L270" s="6">
        <v>3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4</v>
      </c>
      <c r="E271" s="9" t="s">
        <v>226</v>
      </c>
      <c r="F271" s="9" t="s">
        <v>235</v>
      </c>
      <c r="G271" s="9" t="s">
        <v>277</v>
      </c>
      <c r="H271" s="6">
        <v>2537</v>
      </c>
      <c r="I271" s="6">
        <v>2301</v>
      </c>
      <c r="J271" s="6">
        <v>1891</v>
      </c>
      <c r="K271" s="6">
        <v>235</v>
      </c>
      <c r="L271" s="6">
        <v>1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4</v>
      </c>
      <c r="E272" s="9" t="s">
        <v>226</v>
      </c>
      <c r="F272" s="9" t="s">
        <v>235</v>
      </c>
      <c r="G272" s="9" t="s">
        <v>278</v>
      </c>
      <c r="H272" s="6">
        <v>2631</v>
      </c>
      <c r="I272" s="6">
        <v>2332</v>
      </c>
      <c r="J272" s="6">
        <v>1926</v>
      </c>
      <c r="K272" s="6">
        <v>296</v>
      </c>
      <c r="L272" s="6">
        <v>3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4</v>
      </c>
      <c r="E273" s="9" t="s">
        <v>226</v>
      </c>
      <c r="F273" s="9" t="s">
        <v>235</v>
      </c>
      <c r="G273" s="9" t="s">
        <v>279</v>
      </c>
      <c r="H273" s="6">
        <v>1432</v>
      </c>
      <c r="I273" s="6">
        <v>1257</v>
      </c>
      <c r="J273" s="6">
        <v>988</v>
      </c>
      <c r="K273" s="6">
        <v>174</v>
      </c>
      <c r="L273" s="6">
        <v>1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4</v>
      </c>
      <c r="E274" s="9" t="s">
        <v>226</v>
      </c>
      <c r="F274" s="9" t="s">
        <v>235</v>
      </c>
      <c r="G274" s="9" t="s">
        <v>280</v>
      </c>
      <c r="H274" s="6">
        <v>12659</v>
      </c>
      <c r="I274" s="6">
        <v>9836</v>
      </c>
      <c r="J274" s="6">
        <v>6752</v>
      </c>
      <c r="K274" s="6">
        <v>2802</v>
      </c>
      <c r="L274" s="6">
        <v>21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4</v>
      </c>
      <c r="E275" s="9" t="s">
        <v>226</v>
      </c>
      <c r="F275" s="9" t="s">
        <v>281</v>
      </c>
      <c r="G275" s="9" t="s">
        <v>6</v>
      </c>
      <c r="H275" s="6">
        <v>14310</v>
      </c>
      <c r="I275" s="6">
        <v>11319</v>
      </c>
      <c r="J275" s="6">
        <v>8353</v>
      </c>
      <c r="K275" s="6">
        <v>2969</v>
      </c>
      <c r="L275" s="6">
        <v>22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4</v>
      </c>
      <c r="E276" s="9" t="s">
        <v>226</v>
      </c>
      <c r="F276" s="9" t="s">
        <v>281</v>
      </c>
      <c r="G276" s="9" t="s">
        <v>272</v>
      </c>
      <c r="H276" s="6">
        <v>394</v>
      </c>
      <c r="I276" s="6">
        <v>209</v>
      </c>
      <c r="J276" s="6">
        <v>188</v>
      </c>
      <c r="K276" s="6">
        <v>185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4</v>
      </c>
      <c r="E277" s="9" t="s">
        <v>226</v>
      </c>
      <c r="F277" s="9" t="s">
        <v>281</v>
      </c>
      <c r="G277" s="9" t="s">
        <v>273</v>
      </c>
      <c r="H277" s="6">
        <v>659</v>
      </c>
      <c r="I277" s="6">
        <v>519</v>
      </c>
      <c r="J277" s="6">
        <v>439</v>
      </c>
      <c r="K277" s="6">
        <v>139</v>
      </c>
      <c r="L277" s="6">
        <v>1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4</v>
      </c>
      <c r="E278" s="9" t="s">
        <v>226</v>
      </c>
      <c r="F278" s="9" t="s">
        <v>281</v>
      </c>
      <c r="G278" s="9" t="s">
        <v>274</v>
      </c>
      <c r="H278" s="6">
        <v>513</v>
      </c>
      <c r="I278" s="6">
        <v>442</v>
      </c>
      <c r="J278" s="6">
        <v>385</v>
      </c>
      <c r="K278" s="6">
        <v>70</v>
      </c>
      <c r="L278" s="6">
        <v>1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4</v>
      </c>
      <c r="E279" s="9" t="s">
        <v>226</v>
      </c>
      <c r="F279" s="9" t="s">
        <v>281</v>
      </c>
      <c r="G279" s="9" t="s">
        <v>275</v>
      </c>
      <c r="H279" s="6">
        <v>440</v>
      </c>
      <c r="I279" s="6">
        <v>375</v>
      </c>
      <c r="J279" s="6">
        <v>322</v>
      </c>
      <c r="K279" s="6">
        <v>65</v>
      </c>
      <c r="L279" s="10" t="s">
        <v>55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4</v>
      </c>
      <c r="E280" s="9" t="s">
        <v>226</v>
      </c>
      <c r="F280" s="9" t="s">
        <v>281</v>
      </c>
      <c r="G280" s="9" t="s">
        <v>276</v>
      </c>
      <c r="H280" s="6">
        <v>471</v>
      </c>
      <c r="I280" s="6">
        <v>409</v>
      </c>
      <c r="J280" s="6">
        <v>360</v>
      </c>
      <c r="K280" s="6">
        <v>61</v>
      </c>
      <c r="L280" s="6">
        <v>1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4</v>
      </c>
      <c r="E281" s="9" t="s">
        <v>226</v>
      </c>
      <c r="F281" s="9" t="s">
        <v>281</v>
      </c>
      <c r="G281" s="9" t="s">
        <v>277</v>
      </c>
      <c r="H281" s="6">
        <v>646</v>
      </c>
      <c r="I281" s="6">
        <v>560</v>
      </c>
      <c r="J281" s="6">
        <v>469</v>
      </c>
      <c r="K281" s="6">
        <v>86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4</v>
      </c>
      <c r="E282" s="9" t="s">
        <v>226</v>
      </c>
      <c r="F282" s="9" t="s">
        <v>281</v>
      </c>
      <c r="G282" s="9" t="s">
        <v>278</v>
      </c>
      <c r="H282" s="6">
        <v>1066</v>
      </c>
      <c r="I282" s="6">
        <v>935</v>
      </c>
      <c r="J282" s="6">
        <v>776</v>
      </c>
      <c r="K282" s="6">
        <v>130</v>
      </c>
      <c r="L282" s="6">
        <v>1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4</v>
      </c>
      <c r="E283" s="9" t="s">
        <v>226</v>
      </c>
      <c r="F283" s="9" t="s">
        <v>281</v>
      </c>
      <c r="G283" s="9" t="s">
        <v>279</v>
      </c>
      <c r="H283" s="6">
        <v>670</v>
      </c>
      <c r="I283" s="6">
        <v>589</v>
      </c>
      <c r="J283" s="6">
        <v>470</v>
      </c>
      <c r="K283" s="6">
        <v>80</v>
      </c>
      <c r="L283" s="6">
        <v>1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4</v>
      </c>
      <c r="E284" s="9" t="s">
        <v>226</v>
      </c>
      <c r="F284" s="9" t="s">
        <v>281</v>
      </c>
      <c r="G284" s="9" t="s">
        <v>280</v>
      </c>
      <c r="H284" s="6">
        <v>9451</v>
      </c>
      <c r="I284" s="6">
        <v>7281</v>
      </c>
      <c r="J284" s="6">
        <v>4944</v>
      </c>
      <c r="K284" s="6">
        <v>2153</v>
      </c>
      <c r="L284" s="6">
        <v>17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4</v>
      </c>
      <c r="E285" s="9" t="s">
        <v>226</v>
      </c>
      <c r="F285" s="9" t="s">
        <v>282</v>
      </c>
      <c r="G285" s="9" t="s">
        <v>6</v>
      </c>
      <c r="H285" s="6">
        <v>10299</v>
      </c>
      <c r="I285" s="6">
        <v>8765</v>
      </c>
      <c r="J285" s="6">
        <v>7036</v>
      </c>
      <c r="K285" s="6">
        <v>1525</v>
      </c>
      <c r="L285" s="6">
        <v>9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4</v>
      </c>
      <c r="E286" s="9" t="s">
        <v>226</v>
      </c>
      <c r="F286" s="9" t="s">
        <v>282</v>
      </c>
      <c r="G286" s="9" t="s">
        <v>272</v>
      </c>
      <c r="H286" s="6">
        <v>420</v>
      </c>
      <c r="I286" s="6">
        <v>236</v>
      </c>
      <c r="J286" s="6">
        <v>194</v>
      </c>
      <c r="K286" s="6">
        <v>184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4</v>
      </c>
      <c r="E287" s="9" t="s">
        <v>226</v>
      </c>
      <c r="F287" s="9" t="s">
        <v>282</v>
      </c>
      <c r="G287" s="9" t="s">
        <v>273</v>
      </c>
      <c r="H287" s="6">
        <v>812</v>
      </c>
      <c r="I287" s="6">
        <v>685</v>
      </c>
      <c r="J287" s="6">
        <v>572</v>
      </c>
      <c r="K287" s="6">
        <v>126</v>
      </c>
      <c r="L287" s="6">
        <v>1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4</v>
      </c>
      <c r="E288" s="9" t="s">
        <v>226</v>
      </c>
      <c r="F288" s="9" t="s">
        <v>282</v>
      </c>
      <c r="G288" s="9" t="s">
        <v>274</v>
      </c>
      <c r="H288" s="6">
        <v>996</v>
      </c>
      <c r="I288" s="6">
        <v>872</v>
      </c>
      <c r="J288" s="6">
        <v>740</v>
      </c>
      <c r="K288" s="6">
        <v>124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4</v>
      </c>
      <c r="E289" s="9" t="s">
        <v>226</v>
      </c>
      <c r="F289" s="9" t="s">
        <v>282</v>
      </c>
      <c r="G289" s="9" t="s">
        <v>275</v>
      </c>
      <c r="H289" s="6">
        <v>1024</v>
      </c>
      <c r="I289" s="6">
        <v>926</v>
      </c>
      <c r="J289" s="6">
        <v>794</v>
      </c>
      <c r="K289" s="6">
        <v>96</v>
      </c>
      <c r="L289" s="6">
        <v>2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4</v>
      </c>
      <c r="E290" s="9" t="s">
        <v>226</v>
      </c>
      <c r="F290" s="9" t="s">
        <v>282</v>
      </c>
      <c r="G290" s="9" t="s">
        <v>276</v>
      </c>
      <c r="H290" s="6">
        <v>1166</v>
      </c>
      <c r="I290" s="6">
        <v>1057</v>
      </c>
      <c r="J290" s="6">
        <v>865</v>
      </c>
      <c r="K290" s="6">
        <v>108</v>
      </c>
      <c r="L290" s="6">
        <v>1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4</v>
      </c>
      <c r="E291" s="9" t="s">
        <v>226</v>
      </c>
      <c r="F291" s="9" t="s">
        <v>282</v>
      </c>
      <c r="G291" s="9" t="s">
        <v>277</v>
      </c>
      <c r="H291" s="6">
        <v>1244</v>
      </c>
      <c r="I291" s="6">
        <v>1136</v>
      </c>
      <c r="J291" s="6">
        <v>942</v>
      </c>
      <c r="K291" s="6">
        <v>108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4</v>
      </c>
      <c r="E292" s="9" t="s">
        <v>226</v>
      </c>
      <c r="F292" s="9" t="s">
        <v>282</v>
      </c>
      <c r="G292" s="9" t="s">
        <v>278</v>
      </c>
      <c r="H292" s="6">
        <v>1219</v>
      </c>
      <c r="I292" s="6">
        <v>1082</v>
      </c>
      <c r="J292" s="6">
        <v>900</v>
      </c>
      <c r="K292" s="6">
        <v>136</v>
      </c>
      <c r="L292" s="6">
        <v>1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4</v>
      </c>
      <c r="E293" s="9" t="s">
        <v>226</v>
      </c>
      <c r="F293" s="9" t="s">
        <v>282</v>
      </c>
      <c r="G293" s="9" t="s">
        <v>279</v>
      </c>
      <c r="H293" s="6">
        <v>611</v>
      </c>
      <c r="I293" s="6">
        <v>537</v>
      </c>
      <c r="J293" s="6">
        <v>430</v>
      </c>
      <c r="K293" s="6">
        <v>74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4</v>
      </c>
      <c r="E294" s="9" t="s">
        <v>226</v>
      </c>
      <c r="F294" s="9" t="s">
        <v>282</v>
      </c>
      <c r="G294" s="9" t="s">
        <v>280</v>
      </c>
      <c r="H294" s="6">
        <v>2807</v>
      </c>
      <c r="I294" s="6">
        <v>2234</v>
      </c>
      <c r="J294" s="6">
        <v>1599</v>
      </c>
      <c r="K294" s="6">
        <v>569</v>
      </c>
      <c r="L294" s="6">
        <v>4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4</v>
      </c>
      <c r="E295" s="9" t="s">
        <v>226</v>
      </c>
      <c r="F295" s="9" t="s">
        <v>283</v>
      </c>
      <c r="G295" s="9" t="s">
        <v>6</v>
      </c>
      <c r="H295" s="6">
        <v>5767</v>
      </c>
      <c r="I295" s="6">
        <v>5095</v>
      </c>
      <c r="J295" s="6">
        <v>4000</v>
      </c>
      <c r="K295" s="6">
        <v>667</v>
      </c>
      <c r="L295" s="6">
        <v>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4</v>
      </c>
      <c r="E296" s="9" t="s">
        <v>226</v>
      </c>
      <c r="F296" s="9" t="s">
        <v>283</v>
      </c>
      <c r="G296" s="9" t="s">
        <v>272</v>
      </c>
      <c r="H296" s="6">
        <v>391</v>
      </c>
      <c r="I296" s="6">
        <v>254</v>
      </c>
      <c r="J296" s="6">
        <v>207</v>
      </c>
      <c r="K296" s="6">
        <v>137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4</v>
      </c>
      <c r="E297" s="9" t="s">
        <v>226</v>
      </c>
      <c r="F297" s="9" t="s">
        <v>283</v>
      </c>
      <c r="G297" s="9" t="s">
        <v>273</v>
      </c>
      <c r="H297" s="6">
        <v>752</v>
      </c>
      <c r="I297" s="6">
        <v>648</v>
      </c>
      <c r="J297" s="6">
        <v>519</v>
      </c>
      <c r="K297" s="6">
        <v>104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4</v>
      </c>
      <c r="E298" s="9" t="s">
        <v>226</v>
      </c>
      <c r="F298" s="9" t="s">
        <v>283</v>
      </c>
      <c r="G298" s="9" t="s">
        <v>274</v>
      </c>
      <c r="H298" s="6">
        <v>1074</v>
      </c>
      <c r="I298" s="6">
        <v>970</v>
      </c>
      <c r="J298" s="6">
        <v>771</v>
      </c>
      <c r="K298" s="6">
        <v>104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4</v>
      </c>
      <c r="E299" s="9" t="s">
        <v>226</v>
      </c>
      <c r="F299" s="9" t="s">
        <v>283</v>
      </c>
      <c r="G299" s="9" t="s">
        <v>275</v>
      </c>
      <c r="H299" s="6">
        <v>1064</v>
      </c>
      <c r="I299" s="6">
        <v>979</v>
      </c>
      <c r="J299" s="6">
        <v>787</v>
      </c>
      <c r="K299" s="6">
        <v>83</v>
      </c>
      <c r="L299" s="6">
        <v>2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4</v>
      </c>
      <c r="E300" s="9" t="s">
        <v>226</v>
      </c>
      <c r="F300" s="9" t="s">
        <v>283</v>
      </c>
      <c r="G300" s="9" t="s">
        <v>276</v>
      </c>
      <c r="H300" s="6">
        <v>941</v>
      </c>
      <c r="I300" s="6">
        <v>872</v>
      </c>
      <c r="J300" s="6">
        <v>689</v>
      </c>
      <c r="K300" s="6">
        <v>68</v>
      </c>
      <c r="L300" s="6">
        <v>1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4</v>
      </c>
      <c r="E301" s="9" t="s">
        <v>226</v>
      </c>
      <c r="F301" s="9" t="s">
        <v>283</v>
      </c>
      <c r="G301" s="9" t="s">
        <v>277</v>
      </c>
      <c r="H301" s="6">
        <v>647</v>
      </c>
      <c r="I301" s="6">
        <v>605</v>
      </c>
      <c r="J301" s="6">
        <v>480</v>
      </c>
      <c r="K301" s="6">
        <v>41</v>
      </c>
      <c r="L301" s="6">
        <v>1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4</v>
      </c>
      <c r="E302" s="9" t="s">
        <v>226</v>
      </c>
      <c r="F302" s="9" t="s">
        <v>283</v>
      </c>
      <c r="G302" s="9" t="s">
        <v>278</v>
      </c>
      <c r="H302" s="6">
        <v>346</v>
      </c>
      <c r="I302" s="6">
        <v>315</v>
      </c>
      <c r="J302" s="6">
        <v>250</v>
      </c>
      <c r="K302" s="6">
        <v>30</v>
      </c>
      <c r="L302" s="6">
        <v>1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4</v>
      </c>
      <c r="E303" s="9" t="s">
        <v>226</v>
      </c>
      <c r="F303" s="9" t="s">
        <v>283</v>
      </c>
      <c r="G303" s="9" t="s">
        <v>279</v>
      </c>
      <c r="H303" s="6">
        <v>151</v>
      </c>
      <c r="I303" s="6">
        <v>131</v>
      </c>
      <c r="J303" s="6">
        <v>88</v>
      </c>
      <c r="K303" s="6">
        <v>20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4</v>
      </c>
      <c r="E304" s="9" t="s">
        <v>226</v>
      </c>
      <c r="F304" s="9" t="s">
        <v>283</v>
      </c>
      <c r="G304" s="9" t="s">
        <v>280</v>
      </c>
      <c r="H304" s="6">
        <v>401</v>
      </c>
      <c r="I304" s="6">
        <v>321</v>
      </c>
      <c r="J304" s="6">
        <v>209</v>
      </c>
      <c r="K304" s="6">
        <v>80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4</v>
      </c>
      <c r="E305" s="9" t="s">
        <v>227</v>
      </c>
      <c r="F305" s="9" t="s">
        <v>6</v>
      </c>
      <c r="G305" s="9" t="s">
        <v>6</v>
      </c>
      <c r="H305" s="6">
        <v>22246</v>
      </c>
      <c r="I305" s="6">
        <v>18045</v>
      </c>
      <c r="J305" s="6">
        <v>17285</v>
      </c>
      <c r="K305" s="6">
        <v>4183</v>
      </c>
      <c r="L305" s="6">
        <v>18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4</v>
      </c>
      <c r="E306" s="9" t="s">
        <v>227</v>
      </c>
      <c r="F306" s="9" t="s">
        <v>234</v>
      </c>
      <c r="G306" s="9" t="s">
        <v>6</v>
      </c>
      <c r="H306" s="6">
        <v>470</v>
      </c>
      <c r="I306" s="6">
        <v>383</v>
      </c>
      <c r="J306" s="6">
        <v>370</v>
      </c>
      <c r="K306" s="6">
        <v>86</v>
      </c>
      <c r="L306" s="6">
        <v>1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4</v>
      </c>
      <c r="E307" s="9" t="s">
        <v>227</v>
      </c>
      <c r="F307" s="9" t="s">
        <v>235</v>
      </c>
      <c r="G307" s="9" t="s">
        <v>6</v>
      </c>
      <c r="H307" s="6">
        <v>21776</v>
      </c>
      <c r="I307" s="6">
        <v>17662</v>
      </c>
      <c r="J307" s="6">
        <v>16915</v>
      </c>
      <c r="K307" s="6">
        <v>4097</v>
      </c>
      <c r="L307" s="6">
        <v>17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4</v>
      </c>
      <c r="E308" s="9" t="s">
        <v>227</v>
      </c>
      <c r="F308" s="9" t="s">
        <v>235</v>
      </c>
      <c r="G308" s="9" t="s">
        <v>272</v>
      </c>
      <c r="H308" s="6">
        <v>960</v>
      </c>
      <c r="I308" s="6">
        <v>550</v>
      </c>
      <c r="J308" s="6">
        <v>534</v>
      </c>
      <c r="K308" s="6">
        <v>410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4</v>
      </c>
      <c r="E309" s="9" t="s">
        <v>227</v>
      </c>
      <c r="F309" s="9" t="s">
        <v>235</v>
      </c>
      <c r="G309" s="9" t="s">
        <v>273</v>
      </c>
      <c r="H309" s="6">
        <v>1726</v>
      </c>
      <c r="I309" s="6">
        <v>1421</v>
      </c>
      <c r="J309" s="6">
        <v>1360</v>
      </c>
      <c r="K309" s="6">
        <v>303</v>
      </c>
      <c r="L309" s="6">
        <v>2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4</v>
      </c>
      <c r="E310" s="9" t="s">
        <v>227</v>
      </c>
      <c r="F310" s="9" t="s">
        <v>235</v>
      </c>
      <c r="G310" s="9" t="s">
        <v>274</v>
      </c>
      <c r="H310" s="6">
        <v>1990</v>
      </c>
      <c r="I310" s="6">
        <v>1743</v>
      </c>
      <c r="J310" s="6">
        <v>1682</v>
      </c>
      <c r="K310" s="6">
        <v>246</v>
      </c>
      <c r="L310" s="6">
        <v>1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4</v>
      </c>
      <c r="E311" s="9" t="s">
        <v>227</v>
      </c>
      <c r="F311" s="9" t="s">
        <v>235</v>
      </c>
      <c r="G311" s="9" t="s">
        <v>275</v>
      </c>
      <c r="H311" s="6">
        <v>1980</v>
      </c>
      <c r="I311" s="6">
        <v>1769</v>
      </c>
      <c r="J311" s="6">
        <v>1714</v>
      </c>
      <c r="K311" s="6">
        <v>209</v>
      </c>
      <c r="L311" s="6">
        <v>2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4</v>
      </c>
      <c r="E312" s="9" t="s">
        <v>227</v>
      </c>
      <c r="F312" s="9" t="s">
        <v>235</v>
      </c>
      <c r="G312" s="9" t="s">
        <v>276</v>
      </c>
      <c r="H312" s="6">
        <v>1968</v>
      </c>
      <c r="I312" s="6">
        <v>1758</v>
      </c>
      <c r="J312" s="6">
        <v>1700</v>
      </c>
      <c r="K312" s="6">
        <v>209</v>
      </c>
      <c r="L312" s="6">
        <v>1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4</v>
      </c>
      <c r="E313" s="9" t="s">
        <v>227</v>
      </c>
      <c r="F313" s="9" t="s">
        <v>235</v>
      </c>
      <c r="G313" s="9" t="s">
        <v>277</v>
      </c>
      <c r="H313" s="6">
        <v>1948</v>
      </c>
      <c r="I313" s="6">
        <v>1748</v>
      </c>
      <c r="J313" s="6">
        <v>1678</v>
      </c>
      <c r="K313" s="6">
        <v>199</v>
      </c>
      <c r="L313" s="6">
        <v>1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4</v>
      </c>
      <c r="E314" s="9" t="s">
        <v>227</v>
      </c>
      <c r="F314" s="9" t="s">
        <v>235</v>
      </c>
      <c r="G314" s="9" t="s">
        <v>278</v>
      </c>
      <c r="H314" s="6">
        <v>2018</v>
      </c>
      <c r="I314" s="6">
        <v>1771</v>
      </c>
      <c r="J314" s="6">
        <v>1695</v>
      </c>
      <c r="K314" s="6">
        <v>246</v>
      </c>
      <c r="L314" s="6">
        <v>1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4</v>
      </c>
      <c r="E315" s="9" t="s">
        <v>227</v>
      </c>
      <c r="F315" s="9" t="s">
        <v>235</v>
      </c>
      <c r="G315" s="9" t="s">
        <v>279</v>
      </c>
      <c r="H315" s="6">
        <v>1040</v>
      </c>
      <c r="I315" s="6">
        <v>894</v>
      </c>
      <c r="J315" s="6">
        <v>859</v>
      </c>
      <c r="K315" s="6">
        <v>145</v>
      </c>
      <c r="L315" s="6">
        <v>1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4</v>
      </c>
      <c r="E316" s="9" t="s">
        <v>227</v>
      </c>
      <c r="F316" s="9" t="s">
        <v>235</v>
      </c>
      <c r="G316" s="9" t="s">
        <v>280</v>
      </c>
      <c r="H316" s="6">
        <v>8146</v>
      </c>
      <c r="I316" s="6">
        <v>6008</v>
      </c>
      <c r="J316" s="6">
        <v>5693</v>
      </c>
      <c r="K316" s="6">
        <v>2130</v>
      </c>
      <c r="L316" s="6">
        <v>8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4</v>
      </c>
      <c r="E317" s="9" t="s">
        <v>227</v>
      </c>
      <c r="F317" s="9" t="s">
        <v>281</v>
      </c>
      <c r="G317" s="9" t="s">
        <v>6</v>
      </c>
      <c r="H317" s="6">
        <v>9852</v>
      </c>
      <c r="I317" s="6">
        <v>7538</v>
      </c>
      <c r="J317" s="6">
        <v>7161</v>
      </c>
      <c r="K317" s="6">
        <v>2305</v>
      </c>
      <c r="L317" s="6">
        <v>9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4</v>
      </c>
      <c r="E318" s="9" t="s">
        <v>227</v>
      </c>
      <c r="F318" s="9" t="s">
        <v>281</v>
      </c>
      <c r="G318" s="9" t="s">
        <v>272</v>
      </c>
      <c r="H318" s="6">
        <v>327</v>
      </c>
      <c r="I318" s="6">
        <v>174</v>
      </c>
      <c r="J318" s="6">
        <v>170</v>
      </c>
      <c r="K318" s="6">
        <v>153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4</v>
      </c>
      <c r="E319" s="9" t="s">
        <v>227</v>
      </c>
      <c r="F319" s="9" t="s">
        <v>281</v>
      </c>
      <c r="G319" s="9" t="s">
        <v>273</v>
      </c>
      <c r="H319" s="6">
        <v>528</v>
      </c>
      <c r="I319" s="6">
        <v>411</v>
      </c>
      <c r="J319" s="6">
        <v>395</v>
      </c>
      <c r="K319" s="6">
        <v>116</v>
      </c>
      <c r="L319" s="6">
        <v>1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4</v>
      </c>
      <c r="E320" s="9" t="s">
        <v>227</v>
      </c>
      <c r="F320" s="9" t="s">
        <v>281</v>
      </c>
      <c r="G320" s="9" t="s">
        <v>274</v>
      </c>
      <c r="H320" s="6">
        <v>416</v>
      </c>
      <c r="I320" s="6">
        <v>356</v>
      </c>
      <c r="J320" s="6">
        <v>339</v>
      </c>
      <c r="K320" s="6">
        <v>59</v>
      </c>
      <c r="L320" s="6">
        <v>1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4</v>
      </c>
      <c r="E321" s="9" t="s">
        <v>227</v>
      </c>
      <c r="F321" s="9" t="s">
        <v>281</v>
      </c>
      <c r="G321" s="9" t="s">
        <v>275</v>
      </c>
      <c r="H321" s="6">
        <v>361</v>
      </c>
      <c r="I321" s="6">
        <v>303</v>
      </c>
      <c r="J321" s="6">
        <v>299</v>
      </c>
      <c r="K321" s="6">
        <v>58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4</v>
      </c>
      <c r="E322" s="9" t="s">
        <v>227</v>
      </c>
      <c r="F322" s="9" t="s">
        <v>281</v>
      </c>
      <c r="G322" s="9" t="s">
        <v>276</v>
      </c>
      <c r="H322" s="6">
        <v>386</v>
      </c>
      <c r="I322" s="6">
        <v>329</v>
      </c>
      <c r="J322" s="6">
        <v>317</v>
      </c>
      <c r="K322" s="6">
        <v>57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4</v>
      </c>
      <c r="E323" s="9" t="s">
        <v>227</v>
      </c>
      <c r="F323" s="9" t="s">
        <v>281</v>
      </c>
      <c r="G323" s="9" t="s">
        <v>277</v>
      </c>
      <c r="H323" s="6">
        <v>498</v>
      </c>
      <c r="I323" s="6">
        <v>426</v>
      </c>
      <c r="J323" s="6">
        <v>406</v>
      </c>
      <c r="K323" s="6">
        <v>72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4</v>
      </c>
      <c r="E324" s="9" t="s">
        <v>227</v>
      </c>
      <c r="F324" s="9" t="s">
        <v>281</v>
      </c>
      <c r="G324" s="9" t="s">
        <v>278</v>
      </c>
      <c r="H324" s="6">
        <v>831</v>
      </c>
      <c r="I324" s="6">
        <v>722</v>
      </c>
      <c r="J324" s="6">
        <v>689</v>
      </c>
      <c r="K324" s="6">
        <v>109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4</v>
      </c>
      <c r="E325" s="9" t="s">
        <v>227</v>
      </c>
      <c r="F325" s="9" t="s">
        <v>281</v>
      </c>
      <c r="G325" s="9" t="s">
        <v>279</v>
      </c>
      <c r="H325" s="6">
        <v>497</v>
      </c>
      <c r="I325" s="6">
        <v>428</v>
      </c>
      <c r="J325" s="6">
        <v>409</v>
      </c>
      <c r="K325" s="6">
        <v>68</v>
      </c>
      <c r="L325" s="6">
        <v>1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4</v>
      </c>
      <c r="E326" s="9" t="s">
        <v>227</v>
      </c>
      <c r="F326" s="9" t="s">
        <v>281</v>
      </c>
      <c r="G326" s="9" t="s">
        <v>280</v>
      </c>
      <c r="H326" s="6">
        <v>6008</v>
      </c>
      <c r="I326" s="6">
        <v>4389</v>
      </c>
      <c r="J326" s="6">
        <v>4137</v>
      </c>
      <c r="K326" s="6">
        <v>1613</v>
      </c>
      <c r="L326" s="6">
        <v>6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4</v>
      </c>
      <c r="E327" s="9" t="s">
        <v>227</v>
      </c>
      <c r="F327" s="9" t="s">
        <v>282</v>
      </c>
      <c r="G327" s="9" t="s">
        <v>6</v>
      </c>
      <c r="H327" s="6">
        <v>7730</v>
      </c>
      <c r="I327" s="6">
        <v>6467</v>
      </c>
      <c r="J327" s="6">
        <v>6234</v>
      </c>
      <c r="K327" s="6">
        <v>1258</v>
      </c>
      <c r="L327" s="6">
        <v>5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4</v>
      </c>
      <c r="E328" s="9" t="s">
        <v>227</v>
      </c>
      <c r="F328" s="9" t="s">
        <v>282</v>
      </c>
      <c r="G328" s="9" t="s">
        <v>272</v>
      </c>
      <c r="H328" s="6">
        <v>339</v>
      </c>
      <c r="I328" s="6">
        <v>186</v>
      </c>
      <c r="J328" s="6">
        <v>178</v>
      </c>
      <c r="K328" s="6">
        <v>153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4</v>
      </c>
      <c r="E329" s="9" t="s">
        <v>227</v>
      </c>
      <c r="F329" s="9" t="s">
        <v>282</v>
      </c>
      <c r="G329" s="9" t="s">
        <v>273</v>
      </c>
      <c r="H329" s="6">
        <v>642</v>
      </c>
      <c r="I329" s="6">
        <v>538</v>
      </c>
      <c r="J329" s="6">
        <v>514</v>
      </c>
      <c r="K329" s="6">
        <v>103</v>
      </c>
      <c r="L329" s="6">
        <v>1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4</v>
      </c>
      <c r="E330" s="9" t="s">
        <v>227</v>
      </c>
      <c r="F330" s="9" t="s">
        <v>282</v>
      </c>
      <c r="G330" s="9" t="s">
        <v>274</v>
      </c>
      <c r="H330" s="6">
        <v>795</v>
      </c>
      <c r="I330" s="6">
        <v>691</v>
      </c>
      <c r="J330" s="6">
        <v>667</v>
      </c>
      <c r="K330" s="6">
        <v>104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4</v>
      </c>
      <c r="E331" s="9" t="s">
        <v>227</v>
      </c>
      <c r="F331" s="9" t="s">
        <v>282</v>
      </c>
      <c r="G331" s="9" t="s">
        <v>275</v>
      </c>
      <c r="H331" s="6">
        <v>820</v>
      </c>
      <c r="I331" s="6">
        <v>738</v>
      </c>
      <c r="J331" s="6">
        <v>714</v>
      </c>
      <c r="K331" s="6">
        <v>81</v>
      </c>
      <c r="L331" s="6">
        <v>1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4</v>
      </c>
      <c r="E332" s="9" t="s">
        <v>227</v>
      </c>
      <c r="F332" s="9" t="s">
        <v>282</v>
      </c>
      <c r="G332" s="9" t="s">
        <v>276</v>
      </c>
      <c r="H332" s="6">
        <v>898</v>
      </c>
      <c r="I332" s="6">
        <v>801</v>
      </c>
      <c r="J332" s="6">
        <v>776</v>
      </c>
      <c r="K332" s="6">
        <v>97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4</v>
      </c>
      <c r="E333" s="9" t="s">
        <v>227</v>
      </c>
      <c r="F333" s="9" t="s">
        <v>282</v>
      </c>
      <c r="G333" s="9" t="s">
        <v>277</v>
      </c>
      <c r="H333" s="6">
        <v>971</v>
      </c>
      <c r="I333" s="6">
        <v>878</v>
      </c>
      <c r="J333" s="6">
        <v>851</v>
      </c>
      <c r="K333" s="6">
        <v>93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4</v>
      </c>
      <c r="E334" s="9" t="s">
        <v>227</v>
      </c>
      <c r="F334" s="9" t="s">
        <v>282</v>
      </c>
      <c r="G334" s="9" t="s">
        <v>278</v>
      </c>
      <c r="H334" s="6">
        <v>935</v>
      </c>
      <c r="I334" s="6">
        <v>819</v>
      </c>
      <c r="J334" s="6">
        <v>782</v>
      </c>
      <c r="K334" s="6">
        <v>115</v>
      </c>
      <c r="L334" s="6">
        <v>1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4</v>
      </c>
      <c r="E335" s="9" t="s">
        <v>227</v>
      </c>
      <c r="F335" s="9" t="s">
        <v>282</v>
      </c>
      <c r="G335" s="9" t="s">
        <v>279</v>
      </c>
      <c r="H335" s="6">
        <v>446</v>
      </c>
      <c r="I335" s="6">
        <v>385</v>
      </c>
      <c r="J335" s="6">
        <v>373</v>
      </c>
      <c r="K335" s="6">
        <v>61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4</v>
      </c>
      <c r="E336" s="9" t="s">
        <v>227</v>
      </c>
      <c r="F336" s="9" t="s">
        <v>282</v>
      </c>
      <c r="G336" s="9" t="s">
        <v>280</v>
      </c>
      <c r="H336" s="6">
        <v>1884</v>
      </c>
      <c r="I336" s="6">
        <v>1431</v>
      </c>
      <c r="J336" s="6">
        <v>1379</v>
      </c>
      <c r="K336" s="6">
        <v>451</v>
      </c>
      <c r="L336" s="6">
        <v>2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4</v>
      </c>
      <c r="E337" s="9" t="s">
        <v>227</v>
      </c>
      <c r="F337" s="9" t="s">
        <v>283</v>
      </c>
      <c r="G337" s="9" t="s">
        <v>6</v>
      </c>
      <c r="H337" s="6">
        <v>4194</v>
      </c>
      <c r="I337" s="6">
        <v>3657</v>
      </c>
      <c r="J337" s="6">
        <v>3520</v>
      </c>
      <c r="K337" s="6">
        <v>534</v>
      </c>
      <c r="L337" s="6">
        <v>3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4</v>
      </c>
      <c r="E338" s="9" t="s">
        <v>227</v>
      </c>
      <c r="F338" s="9" t="s">
        <v>283</v>
      </c>
      <c r="G338" s="9" t="s">
        <v>272</v>
      </c>
      <c r="H338" s="6">
        <v>294</v>
      </c>
      <c r="I338" s="6">
        <v>190</v>
      </c>
      <c r="J338" s="6">
        <v>186</v>
      </c>
      <c r="K338" s="6">
        <v>104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4</v>
      </c>
      <c r="E339" s="9" t="s">
        <v>227</v>
      </c>
      <c r="F339" s="9" t="s">
        <v>283</v>
      </c>
      <c r="G339" s="9" t="s">
        <v>273</v>
      </c>
      <c r="H339" s="6">
        <v>556</v>
      </c>
      <c r="I339" s="6">
        <v>472</v>
      </c>
      <c r="J339" s="6">
        <v>451</v>
      </c>
      <c r="K339" s="6">
        <v>84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4</v>
      </c>
      <c r="E340" s="9" t="s">
        <v>227</v>
      </c>
      <c r="F340" s="9" t="s">
        <v>283</v>
      </c>
      <c r="G340" s="9" t="s">
        <v>274</v>
      </c>
      <c r="H340" s="6">
        <v>779</v>
      </c>
      <c r="I340" s="6">
        <v>696</v>
      </c>
      <c r="J340" s="6">
        <v>676</v>
      </c>
      <c r="K340" s="6">
        <v>83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4</v>
      </c>
      <c r="E341" s="9" t="s">
        <v>227</v>
      </c>
      <c r="F341" s="9" t="s">
        <v>283</v>
      </c>
      <c r="G341" s="9" t="s">
        <v>275</v>
      </c>
      <c r="H341" s="6">
        <v>799</v>
      </c>
      <c r="I341" s="6">
        <v>728</v>
      </c>
      <c r="J341" s="6">
        <v>701</v>
      </c>
      <c r="K341" s="6">
        <v>70</v>
      </c>
      <c r="L341" s="6">
        <v>1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4</v>
      </c>
      <c r="E342" s="9" t="s">
        <v>227</v>
      </c>
      <c r="F342" s="9" t="s">
        <v>283</v>
      </c>
      <c r="G342" s="9" t="s">
        <v>276</v>
      </c>
      <c r="H342" s="6">
        <v>684</v>
      </c>
      <c r="I342" s="6">
        <v>628</v>
      </c>
      <c r="J342" s="6">
        <v>607</v>
      </c>
      <c r="K342" s="6">
        <v>55</v>
      </c>
      <c r="L342" s="6">
        <v>1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4</v>
      </c>
      <c r="E343" s="9" t="s">
        <v>227</v>
      </c>
      <c r="F343" s="9" t="s">
        <v>283</v>
      </c>
      <c r="G343" s="9" t="s">
        <v>277</v>
      </c>
      <c r="H343" s="6">
        <v>479</v>
      </c>
      <c r="I343" s="6">
        <v>444</v>
      </c>
      <c r="J343" s="6">
        <v>421</v>
      </c>
      <c r="K343" s="6">
        <v>34</v>
      </c>
      <c r="L343" s="6">
        <v>1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4</v>
      </c>
      <c r="E344" s="9" t="s">
        <v>227</v>
      </c>
      <c r="F344" s="9" t="s">
        <v>283</v>
      </c>
      <c r="G344" s="9" t="s">
        <v>278</v>
      </c>
      <c r="H344" s="6">
        <v>252</v>
      </c>
      <c r="I344" s="6">
        <v>230</v>
      </c>
      <c r="J344" s="6">
        <v>224</v>
      </c>
      <c r="K344" s="6">
        <v>22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4</v>
      </c>
      <c r="E345" s="9" t="s">
        <v>227</v>
      </c>
      <c r="F345" s="9" t="s">
        <v>283</v>
      </c>
      <c r="G345" s="9" t="s">
        <v>279</v>
      </c>
      <c r="H345" s="6">
        <v>97</v>
      </c>
      <c r="I345" s="6">
        <v>81</v>
      </c>
      <c r="J345" s="6">
        <v>77</v>
      </c>
      <c r="K345" s="6">
        <v>16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4</v>
      </c>
      <c r="E346" s="9" t="s">
        <v>227</v>
      </c>
      <c r="F346" s="9" t="s">
        <v>283</v>
      </c>
      <c r="G346" s="9" t="s">
        <v>280</v>
      </c>
      <c r="H346" s="6">
        <v>254</v>
      </c>
      <c r="I346" s="6">
        <v>188</v>
      </c>
      <c r="J346" s="6">
        <v>177</v>
      </c>
      <c r="K346" s="6">
        <v>66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4</v>
      </c>
      <c r="E347" s="9" t="s">
        <v>228</v>
      </c>
      <c r="F347" s="9" t="s">
        <v>6</v>
      </c>
      <c r="G347" s="9" t="s">
        <v>6</v>
      </c>
      <c r="H347" s="6">
        <v>4631</v>
      </c>
      <c r="I347" s="6">
        <v>1261</v>
      </c>
      <c r="J347" s="6">
        <v>1124</v>
      </c>
      <c r="K347" s="6">
        <v>3364</v>
      </c>
      <c r="L347" s="6">
        <v>6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4</v>
      </c>
      <c r="E348" s="9" t="s">
        <v>228</v>
      </c>
      <c r="F348" s="9" t="s">
        <v>234</v>
      </c>
      <c r="G348" s="9" t="s">
        <v>6</v>
      </c>
      <c r="H348" s="6">
        <v>23</v>
      </c>
      <c r="I348" s="6">
        <v>9</v>
      </c>
      <c r="J348" s="6">
        <v>9</v>
      </c>
      <c r="K348" s="6">
        <v>14</v>
      </c>
      <c r="L348" s="10" t="s">
        <v>55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4</v>
      </c>
      <c r="E349" s="9" t="s">
        <v>228</v>
      </c>
      <c r="F349" s="9" t="s">
        <v>235</v>
      </c>
      <c r="G349" s="9" t="s">
        <v>6</v>
      </c>
      <c r="H349" s="6">
        <v>4608</v>
      </c>
      <c r="I349" s="6">
        <v>1252</v>
      </c>
      <c r="J349" s="6">
        <v>1115</v>
      </c>
      <c r="K349" s="6">
        <v>3350</v>
      </c>
      <c r="L349" s="6">
        <v>6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4</v>
      </c>
      <c r="E350" s="9" t="s">
        <v>228</v>
      </c>
      <c r="F350" s="9" t="s">
        <v>235</v>
      </c>
      <c r="G350" s="9" t="s">
        <v>272</v>
      </c>
      <c r="H350" s="6">
        <v>28</v>
      </c>
      <c r="I350" s="6">
        <v>5</v>
      </c>
      <c r="J350" s="6">
        <v>5</v>
      </c>
      <c r="K350" s="6">
        <v>23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4</v>
      </c>
      <c r="E351" s="9" t="s">
        <v>228</v>
      </c>
      <c r="F351" s="9" t="s">
        <v>235</v>
      </c>
      <c r="G351" s="9" t="s">
        <v>273</v>
      </c>
      <c r="H351" s="6">
        <v>48</v>
      </c>
      <c r="I351" s="6">
        <v>27</v>
      </c>
      <c r="J351" s="6">
        <v>24</v>
      </c>
      <c r="K351" s="6">
        <v>21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4</v>
      </c>
      <c r="E352" s="9" t="s">
        <v>228</v>
      </c>
      <c r="F352" s="9" t="s">
        <v>235</v>
      </c>
      <c r="G352" s="9" t="s">
        <v>274</v>
      </c>
      <c r="H352" s="6">
        <v>52</v>
      </c>
      <c r="I352" s="6">
        <v>36</v>
      </c>
      <c r="J352" s="6">
        <v>30</v>
      </c>
      <c r="K352" s="6">
        <v>16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4</v>
      </c>
      <c r="E353" s="9" t="s">
        <v>228</v>
      </c>
      <c r="F353" s="9" t="s">
        <v>235</v>
      </c>
      <c r="G353" s="9" t="s">
        <v>275</v>
      </c>
      <c r="H353" s="6">
        <v>25</v>
      </c>
      <c r="I353" s="6">
        <v>17</v>
      </c>
      <c r="J353" s="6">
        <v>16</v>
      </c>
      <c r="K353" s="6">
        <v>8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4</v>
      </c>
      <c r="E354" s="9" t="s">
        <v>228</v>
      </c>
      <c r="F354" s="9" t="s">
        <v>235</v>
      </c>
      <c r="G354" s="9" t="s">
        <v>276</v>
      </c>
      <c r="H354" s="6">
        <v>46</v>
      </c>
      <c r="I354" s="6">
        <v>38</v>
      </c>
      <c r="J354" s="6">
        <v>32</v>
      </c>
      <c r="K354" s="6">
        <v>7</v>
      </c>
      <c r="L354" s="6">
        <v>1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4</v>
      </c>
      <c r="E355" s="9" t="s">
        <v>228</v>
      </c>
      <c r="F355" s="9" t="s">
        <v>235</v>
      </c>
      <c r="G355" s="9" t="s">
        <v>277</v>
      </c>
      <c r="H355" s="6">
        <v>43</v>
      </c>
      <c r="I355" s="6">
        <v>32</v>
      </c>
      <c r="J355" s="6">
        <v>30</v>
      </c>
      <c r="K355" s="6">
        <v>10</v>
      </c>
      <c r="L355" s="6">
        <v>1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4</v>
      </c>
      <c r="E356" s="9" t="s">
        <v>228</v>
      </c>
      <c r="F356" s="9" t="s">
        <v>235</v>
      </c>
      <c r="G356" s="9" t="s">
        <v>278</v>
      </c>
      <c r="H356" s="6">
        <v>62</v>
      </c>
      <c r="I356" s="6">
        <v>45</v>
      </c>
      <c r="J356" s="6">
        <v>43</v>
      </c>
      <c r="K356" s="6">
        <v>17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4</v>
      </c>
      <c r="E357" s="9" t="s">
        <v>228</v>
      </c>
      <c r="F357" s="9" t="s">
        <v>235</v>
      </c>
      <c r="G357" s="9" t="s">
        <v>279</v>
      </c>
      <c r="H357" s="6">
        <v>47</v>
      </c>
      <c r="I357" s="6">
        <v>27</v>
      </c>
      <c r="J357" s="6">
        <v>24</v>
      </c>
      <c r="K357" s="6">
        <v>20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4</v>
      </c>
      <c r="E358" s="9" t="s">
        <v>228</v>
      </c>
      <c r="F358" s="9" t="s">
        <v>235</v>
      </c>
      <c r="G358" s="9" t="s">
        <v>280</v>
      </c>
      <c r="H358" s="6">
        <v>4257</v>
      </c>
      <c r="I358" s="6">
        <v>1025</v>
      </c>
      <c r="J358" s="6">
        <v>911</v>
      </c>
      <c r="K358" s="6">
        <v>3228</v>
      </c>
      <c r="L358" s="6">
        <v>4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4</v>
      </c>
      <c r="E359" s="9" t="s">
        <v>228</v>
      </c>
      <c r="F359" s="9" t="s">
        <v>281</v>
      </c>
      <c r="G359" s="9" t="s">
        <v>6</v>
      </c>
      <c r="H359" s="6">
        <v>3659</v>
      </c>
      <c r="I359" s="6">
        <v>891</v>
      </c>
      <c r="J359" s="6">
        <v>792</v>
      </c>
      <c r="K359" s="6">
        <v>2764</v>
      </c>
      <c r="L359" s="6">
        <v>4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4</v>
      </c>
      <c r="E360" s="9" t="s">
        <v>228</v>
      </c>
      <c r="F360" s="9" t="s">
        <v>281</v>
      </c>
      <c r="G360" s="9" t="s">
        <v>272</v>
      </c>
      <c r="H360" s="6">
        <v>13</v>
      </c>
      <c r="I360" s="6">
        <v>1</v>
      </c>
      <c r="J360" s="6">
        <v>1</v>
      </c>
      <c r="K360" s="6">
        <v>12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4</v>
      </c>
      <c r="E361" s="9" t="s">
        <v>228</v>
      </c>
      <c r="F361" s="9" t="s">
        <v>281</v>
      </c>
      <c r="G361" s="9" t="s">
        <v>273</v>
      </c>
      <c r="H361" s="6">
        <v>22</v>
      </c>
      <c r="I361" s="6">
        <v>13</v>
      </c>
      <c r="J361" s="6">
        <v>10</v>
      </c>
      <c r="K361" s="6">
        <v>9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4</v>
      </c>
      <c r="E362" s="9" t="s">
        <v>228</v>
      </c>
      <c r="F362" s="9" t="s">
        <v>281</v>
      </c>
      <c r="G362" s="9" t="s">
        <v>274</v>
      </c>
      <c r="H362" s="6">
        <v>13</v>
      </c>
      <c r="I362" s="6">
        <v>10</v>
      </c>
      <c r="J362" s="6">
        <v>8</v>
      </c>
      <c r="K362" s="6">
        <v>3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4</v>
      </c>
      <c r="E363" s="9" t="s">
        <v>228</v>
      </c>
      <c r="F363" s="9" t="s">
        <v>281</v>
      </c>
      <c r="G363" s="9" t="s">
        <v>275</v>
      </c>
      <c r="H363" s="6">
        <v>10</v>
      </c>
      <c r="I363" s="6">
        <v>8</v>
      </c>
      <c r="J363" s="6">
        <v>8</v>
      </c>
      <c r="K363" s="6">
        <v>2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4</v>
      </c>
      <c r="E364" s="9" t="s">
        <v>228</v>
      </c>
      <c r="F364" s="9" t="s">
        <v>281</v>
      </c>
      <c r="G364" s="9" t="s">
        <v>276</v>
      </c>
      <c r="H364" s="6">
        <v>17</v>
      </c>
      <c r="I364" s="6">
        <v>16</v>
      </c>
      <c r="J364" s="6">
        <v>15</v>
      </c>
      <c r="K364" s="6">
        <v>1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4</v>
      </c>
      <c r="E365" s="9" t="s">
        <v>228</v>
      </c>
      <c r="F365" s="9" t="s">
        <v>281</v>
      </c>
      <c r="G365" s="9" t="s">
        <v>277</v>
      </c>
      <c r="H365" s="6">
        <v>15</v>
      </c>
      <c r="I365" s="6">
        <v>11</v>
      </c>
      <c r="J365" s="6">
        <v>10</v>
      </c>
      <c r="K365" s="6">
        <v>3</v>
      </c>
      <c r="L365" s="6">
        <v>1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4</v>
      </c>
      <c r="E366" s="9" t="s">
        <v>228</v>
      </c>
      <c r="F366" s="9" t="s">
        <v>281</v>
      </c>
      <c r="G366" s="9" t="s">
        <v>278</v>
      </c>
      <c r="H366" s="6">
        <v>28</v>
      </c>
      <c r="I366" s="6">
        <v>19</v>
      </c>
      <c r="J366" s="6">
        <v>18</v>
      </c>
      <c r="K366" s="6">
        <v>9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4</v>
      </c>
      <c r="E367" s="9" t="s">
        <v>228</v>
      </c>
      <c r="F367" s="9" t="s">
        <v>281</v>
      </c>
      <c r="G367" s="9" t="s">
        <v>279</v>
      </c>
      <c r="H367" s="6">
        <v>25</v>
      </c>
      <c r="I367" s="6">
        <v>13</v>
      </c>
      <c r="J367" s="6">
        <v>13</v>
      </c>
      <c r="K367" s="6">
        <v>1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4</v>
      </c>
      <c r="E368" s="9" t="s">
        <v>228</v>
      </c>
      <c r="F368" s="9" t="s">
        <v>281</v>
      </c>
      <c r="G368" s="9" t="s">
        <v>280</v>
      </c>
      <c r="H368" s="6">
        <v>3516</v>
      </c>
      <c r="I368" s="6">
        <v>800</v>
      </c>
      <c r="J368" s="6">
        <v>709</v>
      </c>
      <c r="K368" s="6">
        <v>2713</v>
      </c>
      <c r="L368" s="6">
        <v>3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4</v>
      </c>
      <c r="E369" s="9" t="s">
        <v>228</v>
      </c>
      <c r="F369" s="9" t="s">
        <v>282</v>
      </c>
      <c r="G369" s="9" t="s">
        <v>6</v>
      </c>
      <c r="H369" s="6">
        <v>820</v>
      </c>
      <c r="I369" s="6">
        <v>289</v>
      </c>
      <c r="J369" s="6">
        <v>259</v>
      </c>
      <c r="K369" s="6">
        <v>530</v>
      </c>
      <c r="L369" s="6">
        <v>1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4</v>
      </c>
      <c r="E370" s="9" t="s">
        <v>228</v>
      </c>
      <c r="F370" s="9" t="s">
        <v>282</v>
      </c>
      <c r="G370" s="9" t="s">
        <v>272</v>
      </c>
      <c r="H370" s="6">
        <v>8</v>
      </c>
      <c r="I370" s="10" t="s">
        <v>55</v>
      </c>
      <c r="J370" s="10" t="s">
        <v>55</v>
      </c>
      <c r="K370" s="6">
        <v>8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4</v>
      </c>
      <c r="E371" s="9" t="s">
        <v>228</v>
      </c>
      <c r="F371" s="9" t="s">
        <v>282</v>
      </c>
      <c r="G371" s="9" t="s">
        <v>273</v>
      </c>
      <c r="H371" s="6">
        <v>16</v>
      </c>
      <c r="I371" s="6">
        <v>7</v>
      </c>
      <c r="J371" s="6">
        <v>7</v>
      </c>
      <c r="K371" s="6">
        <v>9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4</v>
      </c>
      <c r="E372" s="9" t="s">
        <v>228</v>
      </c>
      <c r="F372" s="9" t="s">
        <v>282</v>
      </c>
      <c r="G372" s="9" t="s">
        <v>274</v>
      </c>
      <c r="H372" s="6">
        <v>18</v>
      </c>
      <c r="I372" s="6">
        <v>11</v>
      </c>
      <c r="J372" s="6">
        <v>10</v>
      </c>
      <c r="K372" s="6">
        <v>7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4</v>
      </c>
      <c r="E373" s="9" t="s">
        <v>228</v>
      </c>
      <c r="F373" s="9" t="s">
        <v>282</v>
      </c>
      <c r="G373" s="9" t="s">
        <v>275</v>
      </c>
      <c r="H373" s="6">
        <v>11</v>
      </c>
      <c r="I373" s="6">
        <v>8</v>
      </c>
      <c r="J373" s="6">
        <v>8</v>
      </c>
      <c r="K373" s="6">
        <v>3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4</v>
      </c>
      <c r="E374" s="9" t="s">
        <v>228</v>
      </c>
      <c r="F374" s="9" t="s">
        <v>282</v>
      </c>
      <c r="G374" s="9" t="s">
        <v>276</v>
      </c>
      <c r="H374" s="6">
        <v>15</v>
      </c>
      <c r="I374" s="6">
        <v>11</v>
      </c>
      <c r="J374" s="6">
        <v>8</v>
      </c>
      <c r="K374" s="6">
        <v>4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4</v>
      </c>
      <c r="E375" s="9" t="s">
        <v>228</v>
      </c>
      <c r="F375" s="9" t="s">
        <v>282</v>
      </c>
      <c r="G375" s="9" t="s">
        <v>277</v>
      </c>
      <c r="H375" s="6">
        <v>23</v>
      </c>
      <c r="I375" s="6">
        <v>16</v>
      </c>
      <c r="J375" s="6">
        <v>15</v>
      </c>
      <c r="K375" s="6">
        <v>7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4</v>
      </c>
      <c r="E376" s="9" t="s">
        <v>228</v>
      </c>
      <c r="F376" s="9" t="s">
        <v>282</v>
      </c>
      <c r="G376" s="9" t="s">
        <v>278</v>
      </c>
      <c r="H376" s="6">
        <v>29</v>
      </c>
      <c r="I376" s="6">
        <v>22</v>
      </c>
      <c r="J376" s="6">
        <v>21</v>
      </c>
      <c r="K376" s="6">
        <v>7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4</v>
      </c>
      <c r="E377" s="9" t="s">
        <v>228</v>
      </c>
      <c r="F377" s="9" t="s">
        <v>282</v>
      </c>
      <c r="G377" s="9" t="s">
        <v>279</v>
      </c>
      <c r="H377" s="6">
        <v>19</v>
      </c>
      <c r="I377" s="6">
        <v>11</v>
      </c>
      <c r="J377" s="6">
        <v>8</v>
      </c>
      <c r="K377" s="6">
        <v>8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4</v>
      </c>
      <c r="E378" s="9" t="s">
        <v>228</v>
      </c>
      <c r="F378" s="9" t="s">
        <v>282</v>
      </c>
      <c r="G378" s="9" t="s">
        <v>280</v>
      </c>
      <c r="H378" s="6">
        <v>681</v>
      </c>
      <c r="I378" s="6">
        <v>203</v>
      </c>
      <c r="J378" s="6">
        <v>182</v>
      </c>
      <c r="K378" s="6">
        <v>477</v>
      </c>
      <c r="L378" s="6">
        <v>1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4</v>
      </c>
      <c r="E379" s="9" t="s">
        <v>228</v>
      </c>
      <c r="F379" s="9" t="s">
        <v>283</v>
      </c>
      <c r="G379" s="9" t="s">
        <v>6</v>
      </c>
      <c r="H379" s="6">
        <v>129</v>
      </c>
      <c r="I379" s="6">
        <v>72</v>
      </c>
      <c r="J379" s="6">
        <v>64</v>
      </c>
      <c r="K379" s="6">
        <v>56</v>
      </c>
      <c r="L379" s="6">
        <v>1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4</v>
      </c>
      <c r="E380" s="9" t="s">
        <v>228</v>
      </c>
      <c r="F380" s="9" t="s">
        <v>283</v>
      </c>
      <c r="G380" s="9" t="s">
        <v>272</v>
      </c>
      <c r="H380" s="6">
        <v>7</v>
      </c>
      <c r="I380" s="6">
        <v>4</v>
      </c>
      <c r="J380" s="6">
        <v>4</v>
      </c>
      <c r="K380" s="6">
        <v>3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4</v>
      </c>
      <c r="E381" s="9" t="s">
        <v>228</v>
      </c>
      <c r="F381" s="9" t="s">
        <v>283</v>
      </c>
      <c r="G381" s="9" t="s">
        <v>273</v>
      </c>
      <c r="H381" s="6">
        <v>10</v>
      </c>
      <c r="I381" s="6">
        <v>7</v>
      </c>
      <c r="J381" s="6">
        <v>7</v>
      </c>
      <c r="K381" s="6">
        <v>3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4</v>
      </c>
      <c r="E382" s="9" t="s">
        <v>228</v>
      </c>
      <c r="F382" s="9" t="s">
        <v>283</v>
      </c>
      <c r="G382" s="9" t="s">
        <v>274</v>
      </c>
      <c r="H382" s="6">
        <v>21</v>
      </c>
      <c r="I382" s="6">
        <v>15</v>
      </c>
      <c r="J382" s="6">
        <v>12</v>
      </c>
      <c r="K382" s="6">
        <v>6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4</v>
      </c>
      <c r="E383" s="9" t="s">
        <v>228</v>
      </c>
      <c r="F383" s="9" t="s">
        <v>283</v>
      </c>
      <c r="G383" s="9" t="s">
        <v>275</v>
      </c>
      <c r="H383" s="6">
        <v>4</v>
      </c>
      <c r="I383" s="6">
        <v>1</v>
      </c>
      <c r="J383" s="10" t="s">
        <v>55</v>
      </c>
      <c r="K383" s="6">
        <v>3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4</v>
      </c>
      <c r="E384" s="9" t="s">
        <v>228</v>
      </c>
      <c r="F384" s="9" t="s">
        <v>283</v>
      </c>
      <c r="G384" s="9" t="s">
        <v>276</v>
      </c>
      <c r="H384" s="6">
        <v>14</v>
      </c>
      <c r="I384" s="6">
        <v>11</v>
      </c>
      <c r="J384" s="6">
        <v>9</v>
      </c>
      <c r="K384" s="6">
        <v>2</v>
      </c>
      <c r="L384" s="6">
        <v>1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4</v>
      </c>
      <c r="E385" s="9" t="s">
        <v>228</v>
      </c>
      <c r="F385" s="9" t="s">
        <v>283</v>
      </c>
      <c r="G385" s="9" t="s">
        <v>277</v>
      </c>
      <c r="H385" s="6">
        <v>5</v>
      </c>
      <c r="I385" s="6">
        <v>5</v>
      </c>
      <c r="J385" s="6">
        <v>5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4</v>
      </c>
      <c r="E386" s="9" t="s">
        <v>228</v>
      </c>
      <c r="F386" s="9" t="s">
        <v>283</v>
      </c>
      <c r="G386" s="9" t="s">
        <v>278</v>
      </c>
      <c r="H386" s="6">
        <v>5</v>
      </c>
      <c r="I386" s="6">
        <v>4</v>
      </c>
      <c r="J386" s="6">
        <v>4</v>
      </c>
      <c r="K386" s="6">
        <v>1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4</v>
      </c>
      <c r="E387" s="9" t="s">
        <v>228</v>
      </c>
      <c r="F387" s="9" t="s">
        <v>283</v>
      </c>
      <c r="G387" s="9" t="s">
        <v>279</v>
      </c>
      <c r="H387" s="6">
        <v>3</v>
      </c>
      <c r="I387" s="6">
        <v>3</v>
      </c>
      <c r="J387" s="6">
        <v>3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4</v>
      </c>
      <c r="E388" s="9" t="s">
        <v>228</v>
      </c>
      <c r="F388" s="9" t="s">
        <v>283</v>
      </c>
      <c r="G388" s="9" t="s">
        <v>280</v>
      </c>
      <c r="H388" s="6">
        <v>60</v>
      </c>
      <c r="I388" s="6">
        <v>22</v>
      </c>
      <c r="J388" s="6">
        <v>20</v>
      </c>
      <c r="K388" s="6">
        <v>38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4</v>
      </c>
      <c r="E389" s="9" t="s">
        <v>18</v>
      </c>
      <c r="F389" s="9" t="s">
        <v>6</v>
      </c>
      <c r="G389" s="9" t="s">
        <v>6</v>
      </c>
      <c r="H389" s="6">
        <v>937</v>
      </c>
      <c r="I389" s="6">
        <v>22</v>
      </c>
      <c r="J389" s="6">
        <v>15</v>
      </c>
      <c r="K389" s="6">
        <v>11</v>
      </c>
      <c r="L389" s="6">
        <v>904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4</v>
      </c>
      <c r="E390" s="9" t="s">
        <v>18</v>
      </c>
      <c r="F390" s="9" t="s">
        <v>234</v>
      </c>
      <c r="G390" s="9" t="s">
        <v>6</v>
      </c>
      <c r="H390" s="6">
        <v>20</v>
      </c>
      <c r="I390" s="6">
        <v>1</v>
      </c>
      <c r="J390" s="6">
        <v>1</v>
      </c>
      <c r="K390" s="10" t="s">
        <v>55</v>
      </c>
      <c r="L390" s="6">
        <v>19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4</v>
      </c>
      <c r="E391" s="9" t="s">
        <v>18</v>
      </c>
      <c r="F391" s="9" t="s">
        <v>235</v>
      </c>
      <c r="G391" s="9" t="s">
        <v>6</v>
      </c>
      <c r="H391" s="6">
        <v>917</v>
      </c>
      <c r="I391" s="6">
        <v>21</v>
      </c>
      <c r="J391" s="6">
        <v>14</v>
      </c>
      <c r="K391" s="6">
        <v>11</v>
      </c>
      <c r="L391" s="6">
        <v>885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4</v>
      </c>
      <c r="E392" s="9" t="s">
        <v>18</v>
      </c>
      <c r="F392" s="9" t="s">
        <v>235</v>
      </c>
      <c r="G392" s="9" t="s">
        <v>272</v>
      </c>
      <c r="H392" s="6">
        <v>59</v>
      </c>
      <c r="I392" s="10" t="s">
        <v>55</v>
      </c>
      <c r="J392" s="10" t="s">
        <v>55</v>
      </c>
      <c r="K392" s="6">
        <v>1</v>
      </c>
      <c r="L392" s="6">
        <v>58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4</v>
      </c>
      <c r="E393" s="9" t="s">
        <v>18</v>
      </c>
      <c r="F393" s="9" t="s">
        <v>235</v>
      </c>
      <c r="G393" s="9" t="s">
        <v>273</v>
      </c>
      <c r="H393" s="6">
        <v>97</v>
      </c>
      <c r="I393" s="6">
        <v>3</v>
      </c>
      <c r="J393" s="6">
        <v>3</v>
      </c>
      <c r="K393" s="6">
        <v>1</v>
      </c>
      <c r="L393" s="6">
        <v>93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4</v>
      </c>
      <c r="E394" s="9" t="s">
        <v>18</v>
      </c>
      <c r="F394" s="9" t="s">
        <v>235</v>
      </c>
      <c r="G394" s="9" t="s">
        <v>274</v>
      </c>
      <c r="H394" s="6">
        <v>83</v>
      </c>
      <c r="I394" s="6">
        <v>1</v>
      </c>
      <c r="J394" s="10" t="s">
        <v>55</v>
      </c>
      <c r="K394" s="10" t="s">
        <v>55</v>
      </c>
      <c r="L394" s="6">
        <v>82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4</v>
      </c>
      <c r="E395" s="9" t="s">
        <v>18</v>
      </c>
      <c r="F395" s="9" t="s">
        <v>235</v>
      </c>
      <c r="G395" s="9" t="s">
        <v>275</v>
      </c>
      <c r="H395" s="6">
        <v>61</v>
      </c>
      <c r="I395" s="10" t="s">
        <v>55</v>
      </c>
      <c r="J395" s="10" t="s">
        <v>55</v>
      </c>
      <c r="K395" s="10" t="s">
        <v>55</v>
      </c>
      <c r="L395" s="6">
        <v>61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4</v>
      </c>
      <c r="E396" s="9" t="s">
        <v>18</v>
      </c>
      <c r="F396" s="9" t="s">
        <v>235</v>
      </c>
      <c r="G396" s="9" t="s">
        <v>276</v>
      </c>
      <c r="H396" s="6">
        <v>86</v>
      </c>
      <c r="I396" s="6">
        <v>1</v>
      </c>
      <c r="J396" s="6">
        <v>1</v>
      </c>
      <c r="K396" s="10" t="s">
        <v>55</v>
      </c>
      <c r="L396" s="6">
        <v>85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4</v>
      </c>
      <c r="E397" s="9" t="s">
        <v>18</v>
      </c>
      <c r="F397" s="9" t="s">
        <v>235</v>
      </c>
      <c r="G397" s="9" t="s">
        <v>277</v>
      </c>
      <c r="H397" s="6">
        <v>84</v>
      </c>
      <c r="I397" s="10" t="s">
        <v>55</v>
      </c>
      <c r="J397" s="10" t="s">
        <v>55</v>
      </c>
      <c r="K397" s="6">
        <v>1</v>
      </c>
      <c r="L397" s="6">
        <v>83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4</v>
      </c>
      <c r="E398" s="9" t="s">
        <v>18</v>
      </c>
      <c r="F398" s="9" t="s">
        <v>235</v>
      </c>
      <c r="G398" s="9" t="s">
        <v>278</v>
      </c>
      <c r="H398" s="6">
        <v>54</v>
      </c>
      <c r="I398" s="10" t="s">
        <v>55</v>
      </c>
      <c r="J398" s="10" t="s">
        <v>55</v>
      </c>
      <c r="K398" s="6">
        <v>1</v>
      </c>
      <c r="L398" s="6">
        <v>53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4</v>
      </c>
      <c r="E399" s="9" t="s">
        <v>18</v>
      </c>
      <c r="F399" s="9" t="s">
        <v>235</v>
      </c>
      <c r="G399" s="9" t="s">
        <v>279</v>
      </c>
      <c r="H399" s="6">
        <v>48</v>
      </c>
      <c r="I399" s="10" t="s">
        <v>55</v>
      </c>
      <c r="J399" s="10" t="s">
        <v>55</v>
      </c>
      <c r="K399" s="10" t="s">
        <v>55</v>
      </c>
      <c r="L399" s="6">
        <v>48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4</v>
      </c>
      <c r="E400" s="9" t="s">
        <v>18</v>
      </c>
      <c r="F400" s="9" t="s">
        <v>235</v>
      </c>
      <c r="G400" s="9" t="s">
        <v>280</v>
      </c>
      <c r="H400" s="6">
        <v>345</v>
      </c>
      <c r="I400" s="6">
        <v>16</v>
      </c>
      <c r="J400" s="6">
        <v>10</v>
      </c>
      <c r="K400" s="6">
        <v>7</v>
      </c>
      <c r="L400" s="6">
        <v>322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4</v>
      </c>
      <c r="E401" s="9" t="s">
        <v>18</v>
      </c>
      <c r="F401" s="9" t="s">
        <v>281</v>
      </c>
      <c r="G401" s="9" t="s">
        <v>6</v>
      </c>
      <c r="H401" s="6">
        <v>384</v>
      </c>
      <c r="I401" s="6">
        <v>11</v>
      </c>
      <c r="J401" s="6">
        <v>9</v>
      </c>
      <c r="K401" s="6">
        <v>7</v>
      </c>
      <c r="L401" s="6">
        <v>366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4</v>
      </c>
      <c r="E402" s="9" t="s">
        <v>18</v>
      </c>
      <c r="F402" s="9" t="s">
        <v>281</v>
      </c>
      <c r="G402" s="9" t="s">
        <v>272</v>
      </c>
      <c r="H402" s="6">
        <v>27</v>
      </c>
      <c r="I402" s="10" t="s">
        <v>55</v>
      </c>
      <c r="J402" s="10" t="s">
        <v>55</v>
      </c>
      <c r="K402" s="10" t="s">
        <v>55</v>
      </c>
      <c r="L402" s="6">
        <v>27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4</v>
      </c>
      <c r="E403" s="9" t="s">
        <v>18</v>
      </c>
      <c r="F403" s="9" t="s">
        <v>281</v>
      </c>
      <c r="G403" s="9" t="s">
        <v>273</v>
      </c>
      <c r="H403" s="6">
        <v>29</v>
      </c>
      <c r="I403" s="6">
        <v>1</v>
      </c>
      <c r="J403" s="6">
        <v>1</v>
      </c>
      <c r="K403" s="6">
        <v>1</v>
      </c>
      <c r="L403" s="6">
        <v>27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4</v>
      </c>
      <c r="E404" s="9" t="s">
        <v>18</v>
      </c>
      <c r="F404" s="9" t="s">
        <v>281</v>
      </c>
      <c r="G404" s="9" t="s">
        <v>274</v>
      </c>
      <c r="H404" s="6">
        <v>16</v>
      </c>
      <c r="I404" s="10" t="s">
        <v>55</v>
      </c>
      <c r="J404" s="10" t="s">
        <v>55</v>
      </c>
      <c r="K404" s="10" t="s">
        <v>55</v>
      </c>
      <c r="L404" s="6">
        <v>16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4</v>
      </c>
      <c r="E405" s="9" t="s">
        <v>18</v>
      </c>
      <c r="F405" s="9" t="s">
        <v>281</v>
      </c>
      <c r="G405" s="9" t="s">
        <v>275</v>
      </c>
      <c r="H405" s="6">
        <v>13</v>
      </c>
      <c r="I405" s="10" t="s">
        <v>55</v>
      </c>
      <c r="J405" s="10" t="s">
        <v>55</v>
      </c>
      <c r="K405" s="10" t="s">
        <v>55</v>
      </c>
      <c r="L405" s="6">
        <v>13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4</v>
      </c>
      <c r="E406" s="9" t="s">
        <v>18</v>
      </c>
      <c r="F406" s="9" t="s">
        <v>281</v>
      </c>
      <c r="G406" s="9" t="s">
        <v>276</v>
      </c>
      <c r="H406" s="6">
        <v>7</v>
      </c>
      <c r="I406" s="10" t="s">
        <v>55</v>
      </c>
      <c r="J406" s="10" t="s">
        <v>55</v>
      </c>
      <c r="K406" s="10" t="s">
        <v>55</v>
      </c>
      <c r="L406" s="6">
        <v>7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4</v>
      </c>
      <c r="E407" s="9" t="s">
        <v>18</v>
      </c>
      <c r="F407" s="9" t="s">
        <v>281</v>
      </c>
      <c r="G407" s="9" t="s">
        <v>277</v>
      </c>
      <c r="H407" s="6">
        <v>17</v>
      </c>
      <c r="I407" s="10" t="s">
        <v>55</v>
      </c>
      <c r="J407" s="10" t="s">
        <v>55</v>
      </c>
      <c r="K407" s="10" t="s">
        <v>55</v>
      </c>
      <c r="L407" s="6">
        <v>17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4</v>
      </c>
      <c r="E408" s="9" t="s">
        <v>18</v>
      </c>
      <c r="F408" s="9" t="s">
        <v>281</v>
      </c>
      <c r="G408" s="9" t="s">
        <v>278</v>
      </c>
      <c r="H408" s="6">
        <v>15</v>
      </c>
      <c r="I408" s="10" t="s">
        <v>55</v>
      </c>
      <c r="J408" s="10" t="s">
        <v>55</v>
      </c>
      <c r="K408" s="6">
        <v>1</v>
      </c>
      <c r="L408" s="6">
        <v>14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4</v>
      </c>
      <c r="E409" s="9" t="s">
        <v>18</v>
      </c>
      <c r="F409" s="9" t="s">
        <v>281</v>
      </c>
      <c r="G409" s="9" t="s">
        <v>279</v>
      </c>
      <c r="H409" s="6">
        <v>18</v>
      </c>
      <c r="I409" s="10" t="s">
        <v>55</v>
      </c>
      <c r="J409" s="10" t="s">
        <v>55</v>
      </c>
      <c r="K409" s="10" t="s">
        <v>55</v>
      </c>
      <c r="L409" s="6">
        <v>18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4</v>
      </c>
      <c r="E410" s="9" t="s">
        <v>18</v>
      </c>
      <c r="F410" s="9" t="s">
        <v>281</v>
      </c>
      <c r="G410" s="9" t="s">
        <v>280</v>
      </c>
      <c r="H410" s="6">
        <v>242</v>
      </c>
      <c r="I410" s="6">
        <v>10</v>
      </c>
      <c r="J410" s="6">
        <v>8</v>
      </c>
      <c r="K410" s="6">
        <v>5</v>
      </c>
      <c r="L410" s="6">
        <v>227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4</v>
      </c>
      <c r="E411" s="9" t="s">
        <v>18</v>
      </c>
      <c r="F411" s="9" t="s">
        <v>282</v>
      </c>
      <c r="G411" s="9" t="s">
        <v>6</v>
      </c>
      <c r="H411" s="6">
        <v>325</v>
      </c>
      <c r="I411" s="6">
        <v>9</v>
      </c>
      <c r="J411" s="6">
        <v>5</v>
      </c>
      <c r="K411" s="6">
        <v>2</v>
      </c>
      <c r="L411" s="6">
        <v>314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4</v>
      </c>
      <c r="E412" s="9" t="s">
        <v>18</v>
      </c>
      <c r="F412" s="9" t="s">
        <v>282</v>
      </c>
      <c r="G412" s="9" t="s">
        <v>272</v>
      </c>
      <c r="H412" s="6">
        <v>19</v>
      </c>
      <c r="I412" s="10" t="s">
        <v>55</v>
      </c>
      <c r="J412" s="10" t="s">
        <v>55</v>
      </c>
      <c r="K412" s="10" t="s">
        <v>55</v>
      </c>
      <c r="L412" s="6">
        <v>19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4</v>
      </c>
      <c r="E413" s="9" t="s">
        <v>18</v>
      </c>
      <c r="F413" s="9" t="s">
        <v>282</v>
      </c>
      <c r="G413" s="9" t="s">
        <v>273</v>
      </c>
      <c r="H413" s="6">
        <v>38</v>
      </c>
      <c r="I413" s="6">
        <v>2</v>
      </c>
      <c r="J413" s="6">
        <v>2</v>
      </c>
      <c r="K413" s="10" t="s">
        <v>55</v>
      </c>
      <c r="L413" s="6">
        <v>36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4</v>
      </c>
      <c r="E414" s="9" t="s">
        <v>18</v>
      </c>
      <c r="F414" s="9" t="s">
        <v>282</v>
      </c>
      <c r="G414" s="9" t="s">
        <v>274</v>
      </c>
      <c r="H414" s="6">
        <v>26</v>
      </c>
      <c r="I414" s="10" t="s">
        <v>55</v>
      </c>
      <c r="J414" s="10" t="s">
        <v>55</v>
      </c>
      <c r="K414" s="10" t="s">
        <v>55</v>
      </c>
      <c r="L414" s="6">
        <v>26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4</v>
      </c>
      <c r="E415" s="9" t="s">
        <v>18</v>
      </c>
      <c r="F415" s="9" t="s">
        <v>282</v>
      </c>
      <c r="G415" s="9" t="s">
        <v>275</v>
      </c>
      <c r="H415" s="6">
        <v>26</v>
      </c>
      <c r="I415" s="10" t="s">
        <v>55</v>
      </c>
      <c r="J415" s="10" t="s">
        <v>55</v>
      </c>
      <c r="K415" s="10" t="s">
        <v>55</v>
      </c>
      <c r="L415" s="6">
        <v>26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4</v>
      </c>
      <c r="E416" s="9" t="s">
        <v>18</v>
      </c>
      <c r="F416" s="9" t="s">
        <v>282</v>
      </c>
      <c r="G416" s="9" t="s">
        <v>276</v>
      </c>
      <c r="H416" s="6">
        <v>41</v>
      </c>
      <c r="I416" s="6">
        <v>1</v>
      </c>
      <c r="J416" s="6">
        <v>1</v>
      </c>
      <c r="K416" s="10" t="s">
        <v>55</v>
      </c>
      <c r="L416" s="6">
        <v>40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4</v>
      </c>
      <c r="E417" s="9" t="s">
        <v>18</v>
      </c>
      <c r="F417" s="9" t="s">
        <v>282</v>
      </c>
      <c r="G417" s="9" t="s">
        <v>277</v>
      </c>
      <c r="H417" s="6">
        <v>39</v>
      </c>
      <c r="I417" s="10" t="s">
        <v>55</v>
      </c>
      <c r="J417" s="10" t="s">
        <v>55</v>
      </c>
      <c r="K417" s="10" t="s">
        <v>55</v>
      </c>
      <c r="L417" s="6">
        <v>39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4</v>
      </c>
      <c r="E418" s="9" t="s">
        <v>18</v>
      </c>
      <c r="F418" s="9" t="s">
        <v>282</v>
      </c>
      <c r="G418" s="9" t="s">
        <v>278</v>
      </c>
      <c r="H418" s="6">
        <v>26</v>
      </c>
      <c r="I418" s="10" t="s">
        <v>55</v>
      </c>
      <c r="J418" s="10" t="s">
        <v>55</v>
      </c>
      <c r="K418" s="10" t="s">
        <v>55</v>
      </c>
      <c r="L418" s="6">
        <v>26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4</v>
      </c>
      <c r="E419" s="9" t="s">
        <v>18</v>
      </c>
      <c r="F419" s="9" t="s">
        <v>282</v>
      </c>
      <c r="G419" s="9" t="s">
        <v>279</v>
      </c>
      <c r="H419" s="6">
        <v>18</v>
      </c>
      <c r="I419" s="10" t="s">
        <v>55</v>
      </c>
      <c r="J419" s="10" t="s">
        <v>55</v>
      </c>
      <c r="K419" s="10" t="s">
        <v>55</v>
      </c>
      <c r="L419" s="6">
        <v>18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4</v>
      </c>
      <c r="E420" s="9" t="s">
        <v>18</v>
      </c>
      <c r="F420" s="9" t="s">
        <v>282</v>
      </c>
      <c r="G420" s="9" t="s">
        <v>280</v>
      </c>
      <c r="H420" s="6">
        <v>92</v>
      </c>
      <c r="I420" s="6">
        <v>6</v>
      </c>
      <c r="J420" s="6">
        <v>2</v>
      </c>
      <c r="K420" s="6">
        <v>2</v>
      </c>
      <c r="L420" s="6">
        <v>84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4</v>
      </c>
      <c r="E421" s="9" t="s">
        <v>18</v>
      </c>
      <c r="F421" s="9" t="s">
        <v>283</v>
      </c>
      <c r="G421" s="9" t="s">
        <v>6</v>
      </c>
      <c r="H421" s="6">
        <v>208</v>
      </c>
      <c r="I421" s="6">
        <v>1</v>
      </c>
      <c r="J421" s="10" t="s">
        <v>55</v>
      </c>
      <c r="K421" s="6">
        <v>2</v>
      </c>
      <c r="L421" s="6">
        <v>205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4</v>
      </c>
      <c r="E422" s="9" t="s">
        <v>18</v>
      </c>
      <c r="F422" s="9" t="s">
        <v>283</v>
      </c>
      <c r="G422" s="9" t="s">
        <v>272</v>
      </c>
      <c r="H422" s="6">
        <v>13</v>
      </c>
      <c r="I422" s="10" t="s">
        <v>55</v>
      </c>
      <c r="J422" s="10" t="s">
        <v>55</v>
      </c>
      <c r="K422" s="6">
        <v>1</v>
      </c>
      <c r="L422" s="6">
        <v>12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4</v>
      </c>
      <c r="E423" s="9" t="s">
        <v>18</v>
      </c>
      <c r="F423" s="9" t="s">
        <v>283</v>
      </c>
      <c r="G423" s="9" t="s">
        <v>273</v>
      </c>
      <c r="H423" s="6">
        <v>30</v>
      </c>
      <c r="I423" s="10" t="s">
        <v>55</v>
      </c>
      <c r="J423" s="10" t="s">
        <v>55</v>
      </c>
      <c r="K423" s="10" t="s">
        <v>55</v>
      </c>
      <c r="L423" s="6">
        <v>30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4</v>
      </c>
      <c r="E424" s="9" t="s">
        <v>18</v>
      </c>
      <c r="F424" s="9" t="s">
        <v>283</v>
      </c>
      <c r="G424" s="9" t="s">
        <v>274</v>
      </c>
      <c r="H424" s="6">
        <v>41</v>
      </c>
      <c r="I424" s="6">
        <v>1</v>
      </c>
      <c r="J424" s="10" t="s">
        <v>55</v>
      </c>
      <c r="K424" s="10" t="s">
        <v>55</v>
      </c>
      <c r="L424" s="6">
        <v>40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4</v>
      </c>
      <c r="E425" s="9" t="s">
        <v>18</v>
      </c>
      <c r="F425" s="9" t="s">
        <v>283</v>
      </c>
      <c r="G425" s="9" t="s">
        <v>275</v>
      </c>
      <c r="H425" s="6">
        <v>22</v>
      </c>
      <c r="I425" s="10" t="s">
        <v>55</v>
      </c>
      <c r="J425" s="10" t="s">
        <v>55</v>
      </c>
      <c r="K425" s="10" t="s">
        <v>55</v>
      </c>
      <c r="L425" s="6">
        <v>22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4</v>
      </c>
      <c r="E426" s="9" t="s">
        <v>18</v>
      </c>
      <c r="F426" s="9" t="s">
        <v>283</v>
      </c>
      <c r="G426" s="9" t="s">
        <v>276</v>
      </c>
      <c r="H426" s="6">
        <v>38</v>
      </c>
      <c r="I426" s="10" t="s">
        <v>55</v>
      </c>
      <c r="J426" s="10" t="s">
        <v>55</v>
      </c>
      <c r="K426" s="10" t="s">
        <v>55</v>
      </c>
      <c r="L426" s="6">
        <v>38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4</v>
      </c>
      <c r="E427" s="9" t="s">
        <v>18</v>
      </c>
      <c r="F427" s="9" t="s">
        <v>283</v>
      </c>
      <c r="G427" s="9" t="s">
        <v>277</v>
      </c>
      <c r="H427" s="6">
        <v>28</v>
      </c>
      <c r="I427" s="10" t="s">
        <v>55</v>
      </c>
      <c r="J427" s="10" t="s">
        <v>55</v>
      </c>
      <c r="K427" s="6">
        <v>1</v>
      </c>
      <c r="L427" s="6">
        <v>27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4</v>
      </c>
      <c r="E428" s="9" t="s">
        <v>18</v>
      </c>
      <c r="F428" s="9" t="s">
        <v>283</v>
      </c>
      <c r="G428" s="9" t="s">
        <v>278</v>
      </c>
      <c r="H428" s="6">
        <v>13</v>
      </c>
      <c r="I428" s="10" t="s">
        <v>55</v>
      </c>
      <c r="J428" s="10" t="s">
        <v>55</v>
      </c>
      <c r="K428" s="10" t="s">
        <v>55</v>
      </c>
      <c r="L428" s="6">
        <v>13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4</v>
      </c>
      <c r="E429" s="9" t="s">
        <v>18</v>
      </c>
      <c r="F429" s="9" t="s">
        <v>283</v>
      </c>
      <c r="G429" s="9" t="s">
        <v>279</v>
      </c>
      <c r="H429" s="6">
        <v>12</v>
      </c>
      <c r="I429" s="10" t="s">
        <v>55</v>
      </c>
      <c r="J429" s="10" t="s">
        <v>55</v>
      </c>
      <c r="K429" s="10" t="s">
        <v>55</v>
      </c>
      <c r="L429" s="6">
        <v>12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4</v>
      </c>
      <c r="E430" s="9" t="s">
        <v>18</v>
      </c>
      <c r="F430" s="9" t="s">
        <v>283</v>
      </c>
      <c r="G430" s="9" t="s">
        <v>280</v>
      </c>
      <c r="H430" s="6">
        <v>11</v>
      </c>
      <c r="I430" s="10" t="s">
        <v>55</v>
      </c>
      <c r="J430" s="10" t="s">
        <v>55</v>
      </c>
      <c r="K430" s="10" t="s">
        <v>55</v>
      </c>
      <c r="L430" s="6">
        <v>11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4</v>
      </c>
      <c r="E431" s="9" t="s">
        <v>6</v>
      </c>
      <c r="F431" s="9" t="s">
        <v>6</v>
      </c>
      <c r="G431" s="9" t="s">
        <v>6</v>
      </c>
      <c r="H431" s="6">
        <v>3501</v>
      </c>
      <c r="I431" s="6">
        <v>2644</v>
      </c>
      <c r="J431" s="6">
        <v>1878</v>
      </c>
      <c r="K431" s="6">
        <v>746</v>
      </c>
      <c r="L431" s="6">
        <v>111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4</v>
      </c>
      <c r="E432" s="9" t="s">
        <v>6</v>
      </c>
      <c r="F432" s="9" t="s">
        <v>234</v>
      </c>
      <c r="G432" s="9" t="s">
        <v>6</v>
      </c>
      <c r="H432" s="6">
        <v>138</v>
      </c>
      <c r="I432" s="6">
        <v>119</v>
      </c>
      <c r="J432" s="6">
        <v>70</v>
      </c>
      <c r="K432" s="6">
        <v>17</v>
      </c>
      <c r="L432" s="6">
        <v>2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4</v>
      </c>
      <c r="E433" s="9" t="s">
        <v>6</v>
      </c>
      <c r="F433" s="9" t="s">
        <v>235</v>
      </c>
      <c r="G433" s="9" t="s">
        <v>6</v>
      </c>
      <c r="H433" s="6">
        <v>3363</v>
      </c>
      <c r="I433" s="6">
        <v>2525</v>
      </c>
      <c r="J433" s="6">
        <v>1808</v>
      </c>
      <c r="K433" s="6">
        <v>729</v>
      </c>
      <c r="L433" s="6">
        <v>109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4</v>
      </c>
      <c r="E434" s="9" t="s">
        <v>6</v>
      </c>
      <c r="F434" s="9" t="s">
        <v>235</v>
      </c>
      <c r="G434" s="9" t="s">
        <v>272</v>
      </c>
      <c r="H434" s="6">
        <v>92</v>
      </c>
      <c r="I434" s="6">
        <v>47</v>
      </c>
      <c r="J434" s="6">
        <v>37</v>
      </c>
      <c r="K434" s="6">
        <v>39</v>
      </c>
      <c r="L434" s="6">
        <v>6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4</v>
      </c>
      <c r="E435" s="9" t="s">
        <v>6</v>
      </c>
      <c r="F435" s="9" t="s">
        <v>235</v>
      </c>
      <c r="G435" s="9" t="s">
        <v>273</v>
      </c>
      <c r="H435" s="6">
        <v>234</v>
      </c>
      <c r="I435" s="6">
        <v>189</v>
      </c>
      <c r="J435" s="6">
        <v>152</v>
      </c>
      <c r="K435" s="6">
        <v>37</v>
      </c>
      <c r="L435" s="6">
        <v>8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4</v>
      </c>
      <c r="E436" s="9" t="s">
        <v>6</v>
      </c>
      <c r="F436" s="9" t="s">
        <v>235</v>
      </c>
      <c r="G436" s="9" t="s">
        <v>274</v>
      </c>
      <c r="H436" s="6">
        <v>269</v>
      </c>
      <c r="I436" s="6">
        <v>231</v>
      </c>
      <c r="J436" s="6">
        <v>183</v>
      </c>
      <c r="K436" s="6">
        <v>26</v>
      </c>
      <c r="L436" s="6">
        <v>12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4</v>
      </c>
      <c r="E437" s="9" t="s">
        <v>6</v>
      </c>
      <c r="F437" s="9" t="s">
        <v>235</v>
      </c>
      <c r="G437" s="9" t="s">
        <v>275</v>
      </c>
      <c r="H437" s="6">
        <v>254</v>
      </c>
      <c r="I437" s="6">
        <v>225</v>
      </c>
      <c r="J437" s="6">
        <v>190</v>
      </c>
      <c r="K437" s="6">
        <v>24</v>
      </c>
      <c r="L437" s="6">
        <v>5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4</v>
      </c>
      <c r="E438" s="9" t="s">
        <v>6</v>
      </c>
      <c r="F438" s="9" t="s">
        <v>235</v>
      </c>
      <c r="G438" s="9" t="s">
        <v>276</v>
      </c>
      <c r="H438" s="6">
        <v>272</v>
      </c>
      <c r="I438" s="6">
        <v>240</v>
      </c>
      <c r="J438" s="6">
        <v>185</v>
      </c>
      <c r="K438" s="6">
        <v>20</v>
      </c>
      <c r="L438" s="6">
        <v>12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4</v>
      </c>
      <c r="E439" s="9" t="s">
        <v>6</v>
      </c>
      <c r="F439" s="9" t="s">
        <v>235</v>
      </c>
      <c r="G439" s="9" t="s">
        <v>277</v>
      </c>
      <c r="H439" s="6">
        <v>255</v>
      </c>
      <c r="I439" s="6">
        <v>222</v>
      </c>
      <c r="J439" s="6">
        <v>176</v>
      </c>
      <c r="K439" s="6">
        <v>20</v>
      </c>
      <c r="L439" s="6">
        <v>13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4</v>
      </c>
      <c r="E440" s="9" t="s">
        <v>6</v>
      </c>
      <c r="F440" s="9" t="s">
        <v>235</v>
      </c>
      <c r="G440" s="9" t="s">
        <v>278</v>
      </c>
      <c r="H440" s="6">
        <v>243</v>
      </c>
      <c r="I440" s="6">
        <v>212</v>
      </c>
      <c r="J440" s="6">
        <v>159</v>
      </c>
      <c r="K440" s="6">
        <v>20</v>
      </c>
      <c r="L440" s="6">
        <v>11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4</v>
      </c>
      <c r="E441" s="9" t="s">
        <v>6</v>
      </c>
      <c r="F441" s="9" t="s">
        <v>235</v>
      </c>
      <c r="G441" s="9" t="s">
        <v>279</v>
      </c>
      <c r="H441" s="6">
        <v>156</v>
      </c>
      <c r="I441" s="6">
        <v>135</v>
      </c>
      <c r="J441" s="6">
        <v>91</v>
      </c>
      <c r="K441" s="6">
        <v>14</v>
      </c>
      <c r="L441" s="6">
        <v>7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4</v>
      </c>
      <c r="E442" s="9" t="s">
        <v>6</v>
      </c>
      <c r="F442" s="9" t="s">
        <v>235</v>
      </c>
      <c r="G442" s="9" t="s">
        <v>280</v>
      </c>
      <c r="H442" s="6">
        <v>1588</v>
      </c>
      <c r="I442" s="6">
        <v>1024</v>
      </c>
      <c r="J442" s="6">
        <v>635</v>
      </c>
      <c r="K442" s="6">
        <v>529</v>
      </c>
      <c r="L442" s="6">
        <v>35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4</v>
      </c>
      <c r="E443" s="9" t="s">
        <v>6</v>
      </c>
      <c r="F443" s="9" t="s">
        <v>281</v>
      </c>
      <c r="G443" s="9" t="s">
        <v>6</v>
      </c>
      <c r="H443" s="6">
        <v>1660</v>
      </c>
      <c r="I443" s="6">
        <v>1140</v>
      </c>
      <c r="J443" s="6">
        <v>774</v>
      </c>
      <c r="K443" s="6">
        <v>474</v>
      </c>
      <c r="L443" s="6">
        <v>46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4</v>
      </c>
      <c r="E444" s="9" t="s">
        <v>6</v>
      </c>
      <c r="F444" s="9" t="s">
        <v>281</v>
      </c>
      <c r="G444" s="9" t="s">
        <v>272</v>
      </c>
      <c r="H444" s="6">
        <v>23</v>
      </c>
      <c r="I444" s="6">
        <v>9</v>
      </c>
      <c r="J444" s="6">
        <v>8</v>
      </c>
      <c r="K444" s="6">
        <v>13</v>
      </c>
      <c r="L444" s="6">
        <v>1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4</v>
      </c>
      <c r="E445" s="9" t="s">
        <v>6</v>
      </c>
      <c r="F445" s="9" t="s">
        <v>281</v>
      </c>
      <c r="G445" s="9" t="s">
        <v>273</v>
      </c>
      <c r="H445" s="6">
        <v>54</v>
      </c>
      <c r="I445" s="6">
        <v>40</v>
      </c>
      <c r="J445" s="6">
        <v>32</v>
      </c>
      <c r="K445" s="6">
        <v>13</v>
      </c>
      <c r="L445" s="6">
        <v>1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4</v>
      </c>
      <c r="E446" s="9" t="s">
        <v>6</v>
      </c>
      <c r="F446" s="9" t="s">
        <v>281</v>
      </c>
      <c r="G446" s="9" t="s">
        <v>274</v>
      </c>
      <c r="H446" s="6">
        <v>59</v>
      </c>
      <c r="I446" s="6">
        <v>51</v>
      </c>
      <c r="J446" s="6">
        <v>42</v>
      </c>
      <c r="K446" s="6">
        <v>4</v>
      </c>
      <c r="L446" s="6">
        <v>4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4</v>
      </c>
      <c r="E447" s="9" t="s">
        <v>6</v>
      </c>
      <c r="F447" s="9" t="s">
        <v>281</v>
      </c>
      <c r="G447" s="9" t="s">
        <v>275</v>
      </c>
      <c r="H447" s="6">
        <v>44</v>
      </c>
      <c r="I447" s="6">
        <v>35</v>
      </c>
      <c r="J447" s="6">
        <v>31</v>
      </c>
      <c r="K447" s="6">
        <v>7</v>
      </c>
      <c r="L447" s="6">
        <v>2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4</v>
      </c>
      <c r="E448" s="9" t="s">
        <v>6</v>
      </c>
      <c r="F448" s="9" t="s">
        <v>281</v>
      </c>
      <c r="G448" s="9" t="s">
        <v>276</v>
      </c>
      <c r="H448" s="6">
        <v>38</v>
      </c>
      <c r="I448" s="6">
        <v>33</v>
      </c>
      <c r="J448" s="6">
        <v>28</v>
      </c>
      <c r="K448" s="6">
        <v>3</v>
      </c>
      <c r="L448" s="6">
        <v>2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4</v>
      </c>
      <c r="E449" s="9" t="s">
        <v>6</v>
      </c>
      <c r="F449" s="9" t="s">
        <v>281</v>
      </c>
      <c r="G449" s="9" t="s">
        <v>277</v>
      </c>
      <c r="H449" s="6">
        <v>61</v>
      </c>
      <c r="I449" s="6">
        <v>55</v>
      </c>
      <c r="J449" s="6">
        <v>46</v>
      </c>
      <c r="K449" s="6">
        <v>5</v>
      </c>
      <c r="L449" s="6">
        <v>1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4</v>
      </c>
      <c r="E450" s="9" t="s">
        <v>6</v>
      </c>
      <c r="F450" s="9" t="s">
        <v>281</v>
      </c>
      <c r="G450" s="9" t="s">
        <v>278</v>
      </c>
      <c r="H450" s="6">
        <v>95</v>
      </c>
      <c r="I450" s="6">
        <v>82</v>
      </c>
      <c r="J450" s="6">
        <v>63</v>
      </c>
      <c r="K450" s="6">
        <v>8</v>
      </c>
      <c r="L450" s="6">
        <v>5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4</v>
      </c>
      <c r="E451" s="9" t="s">
        <v>6</v>
      </c>
      <c r="F451" s="9" t="s">
        <v>281</v>
      </c>
      <c r="G451" s="9" t="s">
        <v>279</v>
      </c>
      <c r="H451" s="6">
        <v>78</v>
      </c>
      <c r="I451" s="6">
        <v>69</v>
      </c>
      <c r="J451" s="6">
        <v>45</v>
      </c>
      <c r="K451" s="6">
        <v>6</v>
      </c>
      <c r="L451" s="6">
        <v>3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4</v>
      </c>
      <c r="E452" s="9" t="s">
        <v>6</v>
      </c>
      <c r="F452" s="9" t="s">
        <v>281</v>
      </c>
      <c r="G452" s="9" t="s">
        <v>280</v>
      </c>
      <c r="H452" s="6">
        <v>1208</v>
      </c>
      <c r="I452" s="6">
        <v>766</v>
      </c>
      <c r="J452" s="6">
        <v>479</v>
      </c>
      <c r="K452" s="6">
        <v>415</v>
      </c>
      <c r="L452" s="6">
        <v>27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4</v>
      </c>
      <c r="E453" s="9" t="s">
        <v>6</v>
      </c>
      <c r="F453" s="9" t="s">
        <v>282</v>
      </c>
      <c r="G453" s="9" t="s">
        <v>6</v>
      </c>
      <c r="H453" s="6">
        <v>1137</v>
      </c>
      <c r="I453" s="6">
        <v>907</v>
      </c>
      <c r="J453" s="6">
        <v>688</v>
      </c>
      <c r="K453" s="6">
        <v>195</v>
      </c>
      <c r="L453" s="6">
        <v>35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4</v>
      </c>
      <c r="E454" s="9" t="s">
        <v>6</v>
      </c>
      <c r="F454" s="9" t="s">
        <v>282</v>
      </c>
      <c r="G454" s="9" t="s">
        <v>272</v>
      </c>
      <c r="H454" s="6">
        <v>40</v>
      </c>
      <c r="I454" s="6">
        <v>20</v>
      </c>
      <c r="J454" s="6">
        <v>13</v>
      </c>
      <c r="K454" s="6">
        <v>18</v>
      </c>
      <c r="L454" s="6">
        <v>2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4</v>
      </c>
      <c r="E455" s="9" t="s">
        <v>6</v>
      </c>
      <c r="F455" s="9" t="s">
        <v>282</v>
      </c>
      <c r="G455" s="9" t="s">
        <v>273</v>
      </c>
      <c r="H455" s="6">
        <v>102</v>
      </c>
      <c r="I455" s="6">
        <v>85</v>
      </c>
      <c r="J455" s="6">
        <v>69</v>
      </c>
      <c r="K455" s="6">
        <v>12</v>
      </c>
      <c r="L455" s="6">
        <v>5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4</v>
      </c>
      <c r="E456" s="9" t="s">
        <v>6</v>
      </c>
      <c r="F456" s="9" t="s">
        <v>282</v>
      </c>
      <c r="G456" s="9" t="s">
        <v>274</v>
      </c>
      <c r="H456" s="6">
        <v>115</v>
      </c>
      <c r="I456" s="6">
        <v>98</v>
      </c>
      <c r="J456" s="6">
        <v>82</v>
      </c>
      <c r="K456" s="6">
        <v>13</v>
      </c>
      <c r="L456" s="6">
        <v>4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4</v>
      </c>
      <c r="E457" s="9" t="s">
        <v>6</v>
      </c>
      <c r="F457" s="9" t="s">
        <v>282</v>
      </c>
      <c r="G457" s="9" t="s">
        <v>275</v>
      </c>
      <c r="H457" s="6">
        <v>114</v>
      </c>
      <c r="I457" s="6">
        <v>103</v>
      </c>
      <c r="J457" s="6">
        <v>89</v>
      </c>
      <c r="K457" s="6">
        <v>10</v>
      </c>
      <c r="L457" s="6">
        <v>1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4</v>
      </c>
      <c r="E458" s="9" t="s">
        <v>6</v>
      </c>
      <c r="F458" s="9" t="s">
        <v>282</v>
      </c>
      <c r="G458" s="9" t="s">
        <v>276</v>
      </c>
      <c r="H458" s="6">
        <v>137</v>
      </c>
      <c r="I458" s="6">
        <v>121</v>
      </c>
      <c r="J458" s="6">
        <v>93</v>
      </c>
      <c r="K458" s="6">
        <v>11</v>
      </c>
      <c r="L458" s="6">
        <v>5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4</v>
      </c>
      <c r="E459" s="9" t="s">
        <v>6</v>
      </c>
      <c r="F459" s="9" t="s">
        <v>282</v>
      </c>
      <c r="G459" s="9" t="s">
        <v>277</v>
      </c>
      <c r="H459" s="6">
        <v>128</v>
      </c>
      <c r="I459" s="6">
        <v>112</v>
      </c>
      <c r="J459" s="6">
        <v>92</v>
      </c>
      <c r="K459" s="6">
        <v>12</v>
      </c>
      <c r="L459" s="6">
        <v>4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4</v>
      </c>
      <c r="E460" s="9" t="s">
        <v>6</v>
      </c>
      <c r="F460" s="9" t="s">
        <v>282</v>
      </c>
      <c r="G460" s="9" t="s">
        <v>278</v>
      </c>
      <c r="H460" s="6">
        <v>117</v>
      </c>
      <c r="I460" s="6">
        <v>104</v>
      </c>
      <c r="J460" s="6">
        <v>79</v>
      </c>
      <c r="K460" s="6">
        <v>9</v>
      </c>
      <c r="L460" s="6">
        <v>4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4</v>
      </c>
      <c r="E461" s="9" t="s">
        <v>6</v>
      </c>
      <c r="F461" s="9" t="s">
        <v>282</v>
      </c>
      <c r="G461" s="9" t="s">
        <v>279</v>
      </c>
      <c r="H461" s="6">
        <v>61</v>
      </c>
      <c r="I461" s="6">
        <v>52</v>
      </c>
      <c r="J461" s="6">
        <v>37</v>
      </c>
      <c r="K461" s="6">
        <v>6</v>
      </c>
      <c r="L461" s="6">
        <v>3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4</v>
      </c>
      <c r="E462" s="9" t="s">
        <v>6</v>
      </c>
      <c r="F462" s="9" t="s">
        <v>282</v>
      </c>
      <c r="G462" s="9" t="s">
        <v>280</v>
      </c>
      <c r="H462" s="6">
        <v>323</v>
      </c>
      <c r="I462" s="6">
        <v>212</v>
      </c>
      <c r="J462" s="6">
        <v>134</v>
      </c>
      <c r="K462" s="6">
        <v>104</v>
      </c>
      <c r="L462" s="6">
        <v>7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4</v>
      </c>
      <c r="E463" s="9" t="s">
        <v>6</v>
      </c>
      <c r="F463" s="9" t="s">
        <v>283</v>
      </c>
      <c r="G463" s="9" t="s">
        <v>6</v>
      </c>
      <c r="H463" s="6">
        <v>566</v>
      </c>
      <c r="I463" s="6">
        <v>478</v>
      </c>
      <c r="J463" s="6">
        <v>346</v>
      </c>
      <c r="K463" s="6">
        <v>60</v>
      </c>
      <c r="L463" s="6">
        <v>28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4</v>
      </c>
      <c r="E464" s="9" t="s">
        <v>6</v>
      </c>
      <c r="F464" s="9" t="s">
        <v>283</v>
      </c>
      <c r="G464" s="9" t="s">
        <v>272</v>
      </c>
      <c r="H464" s="6">
        <v>29</v>
      </c>
      <c r="I464" s="6">
        <v>18</v>
      </c>
      <c r="J464" s="6">
        <v>16</v>
      </c>
      <c r="K464" s="6">
        <v>8</v>
      </c>
      <c r="L464" s="6">
        <v>3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4</v>
      </c>
      <c r="E465" s="9" t="s">
        <v>6</v>
      </c>
      <c r="F465" s="9" t="s">
        <v>283</v>
      </c>
      <c r="G465" s="9" t="s">
        <v>273</v>
      </c>
      <c r="H465" s="6">
        <v>78</v>
      </c>
      <c r="I465" s="6">
        <v>64</v>
      </c>
      <c r="J465" s="6">
        <v>51</v>
      </c>
      <c r="K465" s="6">
        <v>12</v>
      </c>
      <c r="L465" s="6">
        <v>2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4</v>
      </c>
      <c r="E466" s="9" t="s">
        <v>6</v>
      </c>
      <c r="F466" s="9" t="s">
        <v>283</v>
      </c>
      <c r="G466" s="9" t="s">
        <v>274</v>
      </c>
      <c r="H466" s="6">
        <v>95</v>
      </c>
      <c r="I466" s="6">
        <v>82</v>
      </c>
      <c r="J466" s="6">
        <v>59</v>
      </c>
      <c r="K466" s="6">
        <v>9</v>
      </c>
      <c r="L466" s="6">
        <v>4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4</v>
      </c>
      <c r="E467" s="9" t="s">
        <v>6</v>
      </c>
      <c r="F467" s="9" t="s">
        <v>283</v>
      </c>
      <c r="G467" s="9" t="s">
        <v>275</v>
      </c>
      <c r="H467" s="6">
        <v>96</v>
      </c>
      <c r="I467" s="6">
        <v>87</v>
      </c>
      <c r="J467" s="6">
        <v>70</v>
      </c>
      <c r="K467" s="6">
        <v>7</v>
      </c>
      <c r="L467" s="6">
        <v>2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4</v>
      </c>
      <c r="E468" s="9" t="s">
        <v>6</v>
      </c>
      <c r="F468" s="9" t="s">
        <v>283</v>
      </c>
      <c r="G468" s="9" t="s">
        <v>276</v>
      </c>
      <c r="H468" s="6">
        <v>97</v>
      </c>
      <c r="I468" s="6">
        <v>86</v>
      </c>
      <c r="J468" s="6">
        <v>64</v>
      </c>
      <c r="K468" s="6">
        <v>6</v>
      </c>
      <c r="L468" s="6">
        <v>5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4</v>
      </c>
      <c r="E469" s="9" t="s">
        <v>6</v>
      </c>
      <c r="F469" s="9" t="s">
        <v>283</v>
      </c>
      <c r="G469" s="9" t="s">
        <v>277</v>
      </c>
      <c r="H469" s="6">
        <v>66</v>
      </c>
      <c r="I469" s="6">
        <v>55</v>
      </c>
      <c r="J469" s="6">
        <v>38</v>
      </c>
      <c r="K469" s="6">
        <v>3</v>
      </c>
      <c r="L469" s="6">
        <v>8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4</v>
      </c>
      <c r="E470" s="9" t="s">
        <v>6</v>
      </c>
      <c r="F470" s="9" t="s">
        <v>283</v>
      </c>
      <c r="G470" s="9" t="s">
        <v>278</v>
      </c>
      <c r="H470" s="6">
        <v>31</v>
      </c>
      <c r="I470" s="6">
        <v>26</v>
      </c>
      <c r="J470" s="6">
        <v>17</v>
      </c>
      <c r="K470" s="6">
        <v>3</v>
      </c>
      <c r="L470" s="6">
        <v>2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4</v>
      </c>
      <c r="E471" s="9" t="s">
        <v>6</v>
      </c>
      <c r="F471" s="9" t="s">
        <v>283</v>
      </c>
      <c r="G471" s="9" t="s">
        <v>279</v>
      </c>
      <c r="H471" s="6">
        <v>17</v>
      </c>
      <c r="I471" s="6">
        <v>14</v>
      </c>
      <c r="J471" s="6">
        <v>9</v>
      </c>
      <c r="K471" s="6">
        <v>2</v>
      </c>
      <c r="L471" s="6">
        <v>1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4</v>
      </c>
      <c r="E472" s="9" t="s">
        <v>6</v>
      </c>
      <c r="F472" s="9" t="s">
        <v>283</v>
      </c>
      <c r="G472" s="9" t="s">
        <v>280</v>
      </c>
      <c r="H472" s="6">
        <v>57</v>
      </c>
      <c r="I472" s="6">
        <v>46</v>
      </c>
      <c r="J472" s="6">
        <v>22</v>
      </c>
      <c r="K472" s="6">
        <v>10</v>
      </c>
      <c r="L472" s="6">
        <v>1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4</v>
      </c>
      <c r="E473" s="9" t="s">
        <v>226</v>
      </c>
      <c r="F473" s="9" t="s">
        <v>6</v>
      </c>
      <c r="G473" s="9" t="s">
        <v>6</v>
      </c>
      <c r="H473" s="6">
        <v>2951</v>
      </c>
      <c r="I473" s="6">
        <v>2516</v>
      </c>
      <c r="J473" s="6">
        <v>1765</v>
      </c>
      <c r="K473" s="6">
        <v>434</v>
      </c>
      <c r="L473" s="6">
        <v>1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4</v>
      </c>
      <c r="E474" s="9" t="s">
        <v>226</v>
      </c>
      <c r="F474" s="9" t="s">
        <v>234</v>
      </c>
      <c r="G474" s="9" t="s">
        <v>6</v>
      </c>
      <c r="H474" s="6">
        <v>132</v>
      </c>
      <c r="I474" s="6">
        <v>117</v>
      </c>
      <c r="J474" s="6">
        <v>68</v>
      </c>
      <c r="K474" s="6">
        <v>15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4</v>
      </c>
      <c r="E475" s="9" t="s">
        <v>226</v>
      </c>
      <c r="F475" s="9" t="s">
        <v>235</v>
      </c>
      <c r="G475" s="9" t="s">
        <v>6</v>
      </c>
      <c r="H475" s="6">
        <v>2819</v>
      </c>
      <c r="I475" s="6">
        <v>2399</v>
      </c>
      <c r="J475" s="6">
        <v>1697</v>
      </c>
      <c r="K475" s="6">
        <v>419</v>
      </c>
      <c r="L475" s="6">
        <v>1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4</v>
      </c>
      <c r="E476" s="9" t="s">
        <v>226</v>
      </c>
      <c r="F476" s="9" t="s">
        <v>235</v>
      </c>
      <c r="G476" s="9" t="s">
        <v>272</v>
      </c>
      <c r="H476" s="6">
        <v>85</v>
      </c>
      <c r="I476" s="6">
        <v>47</v>
      </c>
      <c r="J476" s="6">
        <v>37</v>
      </c>
      <c r="K476" s="6">
        <v>38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4</v>
      </c>
      <c r="E477" s="9" t="s">
        <v>226</v>
      </c>
      <c r="F477" s="9" t="s">
        <v>235</v>
      </c>
      <c r="G477" s="9" t="s">
        <v>273</v>
      </c>
      <c r="H477" s="6">
        <v>218</v>
      </c>
      <c r="I477" s="6">
        <v>186</v>
      </c>
      <c r="J477" s="6">
        <v>149</v>
      </c>
      <c r="K477" s="6">
        <v>32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4</v>
      </c>
      <c r="E478" s="9" t="s">
        <v>226</v>
      </c>
      <c r="F478" s="9" t="s">
        <v>235</v>
      </c>
      <c r="G478" s="9" t="s">
        <v>274</v>
      </c>
      <c r="H478" s="6">
        <v>249</v>
      </c>
      <c r="I478" s="6">
        <v>225</v>
      </c>
      <c r="J478" s="6">
        <v>179</v>
      </c>
      <c r="K478" s="6">
        <v>24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4</v>
      </c>
      <c r="E479" s="9" t="s">
        <v>226</v>
      </c>
      <c r="F479" s="9" t="s">
        <v>235</v>
      </c>
      <c r="G479" s="9" t="s">
        <v>275</v>
      </c>
      <c r="H479" s="6">
        <v>248</v>
      </c>
      <c r="I479" s="6">
        <v>224</v>
      </c>
      <c r="J479" s="6">
        <v>189</v>
      </c>
      <c r="K479" s="6">
        <v>24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4</v>
      </c>
      <c r="E480" s="9" t="s">
        <v>226</v>
      </c>
      <c r="F480" s="9" t="s">
        <v>235</v>
      </c>
      <c r="G480" s="9" t="s">
        <v>276</v>
      </c>
      <c r="H480" s="6">
        <v>260</v>
      </c>
      <c r="I480" s="6">
        <v>239</v>
      </c>
      <c r="J480" s="6">
        <v>185</v>
      </c>
      <c r="K480" s="6">
        <v>20</v>
      </c>
      <c r="L480" s="6">
        <v>1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4</v>
      </c>
      <c r="E481" s="9" t="s">
        <v>226</v>
      </c>
      <c r="F481" s="9" t="s">
        <v>235</v>
      </c>
      <c r="G481" s="9" t="s">
        <v>277</v>
      </c>
      <c r="H481" s="6">
        <v>240</v>
      </c>
      <c r="I481" s="6">
        <v>221</v>
      </c>
      <c r="J481" s="6">
        <v>175</v>
      </c>
      <c r="K481" s="6">
        <v>19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4</v>
      </c>
      <c r="E482" s="9" t="s">
        <v>226</v>
      </c>
      <c r="F482" s="9" t="s">
        <v>235</v>
      </c>
      <c r="G482" s="9" t="s">
        <v>278</v>
      </c>
      <c r="H482" s="6">
        <v>227</v>
      </c>
      <c r="I482" s="6">
        <v>208</v>
      </c>
      <c r="J482" s="6">
        <v>155</v>
      </c>
      <c r="K482" s="6">
        <v>19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4</v>
      </c>
      <c r="E483" s="9" t="s">
        <v>226</v>
      </c>
      <c r="F483" s="9" t="s">
        <v>235</v>
      </c>
      <c r="G483" s="9" t="s">
        <v>279</v>
      </c>
      <c r="H483" s="6">
        <v>143</v>
      </c>
      <c r="I483" s="6">
        <v>131</v>
      </c>
      <c r="J483" s="6">
        <v>87</v>
      </c>
      <c r="K483" s="6">
        <v>12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4</v>
      </c>
      <c r="E484" s="9" t="s">
        <v>226</v>
      </c>
      <c r="F484" s="9" t="s">
        <v>235</v>
      </c>
      <c r="G484" s="9" t="s">
        <v>280</v>
      </c>
      <c r="H484" s="6">
        <v>1149</v>
      </c>
      <c r="I484" s="6">
        <v>918</v>
      </c>
      <c r="J484" s="6">
        <v>541</v>
      </c>
      <c r="K484" s="6">
        <v>231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4</v>
      </c>
      <c r="E485" s="9" t="s">
        <v>226</v>
      </c>
      <c r="F485" s="9" t="s">
        <v>281</v>
      </c>
      <c r="G485" s="9" t="s">
        <v>6</v>
      </c>
      <c r="H485" s="6">
        <v>1267</v>
      </c>
      <c r="I485" s="6">
        <v>1046</v>
      </c>
      <c r="J485" s="6">
        <v>691</v>
      </c>
      <c r="K485" s="6">
        <v>220</v>
      </c>
      <c r="L485" s="6">
        <v>1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4</v>
      </c>
      <c r="E486" s="9" t="s">
        <v>226</v>
      </c>
      <c r="F486" s="9" t="s">
        <v>281</v>
      </c>
      <c r="G486" s="9" t="s">
        <v>272</v>
      </c>
      <c r="H486" s="6">
        <v>22</v>
      </c>
      <c r="I486" s="6">
        <v>9</v>
      </c>
      <c r="J486" s="6">
        <v>8</v>
      </c>
      <c r="K486" s="6">
        <v>13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4</v>
      </c>
      <c r="E487" s="9" t="s">
        <v>226</v>
      </c>
      <c r="F487" s="9" t="s">
        <v>281</v>
      </c>
      <c r="G487" s="9" t="s">
        <v>273</v>
      </c>
      <c r="H487" s="6">
        <v>48</v>
      </c>
      <c r="I487" s="6">
        <v>38</v>
      </c>
      <c r="J487" s="6">
        <v>30</v>
      </c>
      <c r="K487" s="6">
        <v>10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4</v>
      </c>
      <c r="E488" s="9" t="s">
        <v>226</v>
      </c>
      <c r="F488" s="9" t="s">
        <v>281</v>
      </c>
      <c r="G488" s="9" t="s">
        <v>274</v>
      </c>
      <c r="H488" s="6">
        <v>52</v>
      </c>
      <c r="I488" s="6">
        <v>48</v>
      </c>
      <c r="J488" s="6">
        <v>40</v>
      </c>
      <c r="K488" s="6">
        <v>4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4</v>
      </c>
      <c r="E489" s="9" t="s">
        <v>226</v>
      </c>
      <c r="F489" s="9" t="s">
        <v>281</v>
      </c>
      <c r="G489" s="9" t="s">
        <v>275</v>
      </c>
      <c r="H489" s="6">
        <v>41</v>
      </c>
      <c r="I489" s="6">
        <v>34</v>
      </c>
      <c r="J489" s="6">
        <v>30</v>
      </c>
      <c r="K489" s="6">
        <v>7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4</v>
      </c>
      <c r="E490" s="9" t="s">
        <v>226</v>
      </c>
      <c r="F490" s="9" t="s">
        <v>281</v>
      </c>
      <c r="G490" s="9" t="s">
        <v>276</v>
      </c>
      <c r="H490" s="6">
        <v>37</v>
      </c>
      <c r="I490" s="6">
        <v>33</v>
      </c>
      <c r="J490" s="6">
        <v>28</v>
      </c>
      <c r="K490" s="6">
        <v>3</v>
      </c>
      <c r="L490" s="6">
        <v>1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4</v>
      </c>
      <c r="E491" s="9" t="s">
        <v>226</v>
      </c>
      <c r="F491" s="9" t="s">
        <v>281</v>
      </c>
      <c r="G491" s="9" t="s">
        <v>277</v>
      </c>
      <c r="H491" s="6">
        <v>59</v>
      </c>
      <c r="I491" s="6">
        <v>55</v>
      </c>
      <c r="J491" s="6">
        <v>46</v>
      </c>
      <c r="K491" s="6">
        <v>4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4</v>
      </c>
      <c r="E492" s="9" t="s">
        <v>226</v>
      </c>
      <c r="F492" s="9" t="s">
        <v>281</v>
      </c>
      <c r="G492" s="9" t="s">
        <v>278</v>
      </c>
      <c r="H492" s="6">
        <v>87</v>
      </c>
      <c r="I492" s="6">
        <v>80</v>
      </c>
      <c r="J492" s="6">
        <v>61</v>
      </c>
      <c r="K492" s="6">
        <v>7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4</v>
      </c>
      <c r="E493" s="9" t="s">
        <v>226</v>
      </c>
      <c r="F493" s="9" t="s">
        <v>281</v>
      </c>
      <c r="G493" s="9" t="s">
        <v>279</v>
      </c>
      <c r="H493" s="6">
        <v>72</v>
      </c>
      <c r="I493" s="6">
        <v>68</v>
      </c>
      <c r="J493" s="6">
        <v>44</v>
      </c>
      <c r="K493" s="6">
        <v>4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4</v>
      </c>
      <c r="E494" s="9" t="s">
        <v>226</v>
      </c>
      <c r="F494" s="9" t="s">
        <v>281</v>
      </c>
      <c r="G494" s="9" t="s">
        <v>280</v>
      </c>
      <c r="H494" s="6">
        <v>849</v>
      </c>
      <c r="I494" s="6">
        <v>681</v>
      </c>
      <c r="J494" s="6">
        <v>404</v>
      </c>
      <c r="K494" s="6">
        <v>168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4</v>
      </c>
      <c r="E495" s="9" t="s">
        <v>226</v>
      </c>
      <c r="F495" s="9" t="s">
        <v>282</v>
      </c>
      <c r="G495" s="9" t="s">
        <v>6</v>
      </c>
      <c r="H495" s="6">
        <v>1026</v>
      </c>
      <c r="I495" s="6">
        <v>882</v>
      </c>
      <c r="J495" s="6">
        <v>666</v>
      </c>
      <c r="K495" s="6">
        <v>144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4</v>
      </c>
      <c r="E496" s="9" t="s">
        <v>226</v>
      </c>
      <c r="F496" s="9" t="s">
        <v>282</v>
      </c>
      <c r="G496" s="9" t="s">
        <v>272</v>
      </c>
      <c r="H496" s="6">
        <v>37</v>
      </c>
      <c r="I496" s="6">
        <v>20</v>
      </c>
      <c r="J496" s="6">
        <v>13</v>
      </c>
      <c r="K496" s="6">
        <v>17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4</v>
      </c>
      <c r="E497" s="9" t="s">
        <v>226</v>
      </c>
      <c r="F497" s="9" t="s">
        <v>282</v>
      </c>
      <c r="G497" s="9" t="s">
        <v>273</v>
      </c>
      <c r="H497" s="6">
        <v>95</v>
      </c>
      <c r="I497" s="6">
        <v>85</v>
      </c>
      <c r="J497" s="6">
        <v>69</v>
      </c>
      <c r="K497" s="6">
        <v>10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4</v>
      </c>
      <c r="E498" s="9" t="s">
        <v>226</v>
      </c>
      <c r="F498" s="9" t="s">
        <v>282</v>
      </c>
      <c r="G498" s="9" t="s">
        <v>274</v>
      </c>
      <c r="H498" s="6">
        <v>110</v>
      </c>
      <c r="I498" s="6">
        <v>98</v>
      </c>
      <c r="J498" s="6">
        <v>82</v>
      </c>
      <c r="K498" s="6">
        <v>12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4</v>
      </c>
      <c r="E499" s="9" t="s">
        <v>226</v>
      </c>
      <c r="F499" s="9" t="s">
        <v>282</v>
      </c>
      <c r="G499" s="9" t="s">
        <v>275</v>
      </c>
      <c r="H499" s="6">
        <v>113</v>
      </c>
      <c r="I499" s="6">
        <v>103</v>
      </c>
      <c r="J499" s="6">
        <v>89</v>
      </c>
      <c r="K499" s="6">
        <v>10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4</v>
      </c>
      <c r="E500" s="9" t="s">
        <v>226</v>
      </c>
      <c r="F500" s="9" t="s">
        <v>282</v>
      </c>
      <c r="G500" s="9" t="s">
        <v>276</v>
      </c>
      <c r="H500" s="6">
        <v>131</v>
      </c>
      <c r="I500" s="6">
        <v>120</v>
      </c>
      <c r="J500" s="6">
        <v>93</v>
      </c>
      <c r="K500" s="6">
        <v>11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4</v>
      </c>
      <c r="E501" s="9" t="s">
        <v>226</v>
      </c>
      <c r="F501" s="9" t="s">
        <v>282</v>
      </c>
      <c r="G501" s="9" t="s">
        <v>277</v>
      </c>
      <c r="H501" s="6">
        <v>123</v>
      </c>
      <c r="I501" s="6">
        <v>111</v>
      </c>
      <c r="J501" s="6">
        <v>91</v>
      </c>
      <c r="K501" s="6">
        <v>12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4</v>
      </c>
      <c r="E502" s="9" t="s">
        <v>226</v>
      </c>
      <c r="F502" s="9" t="s">
        <v>282</v>
      </c>
      <c r="G502" s="9" t="s">
        <v>278</v>
      </c>
      <c r="H502" s="6">
        <v>111</v>
      </c>
      <c r="I502" s="6">
        <v>102</v>
      </c>
      <c r="J502" s="6">
        <v>77</v>
      </c>
      <c r="K502" s="6">
        <v>9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4</v>
      </c>
      <c r="E503" s="9" t="s">
        <v>226</v>
      </c>
      <c r="F503" s="9" t="s">
        <v>282</v>
      </c>
      <c r="G503" s="9" t="s">
        <v>279</v>
      </c>
      <c r="H503" s="6">
        <v>56</v>
      </c>
      <c r="I503" s="6">
        <v>50</v>
      </c>
      <c r="J503" s="6">
        <v>35</v>
      </c>
      <c r="K503" s="6">
        <v>6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4</v>
      </c>
      <c r="E504" s="9" t="s">
        <v>226</v>
      </c>
      <c r="F504" s="9" t="s">
        <v>282</v>
      </c>
      <c r="G504" s="9" t="s">
        <v>280</v>
      </c>
      <c r="H504" s="6">
        <v>250</v>
      </c>
      <c r="I504" s="6">
        <v>193</v>
      </c>
      <c r="J504" s="6">
        <v>117</v>
      </c>
      <c r="K504" s="6">
        <v>57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4</v>
      </c>
      <c r="E505" s="9" t="s">
        <v>226</v>
      </c>
      <c r="F505" s="9" t="s">
        <v>283</v>
      </c>
      <c r="G505" s="9" t="s">
        <v>6</v>
      </c>
      <c r="H505" s="6">
        <v>526</v>
      </c>
      <c r="I505" s="6">
        <v>471</v>
      </c>
      <c r="J505" s="6">
        <v>340</v>
      </c>
      <c r="K505" s="6">
        <v>55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4</v>
      </c>
      <c r="E506" s="9" t="s">
        <v>226</v>
      </c>
      <c r="F506" s="9" t="s">
        <v>283</v>
      </c>
      <c r="G506" s="9" t="s">
        <v>272</v>
      </c>
      <c r="H506" s="6">
        <v>26</v>
      </c>
      <c r="I506" s="6">
        <v>18</v>
      </c>
      <c r="J506" s="6">
        <v>16</v>
      </c>
      <c r="K506" s="6">
        <v>8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4</v>
      </c>
      <c r="E507" s="9" t="s">
        <v>226</v>
      </c>
      <c r="F507" s="9" t="s">
        <v>283</v>
      </c>
      <c r="G507" s="9" t="s">
        <v>273</v>
      </c>
      <c r="H507" s="6">
        <v>75</v>
      </c>
      <c r="I507" s="6">
        <v>63</v>
      </c>
      <c r="J507" s="6">
        <v>50</v>
      </c>
      <c r="K507" s="6">
        <v>12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4</v>
      </c>
      <c r="E508" s="9" t="s">
        <v>226</v>
      </c>
      <c r="F508" s="9" t="s">
        <v>283</v>
      </c>
      <c r="G508" s="9" t="s">
        <v>274</v>
      </c>
      <c r="H508" s="6">
        <v>87</v>
      </c>
      <c r="I508" s="6">
        <v>79</v>
      </c>
      <c r="J508" s="6">
        <v>57</v>
      </c>
      <c r="K508" s="6">
        <v>8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4</v>
      </c>
      <c r="E509" s="9" t="s">
        <v>226</v>
      </c>
      <c r="F509" s="9" t="s">
        <v>283</v>
      </c>
      <c r="G509" s="9" t="s">
        <v>275</v>
      </c>
      <c r="H509" s="6">
        <v>94</v>
      </c>
      <c r="I509" s="6">
        <v>87</v>
      </c>
      <c r="J509" s="6">
        <v>70</v>
      </c>
      <c r="K509" s="6">
        <v>7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4</v>
      </c>
      <c r="E510" s="9" t="s">
        <v>226</v>
      </c>
      <c r="F510" s="9" t="s">
        <v>283</v>
      </c>
      <c r="G510" s="9" t="s">
        <v>276</v>
      </c>
      <c r="H510" s="6">
        <v>92</v>
      </c>
      <c r="I510" s="6">
        <v>86</v>
      </c>
      <c r="J510" s="6">
        <v>64</v>
      </c>
      <c r="K510" s="6">
        <v>6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4</v>
      </c>
      <c r="E511" s="9" t="s">
        <v>226</v>
      </c>
      <c r="F511" s="9" t="s">
        <v>283</v>
      </c>
      <c r="G511" s="9" t="s">
        <v>277</v>
      </c>
      <c r="H511" s="6">
        <v>58</v>
      </c>
      <c r="I511" s="6">
        <v>55</v>
      </c>
      <c r="J511" s="6">
        <v>38</v>
      </c>
      <c r="K511" s="6">
        <v>3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4</v>
      </c>
      <c r="E512" s="9" t="s">
        <v>226</v>
      </c>
      <c r="F512" s="9" t="s">
        <v>283</v>
      </c>
      <c r="G512" s="9" t="s">
        <v>278</v>
      </c>
      <c r="H512" s="6">
        <v>29</v>
      </c>
      <c r="I512" s="6">
        <v>26</v>
      </c>
      <c r="J512" s="6">
        <v>17</v>
      </c>
      <c r="K512" s="6">
        <v>3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4</v>
      </c>
      <c r="E513" s="9" t="s">
        <v>226</v>
      </c>
      <c r="F513" s="9" t="s">
        <v>283</v>
      </c>
      <c r="G513" s="9" t="s">
        <v>279</v>
      </c>
      <c r="H513" s="6">
        <v>15</v>
      </c>
      <c r="I513" s="6">
        <v>13</v>
      </c>
      <c r="J513" s="6">
        <v>8</v>
      </c>
      <c r="K513" s="6">
        <v>2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4</v>
      </c>
      <c r="E514" s="9" t="s">
        <v>226</v>
      </c>
      <c r="F514" s="9" t="s">
        <v>283</v>
      </c>
      <c r="G514" s="9" t="s">
        <v>280</v>
      </c>
      <c r="H514" s="6">
        <v>50</v>
      </c>
      <c r="I514" s="6">
        <v>44</v>
      </c>
      <c r="J514" s="6">
        <v>20</v>
      </c>
      <c r="K514" s="6">
        <v>6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4</v>
      </c>
      <c r="E515" s="9" t="s">
        <v>227</v>
      </c>
      <c r="F515" s="9" t="s">
        <v>6</v>
      </c>
      <c r="G515" s="9" t="s">
        <v>6</v>
      </c>
      <c r="H515" s="6">
        <v>1972</v>
      </c>
      <c r="I515" s="6">
        <v>1625</v>
      </c>
      <c r="J515" s="6">
        <v>1558</v>
      </c>
      <c r="K515" s="6">
        <v>347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4</v>
      </c>
      <c r="E516" s="9" t="s">
        <v>227</v>
      </c>
      <c r="F516" s="9" t="s">
        <v>234</v>
      </c>
      <c r="G516" s="9" t="s">
        <v>6</v>
      </c>
      <c r="H516" s="6">
        <v>73</v>
      </c>
      <c r="I516" s="6">
        <v>62</v>
      </c>
      <c r="J516" s="6">
        <v>55</v>
      </c>
      <c r="K516" s="6">
        <v>11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4</v>
      </c>
      <c r="E517" s="9" t="s">
        <v>227</v>
      </c>
      <c r="F517" s="9" t="s">
        <v>235</v>
      </c>
      <c r="G517" s="9" t="s">
        <v>6</v>
      </c>
      <c r="H517" s="6">
        <v>1899</v>
      </c>
      <c r="I517" s="6">
        <v>1563</v>
      </c>
      <c r="J517" s="6">
        <v>1503</v>
      </c>
      <c r="K517" s="6">
        <v>336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4</v>
      </c>
      <c r="E518" s="9" t="s">
        <v>227</v>
      </c>
      <c r="F518" s="9" t="s">
        <v>235</v>
      </c>
      <c r="G518" s="9" t="s">
        <v>272</v>
      </c>
      <c r="H518" s="6">
        <v>64</v>
      </c>
      <c r="I518" s="6">
        <v>33</v>
      </c>
      <c r="J518" s="6">
        <v>32</v>
      </c>
      <c r="K518" s="6">
        <v>31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4</v>
      </c>
      <c r="E519" s="9" t="s">
        <v>227</v>
      </c>
      <c r="F519" s="9" t="s">
        <v>235</v>
      </c>
      <c r="G519" s="9" t="s">
        <v>273</v>
      </c>
      <c r="H519" s="6">
        <v>159</v>
      </c>
      <c r="I519" s="6">
        <v>136</v>
      </c>
      <c r="J519" s="6">
        <v>130</v>
      </c>
      <c r="K519" s="6">
        <v>23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4</v>
      </c>
      <c r="E520" s="9" t="s">
        <v>227</v>
      </c>
      <c r="F520" s="9" t="s">
        <v>235</v>
      </c>
      <c r="G520" s="9" t="s">
        <v>274</v>
      </c>
      <c r="H520" s="6">
        <v>185</v>
      </c>
      <c r="I520" s="6">
        <v>165</v>
      </c>
      <c r="J520" s="6">
        <v>158</v>
      </c>
      <c r="K520" s="6">
        <v>20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4</v>
      </c>
      <c r="E521" s="9" t="s">
        <v>227</v>
      </c>
      <c r="F521" s="9" t="s">
        <v>235</v>
      </c>
      <c r="G521" s="9" t="s">
        <v>275</v>
      </c>
      <c r="H521" s="6">
        <v>197</v>
      </c>
      <c r="I521" s="6">
        <v>179</v>
      </c>
      <c r="J521" s="6">
        <v>177</v>
      </c>
      <c r="K521" s="6">
        <v>18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4</v>
      </c>
      <c r="E522" s="9" t="s">
        <v>227</v>
      </c>
      <c r="F522" s="9" t="s">
        <v>235</v>
      </c>
      <c r="G522" s="9" t="s">
        <v>276</v>
      </c>
      <c r="H522" s="6">
        <v>194</v>
      </c>
      <c r="I522" s="6">
        <v>177</v>
      </c>
      <c r="J522" s="6">
        <v>173</v>
      </c>
      <c r="K522" s="6">
        <v>17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4</v>
      </c>
      <c r="E523" s="9" t="s">
        <v>227</v>
      </c>
      <c r="F523" s="9" t="s">
        <v>235</v>
      </c>
      <c r="G523" s="9" t="s">
        <v>277</v>
      </c>
      <c r="H523" s="6">
        <v>172</v>
      </c>
      <c r="I523" s="6">
        <v>158</v>
      </c>
      <c r="J523" s="6">
        <v>157</v>
      </c>
      <c r="K523" s="6">
        <v>14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4</v>
      </c>
      <c r="E524" s="9" t="s">
        <v>227</v>
      </c>
      <c r="F524" s="9" t="s">
        <v>235</v>
      </c>
      <c r="G524" s="9" t="s">
        <v>278</v>
      </c>
      <c r="H524" s="6">
        <v>160</v>
      </c>
      <c r="I524" s="6">
        <v>143</v>
      </c>
      <c r="J524" s="6">
        <v>135</v>
      </c>
      <c r="K524" s="6">
        <v>17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4</v>
      </c>
      <c r="E525" s="9" t="s">
        <v>227</v>
      </c>
      <c r="F525" s="9" t="s">
        <v>235</v>
      </c>
      <c r="G525" s="9" t="s">
        <v>279</v>
      </c>
      <c r="H525" s="6">
        <v>94</v>
      </c>
      <c r="I525" s="6">
        <v>84</v>
      </c>
      <c r="J525" s="6">
        <v>80</v>
      </c>
      <c r="K525" s="6">
        <v>10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4</v>
      </c>
      <c r="E526" s="9" t="s">
        <v>227</v>
      </c>
      <c r="F526" s="9" t="s">
        <v>235</v>
      </c>
      <c r="G526" s="9" t="s">
        <v>280</v>
      </c>
      <c r="H526" s="6">
        <v>674</v>
      </c>
      <c r="I526" s="6">
        <v>488</v>
      </c>
      <c r="J526" s="6">
        <v>461</v>
      </c>
      <c r="K526" s="6">
        <v>186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4</v>
      </c>
      <c r="E527" s="9" t="s">
        <v>227</v>
      </c>
      <c r="F527" s="9" t="s">
        <v>281</v>
      </c>
      <c r="G527" s="9" t="s">
        <v>6</v>
      </c>
      <c r="H527" s="6">
        <v>809</v>
      </c>
      <c r="I527" s="6">
        <v>636</v>
      </c>
      <c r="J527" s="6">
        <v>602</v>
      </c>
      <c r="K527" s="6">
        <v>173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4</v>
      </c>
      <c r="E528" s="9" t="s">
        <v>227</v>
      </c>
      <c r="F528" s="9" t="s">
        <v>281</v>
      </c>
      <c r="G528" s="9" t="s">
        <v>272</v>
      </c>
      <c r="H528" s="6">
        <v>16</v>
      </c>
      <c r="I528" s="6">
        <v>6</v>
      </c>
      <c r="J528" s="6">
        <v>6</v>
      </c>
      <c r="K528" s="6">
        <v>10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4</v>
      </c>
      <c r="E529" s="9" t="s">
        <v>227</v>
      </c>
      <c r="F529" s="9" t="s">
        <v>281</v>
      </c>
      <c r="G529" s="9" t="s">
        <v>273</v>
      </c>
      <c r="H529" s="6">
        <v>34</v>
      </c>
      <c r="I529" s="6">
        <v>26</v>
      </c>
      <c r="J529" s="6">
        <v>25</v>
      </c>
      <c r="K529" s="6">
        <v>8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4</v>
      </c>
      <c r="E530" s="9" t="s">
        <v>227</v>
      </c>
      <c r="F530" s="9" t="s">
        <v>281</v>
      </c>
      <c r="G530" s="9" t="s">
        <v>274</v>
      </c>
      <c r="H530" s="6">
        <v>36</v>
      </c>
      <c r="I530" s="6">
        <v>33</v>
      </c>
      <c r="J530" s="6">
        <v>31</v>
      </c>
      <c r="K530" s="6">
        <v>3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4</v>
      </c>
      <c r="E531" s="9" t="s">
        <v>227</v>
      </c>
      <c r="F531" s="9" t="s">
        <v>281</v>
      </c>
      <c r="G531" s="9" t="s">
        <v>275</v>
      </c>
      <c r="H531" s="6">
        <v>35</v>
      </c>
      <c r="I531" s="6">
        <v>29</v>
      </c>
      <c r="J531" s="6">
        <v>29</v>
      </c>
      <c r="K531" s="6">
        <v>6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4</v>
      </c>
      <c r="E532" s="9" t="s">
        <v>227</v>
      </c>
      <c r="F532" s="9" t="s">
        <v>281</v>
      </c>
      <c r="G532" s="9" t="s">
        <v>276</v>
      </c>
      <c r="H532" s="6">
        <v>29</v>
      </c>
      <c r="I532" s="6">
        <v>26</v>
      </c>
      <c r="J532" s="6">
        <v>25</v>
      </c>
      <c r="K532" s="6">
        <v>3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4</v>
      </c>
      <c r="E533" s="9" t="s">
        <v>227</v>
      </c>
      <c r="F533" s="9" t="s">
        <v>281</v>
      </c>
      <c r="G533" s="9" t="s">
        <v>277</v>
      </c>
      <c r="H533" s="6">
        <v>47</v>
      </c>
      <c r="I533" s="6">
        <v>45</v>
      </c>
      <c r="J533" s="6">
        <v>44</v>
      </c>
      <c r="K533" s="6">
        <v>2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4</v>
      </c>
      <c r="E534" s="9" t="s">
        <v>227</v>
      </c>
      <c r="F534" s="9" t="s">
        <v>281</v>
      </c>
      <c r="G534" s="9" t="s">
        <v>278</v>
      </c>
      <c r="H534" s="6">
        <v>67</v>
      </c>
      <c r="I534" s="6">
        <v>60</v>
      </c>
      <c r="J534" s="6">
        <v>56</v>
      </c>
      <c r="K534" s="6">
        <v>7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4</v>
      </c>
      <c r="E535" s="9" t="s">
        <v>227</v>
      </c>
      <c r="F535" s="9" t="s">
        <v>281</v>
      </c>
      <c r="G535" s="9" t="s">
        <v>279</v>
      </c>
      <c r="H535" s="6">
        <v>45</v>
      </c>
      <c r="I535" s="6">
        <v>42</v>
      </c>
      <c r="J535" s="6">
        <v>40</v>
      </c>
      <c r="K535" s="6">
        <v>3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4</v>
      </c>
      <c r="E536" s="9" t="s">
        <v>227</v>
      </c>
      <c r="F536" s="9" t="s">
        <v>281</v>
      </c>
      <c r="G536" s="9" t="s">
        <v>280</v>
      </c>
      <c r="H536" s="6">
        <v>500</v>
      </c>
      <c r="I536" s="6">
        <v>369</v>
      </c>
      <c r="J536" s="6">
        <v>346</v>
      </c>
      <c r="K536" s="6">
        <v>131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4</v>
      </c>
      <c r="E537" s="9" t="s">
        <v>227</v>
      </c>
      <c r="F537" s="9" t="s">
        <v>282</v>
      </c>
      <c r="G537" s="9" t="s">
        <v>6</v>
      </c>
      <c r="H537" s="6">
        <v>737</v>
      </c>
      <c r="I537" s="6">
        <v>616</v>
      </c>
      <c r="J537" s="6">
        <v>598</v>
      </c>
      <c r="K537" s="6">
        <v>121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4</v>
      </c>
      <c r="E538" s="9" t="s">
        <v>227</v>
      </c>
      <c r="F538" s="9" t="s">
        <v>282</v>
      </c>
      <c r="G538" s="9" t="s">
        <v>272</v>
      </c>
      <c r="H538" s="6">
        <v>27</v>
      </c>
      <c r="I538" s="6">
        <v>12</v>
      </c>
      <c r="J538" s="6">
        <v>11</v>
      </c>
      <c r="K538" s="6">
        <v>15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4</v>
      </c>
      <c r="E539" s="9" t="s">
        <v>227</v>
      </c>
      <c r="F539" s="9" t="s">
        <v>282</v>
      </c>
      <c r="G539" s="9" t="s">
        <v>273</v>
      </c>
      <c r="H539" s="6">
        <v>75</v>
      </c>
      <c r="I539" s="6">
        <v>68</v>
      </c>
      <c r="J539" s="6">
        <v>64</v>
      </c>
      <c r="K539" s="6">
        <v>7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4</v>
      </c>
      <c r="E540" s="9" t="s">
        <v>227</v>
      </c>
      <c r="F540" s="9" t="s">
        <v>282</v>
      </c>
      <c r="G540" s="9" t="s">
        <v>274</v>
      </c>
      <c r="H540" s="6">
        <v>91</v>
      </c>
      <c r="I540" s="6">
        <v>80</v>
      </c>
      <c r="J540" s="6">
        <v>77</v>
      </c>
      <c r="K540" s="6">
        <v>11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4</v>
      </c>
      <c r="E541" s="9" t="s">
        <v>227</v>
      </c>
      <c r="F541" s="9" t="s">
        <v>282</v>
      </c>
      <c r="G541" s="9" t="s">
        <v>275</v>
      </c>
      <c r="H541" s="6">
        <v>89</v>
      </c>
      <c r="I541" s="6">
        <v>82</v>
      </c>
      <c r="J541" s="6">
        <v>82</v>
      </c>
      <c r="K541" s="6">
        <v>7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4</v>
      </c>
      <c r="E542" s="9" t="s">
        <v>227</v>
      </c>
      <c r="F542" s="9" t="s">
        <v>282</v>
      </c>
      <c r="G542" s="9" t="s">
        <v>276</v>
      </c>
      <c r="H542" s="6">
        <v>99</v>
      </c>
      <c r="I542" s="6">
        <v>89</v>
      </c>
      <c r="J542" s="6">
        <v>87</v>
      </c>
      <c r="K542" s="6">
        <v>10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4</v>
      </c>
      <c r="E543" s="9" t="s">
        <v>227</v>
      </c>
      <c r="F543" s="9" t="s">
        <v>282</v>
      </c>
      <c r="G543" s="9" t="s">
        <v>277</v>
      </c>
      <c r="H543" s="6">
        <v>92</v>
      </c>
      <c r="I543" s="6">
        <v>83</v>
      </c>
      <c r="J543" s="6">
        <v>83</v>
      </c>
      <c r="K543" s="6">
        <v>9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4</v>
      </c>
      <c r="E544" s="9" t="s">
        <v>227</v>
      </c>
      <c r="F544" s="9" t="s">
        <v>282</v>
      </c>
      <c r="G544" s="9" t="s">
        <v>278</v>
      </c>
      <c r="H544" s="6">
        <v>76</v>
      </c>
      <c r="I544" s="6">
        <v>68</v>
      </c>
      <c r="J544" s="6">
        <v>64</v>
      </c>
      <c r="K544" s="6">
        <v>8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4</v>
      </c>
      <c r="E545" s="9" t="s">
        <v>227</v>
      </c>
      <c r="F545" s="9" t="s">
        <v>282</v>
      </c>
      <c r="G545" s="9" t="s">
        <v>279</v>
      </c>
      <c r="H545" s="6">
        <v>39</v>
      </c>
      <c r="I545" s="6">
        <v>34</v>
      </c>
      <c r="J545" s="6">
        <v>33</v>
      </c>
      <c r="K545" s="6">
        <v>5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4</v>
      </c>
      <c r="E546" s="9" t="s">
        <v>227</v>
      </c>
      <c r="F546" s="9" t="s">
        <v>282</v>
      </c>
      <c r="G546" s="9" t="s">
        <v>280</v>
      </c>
      <c r="H546" s="6">
        <v>149</v>
      </c>
      <c r="I546" s="6">
        <v>100</v>
      </c>
      <c r="J546" s="6">
        <v>97</v>
      </c>
      <c r="K546" s="6">
        <v>49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4</v>
      </c>
      <c r="E547" s="9" t="s">
        <v>227</v>
      </c>
      <c r="F547" s="9" t="s">
        <v>283</v>
      </c>
      <c r="G547" s="9" t="s">
        <v>6</v>
      </c>
      <c r="H547" s="6">
        <v>353</v>
      </c>
      <c r="I547" s="6">
        <v>311</v>
      </c>
      <c r="J547" s="6">
        <v>303</v>
      </c>
      <c r="K547" s="6">
        <v>42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4</v>
      </c>
      <c r="E548" s="9" t="s">
        <v>227</v>
      </c>
      <c r="F548" s="9" t="s">
        <v>283</v>
      </c>
      <c r="G548" s="9" t="s">
        <v>272</v>
      </c>
      <c r="H548" s="6">
        <v>21</v>
      </c>
      <c r="I548" s="6">
        <v>15</v>
      </c>
      <c r="J548" s="6">
        <v>15</v>
      </c>
      <c r="K548" s="6">
        <v>6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4</v>
      </c>
      <c r="E549" s="9" t="s">
        <v>227</v>
      </c>
      <c r="F549" s="9" t="s">
        <v>283</v>
      </c>
      <c r="G549" s="9" t="s">
        <v>273</v>
      </c>
      <c r="H549" s="6">
        <v>50</v>
      </c>
      <c r="I549" s="6">
        <v>42</v>
      </c>
      <c r="J549" s="6">
        <v>41</v>
      </c>
      <c r="K549" s="6">
        <v>8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4</v>
      </c>
      <c r="E550" s="9" t="s">
        <v>227</v>
      </c>
      <c r="F550" s="9" t="s">
        <v>283</v>
      </c>
      <c r="G550" s="9" t="s">
        <v>274</v>
      </c>
      <c r="H550" s="6">
        <v>58</v>
      </c>
      <c r="I550" s="6">
        <v>52</v>
      </c>
      <c r="J550" s="6">
        <v>50</v>
      </c>
      <c r="K550" s="6">
        <v>6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4</v>
      </c>
      <c r="E551" s="9" t="s">
        <v>227</v>
      </c>
      <c r="F551" s="9" t="s">
        <v>283</v>
      </c>
      <c r="G551" s="9" t="s">
        <v>275</v>
      </c>
      <c r="H551" s="6">
        <v>73</v>
      </c>
      <c r="I551" s="6">
        <v>68</v>
      </c>
      <c r="J551" s="6">
        <v>66</v>
      </c>
      <c r="K551" s="6">
        <v>5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4</v>
      </c>
      <c r="E552" s="9" t="s">
        <v>227</v>
      </c>
      <c r="F552" s="9" t="s">
        <v>283</v>
      </c>
      <c r="G552" s="9" t="s">
        <v>276</v>
      </c>
      <c r="H552" s="6">
        <v>66</v>
      </c>
      <c r="I552" s="6">
        <v>62</v>
      </c>
      <c r="J552" s="6">
        <v>61</v>
      </c>
      <c r="K552" s="6">
        <v>4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4</v>
      </c>
      <c r="E553" s="9" t="s">
        <v>227</v>
      </c>
      <c r="F553" s="9" t="s">
        <v>283</v>
      </c>
      <c r="G553" s="9" t="s">
        <v>277</v>
      </c>
      <c r="H553" s="6">
        <v>33</v>
      </c>
      <c r="I553" s="6">
        <v>30</v>
      </c>
      <c r="J553" s="6">
        <v>30</v>
      </c>
      <c r="K553" s="6">
        <v>3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4</v>
      </c>
      <c r="E554" s="9" t="s">
        <v>227</v>
      </c>
      <c r="F554" s="9" t="s">
        <v>283</v>
      </c>
      <c r="G554" s="9" t="s">
        <v>278</v>
      </c>
      <c r="H554" s="6">
        <v>17</v>
      </c>
      <c r="I554" s="6">
        <v>15</v>
      </c>
      <c r="J554" s="6">
        <v>15</v>
      </c>
      <c r="K554" s="6">
        <v>2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4</v>
      </c>
      <c r="E555" s="9" t="s">
        <v>227</v>
      </c>
      <c r="F555" s="9" t="s">
        <v>283</v>
      </c>
      <c r="G555" s="9" t="s">
        <v>279</v>
      </c>
      <c r="H555" s="6">
        <v>10</v>
      </c>
      <c r="I555" s="6">
        <v>8</v>
      </c>
      <c r="J555" s="6">
        <v>7</v>
      </c>
      <c r="K555" s="6">
        <v>2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4</v>
      </c>
      <c r="E556" s="9" t="s">
        <v>227</v>
      </c>
      <c r="F556" s="9" t="s">
        <v>283</v>
      </c>
      <c r="G556" s="9" t="s">
        <v>280</v>
      </c>
      <c r="H556" s="6">
        <v>25</v>
      </c>
      <c r="I556" s="6">
        <v>19</v>
      </c>
      <c r="J556" s="6">
        <v>18</v>
      </c>
      <c r="K556" s="6">
        <v>6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4</v>
      </c>
      <c r="E557" s="9" t="s">
        <v>228</v>
      </c>
      <c r="F557" s="9" t="s">
        <v>6</v>
      </c>
      <c r="G557" s="9" t="s">
        <v>6</v>
      </c>
      <c r="H557" s="6">
        <v>439</v>
      </c>
      <c r="I557" s="6">
        <v>127</v>
      </c>
      <c r="J557" s="6">
        <v>112</v>
      </c>
      <c r="K557" s="6">
        <v>311</v>
      </c>
      <c r="L557" s="6">
        <v>1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4</v>
      </c>
      <c r="E558" s="9" t="s">
        <v>228</v>
      </c>
      <c r="F558" s="9" t="s">
        <v>234</v>
      </c>
      <c r="G558" s="9" t="s">
        <v>6</v>
      </c>
      <c r="H558" s="6">
        <v>3</v>
      </c>
      <c r="I558" s="6">
        <v>1</v>
      </c>
      <c r="J558" s="6">
        <v>1</v>
      </c>
      <c r="K558" s="6">
        <v>2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4</v>
      </c>
      <c r="E559" s="9" t="s">
        <v>228</v>
      </c>
      <c r="F559" s="9" t="s">
        <v>235</v>
      </c>
      <c r="G559" s="9" t="s">
        <v>6</v>
      </c>
      <c r="H559" s="6">
        <v>436</v>
      </c>
      <c r="I559" s="6">
        <v>126</v>
      </c>
      <c r="J559" s="6">
        <v>111</v>
      </c>
      <c r="K559" s="6">
        <v>309</v>
      </c>
      <c r="L559" s="6">
        <v>1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4</v>
      </c>
      <c r="E560" s="9" t="s">
        <v>228</v>
      </c>
      <c r="F560" s="9" t="s">
        <v>235</v>
      </c>
      <c r="G560" s="9" t="s">
        <v>272</v>
      </c>
      <c r="H560" s="6">
        <v>1</v>
      </c>
      <c r="I560" s="10" t="s">
        <v>55</v>
      </c>
      <c r="J560" s="10" t="s">
        <v>55</v>
      </c>
      <c r="K560" s="6">
        <v>1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4</v>
      </c>
      <c r="E561" s="9" t="s">
        <v>228</v>
      </c>
      <c r="F561" s="9" t="s">
        <v>235</v>
      </c>
      <c r="G561" s="9" t="s">
        <v>273</v>
      </c>
      <c r="H561" s="6">
        <v>8</v>
      </c>
      <c r="I561" s="6">
        <v>3</v>
      </c>
      <c r="J561" s="6">
        <v>3</v>
      </c>
      <c r="K561" s="6">
        <v>5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4</v>
      </c>
      <c r="E562" s="9" t="s">
        <v>228</v>
      </c>
      <c r="F562" s="9" t="s">
        <v>235</v>
      </c>
      <c r="G562" s="9" t="s">
        <v>274</v>
      </c>
      <c r="H562" s="6">
        <v>8</v>
      </c>
      <c r="I562" s="6">
        <v>6</v>
      </c>
      <c r="J562" s="6">
        <v>4</v>
      </c>
      <c r="K562" s="6">
        <v>2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4</v>
      </c>
      <c r="E563" s="9" t="s">
        <v>228</v>
      </c>
      <c r="F563" s="9" t="s">
        <v>235</v>
      </c>
      <c r="G563" s="9" t="s">
        <v>275</v>
      </c>
      <c r="H563" s="6">
        <v>1</v>
      </c>
      <c r="I563" s="6">
        <v>1</v>
      </c>
      <c r="J563" s="6">
        <v>1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4</v>
      </c>
      <c r="E564" s="9" t="s">
        <v>228</v>
      </c>
      <c r="F564" s="9" t="s">
        <v>235</v>
      </c>
      <c r="G564" s="9" t="s">
        <v>276</v>
      </c>
      <c r="H564" s="6">
        <v>1</v>
      </c>
      <c r="I564" s="6">
        <v>1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4</v>
      </c>
      <c r="E565" s="9" t="s">
        <v>228</v>
      </c>
      <c r="F565" s="9" t="s">
        <v>235</v>
      </c>
      <c r="G565" s="9" t="s">
        <v>277</v>
      </c>
      <c r="H565" s="6">
        <v>2</v>
      </c>
      <c r="I565" s="6">
        <v>1</v>
      </c>
      <c r="J565" s="6">
        <v>1</v>
      </c>
      <c r="K565" s="6">
        <v>1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4</v>
      </c>
      <c r="E566" s="9" t="s">
        <v>228</v>
      </c>
      <c r="F566" s="9" t="s">
        <v>235</v>
      </c>
      <c r="G566" s="9" t="s">
        <v>278</v>
      </c>
      <c r="H566" s="6">
        <v>5</v>
      </c>
      <c r="I566" s="6">
        <v>4</v>
      </c>
      <c r="J566" s="6">
        <v>4</v>
      </c>
      <c r="K566" s="6">
        <v>1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4</v>
      </c>
      <c r="E567" s="9" t="s">
        <v>228</v>
      </c>
      <c r="F567" s="9" t="s">
        <v>235</v>
      </c>
      <c r="G567" s="9" t="s">
        <v>279</v>
      </c>
      <c r="H567" s="6">
        <v>6</v>
      </c>
      <c r="I567" s="6">
        <v>4</v>
      </c>
      <c r="J567" s="6">
        <v>4</v>
      </c>
      <c r="K567" s="6">
        <v>2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4</v>
      </c>
      <c r="E568" s="9" t="s">
        <v>228</v>
      </c>
      <c r="F568" s="9" t="s">
        <v>235</v>
      </c>
      <c r="G568" s="9" t="s">
        <v>280</v>
      </c>
      <c r="H568" s="6">
        <v>404</v>
      </c>
      <c r="I568" s="6">
        <v>106</v>
      </c>
      <c r="J568" s="6">
        <v>94</v>
      </c>
      <c r="K568" s="6">
        <v>297</v>
      </c>
      <c r="L568" s="6">
        <v>1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4</v>
      </c>
      <c r="E569" s="9" t="s">
        <v>228</v>
      </c>
      <c r="F569" s="9" t="s">
        <v>281</v>
      </c>
      <c r="G569" s="9" t="s">
        <v>6</v>
      </c>
      <c r="H569" s="6">
        <v>349</v>
      </c>
      <c r="I569" s="6">
        <v>94</v>
      </c>
      <c r="J569" s="6">
        <v>83</v>
      </c>
      <c r="K569" s="6">
        <v>254</v>
      </c>
      <c r="L569" s="6">
        <v>1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4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4</v>
      </c>
      <c r="E571" s="9" t="s">
        <v>228</v>
      </c>
      <c r="F571" s="9" t="s">
        <v>281</v>
      </c>
      <c r="G571" s="9" t="s">
        <v>273</v>
      </c>
      <c r="H571" s="6">
        <v>5</v>
      </c>
      <c r="I571" s="6">
        <v>2</v>
      </c>
      <c r="J571" s="6">
        <v>2</v>
      </c>
      <c r="K571" s="6">
        <v>3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4</v>
      </c>
      <c r="E572" s="9" t="s">
        <v>228</v>
      </c>
      <c r="F572" s="9" t="s">
        <v>281</v>
      </c>
      <c r="G572" s="9" t="s">
        <v>274</v>
      </c>
      <c r="H572" s="6">
        <v>3</v>
      </c>
      <c r="I572" s="6">
        <v>3</v>
      </c>
      <c r="J572" s="6">
        <v>2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4</v>
      </c>
      <c r="E573" s="9" t="s">
        <v>228</v>
      </c>
      <c r="F573" s="9" t="s">
        <v>281</v>
      </c>
      <c r="G573" s="9" t="s">
        <v>275</v>
      </c>
      <c r="H573" s="6">
        <v>1</v>
      </c>
      <c r="I573" s="6">
        <v>1</v>
      </c>
      <c r="J573" s="6">
        <v>1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4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4</v>
      </c>
      <c r="E575" s="9" t="s">
        <v>228</v>
      </c>
      <c r="F575" s="9" t="s">
        <v>281</v>
      </c>
      <c r="G575" s="9" t="s">
        <v>277</v>
      </c>
      <c r="H575" s="6">
        <v>1</v>
      </c>
      <c r="I575" s="10" t="s">
        <v>55</v>
      </c>
      <c r="J575" s="10" t="s">
        <v>55</v>
      </c>
      <c r="K575" s="6">
        <v>1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4</v>
      </c>
      <c r="E576" s="9" t="s">
        <v>228</v>
      </c>
      <c r="F576" s="9" t="s">
        <v>281</v>
      </c>
      <c r="G576" s="9" t="s">
        <v>278</v>
      </c>
      <c r="H576" s="6">
        <v>3</v>
      </c>
      <c r="I576" s="6">
        <v>2</v>
      </c>
      <c r="J576" s="6">
        <v>2</v>
      </c>
      <c r="K576" s="6">
        <v>1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4</v>
      </c>
      <c r="E577" s="9" t="s">
        <v>228</v>
      </c>
      <c r="F577" s="9" t="s">
        <v>281</v>
      </c>
      <c r="G577" s="9" t="s">
        <v>279</v>
      </c>
      <c r="H577" s="6">
        <v>3</v>
      </c>
      <c r="I577" s="6">
        <v>1</v>
      </c>
      <c r="J577" s="6">
        <v>1</v>
      </c>
      <c r="K577" s="6">
        <v>2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4</v>
      </c>
      <c r="E578" s="9" t="s">
        <v>228</v>
      </c>
      <c r="F578" s="9" t="s">
        <v>281</v>
      </c>
      <c r="G578" s="9" t="s">
        <v>280</v>
      </c>
      <c r="H578" s="6">
        <v>333</v>
      </c>
      <c r="I578" s="6">
        <v>85</v>
      </c>
      <c r="J578" s="6">
        <v>75</v>
      </c>
      <c r="K578" s="6">
        <v>247</v>
      </c>
      <c r="L578" s="6">
        <v>1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4</v>
      </c>
      <c r="E579" s="9" t="s">
        <v>228</v>
      </c>
      <c r="F579" s="9" t="s">
        <v>282</v>
      </c>
      <c r="G579" s="9" t="s">
        <v>6</v>
      </c>
      <c r="H579" s="6">
        <v>75</v>
      </c>
      <c r="I579" s="6">
        <v>25</v>
      </c>
      <c r="J579" s="6">
        <v>22</v>
      </c>
      <c r="K579" s="6">
        <v>50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4</v>
      </c>
      <c r="E580" s="9" t="s">
        <v>228</v>
      </c>
      <c r="F580" s="9" t="s">
        <v>282</v>
      </c>
      <c r="G580" s="9" t="s">
        <v>272</v>
      </c>
      <c r="H580" s="6">
        <v>1</v>
      </c>
      <c r="I580" s="10" t="s">
        <v>55</v>
      </c>
      <c r="J580" s="10" t="s">
        <v>55</v>
      </c>
      <c r="K580" s="6">
        <v>1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4</v>
      </c>
      <c r="E581" s="9" t="s">
        <v>228</v>
      </c>
      <c r="F581" s="9" t="s">
        <v>282</v>
      </c>
      <c r="G581" s="9" t="s">
        <v>273</v>
      </c>
      <c r="H581" s="6">
        <v>2</v>
      </c>
      <c r="I581" s="10" t="s">
        <v>55</v>
      </c>
      <c r="J581" s="10" t="s">
        <v>55</v>
      </c>
      <c r="K581" s="6">
        <v>2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4</v>
      </c>
      <c r="E582" s="9" t="s">
        <v>228</v>
      </c>
      <c r="F582" s="9" t="s">
        <v>282</v>
      </c>
      <c r="G582" s="9" t="s">
        <v>274</v>
      </c>
      <c r="H582" s="6">
        <v>1</v>
      </c>
      <c r="I582" s="10" t="s">
        <v>55</v>
      </c>
      <c r="J582" s="10" t="s">
        <v>55</v>
      </c>
      <c r="K582" s="6">
        <v>1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4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4</v>
      </c>
      <c r="E584" s="9" t="s">
        <v>228</v>
      </c>
      <c r="F584" s="9" t="s">
        <v>282</v>
      </c>
      <c r="G584" s="9" t="s">
        <v>276</v>
      </c>
      <c r="H584" s="6">
        <v>1</v>
      </c>
      <c r="I584" s="6">
        <v>1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4</v>
      </c>
      <c r="E585" s="9" t="s">
        <v>228</v>
      </c>
      <c r="F585" s="9" t="s">
        <v>282</v>
      </c>
      <c r="G585" s="9" t="s">
        <v>277</v>
      </c>
      <c r="H585" s="6">
        <v>1</v>
      </c>
      <c r="I585" s="6">
        <v>1</v>
      </c>
      <c r="J585" s="6">
        <v>1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4</v>
      </c>
      <c r="E586" s="9" t="s">
        <v>228</v>
      </c>
      <c r="F586" s="9" t="s">
        <v>282</v>
      </c>
      <c r="G586" s="9" t="s">
        <v>278</v>
      </c>
      <c r="H586" s="6">
        <v>2</v>
      </c>
      <c r="I586" s="6">
        <v>2</v>
      </c>
      <c r="J586" s="6">
        <v>2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4</v>
      </c>
      <c r="E587" s="9" t="s">
        <v>228</v>
      </c>
      <c r="F587" s="9" t="s">
        <v>282</v>
      </c>
      <c r="G587" s="9" t="s">
        <v>279</v>
      </c>
      <c r="H587" s="6">
        <v>2</v>
      </c>
      <c r="I587" s="6">
        <v>2</v>
      </c>
      <c r="J587" s="6">
        <v>2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4</v>
      </c>
      <c r="E588" s="9" t="s">
        <v>228</v>
      </c>
      <c r="F588" s="9" t="s">
        <v>282</v>
      </c>
      <c r="G588" s="9" t="s">
        <v>280</v>
      </c>
      <c r="H588" s="6">
        <v>65</v>
      </c>
      <c r="I588" s="6">
        <v>19</v>
      </c>
      <c r="J588" s="6">
        <v>17</v>
      </c>
      <c r="K588" s="6">
        <v>46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4</v>
      </c>
      <c r="E589" s="9" t="s">
        <v>228</v>
      </c>
      <c r="F589" s="9" t="s">
        <v>283</v>
      </c>
      <c r="G589" s="9" t="s">
        <v>6</v>
      </c>
      <c r="H589" s="6">
        <v>12</v>
      </c>
      <c r="I589" s="6">
        <v>7</v>
      </c>
      <c r="J589" s="6">
        <v>6</v>
      </c>
      <c r="K589" s="6">
        <v>5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4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4</v>
      </c>
      <c r="E591" s="9" t="s">
        <v>228</v>
      </c>
      <c r="F591" s="9" t="s">
        <v>283</v>
      </c>
      <c r="G591" s="9" t="s">
        <v>273</v>
      </c>
      <c r="H591" s="6">
        <v>1</v>
      </c>
      <c r="I591" s="6">
        <v>1</v>
      </c>
      <c r="J591" s="6">
        <v>1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4</v>
      </c>
      <c r="E592" s="9" t="s">
        <v>228</v>
      </c>
      <c r="F592" s="9" t="s">
        <v>283</v>
      </c>
      <c r="G592" s="9" t="s">
        <v>274</v>
      </c>
      <c r="H592" s="6">
        <v>4</v>
      </c>
      <c r="I592" s="6">
        <v>3</v>
      </c>
      <c r="J592" s="6">
        <v>2</v>
      </c>
      <c r="K592" s="6">
        <v>1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4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4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4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4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4</v>
      </c>
      <c r="E597" s="9" t="s">
        <v>228</v>
      </c>
      <c r="F597" s="9" t="s">
        <v>283</v>
      </c>
      <c r="G597" s="9" t="s">
        <v>279</v>
      </c>
      <c r="H597" s="6">
        <v>1</v>
      </c>
      <c r="I597" s="6">
        <v>1</v>
      </c>
      <c r="J597" s="6">
        <v>1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4</v>
      </c>
      <c r="E598" s="9" t="s">
        <v>228</v>
      </c>
      <c r="F598" s="9" t="s">
        <v>283</v>
      </c>
      <c r="G598" s="9" t="s">
        <v>280</v>
      </c>
      <c r="H598" s="6">
        <v>6</v>
      </c>
      <c r="I598" s="6">
        <v>2</v>
      </c>
      <c r="J598" s="6">
        <v>2</v>
      </c>
      <c r="K598" s="6">
        <v>4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4</v>
      </c>
      <c r="E599" s="9" t="s">
        <v>18</v>
      </c>
      <c r="F599" s="9" t="s">
        <v>6</v>
      </c>
      <c r="G599" s="9" t="s">
        <v>6</v>
      </c>
      <c r="H599" s="6">
        <v>111</v>
      </c>
      <c r="I599" s="6">
        <v>1</v>
      </c>
      <c r="J599" s="6">
        <v>1</v>
      </c>
      <c r="K599" s="6">
        <v>1</v>
      </c>
      <c r="L599" s="6">
        <v>109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4</v>
      </c>
      <c r="E600" s="9" t="s">
        <v>18</v>
      </c>
      <c r="F600" s="9" t="s">
        <v>234</v>
      </c>
      <c r="G600" s="9" t="s">
        <v>6</v>
      </c>
      <c r="H600" s="6">
        <v>3</v>
      </c>
      <c r="I600" s="6">
        <v>1</v>
      </c>
      <c r="J600" s="6">
        <v>1</v>
      </c>
      <c r="K600" s="10" t="s">
        <v>55</v>
      </c>
      <c r="L600" s="6">
        <v>2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4</v>
      </c>
      <c r="E601" s="9" t="s">
        <v>18</v>
      </c>
      <c r="F601" s="9" t="s">
        <v>235</v>
      </c>
      <c r="G601" s="9" t="s">
        <v>6</v>
      </c>
      <c r="H601" s="6">
        <v>108</v>
      </c>
      <c r="I601" s="10" t="s">
        <v>55</v>
      </c>
      <c r="J601" s="10" t="s">
        <v>55</v>
      </c>
      <c r="K601" s="6">
        <v>1</v>
      </c>
      <c r="L601" s="6">
        <v>107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4</v>
      </c>
      <c r="E602" s="9" t="s">
        <v>18</v>
      </c>
      <c r="F602" s="9" t="s">
        <v>235</v>
      </c>
      <c r="G602" s="9" t="s">
        <v>272</v>
      </c>
      <c r="H602" s="6">
        <v>6</v>
      </c>
      <c r="I602" s="10" t="s">
        <v>55</v>
      </c>
      <c r="J602" s="10" t="s">
        <v>55</v>
      </c>
      <c r="K602" s="10" t="s">
        <v>55</v>
      </c>
      <c r="L602" s="6">
        <v>6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4</v>
      </c>
      <c r="E603" s="9" t="s">
        <v>18</v>
      </c>
      <c r="F603" s="9" t="s">
        <v>235</v>
      </c>
      <c r="G603" s="9" t="s">
        <v>273</v>
      </c>
      <c r="H603" s="6">
        <v>8</v>
      </c>
      <c r="I603" s="10" t="s">
        <v>55</v>
      </c>
      <c r="J603" s="10" t="s">
        <v>55</v>
      </c>
      <c r="K603" s="10" t="s">
        <v>55</v>
      </c>
      <c r="L603" s="6">
        <v>8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4</v>
      </c>
      <c r="E604" s="9" t="s">
        <v>18</v>
      </c>
      <c r="F604" s="9" t="s">
        <v>235</v>
      </c>
      <c r="G604" s="9" t="s">
        <v>274</v>
      </c>
      <c r="H604" s="6">
        <v>12</v>
      </c>
      <c r="I604" s="10" t="s">
        <v>55</v>
      </c>
      <c r="J604" s="10" t="s">
        <v>55</v>
      </c>
      <c r="K604" s="10" t="s">
        <v>55</v>
      </c>
      <c r="L604" s="6">
        <v>12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4</v>
      </c>
      <c r="E605" s="9" t="s">
        <v>18</v>
      </c>
      <c r="F605" s="9" t="s">
        <v>235</v>
      </c>
      <c r="G605" s="9" t="s">
        <v>275</v>
      </c>
      <c r="H605" s="6">
        <v>5</v>
      </c>
      <c r="I605" s="10" t="s">
        <v>55</v>
      </c>
      <c r="J605" s="10" t="s">
        <v>55</v>
      </c>
      <c r="K605" s="10" t="s">
        <v>55</v>
      </c>
      <c r="L605" s="6">
        <v>5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4</v>
      </c>
      <c r="E606" s="9" t="s">
        <v>18</v>
      </c>
      <c r="F606" s="9" t="s">
        <v>235</v>
      </c>
      <c r="G606" s="9" t="s">
        <v>276</v>
      </c>
      <c r="H606" s="6">
        <v>11</v>
      </c>
      <c r="I606" s="10" t="s">
        <v>55</v>
      </c>
      <c r="J606" s="10" t="s">
        <v>55</v>
      </c>
      <c r="K606" s="10" t="s">
        <v>55</v>
      </c>
      <c r="L606" s="6">
        <v>11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4</v>
      </c>
      <c r="E607" s="9" t="s">
        <v>18</v>
      </c>
      <c r="F607" s="9" t="s">
        <v>235</v>
      </c>
      <c r="G607" s="9" t="s">
        <v>277</v>
      </c>
      <c r="H607" s="6">
        <v>13</v>
      </c>
      <c r="I607" s="10" t="s">
        <v>55</v>
      </c>
      <c r="J607" s="10" t="s">
        <v>55</v>
      </c>
      <c r="K607" s="10" t="s">
        <v>55</v>
      </c>
      <c r="L607" s="6">
        <v>13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4</v>
      </c>
      <c r="E608" s="9" t="s">
        <v>18</v>
      </c>
      <c r="F608" s="9" t="s">
        <v>235</v>
      </c>
      <c r="G608" s="9" t="s">
        <v>278</v>
      </c>
      <c r="H608" s="6">
        <v>11</v>
      </c>
      <c r="I608" s="10" t="s">
        <v>55</v>
      </c>
      <c r="J608" s="10" t="s">
        <v>55</v>
      </c>
      <c r="K608" s="10" t="s">
        <v>55</v>
      </c>
      <c r="L608" s="6">
        <v>11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4</v>
      </c>
      <c r="E609" s="9" t="s">
        <v>18</v>
      </c>
      <c r="F609" s="9" t="s">
        <v>235</v>
      </c>
      <c r="G609" s="9" t="s">
        <v>279</v>
      </c>
      <c r="H609" s="6">
        <v>7</v>
      </c>
      <c r="I609" s="10" t="s">
        <v>55</v>
      </c>
      <c r="J609" s="10" t="s">
        <v>55</v>
      </c>
      <c r="K609" s="10" t="s">
        <v>55</v>
      </c>
      <c r="L609" s="6">
        <v>7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4</v>
      </c>
      <c r="E610" s="9" t="s">
        <v>18</v>
      </c>
      <c r="F610" s="9" t="s">
        <v>235</v>
      </c>
      <c r="G610" s="9" t="s">
        <v>280</v>
      </c>
      <c r="H610" s="6">
        <v>35</v>
      </c>
      <c r="I610" s="10" t="s">
        <v>55</v>
      </c>
      <c r="J610" s="10" t="s">
        <v>55</v>
      </c>
      <c r="K610" s="6">
        <v>1</v>
      </c>
      <c r="L610" s="6">
        <v>34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4</v>
      </c>
      <c r="E611" s="9" t="s">
        <v>18</v>
      </c>
      <c r="F611" s="9" t="s">
        <v>281</v>
      </c>
      <c r="G611" s="9" t="s">
        <v>6</v>
      </c>
      <c r="H611" s="6">
        <v>44</v>
      </c>
      <c r="I611" s="10" t="s">
        <v>55</v>
      </c>
      <c r="J611" s="10" t="s">
        <v>55</v>
      </c>
      <c r="K611" s="10" t="s">
        <v>55</v>
      </c>
      <c r="L611" s="6">
        <v>44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4</v>
      </c>
      <c r="E612" s="9" t="s">
        <v>18</v>
      </c>
      <c r="F612" s="9" t="s">
        <v>281</v>
      </c>
      <c r="G612" s="9" t="s">
        <v>272</v>
      </c>
      <c r="H612" s="6">
        <v>1</v>
      </c>
      <c r="I612" s="10" t="s">
        <v>55</v>
      </c>
      <c r="J612" s="10" t="s">
        <v>55</v>
      </c>
      <c r="K612" s="10" t="s">
        <v>55</v>
      </c>
      <c r="L612" s="6">
        <v>1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4</v>
      </c>
      <c r="E613" s="9" t="s">
        <v>18</v>
      </c>
      <c r="F613" s="9" t="s">
        <v>281</v>
      </c>
      <c r="G613" s="9" t="s">
        <v>273</v>
      </c>
      <c r="H613" s="6">
        <v>1</v>
      </c>
      <c r="I613" s="10" t="s">
        <v>55</v>
      </c>
      <c r="J613" s="10" t="s">
        <v>55</v>
      </c>
      <c r="K613" s="10" t="s">
        <v>55</v>
      </c>
      <c r="L613" s="6">
        <v>1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4</v>
      </c>
      <c r="E614" s="9" t="s">
        <v>18</v>
      </c>
      <c r="F614" s="9" t="s">
        <v>281</v>
      </c>
      <c r="G614" s="9" t="s">
        <v>274</v>
      </c>
      <c r="H614" s="6">
        <v>4</v>
      </c>
      <c r="I614" s="10" t="s">
        <v>55</v>
      </c>
      <c r="J614" s="10" t="s">
        <v>55</v>
      </c>
      <c r="K614" s="10" t="s">
        <v>55</v>
      </c>
      <c r="L614" s="6">
        <v>4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4</v>
      </c>
      <c r="E615" s="9" t="s">
        <v>18</v>
      </c>
      <c r="F615" s="9" t="s">
        <v>281</v>
      </c>
      <c r="G615" s="9" t="s">
        <v>275</v>
      </c>
      <c r="H615" s="6">
        <v>2</v>
      </c>
      <c r="I615" s="10" t="s">
        <v>55</v>
      </c>
      <c r="J615" s="10" t="s">
        <v>55</v>
      </c>
      <c r="K615" s="10" t="s">
        <v>55</v>
      </c>
      <c r="L615" s="6">
        <v>2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4</v>
      </c>
      <c r="E616" s="9" t="s">
        <v>18</v>
      </c>
      <c r="F616" s="9" t="s">
        <v>281</v>
      </c>
      <c r="G616" s="9" t="s">
        <v>276</v>
      </c>
      <c r="H616" s="6">
        <v>1</v>
      </c>
      <c r="I616" s="10" t="s">
        <v>55</v>
      </c>
      <c r="J616" s="10" t="s">
        <v>55</v>
      </c>
      <c r="K616" s="10" t="s">
        <v>55</v>
      </c>
      <c r="L616" s="6">
        <v>1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4</v>
      </c>
      <c r="E617" s="9" t="s">
        <v>18</v>
      </c>
      <c r="F617" s="9" t="s">
        <v>281</v>
      </c>
      <c r="G617" s="9" t="s">
        <v>277</v>
      </c>
      <c r="H617" s="6">
        <v>1</v>
      </c>
      <c r="I617" s="10" t="s">
        <v>55</v>
      </c>
      <c r="J617" s="10" t="s">
        <v>55</v>
      </c>
      <c r="K617" s="10" t="s">
        <v>55</v>
      </c>
      <c r="L617" s="6">
        <v>1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4</v>
      </c>
      <c r="E618" s="9" t="s">
        <v>18</v>
      </c>
      <c r="F618" s="9" t="s">
        <v>281</v>
      </c>
      <c r="G618" s="9" t="s">
        <v>278</v>
      </c>
      <c r="H618" s="6">
        <v>5</v>
      </c>
      <c r="I618" s="10" t="s">
        <v>55</v>
      </c>
      <c r="J618" s="10" t="s">
        <v>55</v>
      </c>
      <c r="K618" s="10" t="s">
        <v>55</v>
      </c>
      <c r="L618" s="6">
        <v>5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4</v>
      </c>
      <c r="E619" s="9" t="s">
        <v>18</v>
      </c>
      <c r="F619" s="9" t="s">
        <v>281</v>
      </c>
      <c r="G619" s="9" t="s">
        <v>279</v>
      </c>
      <c r="H619" s="6">
        <v>3</v>
      </c>
      <c r="I619" s="10" t="s">
        <v>55</v>
      </c>
      <c r="J619" s="10" t="s">
        <v>55</v>
      </c>
      <c r="K619" s="10" t="s">
        <v>55</v>
      </c>
      <c r="L619" s="6">
        <v>3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4</v>
      </c>
      <c r="E620" s="9" t="s">
        <v>18</v>
      </c>
      <c r="F620" s="9" t="s">
        <v>281</v>
      </c>
      <c r="G620" s="9" t="s">
        <v>280</v>
      </c>
      <c r="H620" s="6">
        <v>26</v>
      </c>
      <c r="I620" s="10" t="s">
        <v>55</v>
      </c>
      <c r="J620" s="10" t="s">
        <v>55</v>
      </c>
      <c r="K620" s="10" t="s">
        <v>55</v>
      </c>
      <c r="L620" s="6">
        <v>26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4</v>
      </c>
      <c r="E621" s="9" t="s">
        <v>18</v>
      </c>
      <c r="F621" s="9" t="s">
        <v>282</v>
      </c>
      <c r="G621" s="9" t="s">
        <v>6</v>
      </c>
      <c r="H621" s="6">
        <v>36</v>
      </c>
      <c r="I621" s="10" t="s">
        <v>55</v>
      </c>
      <c r="J621" s="10" t="s">
        <v>55</v>
      </c>
      <c r="K621" s="6">
        <v>1</v>
      </c>
      <c r="L621" s="6">
        <v>35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4</v>
      </c>
      <c r="E622" s="9" t="s">
        <v>18</v>
      </c>
      <c r="F622" s="9" t="s">
        <v>282</v>
      </c>
      <c r="G622" s="9" t="s">
        <v>272</v>
      </c>
      <c r="H622" s="6">
        <v>2</v>
      </c>
      <c r="I622" s="10" t="s">
        <v>55</v>
      </c>
      <c r="J622" s="10" t="s">
        <v>55</v>
      </c>
      <c r="K622" s="10" t="s">
        <v>55</v>
      </c>
      <c r="L622" s="6">
        <v>2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4</v>
      </c>
      <c r="E623" s="9" t="s">
        <v>18</v>
      </c>
      <c r="F623" s="9" t="s">
        <v>282</v>
      </c>
      <c r="G623" s="9" t="s">
        <v>273</v>
      </c>
      <c r="H623" s="6">
        <v>5</v>
      </c>
      <c r="I623" s="10" t="s">
        <v>55</v>
      </c>
      <c r="J623" s="10" t="s">
        <v>55</v>
      </c>
      <c r="K623" s="10" t="s">
        <v>55</v>
      </c>
      <c r="L623" s="6">
        <v>5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4</v>
      </c>
      <c r="E624" s="9" t="s">
        <v>18</v>
      </c>
      <c r="F624" s="9" t="s">
        <v>282</v>
      </c>
      <c r="G624" s="9" t="s">
        <v>274</v>
      </c>
      <c r="H624" s="6">
        <v>4</v>
      </c>
      <c r="I624" s="10" t="s">
        <v>55</v>
      </c>
      <c r="J624" s="10" t="s">
        <v>55</v>
      </c>
      <c r="K624" s="10" t="s">
        <v>55</v>
      </c>
      <c r="L624" s="6">
        <v>4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4</v>
      </c>
      <c r="E625" s="9" t="s">
        <v>18</v>
      </c>
      <c r="F625" s="9" t="s">
        <v>282</v>
      </c>
      <c r="G625" s="9" t="s">
        <v>275</v>
      </c>
      <c r="H625" s="6">
        <v>1</v>
      </c>
      <c r="I625" s="10" t="s">
        <v>55</v>
      </c>
      <c r="J625" s="10" t="s">
        <v>55</v>
      </c>
      <c r="K625" s="10" t="s">
        <v>55</v>
      </c>
      <c r="L625" s="6">
        <v>1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4</v>
      </c>
      <c r="E626" s="9" t="s">
        <v>18</v>
      </c>
      <c r="F626" s="9" t="s">
        <v>282</v>
      </c>
      <c r="G626" s="9" t="s">
        <v>276</v>
      </c>
      <c r="H626" s="6">
        <v>5</v>
      </c>
      <c r="I626" s="10" t="s">
        <v>55</v>
      </c>
      <c r="J626" s="10" t="s">
        <v>55</v>
      </c>
      <c r="K626" s="10" t="s">
        <v>55</v>
      </c>
      <c r="L626" s="6">
        <v>5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4</v>
      </c>
      <c r="E627" s="9" t="s">
        <v>18</v>
      </c>
      <c r="F627" s="9" t="s">
        <v>282</v>
      </c>
      <c r="G627" s="9" t="s">
        <v>277</v>
      </c>
      <c r="H627" s="6">
        <v>4</v>
      </c>
      <c r="I627" s="10" t="s">
        <v>55</v>
      </c>
      <c r="J627" s="10" t="s">
        <v>55</v>
      </c>
      <c r="K627" s="10" t="s">
        <v>55</v>
      </c>
      <c r="L627" s="6">
        <v>4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4</v>
      </c>
      <c r="E628" s="9" t="s">
        <v>18</v>
      </c>
      <c r="F628" s="9" t="s">
        <v>282</v>
      </c>
      <c r="G628" s="9" t="s">
        <v>278</v>
      </c>
      <c r="H628" s="6">
        <v>4</v>
      </c>
      <c r="I628" s="10" t="s">
        <v>55</v>
      </c>
      <c r="J628" s="10" t="s">
        <v>55</v>
      </c>
      <c r="K628" s="10" t="s">
        <v>55</v>
      </c>
      <c r="L628" s="6">
        <v>4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4</v>
      </c>
      <c r="E629" s="9" t="s">
        <v>18</v>
      </c>
      <c r="F629" s="9" t="s">
        <v>282</v>
      </c>
      <c r="G629" s="9" t="s">
        <v>279</v>
      </c>
      <c r="H629" s="6">
        <v>3</v>
      </c>
      <c r="I629" s="10" t="s">
        <v>55</v>
      </c>
      <c r="J629" s="10" t="s">
        <v>55</v>
      </c>
      <c r="K629" s="10" t="s">
        <v>55</v>
      </c>
      <c r="L629" s="6">
        <v>3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4</v>
      </c>
      <c r="E630" s="9" t="s">
        <v>18</v>
      </c>
      <c r="F630" s="9" t="s">
        <v>282</v>
      </c>
      <c r="G630" s="9" t="s">
        <v>280</v>
      </c>
      <c r="H630" s="6">
        <v>8</v>
      </c>
      <c r="I630" s="10" t="s">
        <v>55</v>
      </c>
      <c r="J630" s="10" t="s">
        <v>55</v>
      </c>
      <c r="K630" s="6">
        <v>1</v>
      </c>
      <c r="L630" s="6">
        <v>7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4</v>
      </c>
      <c r="E631" s="9" t="s">
        <v>18</v>
      </c>
      <c r="F631" s="9" t="s">
        <v>283</v>
      </c>
      <c r="G631" s="9" t="s">
        <v>6</v>
      </c>
      <c r="H631" s="6">
        <v>28</v>
      </c>
      <c r="I631" s="10" t="s">
        <v>55</v>
      </c>
      <c r="J631" s="10" t="s">
        <v>55</v>
      </c>
      <c r="K631" s="10" t="s">
        <v>55</v>
      </c>
      <c r="L631" s="6">
        <v>28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4</v>
      </c>
      <c r="E632" s="9" t="s">
        <v>18</v>
      </c>
      <c r="F632" s="9" t="s">
        <v>283</v>
      </c>
      <c r="G632" s="9" t="s">
        <v>272</v>
      </c>
      <c r="H632" s="6">
        <v>3</v>
      </c>
      <c r="I632" s="10" t="s">
        <v>55</v>
      </c>
      <c r="J632" s="10" t="s">
        <v>55</v>
      </c>
      <c r="K632" s="10" t="s">
        <v>55</v>
      </c>
      <c r="L632" s="6">
        <v>3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4</v>
      </c>
      <c r="E633" s="9" t="s">
        <v>18</v>
      </c>
      <c r="F633" s="9" t="s">
        <v>283</v>
      </c>
      <c r="G633" s="9" t="s">
        <v>273</v>
      </c>
      <c r="H633" s="6">
        <v>2</v>
      </c>
      <c r="I633" s="10" t="s">
        <v>55</v>
      </c>
      <c r="J633" s="10" t="s">
        <v>55</v>
      </c>
      <c r="K633" s="10" t="s">
        <v>55</v>
      </c>
      <c r="L633" s="6">
        <v>2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4</v>
      </c>
      <c r="E634" s="9" t="s">
        <v>18</v>
      </c>
      <c r="F634" s="9" t="s">
        <v>283</v>
      </c>
      <c r="G634" s="9" t="s">
        <v>274</v>
      </c>
      <c r="H634" s="6">
        <v>4</v>
      </c>
      <c r="I634" s="10" t="s">
        <v>55</v>
      </c>
      <c r="J634" s="10" t="s">
        <v>55</v>
      </c>
      <c r="K634" s="10" t="s">
        <v>55</v>
      </c>
      <c r="L634" s="6">
        <v>4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4</v>
      </c>
      <c r="E635" s="9" t="s">
        <v>18</v>
      </c>
      <c r="F635" s="9" t="s">
        <v>283</v>
      </c>
      <c r="G635" s="9" t="s">
        <v>275</v>
      </c>
      <c r="H635" s="6">
        <v>2</v>
      </c>
      <c r="I635" s="10" t="s">
        <v>55</v>
      </c>
      <c r="J635" s="10" t="s">
        <v>55</v>
      </c>
      <c r="K635" s="10" t="s">
        <v>55</v>
      </c>
      <c r="L635" s="6">
        <v>2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4</v>
      </c>
      <c r="E636" s="9" t="s">
        <v>18</v>
      </c>
      <c r="F636" s="9" t="s">
        <v>283</v>
      </c>
      <c r="G636" s="9" t="s">
        <v>276</v>
      </c>
      <c r="H636" s="6">
        <v>5</v>
      </c>
      <c r="I636" s="10" t="s">
        <v>55</v>
      </c>
      <c r="J636" s="10" t="s">
        <v>55</v>
      </c>
      <c r="K636" s="10" t="s">
        <v>55</v>
      </c>
      <c r="L636" s="6">
        <v>5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4</v>
      </c>
      <c r="E637" s="9" t="s">
        <v>18</v>
      </c>
      <c r="F637" s="9" t="s">
        <v>283</v>
      </c>
      <c r="G637" s="9" t="s">
        <v>277</v>
      </c>
      <c r="H637" s="6">
        <v>8</v>
      </c>
      <c r="I637" s="10" t="s">
        <v>55</v>
      </c>
      <c r="J637" s="10" t="s">
        <v>55</v>
      </c>
      <c r="K637" s="10" t="s">
        <v>55</v>
      </c>
      <c r="L637" s="6">
        <v>8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4</v>
      </c>
      <c r="E638" s="9" t="s">
        <v>18</v>
      </c>
      <c r="F638" s="9" t="s">
        <v>283</v>
      </c>
      <c r="G638" s="9" t="s">
        <v>278</v>
      </c>
      <c r="H638" s="6">
        <v>2</v>
      </c>
      <c r="I638" s="10" t="s">
        <v>55</v>
      </c>
      <c r="J638" s="10" t="s">
        <v>55</v>
      </c>
      <c r="K638" s="10" t="s">
        <v>55</v>
      </c>
      <c r="L638" s="6">
        <v>2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4</v>
      </c>
      <c r="E639" s="9" t="s">
        <v>18</v>
      </c>
      <c r="F639" s="9" t="s">
        <v>283</v>
      </c>
      <c r="G639" s="9" t="s">
        <v>279</v>
      </c>
      <c r="H639" s="6">
        <v>1</v>
      </c>
      <c r="I639" s="10" t="s">
        <v>55</v>
      </c>
      <c r="J639" s="10" t="s">
        <v>55</v>
      </c>
      <c r="K639" s="10" t="s">
        <v>55</v>
      </c>
      <c r="L639" s="6">
        <v>1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4</v>
      </c>
      <c r="E640" s="9" t="s">
        <v>18</v>
      </c>
      <c r="F640" s="9" t="s">
        <v>283</v>
      </c>
      <c r="G640" s="9" t="s">
        <v>280</v>
      </c>
      <c r="H640" s="6">
        <v>1</v>
      </c>
      <c r="I640" s="10" t="s">
        <v>55</v>
      </c>
      <c r="J640" s="10" t="s">
        <v>55</v>
      </c>
      <c r="K640" s="10" t="s">
        <v>55</v>
      </c>
      <c r="L640" s="6">
        <v>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9CB536B-9E51-4039-A281-697415C92FB5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8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5" t="s">
        <v>6</v>
      </c>
      <c r="G11" s="5" t="s">
        <v>6</v>
      </c>
      <c r="H11" s="6">
        <v>86381040</v>
      </c>
      <c r="I11" s="6">
        <v>47343195</v>
      </c>
      <c r="J11" s="6">
        <v>41650738</v>
      </c>
      <c r="K11" s="6">
        <v>31448388</v>
      </c>
      <c r="L11" s="6">
        <v>7589457</v>
      </c>
    </row>
    <row r="12" spans="1:12">
      <c r="A12" s="9" t="s">
        <v>27</v>
      </c>
      <c r="B12" s="9" t="s">
        <v>28</v>
      </c>
      <c r="C12" s="9" t="s">
        <v>29</v>
      </c>
      <c r="D12" s="9" t="s">
        <v>6</v>
      </c>
      <c r="E12" s="9" t="s">
        <v>6</v>
      </c>
      <c r="F12" s="9" t="s">
        <v>234</v>
      </c>
      <c r="G12" s="9" t="s">
        <v>6</v>
      </c>
      <c r="H12" s="6">
        <v>25540947</v>
      </c>
      <c r="I12" s="6">
        <v>11059424</v>
      </c>
      <c r="J12" s="6">
        <v>9180961</v>
      </c>
      <c r="K12" s="6">
        <v>12479798</v>
      </c>
      <c r="L12" s="6">
        <v>2001725</v>
      </c>
    </row>
    <row r="13" spans="1:12">
      <c r="A13" s="9" t="s">
        <v>27</v>
      </c>
      <c r="B13" s="9" t="s">
        <v>28</v>
      </c>
      <c r="C13" s="9" t="s">
        <v>29</v>
      </c>
      <c r="D13" s="9" t="s">
        <v>6</v>
      </c>
      <c r="E13" s="9" t="s">
        <v>6</v>
      </c>
      <c r="F13" s="9" t="s">
        <v>235</v>
      </c>
      <c r="G13" s="9" t="s">
        <v>6</v>
      </c>
      <c r="H13" s="6">
        <v>60840093</v>
      </c>
      <c r="I13" s="6">
        <v>36283771</v>
      </c>
      <c r="J13" s="6">
        <v>32469777</v>
      </c>
      <c r="K13" s="6">
        <v>18968590</v>
      </c>
      <c r="L13" s="6">
        <v>5587732</v>
      </c>
    </row>
    <row r="14" spans="1:12">
      <c r="A14" s="9" t="s">
        <v>27</v>
      </c>
      <c r="B14" s="9" t="s">
        <v>28</v>
      </c>
      <c r="C14" s="9" t="s">
        <v>29</v>
      </c>
      <c r="D14" s="9" t="s">
        <v>6</v>
      </c>
      <c r="E14" s="9" t="s">
        <v>6</v>
      </c>
      <c r="F14" s="9" t="s">
        <v>235</v>
      </c>
      <c r="G14" s="9" t="s">
        <v>272</v>
      </c>
      <c r="H14" s="6">
        <v>3029860</v>
      </c>
      <c r="I14" s="6">
        <v>1254891</v>
      </c>
      <c r="J14" s="6">
        <v>1157590</v>
      </c>
      <c r="K14" s="6">
        <v>1398116</v>
      </c>
      <c r="L14" s="6">
        <v>376853</v>
      </c>
    </row>
    <row r="15" spans="1:12">
      <c r="A15" s="9" t="s">
        <v>27</v>
      </c>
      <c r="B15" s="9" t="s">
        <v>28</v>
      </c>
      <c r="C15" s="9" t="s">
        <v>29</v>
      </c>
      <c r="D15" s="9" t="s">
        <v>6</v>
      </c>
      <c r="E15" s="9" t="s">
        <v>6</v>
      </c>
      <c r="F15" s="9" t="s">
        <v>235</v>
      </c>
      <c r="G15" s="9" t="s">
        <v>273</v>
      </c>
      <c r="H15" s="6">
        <v>5726891</v>
      </c>
      <c r="I15" s="6">
        <v>3079589</v>
      </c>
      <c r="J15" s="6">
        <v>2833966</v>
      </c>
      <c r="K15" s="6">
        <v>1870807</v>
      </c>
      <c r="L15" s="6">
        <v>776495</v>
      </c>
    </row>
    <row r="16" spans="1:12">
      <c r="A16" s="9" t="s">
        <v>27</v>
      </c>
      <c r="B16" s="9" t="s">
        <v>28</v>
      </c>
      <c r="C16" s="9" t="s">
        <v>29</v>
      </c>
      <c r="D16" s="9" t="s">
        <v>6</v>
      </c>
      <c r="E16" s="9" t="s">
        <v>6</v>
      </c>
      <c r="F16" s="9" t="s">
        <v>235</v>
      </c>
      <c r="G16" s="9" t="s">
        <v>274</v>
      </c>
      <c r="H16" s="6">
        <v>6661873</v>
      </c>
      <c r="I16" s="6">
        <v>4150286</v>
      </c>
      <c r="J16" s="6">
        <v>3799437</v>
      </c>
      <c r="K16" s="6">
        <v>1668277</v>
      </c>
      <c r="L16" s="6">
        <v>843310</v>
      </c>
    </row>
    <row r="17" spans="1:12">
      <c r="A17" s="9" t="s">
        <v>27</v>
      </c>
      <c r="B17" s="9" t="s">
        <v>28</v>
      </c>
      <c r="C17" s="9" t="s">
        <v>29</v>
      </c>
      <c r="D17" s="9" t="s">
        <v>6</v>
      </c>
      <c r="E17" s="9" t="s">
        <v>6</v>
      </c>
      <c r="F17" s="9" t="s">
        <v>235</v>
      </c>
      <c r="G17" s="9" t="s">
        <v>275</v>
      </c>
      <c r="H17" s="6">
        <v>5816103</v>
      </c>
      <c r="I17" s="6">
        <v>3952330</v>
      </c>
      <c r="J17" s="6">
        <v>3637765</v>
      </c>
      <c r="K17" s="6">
        <v>1203283</v>
      </c>
      <c r="L17" s="6">
        <v>660490</v>
      </c>
    </row>
    <row r="18" spans="1:12">
      <c r="A18" s="9" t="s">
        <v>27</v>
      </c>
      <c r="B18" s="9" t="s">
        <v>28</v>
      </c>
      <c r="C18" s="9" t="s">
        <v>29</v>
      </c>
      <c r="D18" s="9" t="s">
        <v>6</v>
      </c>
      <c r="E18" s="9" t="s">
        <v>6</v>
      </c>
      <c r="F18" s="9" t="s">
        <v>235</v>
      </c>
      <c r="G18" s="9" t="s">
        <v>276</v>
      </c>
      <c r="H18" s="6">
        <v>5507170</v>
      </c>
      <c r="I18" s="6">
        <v>3954494</v>
      </c>
      <c r="J18" s="6">
        <v>3660758</v>
      </c>
      <c r="K18" s="6">
        <v>965781</v>
      </c>
      <c r="L18" s="6">
        <v>586895</v>
      </c>
    </row>
    <row r="19" spans="1:12">
      <c r="A19" s="9" t="s">
        <v>27</v>
      </c>
      <c r="B19" s="9" t="s">
        <v>28</v>
      </c>
      <c r="C19" s="9" t="s">
        <v>29</v>
      </c>
      <c r="D19" s="9" t="s">
        <v>6</v>
      </c>
      <c r="E19" s="9" t="s">
        <v>6</v>
      </c>
      <c r="F19" s="9" t="s">
        <v>235</v>
      </c>
      <c r="G19" s="9" t="s">
        <v>277</v>
      </c>
      <c r="H19" s="6">
        <v>5167829</v>
      </c>
      <c r="I19" s="6">
        <v>3812662</v>
      </c>
      <c r="J19" s="6">
        <v>3539824</v>
      </c>
      <c r="K19" s="6">
        <v>851766</v>
      </c>
      <c r="L19" s="6">
        <v>503401</v>
      </c>
    </row>
    <row r="20" spans="1:12">
      <c r="A20" s="9" t="s">
        <v>27</v>
      </c>
      <c r="B20" s="9" t="s">
        <v>28</v>
      </c>
      <c r="C20" s="9" t="s">
        <v>29</v>
      </c>
      <c r="D20" s="9" t="s">
        <v>6</v>
      </c>
      <c r="E20" s="9" t="s">
        <v>6</v>
      </c>
      <c r="F20" s="9" t="s">
        <v>235</v>
      </c>
      <c r="G20" s="9" t="s">
        <v>278</v>
      </c>
      <c r="H20" s="6">
        <v>4752556</v>
      </c>
      <c r="I20" s="6">
        <v>3533139</v>
      </c>
      <c r="J20" s="6">
        <v>3279892</v>
      </c>
      <c r="K20" s="6">
        <v>795808</v>
      </c>
      <c r="L20" s="6">
        <v>423609</v>
      </c>
    </row>
    <row r="21" spans="1:12">
      <c r="A21" s="9" t="s">
        <v>27</v>
      </c>
      <c r="B21" s="9" t="s">
        <v>28</v>
      </c>
      <c r="C21" s="9" t="s">
        <v>29</v>
      </c>
      <c r="D21" s="9" t="s">
        <v>6</v>
      </c>
      <c r="E21" s="9" t="s">
        <v>6</v>
      </c>
      <c r="F21" s="9" t="s">
        <v>235</v>
      </c>
      <c r="G21" s="9" t="s">
        <v>279</v>
      </c>
      <c r="H21" s="6">
        <v>2712943</v>
      </c>
      <c r="I21" s="6">
        <v>1967239</v>
      </c>
      <c r="J21" s="6">
        <v>1820769</v>
      </c>
      <c r="K21" s="6">
        <v>498881</v>
      </c>
      <c r="L21" s="6">
        <v>246823</v>
      </c>
    </row>
    <row r="22" spans="1:12">
      <c r="A22" s="9" t="s">
        <v>27</v>
      </c>
      <c r="B22" s="9" t="s">
        <v>28</v>
      </c>
      <c r="C22" s="9" t="s">
        <v>29</v>
      </c>
      <c r="D22" s="9" t="s">
        <v>6</v>
      </c>
      <c r="E22" s="9" t="s">
        <v>6</v>
      </c>
      <c r="F22" s="9" t="s">
        <v>235</v>
      </c>
      <c r="G22" s="9" t="s">
        <v>280</v>
      </c>
      <c r="H22" s="6">
        <v>21464868</v>
      </c>
      <c r="I22" s="6">
        <v>10579141</v>
      </c>
      <c r="J22" s="6">
        <v>8739776</v>
      </c>
      <c r="K22" s="6">
        <v>9715871</v>
      </c>
      <c r="L22" s="6">
        <v>1169856</v>
      </c>
    </row>
    <row r="23" spans="1:12">
      <c r="A23" s="9" t="s">
        <v>27</v>
      </c>
      <c r="B23" s="9" t="s">
        <v>28</v>
      </c>
      <c r="C23" s="9" t="s">
        <v>29</v>
      </c>
      <c r="D23" s="9" t="s">
        <v>6</v>
      </c>
      <c r="E23" s="9" t="s">
        <v>6</v>
      </c>
      <c r="F23" s="9" t="s">
        <v>281</v>
      </c>
      <c r="G23" s="9" t="s">
        <v>6</v>
      </c>
      <c r="H23" s="6">
        <v>25602609</v>
      </c>
      <c r="I23" s="6">
        <v>13404200</v>
      </c>
      <c r="J23" s="6">
        <v>11603515</v>
      </c>
      <c r="K23" s="6">
        <v>10245760</v>
      </c>
      <c r="L23" s="6">
        <v>1952649</v>
      </c>
    </row>
    <row r="24" spans="1:12">
      <c r="A24" s="9" t="s">
        <v>27</v>
      </c>
      <c r="B24" s="9" t="s">
        <v>28</v>
      </c>
      <c r="C24" s="9" t="s">
        <v>29</v>
      </c>
      <c r="D24" s="9" t="s">
        <v>6</v>
      </c>
      <c r="E24" s="9" t="s">
        <v>6</v>
      </c>
      <c r="F24" s="9" t="s">
        <v>281</v>
      </c>
      <c r="G24" s="9" t="s">
        <v>272</v>
      </c>
      <c r="H24" s="6">
        <v>1128740</v>
      </c>
      <c r="I24" s="6">
        <v>484830</v>
      </c>
      <c r="J24" s="6">
        <v>459602</v>
      </c>
      <c r="K24" s="6">
        <v>504246</v>
      </c>
      <c r="L24" s="6">
        <v>139664</v>
      </c>
    </row>
    <row r="25" spans="1:12">
      <c r="A25" s="9" t="s">
        <v>27</v>
      </c>
      <c r="B25" s="9" t="s">
        <v>28</v>
      </c>
      <c r="C25" s="9" t="s">
        <v>29</v>
      </c>
      <c r="D25" s="9" t="s">
        <v>6</v>
      </c>
      <c r="E25" s="9" t="s">
        <v>6</v>
      </c>
      <c r="F25" s="9" t="s">
        <v>281</v>
      </c>
      <c r="G25" s="9" t="s">
        <v>273</v>
      </c>
      <c r="H25" s="6">
        <v>1950315</v>
      </c>
      <c r="I25" s="6">
        <v>1036862</v>
      </c>
      <c r="J25" s="6">
        <v>972575</v>
      </c>
      <c r="K25" s="6">
        <v>645276</v>
      </c>
      <c r="L25" s="6">
        <v>268177</v>
      </c>
    </row>
    <row r="26" spans="1:12">
      <c r="A26" s="9" t="s">
        <v>27</v>
      </c>
      <c r="B26" s="9" t="s">
        <v>28</v>
      </c>
      <c r="C26" s="9" t="s">
        <v>29</v>
      </c>
      <c r="D26" s="9" t="s">
        <v>6</v>
      </c>
      <c r="E26" s="9" t="s">
        <v>6</v>
      </c>
      <c r="F26" s="9" t="s">
        <v>281</v>
      </c>
      <c r="G26" s="9" t="s">
        <v>274</v>
      </c>
      <c r="H26" s="6">
        <v>1615764</v>
      </c>
      <c r="I26" s="6">
        <v>953195</v>
      </c>
      <c r="J26" s="6">
        <v>877568</v>
      </c>
      <c r="K26" s="6">
        <v>439780</v>
      </c>
      <c r="L26" s="6">
        <v>222789</v>
      </c>
    </row>
    <row r="27" spans="1:12">
      <c r="A27" s="9" t="s">
        <v>27</v>
      </c>
      <c r="B27" s="9" t="s">
        <v>28</v>
      </c>
      <c r="C27" s="9" t="s">
        <v>29</v>
      </c>
      <c r="D27" s="9" t="s">
        <v>6</v>
      </c>
      <c r="E27" s="9" t="s">
        <v>6</v>
      </c>
      <c r="F27" s="9" t="s">
        <v>281</v>
      </c>
      <c r="G27" s="9" t="s">
        <v>275</v>
      </c>
      <c r="H27" s="6">
        <v>1143805</v>
      </c>
      <c r="I27" s="6">
        <v>698488</v>
      </c>
      <c r="J27" s="6">
        <v>638631</v>
      </c>
      <c r="K27" s="6">
        <v>306980</v>
      </c>
      <c r="L27" s="6">
        <v>138337</v>
      </c>
    </row>
    <row r="28" spans="1:12">
      <c r="A28" s="9" t="s">
        <v>27</v>
      </c>
      <c r="B28" s="9" t="s">
        <v>28</v>
      </c>
      <c r="C28" s="9" t="s">
        <v>29</v>
      </c>
      <c r="D28" s="9" t="s">
        <v>6</v>
      </c>
      <c r="E28" s="9" t="s">
        <v>6</v>
      </c>
      <c r="F28" s="9" t="s">
        <v>281</v>
      </c>
      <c r="G28" s="9" t="s">
        <v>276</v>
      </c>
      <c r="H28" s="6">
        <v>1081356</v>
      </c>
      <c r="I28" s="6">
        <v>695422</v>
      </c>
      <c r="J28" s="6">
        <v>637423</v>
      </c>
      <c r="K28" s="6">
        <v>266694</v>
      </c>
      <c r="L28" s="6">
        <v>119240</v>
      </c>
    </row>
    <row r="29" spans="1:12">
      <c r="A29" s="9" t="s">
        <v>27</v>
      </c>
      <c r="B29" s="9" t="s">
        <v>28</v>
      </c>
      <c r="C29" s="9" t="s">
        <v>29</v>
      </c>
      <c r="D29" s="9" t="s">
        <v>6</v>
      </c>
      <c r="E29" s="9" t="s">
        <v>6</v>
      </c>
      <c r="F29" s="9" t="s">
        <v>281</v>
      </c>
      <c r="G29" s="9" t="s">
        <v>277</v>
      </c>
      <c r="H29" s="6">
        <v>1134706</v>
      </c>
      <c r="I29" s="6">
        <v>767860</v>
      </c>
      <c r="J29" s="6">
        <v>704813</v>
      </c>
      <c r="K29" s="6">
        <v>256122</v>
      </c>
      <c r="L29" s="6">
        <v>110724</v>
      </c>
    </row>
    <row r="30" spans="1:12">
      <c r="A30" s="9" t="s">
        <v>27</v>
      </c>
      <c r="B30" s="9" t="s">
        <v>28</v>
      </c>
      <c r="C30" s="9" t="s">
        <v>29</v>
      </c>
      <c r="D30" s="9" t="s">
        <v>6</v>
      </c>
      <c r="E30" s="9" t="s">
        <v>6</v>
      </c>
      <c r="F30" s="9" t="s">
        <v>281</v>
      </c>
      <c r="G30" s="9" t="s">
        <v>278</v>
      </c>
      <c r="H30" s="6">
        <v>1470940</v>
      </c>
      <c r="I30" s="6">
        <v>1062061</v>
      </c>
      <c r="J30" s="6">
        <v>978561</v>
      </c>
      <c r="K30" s="6">
        <v>295718</v>
      </c>
      <c r="L30" s="6">
        <v>113161</v>
      </c>
    </row>
    <row r="31" spans="1:12">
      <c r="A31" s="9" t="s">
        <v>27</v>
      </c>
      <c r="B31" s="9" t="s">
        <v>28</v>
      </c>
      <c r="C31" s="9" t="s">
        <v>29</v>
      </c>
      <c r="D31" s="9" t="s">
        <v>6</v>
      </c>
      <c r="E31" s="9" t="s">
        <v>6</v>
      </c>
      <c r="F31" s="9" t="s">
        <v>281</v>
      </c>
      <c r="G31" s="9" t="s">
        <v>279</v>
      </c>
      <c r="H31" s="6">
        <v>1005865</v>
      </c>
      <c r="I31" s="6">
        <v>715214</v>
      </c>
      <c r="J31" s="6">
        <v>658483</v>
      </c>
      <c r="K31" s="6">
        <v>207987</v>
      </c>
      <c r="L31" s="6">
        <v>82664</v>
      </c>
    </row>
    <row r="32" spans="1:12">
      <c r="A32" s="9" t="s">
        <v>27</v>
      </c>
      <c r="B32" s="9" t="s">
        <v>28</v>
      </c>
      <c r="C32" s="9" t="s">
        <v>29</v>
      </c>
      <c r="D32" s="9" t="s">
        <v>6</v>
      </c>
      <c r="E32" s="9" t="s">
        <v>6</v>
      </c>
      <c r="F32" s="9" t="s">
        <v>281</v>
      </c>
      <c r="G32" s="9" t="s">
        <v>280</v>
      </c>
      <c r="H32" s="6">
        <v>15071118</v>
      </c>
      <c r="I32" s="6">
        <v>6990268</v>
      </c>
      <c r="J32" s="6">
        <v>5675859</v>
      </c>
      <c r="K32" s="6">
        <v>7322957</v>
      </c>
      <c r="L32" s="6">
        <v>757893</v>
      </c>
    </row>
    <row r="33" spans="1:12">
      <c r="A33" s="9" t="s">
        <v>27</v>
      </c>
      <c r="B33" s="9" t="s">
        <v>28</v>
      </c>
      <c r="C33" s="9" t="s">
        <v>29</v>
      </c>
      <c r="D33" s="9" t="s">
        <v>6</v>
      </c>
      <c r="E33" s="9" t="s">
        <v>6</v>
      </c>
      <c r="F33" s="9" t="s">
        <v>282</v>
      </c>
      <c r="G33" s="9" t="s">
        <v>6</v>
      </c>
      <c r="H33" s="6">
        <v>25209343</v>
      </c>
      <c r="I33" s="6">
        <v>16293522</v>
      </c>
      <c r="J33" s="6">
        <v>14898344</v>
      </c>
      <c r="K33" s="6">
        <v>6525522</v>
      </c>
      <c r="L33" s="6">
        <v>2390299</v>
      </c>
    </row>
    <row r="34" spans="1:12">
      <c r="A34" s="9" t="s">
        <v>27</v>
      </c>
      <c r="B34" s="9" t="s">
        <v>28</v>
      </c>
      <c r="C34" s="9" t="s">
        <v>29</v>
      </c>
      <c r="D34" s="9" t="s">
        <v>6</v>
      </c>
      <c r="E34" s="9" t="s">
        <v>6</v>
      </c>
      <c r="F34" s="9" t="s">
        <v>282</v>
      </c>
      <c r="G34" s="9" t="s">
        <v>272</v>
      </c>
      <c r="H34" s="6">
        <v>1199168</v>
      </c>
      <c r="I34" s="6">
        <v>490621</v>
      </c>
      <c r="J34" s="6">
        <v>452668</v>
      </c>
      <c r="K34" s="6">
        <v>566714</v>
      </c>
      <c r="L34" s="6">
        <v>141833</v>
      </c>
    </row>
    <row r="35" spans="1:12">
      <c r="A35" s="9" t="s">
        <v>27</v>
      </c>
      <c r="B35" s="9" t="s">
        <v>28</v>
      </c>
      <c r="C35" s="9" t="s">
        <v>29</v>
      </c>
      <c r="D35" s="9" t="s">
        <v>6</v>
      </c>
      <c r="E35" s="9" t="s">
        <v>6</v>
      </c>
      <c r="F35" s="9" t="s">
        <v>282</v>
      </c>
      <c r="G35" s="9" t="s">
        <v>273</v>
      </c>
      <c r="H35" s="6">
        <v>2390218</v>
      </c>
      <c r="I35" s="6">
        <v>1284343</v>
      </c>
      <c r="J35" s="6">
        <v>1183152</v>
      </c>
      <c r="K35" s="6">
        <v>796280</v>
      </c>
      <c r="L35" s="6">
        <v>309595</v>
      </c>
    </row>
    <row r="36" spans="1:12">
      <c r="A36" s="9" t="s">
        <v>27</v>
      </c>
      <c r="B36" s="9" t="s">
        <v>28</v>
      </c>
      <c r="C36" s="9" t="s">
        <v>29</v>
      </c>
      <c r="D36" s="9" t="s">
        <v>6</v>
      </c>
      <c r="E36" s="9" t="s">
        <v>6</v>
      </c>
      <c r="F36" s="9" t="s">
        <v>282</v>
      </c>
      <c r="G36" s="9" t="s">
        <v>274</v>
      </c>
      <c r="H36" s="6">
        <v>3146605</v>
      </c>
      <c r="I36" s="6">
        <v>1961078</v>
      </c>
      <c r="J36" s="6">
        <v>1805825</v>
      </c>
      <c r="K36" s="6">
        <v>816051</v>
      </c>
      <c r="L36" s="6">
        <v>369476</v>
      </c>
    </row>
    <row r="37" spans="1:12">
      <c r="A37" s="9" t="s">
        <v>27</v>
      </c>
      <c r="B37" s="9" t="s">
        <v>28</v>
      </c>
      <c r="C37" s="9" t="s">
        <v>29</v>
      </c>
      <c r="D37" s="9" t="s">
        <v>6</v>
      </c>
      <c r="E37" s="9" t="s">
        <v>6</v>
      </c>
      <c r="F37" s="9" t="s">
        <v>282</v>
      </c>
      <c r="G37" s="9" t="s">
        <v>275</v>
      </c>
      <c r="H37" s="6">
        <v>2930786</v>
      </c>
      <c r="I37" s="6">
        <v>2015092</v>
      </c>
      <c r="J37" s="6">
        <v>1868310</v>
      </c>
      <c r="K37" s="6">
        <v>608165</v>
      </c>
      <c r="L37" s="6">
        <v>307529</v>
      </c>
    </row>
    <row r="38" spans="1:12">
      <c r="A38" s="9" t="s">
        <v>27</v>
      </c>
      <c r="B38" s="9" t="s">
        <v>28</v>
      </c>
      <c r="C38" s="9" t="s">
        <v>29</v>
      </c>
      <c r="D38" s="9" t="s">
        <v>6</v>
      </c>
      <c r="E38" s="9" t="s">
        <v>6</v>
      </c>
      <c r="F38" s="9" t="s">
        <v>282</v>
      </c>
      <c r="G38" s="9" t="s">
        <v>276</v>
      </c>
      <c r="H38" s="6">
        <v>2911859</v>
      </c>
      <c r="I38" s="6">
        <v>2134600</v>
      </c>
      <c r="J38" s="6">
        <v>1989588</v>
      </c>
      <c r="K38" s="6">
        <v>489984</v>
      </c>
      <c r="L38" s="6">
        <v>287275</v>
      </c>
    </row>
    <row r="39" spans="1:12">
      <c r="A39" s="9" t="s">
        <v>27</v>
      </c>
      <c r="B39" s="9" t="s">
        <v>28</v>
      </c>
      <c r="C39" s="9" t="s">
        <v>29</v>
      </c>
      <c r="D39" s="9" t="s">
        <v>6</v>
      </c>
      <c r="E39" s="9" t="s">
        <v>6</v>
      </c>
      <c r="F39" s="9" t="s">
        <v>282</v>
      </c>
      <c r="G39" s="9" t="s">
        <v>277</v>
      </c>
      <c r="H39" s="6">
        <v>2927411</v>
      </c>
      <c r="I39" s="6">
        <v>2217491</v>
      </c>
      <c r="J39" s="6">
        <v>2071635</v>
      </c>
      <c r="K39" s="6">
        <v>446772</v>
      </c>
      <c r="L39" s="6">
        <v>263148</v>
      </c>
    </row>
    <row r="40" spans="1:12">
      <c r="A40" s="9" t="s">
        <v>27</v>
      </c>
      <c r="B40" s="9" t="s">
        <v>28</v>
      </c>
      <c r="C40" s="9" t="s">
        <v>29</v>
      </c>
      <c r="D40" s="9" t="s">
        <v>6</v>
      </c>
      <c r="E40" s="9" t="s">
        <v>6</v>
      </c>
      <c r="F40" s="9" t="s">
        <v>282</v>
      </c>
      <c r="G40" s="9" t="s">
        <v>278</v>
      </c>
      <c r="H40" s="6">
        <v>2600543</v>
      </c>
      <c r="I40" s="6">
        <v>1970873</v>
      </c>
      <c r="J40" s="6">
        <v>1840854</v>
      </c>
      <c r="K40" s="6">
        <v>400274</v>
      </c>
      <c r="L40" s="6">
        <v>229396</v>
      </c>
    </row>
    <row r="41" spans="1:12">
      <c r="A41" s="9" t="s">
        <v>27</v>
      </c>
      <c r="B41" s="9" t="s">
        <v>28</v>
      </c>
      <c r="C41" s="9" t="s">
        <v>29</v>
      </c>
      <c r="D41" s="9" t="s">
        <v>6</v>
      </c>
      <c r="E41" s="9" t="s">
        <v>6</v>
      </c>
      <c r="F41" s="9" t="s">
        <v>282</v>
      </c>
      <c r="G41" s="9" t="s">
        <v>279</v>
      </c>
      <c r="H41" s="6">
        <v>1410262</v>
      </c>
      <c r="I41" s="6">
        <v>1040095</v>
      </c>
      <c r="J41" s="6">
        <v>968574</v>
      </c>
      <c r="K41" s="6">
        <v>240456</v>
      </c>
      <c r="L41" s="6">
        <v>129711</v>
      </c>
    </row>
    <row r="42" spans="1:12">
      <c r="A42" s="9" t="s">
        <v>27</v>
      </c>
      <c r="B42" s="9" t="s">
        <v>28</v>
      </c>
      <c r="C42" s="9" t="s">
        <v>29</v>
      </c>
      <c r="D42" s="9" t="s">
        <v>6</v>
      </c>
      <c r="E42" s="9" t="s">
        <v>6</v>
      </c>
      <c r="F42" s="9" t="s">
        <v>282</v>
      </c>
      <c r="G42" s="9" t="s">
        <v>280</v>
      </c>
      <c r="H42" s="6">
        <v>5692491</v>
      </c>
      <c r="I42" s="6">
        <v>3179329</v>
      </c>
      <c r="J42" s="6">
        <v>2717738</v>
      </c>
      <c r="K42" s="6">
        <v>2160826</v>
      </c>
      <c r="L42" s="6">
        <v>352336</v>
      </c>
    </row>
    <row r="43" spans="1:12">
      <c r="A43" s="9" t="s">
        <v>27</v>
      </c>
      <c r="B43" s="9" t="s">
        <v>28</v>
      </c>
      <c r="C43" s="9" t="s">
        <v>29</v>
      </c>
      <c r="D43" s="9" t="s">
        <v>6</v>
      </c>
      <c r="E43" s="9" t="s">
        <v>6</v>
      </c>
      <c r="F43" s="9" t="s">
        <v>283</v>
      </c>
      <c r="G43" s="9" t="s">
        <v>6</v>
      </c>
      <c r="H43" s="6">
        <v>10028141</v>
      </c>
      <c r="I43" s="6">
        <v>6586049</v>
      </c>
      <c r="J43" s="6">
        <v>5967918</v>
      </c>
      <c r="K43" s="6">
        <v>2197308</v>
      </c>
      <c r="L43" s="6">
        <v>1244784</v>
      </c>
    </row>
    <row r="44" spans="1:12">
      <c r="A44" s="9" t="s">
        <v>27</v>
      </c>
      <c r="B44" s="9" t="s">
        <v>28</v>
      </c>
      <c r="C44" s="9" t="s">
        <v>29</v>
      </c>
      <c r="D44" s="9" t="s">
        <v>6</v>
      </c>
      <c r="E44" s="9" t="s">
        <v>6</v>
      </c>
      <c r="F44" s="9" t="s">
        <v>283</v>
      </c>
      <c r="G44" s="9" t="s">
        <v>272</v>
      </c>
      <c r="H44" s="6">
        <v>701952</v>
      </c>
      <c r="I44" s="6">
        <v>279440</v>
      </c>
      <c r="J44" s="6">
        <v>245320</v>
      </c>
      <c r="K44" s="6">
        <v>327156</v>
      </c>
      <c r="L44" s="6">
        <v>95356</v>
      </c>
    </row>
    <row r="45" spans="1:12">
      <c r="A45" s="9" t="s">
        <v>27</v>
      </c>
      <c r="B45" s="9" t="s">
        <v>28</v>
      </c>
      <c r="C45" s="9" t="s">
        <v>29</v>
      </c>
      <c r="D45" s="9" t="s">
        <v>6</v>
      </c>
      <c r="E45" s="9" t="s">
        <v>6</v>
      </c>
      <c r="F45" s="9" t="s">
        <v>283</v>
      </c>
      <c r="G45" s="9" t="s">
        <v>273</v>
      </c>
      <c r="H45" s="6">
        <v>1386358</v>
      </c>
      <c r="I45" s="6">
        <v>758384</v>
      </c>
      <c r="J45" s="6">
        <v>678239</v>
      </c>
      <c r="K45" s="6">
        <v>429251</v>
      </c>
      <c r="L45" s="6">
        <v>198723</v>
      </c>
    </row>
    <row r="46" spans="1:12">
      <c r="A46" s="9" t="s">
        <v>27</v>
      </c>
      <c r="B46" s="9" t="s">
        <v>28</v>
      </c>
      <c r="C46" s="9" t="s">
        <v>29</v>
      </c>
      <c r="D46" s="9" t="s">
        <v>6</v>
      </c>
      <c r="E46" s="9" t="s">
        <v>6</v>
      </c>
      <c r="F46" s="9" t="s">
        <v>283</v>
      </c>
      <c r="G46" s="9" t="s">
        <v>274</v>
      </c>
      <c r="H46" s="6">
        <v>1899504</v>
      </c>
      <c r="I46" s="6">
        <v>1236013</v>
      </c>
      <c r="J46" s="6">
        <v>1116044</v>
      </c>
      <c r="K46" s="6">
        <v>412446</v>
      </c>
      <c r="L46" s="6">
        <v>251045</v>
      </c>
    </row>
    <row r="47" spans="1:12">
      <c r="A47" s="9" t="s">
        <v>27</v>
      </c>
      <c r="B47" s="9" t="s">
        <v>28</v>
      </c>
      <c r="C47" s="9" t="s">
        <v>29</v>
      </c>
      <c r="D47" s="9" t="s">
        <v>6</v>
      </c>
      <c r="E47" s="9" t="s">
        <v>6</v>
      </c>
      <c r="F47" s="9" t="s">
        <v>283</v>
      </c>
      <c r="G47" s="9" t="s">
        <v>275</v>
      </c>
      <c r="H47" s="6">
        <v>1741512</v>
      </c>
      <c r="I47" s="6">
        <v>1238750</v>
      </c>
      <c r="J47" s="6">
        <v>1130824</v>
      </c>
      <c r="K47" s="6">
        <v>288138</v>
      </c>
      <c r="L47" s="6">
        <v>214624</v>
      </c>
    </row>
    <row r="48" spans="1:12">
      <c r="A48" s="9" t="s">
        <v>27</v>
      </c>
      <c r="B48" s="9" t="s">
        <v>28</v>
      </c>
      <c r="C48" s="9" t="s">
        <v>29</v>
      </c>
      <c r="D48" s="9" t="s">
        <v>6</v>
      </c>
      <c r="E48" s="9" t="s">
        <v>6</v>
      </c>
      <c r="F48" s="9" t="s">
        <v>283</v>
      </c>
      <c r="G48" s="9" t="s">
        <v>276</v>
      </c>
      <c r="H48" s="6">
        <v>1513955</v>
      </c>
      <c r="I48" s="6">
        <v>1124472</v>
      </c>
      <c r="J48" s="6">
        <v>1033747</v>
      </c>
      <c r="K48" s="6">
        <v>209103</v>
      </c>
      <c r="L48" s="6">
        <v>180380</v>
      </c>
    </row>
    <row r="49" spans="1:12">
      <c r="A49" s="9" t="s">
        <v>27</v>
      </c>
      <c r="B49" s="9" t="s">
        <v>28</v>
      </c>
      <c r="C49" s="9" t="s">
        <v>29</v>
      </c>
      <c r="D49" s="9" t="s">
        <v>6</v>
      </c>
      <c r="E49" s="9" t="s">
        <v>6</v>
      </c>
      <c r="F49" s="9" t="s">
        <v>283</v>
      </c>
      <c r="G49" s="9" t="s">
        <v>277</v>
      </c>
      <c r="H49" s="6">
        <v>1105712</v>
      </c>
      <c r="I49" s="6">
        <v>827311</v>
      </c>
      <c r="J49" s="6">
        <v>763376</v>
      </c>
      <c r="K49" s="6">
        <v>148872</v>
      </c>
      <c r="L49" s="6">
        <v>129529</v>
      </c>
    </row>
    <row r="50" spans="1:12">
      <c r="A50" s="9" t="s">
        <v>27</v>
      </c>
      <c r="B50" s="9" t="s">
        <v>28</v>
      </c>
      <c r="C50" s="9" t="s">
        <v>29</v>
      </c>
      <c r="D50" s="9" t="s">
        <v>6</v>
      </c>
      <c r="E50" s="9" t="s">
        <v>6</v>
      </c>
      <c r="F50" s="9" t="s">
        <v>283</v>
      </c>
      <c r="G50" s="9" t="s">
        <v>278</v>
      </c>
      <c r="H50" s="6">
        <v>681073</v>
      </c>
      <c r="I50" s="6">
        <v>500205</v>
      </c>
      <c r="J50" s="6">
        <v>460477</v>
      </c>
      <c r="K50" s="6">
        <v>99816</v>
      </c>
      <c r="L50" s="6">
        <v>81052</v>
      </c>
    </row>
    <row r="51" spans="1:12">
      <c r="A51" s="9" t="s">
        <v>27</v>
      </c>
      <c r="B51" s="9" t="s">
        <v>28</v>
      </c>
      <c r="C51" s="9" t="s">
        <v>29</v>
      </c>
      <c r="D51" s="9" t="s">
        <v>6</v>
      </c>
      <c r="E51" s="9" t="s">
        <v>6</v>
      </c>
      <c r="F51" s="9" t="s">
        <v>283</v>
      </c>
      <c r="G51" s="9" t="s">
        <v>279</v>
      </c>
      <c r="H51" s="6">
        <v>296816</v>
      </c>
      <c r="I51" s="6">
        <v>211930</v>
      </c>
      <c r="J51" s="6">
        <v>193712</v>
      </c>
      <c r="K51" s="6">
        <v>50438</v>
      </c>
      <c r="L51" s="6">
        <v>34448</v>
      </c>
    </row>
    <row r="52" spans="1:12">
      <c r="A52" s="9" t="s">
        <v>27</v>
      </c>
      <c r="B52" s="9" t="s">
        <v>28</v>
      </c>
      <c r="C52" s="9" t="s">
        <v>29</v>
      </c>
      <c r="D52" s="9" t="s">
        <v>6</v>
      </c>
      <c r="E52" s="9" t="s">
        <v>6</v>
      </c>
      <c r="F52" s="9" t="s">
        <v>283</v>
      </c>
      <c r="G52" s="9" t="s">
        <v>280</v>
      </c>
      <c r="H52" s="6">
        <v>701259</v>
      </c>
      <c r="I52" s="6">
        <v>409544</v>
      </c>
      <c r="J52" s="6">
        <v>346179</v>
      </c>
      <c r="K52" s="6">
        <v>232088</v>
      </c>
      <c r="L52" s="6">
        <v>59627</v>
      </c>
    </row>
    <row r="53" spans="1:12">
      <c r="A53" s="9" t="s">
        <v>27</v>
      </c>
      <c r="B53" s="9" t="s">
        <v>28</v>
      </c>
      <c r="C53" s="9" t="s">
        <v>29</v>
      </c>
      <c r="D53" s="9" t="s">
        <v>6</v>
      </c>
      <c r="E53" s="9" t="s">
        <v>226</v>
      </c>
      <c r="F53" s="9" t="s">
        <v>6</v>
      </c>
      <c r="G53" s="9" t="s">
        <v>6</v>
      </c>
      <c r="H53" s="6">
        <v>62508497</v>
      </c>
      <c r="I53" s="6">
        <v>44226701</v>
      </c>
      <c r="J53" s="6">
        <v>38865247</v>
      </c>
      <c r="K53" s="6">
        <v>18147361</v>
      </c>
      <c r="L53" s="6">
        <v>134435</v>
      </c>
    </row>
    <row r="54" spans="1:12">
      <c r="A54" s="9" t="s">
        <v>27</v>
      </c>
      <c r="B54" s="9" t="s">
        <v>28</v>
      </c>
      <c r="C54" s="9" t="s">
        <v>29</v>
      </c>
      <c r="D54" s="9" t="s">
        <v>6</v>
      </c>
      <c r="E54" s="9" t="s">
        <v>226</v>
      </c>
      <c r="F54" s="9" t="s">
        <v>234</v>
      </c>
      <c r="G54" s="9" t="s">
        <v>6</v>
      </c>
      <c r="H54" s="6">
        <v>14471518</v>
      </c>
      <c r="I54" s="6">
        <v>9638948</v>
      </c>
      <c r="J54" s="6">
        <v>7920361</v>
      </c>
      <c r="K54" s="6">
        <v>4761764</v>
      </c>
      <c r="L54" s="6">
        <v>70806</v>
      </c>
    </row>
    <row r="55" spans="1:12">
      <c r="A55" s="9" t="s">
        <v>27</v>
      </c>
      <c r="B55" s="9" t="s">
        <v>28</v>
      </c>
      <c r="C55" s="9" t="s">
        <v>29</v>
      </c>
      <c r="D55" s="9" t="s">
        <v>6</v>
      </c>
      <c r="E55" s="9" t="s">
        <v>226</v>
      </c>
      <c r="F55" s="9" t="s">
        <v>235</v>
      </c>
      <c r="G55" s="9" t="s">
        <v>6</v>
      </c>
      <c r="H55" s="6">
        <v>48036979</v>
      </c>
      <c r="I55" s="6">
        <v>34587753</v>
      </c>
      <c r="J55" s="6">
        <v>30944886</v>
      </c>
      <c r="K55" s="6">
        <v>13385597</v>
      </c>
      <c r="L55" s="6">
        <v>63629</v>
      </c>
    </row>
    <row r="56" spans="1:12">
      <c r="A56" s="9" t="s">
        <v>27</v>
      </c>
      <c r="B56" s="9" t="s">
        <v>28</v>
      </c>
      <c r="C56" s="9" t="s">
        <v>29</v>
      </c>
      <c r="D56" s="9" t="s">
        <v>6</v>
      </c>
      <c r="E56" s="9" t="s">
        <v>226</v>
      </c>
      <c r="F56" s="9" t="s">
        <v>235</v>
      </c>
      <c r="G56" s="9" t="s">
        <v>272</v>
      </c>
      <c r="H56" s="6">
        <v>2616910</v>
      </c>
      <c r="I56" s="6">
        <v>1241544</v>
      </c>
      <c r="J56" s="6">
        <v>1145440</v>
      </c>
      <c r="K56" s="6">
        <v>1372442</v>
      </c>
      <c r="L56" s="6">
        <v>2924</v>
      </c>
    </row>
    <row r="57" spans="1:12">
      <c r="A57" s="9" t="s">
        <v>27</v>
      </c>
      <c r="B57" s="9" t="s">
        <v>28</v>
      </c>
      <c r="C57" s="9" t="s">
        <v>29</v>
      </c>
      <c r="D57" s="9" t="s">
        <v>6</v>
      </c>
      <c r="E57" s="9" t="s">
        <v>226</v>
      </c>
      <c r="F57" s="9" t="s">
        <v>235</v>
      </c>
      <c r="G57" s="9" t="s">
        <v>273</v>
      </c>
      <c r="H57" s="6">
        <v>4895470</v>
      </c>
      <c r="I57" s="6">
        <v>3050355</v>
      </c>
      <c r="J57" s="6">
        <v>2807074</v>
      </c>
      <c r="K57" s="6">
        <v>1840320</v>
      </c>
      <c r="L57" s="6">
        <v>4795</v>
      </c>
    </row>
    <row r="58" spans="1:12">
      <c r="A58" s="9" t="s">
        <v>27</v>
      </c>
      <c r="B58" s="9" t="s">
        <v>28</v>
      </c>
      <c r="C58" s="9" t="s">
        <v>29</v>
      </c>
      <c r="D58" s="9" t="s">
        <v>6</v>
      </c>
      <c r="E58" s="9" t="s">
        <v>226</v>
      </c>
      <c r="F58" s="9" t="s">
        <v>235</v>
      </c>
      <c r="G58" s="9" t="s">
        <v>274</v>
      </c>
      <c r="H58" s="6">
        <v>5756133</v>
      </c>
      <c r="I58" s="6">
        <v>4110248</v>
      </c>
      <c r="J58" s="6">
        <v>3762519</v>
      </c>
      <c r="K58" s="6">
        <v>1640952</v>
      </c>
      <c r="L58" s="6">
        <v>4933</v>
      </c>
    </row>
    <row r="59" spans="1:12">
      <c r="A59" s="9" t="s">
        <v>27</v>
      </c>
      <c r="B59" s="9" t="s">
        <v>28</v>
      </c>
      <c r="C59" s="9" t="s">
        <v>29</v>
      </c>
      <c r="D59" s="9" t="s">
        <v>6</v>
      </c>
      <c r="E59" s="9" t="s">
        <v>226</v>
      </c>
      <c r="F59" s="9" t="s">
        <v>235</v>
      </c>
      <c r="G59" s="9" t="s">
        <v>275</v>
      </c>
      <c r="H59" s="6">
        <v>5093779</v>
      </c>
      <c r="I59" s="6">
        <v>3909488</v>
      </c>
      <c r="J59" s="6">
        <v>3597720</v>
      </c>
      <c r="K59" s="6">
        <v>1179860</v>
      </c>
      <c r="L59" s="6">
        <v>4431</v>
      </c>
    </row>
    <row r="60" spans="1:12">
      <c r="A60" s="9" t="s">
        <v>27</v>
      </c>
      <c r="B60" s="9" t="s">
        <v>28</v>
      </c>
      <c r="C60" s="9" t="s">
        <v>29</v>
      </c>
      <c r="D60" s="9" t="s">
        <v>6</v>
      </c>
      <c r="E60" s="9" t="s">
        <v>226</v>
      </c>
      <c r="F60" s="9" t="s">
        <v>235</v>
      </c>
      <c r="G60" s="9" t="s">
        <v>276</v>
      </c>
      <c r="H60" s="6">
        <v>4854426</v>
      </c>
      <c r="I60" s="6">
        <v>3906267</v>
      </c>
      <c r="J60" s="6">
        <v>3615461</v>
      </c>
      <c r="K60" s="6">
        <v>944332</v>
      </c>
      <c r="L60" s="6">
        <v>3827</v>
      </c>
    </row>
    <row r="61" spans="1:12">
      <c r="A61" s="9" t="s">
        <v>27</v>
      </c>
      <c r="B61" s="9" t="s">
        <v>28</v>
      </c>
      <c r="C61" s="9" t="s">
        <v>29</v>
      </c>
      <c r="D61" s="9" t="s">
        <v>6</v>
      </c>
      <c r="E61" s="9" t="s">
        <v>226</v>
      </c>
      <c r="F61" s="9" t="s">
        <v>235</v>
      </c>
      <c r="G61" s="9" t="s">
        <v>277</v>
      </c>
      <c r="H61" s="6">
        <v>4591875</v>
      </c>
      <c r="I61" s="6">
        <v>3758661</v>
      </c>
      <c r="J61" s="6">
        <v>3488980</v>
      </c>
      <c r="K61" s="6">
        <v>829502</v>
      </c>
      <c r="L61" s="6">
        <v>3712</v>
      </c>
    </row>
    <row r="62" spans="1:12">
      <c r="A62" s="9" t="s">
        <v>27</v>
      </c>
      <c r="B62" s="9" t="s">
        <v>28</v>
      </c>
      <c r="C62" s="9" t="s">
        <v>29</v>
      </c>
      <c r="D62" s="9" t="s">
        <v>6</v>
      </c>
      <c r="E62" s="9" t="s">
        <v>226</v>
      </c>
      <c r="F62" s="9" t="s">
        <v>235</v>
      </c>
      <c r="G62" s="9" t="s">
        <v>278</v>
      </c>
      <c r="H62" s="6">
        <v>4243038</v>
      </c>
      <c r="I62" s="6">
        <v>3470146</v>
      </c>
      <c r="J62" s="6">
        <v>3220502</v>
      </c>
      <c r="K62" s="6">
        <v>769514</v>
      </c>
      <c r="L62" s="6">
        <v>3378</v>
      </c>
    </row>
    <row r="63" spans="1:12">
      <c r="A63" s="9" t="s">
        <v>27</v>
      </c>
      <c r="B63" s="9" t="s">
        <v>28</v>
      </c>
      <c r="C63" s="9" t="s">
        <v>29</v>
      </c>
      <c r="D63" s="9" t="s">
        <v>6</v>
      </c>
      <c r="E63" s="9" t="s">
        <v>226</v>
      </c>
      <c r="F63" s="9" t="s">
        <v>235</v>
      </c>
      <c r="G63" s="9" t="s">
        <v>279</v>
      </c>
      <c r="H63" s="6">
        <v>2399231</v>
      </c>
      <c r="I63" s="6">
        <v>1919404</v>
      </c>
      <c r="J63" s="6">
        <v>1775396</v>
      </c>
      <c r="K63" s="6">
        <v>477657</v>
      </c>
      <c r="L63" s="6">
        <v>2170</v>
      </c>
    </row>
    <row r="64" spans="1:12">
      <c r="A64" s="9" t="s">
        <v>27</v>
      </c>
      <c r="B64" s="9" t="s">
        <v>28</v>
      </c>
      <c r="C64" s="9" t="s">
        <v>29</v>
      </c>
      <c r="D64" s="9" t="s">
        <v>6</v>
      </c>
      <c r="E64" s="9" t="s">
        <v>226</v>
      </c>
      <c r="F64" s="9" t="s">
        <v>235</v>
      </c>
      <c r="G64" s="9" t="s">
        <v>280</v>
      </c>
      <c r="H64" s="6">
        <v>13586117</v>
      </c>
      <c r="I64" s="6">
        <v>9221640</v>
      </c>
      <c r="J64" s="6">
        <v>7531794</v>
      </c>
      <c r="K64" s="6">
        <v>4331018</v>
      </c>
      <c r="L64" s="6">
        <v>33459</v>
      </c>
    </row>
    <row r="65" spans="1:12">
      <c r="A65" s="9" t="s">
        <v>27</v>
      </c>
      <c r="B65" s="9" t="s">
        <v>28</v>
      </c>
      <c r="C65" s="9" t="s">
        <v>29</v>
      </c>
      <c r="D65" s="9" t="s">
        <v>6</v>
      </c>
      <c r="E65" s="9" t="s">
        <v>226</v>
      </c>
      <c r="F65" s="9" t="s">
        <v>281</v>
      </c>
      <c r="G65" s="9" t="s">
        <v>6</v>
      </c>
      <c r="H65" s="6">
        <v>18194329</v>
      </c>
      <c r="I65" s="6">
        <v>12301757</v>
      </c>
      <c r="J65" s="6">
        <v>10623235</v>
      </c>
      <c r="K65" s="6">
        <v>5859837</v>
      </c>
      <c r="L65" s="6">
        <v>32735</v>
      </c>
    </row>
    <row r="66" spans="1:12">
      <c r="A66" s="9" t="s">
        <v>27</v>
      </c>
      <c r="B66" s="9" t="s">
        <v>28</v>
      </c>
      <c r="C66" s="9" t="s">
        <v>29</v>
      </c>
      <c r="D66" s="9" t="s">
        <v>6</v>
      </c>
      <c r="E66" s="9" t="s">
        <v>226</v>
      </c>
      <c r="F66" s="9" t="s">
        <v>281</v>
      </c>
      <c r="G66" s="9" t="s">
        <v>272</v>
      </c>
      <c r="H66" s="6">
        <v>973360</v>
      </c>
      <c r="I66" s="6">
        <v>478611</v>
      </c>
      <c r="J66" s="6">
        <v>453816</v>
      </c>
      <c r="K66" s="6">
        <v>493680</v>
      </c>
      <c r="L66" s="6">
        <v>1069</v>
      </c>
    </row>
    <row r="67" spans="1:12">
      <c r="A67" s="9" t="s">
        <v>27</v>
      </c>
      <c r="B67" s="9" t="s">
        <v>28</v>
      </c>
      <c r="C67" s="9" t="s">
        <v>29</v>
      </c>
      <c r="D67" s="9" t="s">
        <v>6</v>
      </c>
      <c r="E67" s="9" t="s">
        <v>226</v>
      </c>
      <c r="F67" s="9" t="s">
        <v>281</v>
      </c>
      <c r="G67" s="9" t="s">
        <v>273</v>
      </c>
      <c r="H67" s="6">
        <v>1661109</v>
      </c>
      <c r="I67" s="6">
        <v>1025539</v>
      </c>
      <c r="J67" s="6">
        <v>962034</v>
      </c>
      <c r="K67" s="6">
        <v>633940</v>
      </c>
      <c r="L67" s="6">
        <v>1630</v>
      </c>
    </row>
    <row r="68" spans="1:12">
      <c r="A68" s="9" t="s">
        <v>27</v>
      </c>
      <c r="B68" s="9" t="s">
        <v>28</v>
      </c>
      <c r="C68" s="9" t="s">
        <v>29</v>
      </c>
      <c r="D68" s="9" t="s">
        <v>6</v>
      </c>
      <c r="E68" s="9" t="s">
        <v>226</v>
      </c>
      <c r="F68" s="9" t="s">
        <v>281</v>
      </c>
      <c r="G68" s="9" t="s">
        <v>274</v>
      </c>
      <c r="H68" s="6">
        <v>1373705</v>
      </c>
      <c r="I68" s="6">
        <v>940770</v>
      </c>
      <c r="J68" s="6">
        <v>866131</v>
      </c>
      <c r="K68" s="6">
        <v>431703</v>
      </c>
      <c r="L68" s="6">
        <v>1232</v>
      </c>
    </row>
    <row r="69" spans="1:12">
      <c r="A69" s="9" t="s">
        <v>27</v>
      </c>
      <c r="B69" s="9" t="s">
        <v>28</v>
      </c>
      <c r="C69" s="9" t="s">
        <v>29</v>
      </c>
      <c r="D69" s="9" t="s">
        <v>6</v>
      </c>
      <c r="E69" s="9" t="s">
        <v>226</v>
      </c>
      <c r="F69" s="9" t="s">
        <v>281</v>
      </c>
      <c r="G69" s="9" t="s">
        <v>275</v>
      </c>
      <c r="H69" s="6">
        <v>987865</v>
      </c>
      <c r="I69" s="6">
        <v>686622</v>
      </c>
      <c r="J69" s="6">
        <v>627637</v>
      </c>
      <c r="K69" s="6">
        <v>300390</v>
      </c>
      <c r="L69" s="6">
        <v>853</v>
      </c>
    </row>
    <row r="70" spans="1:12">
      <c r="A70" s="9" t="s">
        <v>27</v>
      </c>
      <c r="B70" s="9" t="s">
        <v>28</v>
      </c>
      <c r="C70" s="9" t="s">
        <v>29</v>
      </c>
      <c r="D70" s="9" t="s">
        <v>6</v>
      </c>
      <c r="E70" s="9" t="s">
        <v>226</v>
      </c>
      <c r="F70" s="9" t="s">
        <v>281</v>
      </c>
      <c r="G70" s="9" t="s">
        <v>276</v>
      </c>
      <c r="H70" s="6">
        <v>942846</v>
      </c>
      <c r="I70" s="6">
        <v>681829</v>
      </c>
      <c r="J70" s="6">
        <v>624671</v>
      </c>
      <c r="K70" s="6">
        <v>260233</v>
      </c>
      <c r="L70" s="6">
        <v>784</v>
      </c>
    </row>
    <row r="71" spans="1:12">
      <c r="A71" s="9" t="s">
        <v>27</v>
      </c>
      <c r="B71" s="9" t="s">
        <v>28</v>
      </c>
      <c r="C71" s="9" t="s">
        <v>29</v>
      </c>
      <c r="D71" s="9" t="s">
        <v>6</v>
      </c>
      <c r="E71" s="9" t="s">
        <v>226</v>
      </c>
      <c r="F71" s="9" t="s">
        <v>281</v>
      </c>
      <c r="G71" s="9" t="s">
        <v>277</v>
      </c>
      <c r="H71" s="6">
        <v>1000289</v>
      </c>
      <c r="I71" s="6">
        <v>751273</v>
      </c>
      <c r="J71" s="6">
        <v>689282</v>
      </c>
      <c r="K71" s="6">
        <v>248078</v>
      </c>
      <c r="L71" s="6">
        <v>938</v>
      </c>
    </row>
    <row r="72" spans="1:12">
      <c r="A72" s="9" t="s">
        <v>27</v>
      </c>
      <c r="B72" s="9" t="s">
        <v>28</v>
      </c>
      <c r="C72" s="9" t="s">
        <v>29</v>
      </c>
      <c r="D72" s="9" t="s">
        <v>6</v>
      </c>
      <c r="E72" s="9" t="s">
        <v>226</v>
      </c>
      <c r="F72" s="9" t="s">
        <v>281</v>
      </c>
      <c r="G72" s="9" t="s">
        <v>278</v>
      </c>
      <c r="H72" s="6">
        <v>1322697</v>
      </c>
      <c r="I72" s="6">
        <v>1037609</v>
      </c>
      <c r="J72" s="6">
        <v>955651</v>
      </c>
      <c r="K72" s="6">
        <v>284108</v>
      </c>
      <c r="L72" s="6">
        <v>980</v>
      </c>
    </row>
    <row r="73" spans="1:12">
      <c r="A73" s="9" t="s">
        <v>27</v>
      </c>
      <c r="B73" s="9" t="s">
        <v>28</v>
      </c>
      <c r="C73" s="9" t="s">
        <v>29</v>
      </c>
      <c r="D73" s="9" t="s">
        <v>6</v>
      </c>
      <c r="E73" s="9" t="s">
        <v>226</v>
      </c>
      <c r="F73" s="9" t="s">
        <v>281</v>
      </c>
      <c r="G73" s="9" t="s">
        <v>279</v>
      </c>
      <c r="H73" s="6">
        <v>893451</v>
      </c>
      <c r="I73" s="6">
        <v>694749</v>
      </c>
      <c r="J73" s="6">
        <v>639061</v>
      </c>
      <c r="K73" s="6">
        <v>197830</v>
      </c>
      <c r="L73" s="6">
        <v>872</v>
      </c>
    </row>
    <row r="74" spans="1:12">
      <c r="A74" s="9" t="s">
        <v>27</v>
      </c>
      <c r="B74" s="9" t="s">
        <v>28</v>
      </c>
      <c r="C74" s="9" t="s">
        <v>29</v>
      </c>
      <c r="D74" s="9" t="s">
        <v>6</v>
      </c>
      <c r="E74" s="9" t="s">
        <v>226</v>
      </c>
      <c r="F74" s="9" t="s">
        <v>281</v>
      </c>
      <c r="G74" s="9" t="s">
        <v>280</v>
      </c>
      <c r="H74" s="6">
        <v>9039007</v>
      </c>
      <c r="I74" s="6">
        <v>6004755</v>
      </c>
      <c r="J74" s="6">
        <v>4804952</v>
      </c>
      <c r="K74" s="6">
        <v>3009875</v>
      </c>
      <c r="L74" s="6">
        <v>24377</v>
      </c>
    </row>
    <row r="75" spans="1:12">
      <c r="A75" s="9" t="s">
        <v>27</v>
      </c>
      <c r="B75" s="9" t="s">
        <v>28</v>
      </c>
      <c r="C75" s="9" t="s">
        <v>29</v>
      </c>
      <c r="D75" s="9" t="s">
        <v>6</v>
      </c>
      <c r="E75" s="9" t="s">
        <v>226</v>
      </c>
      <c r="F75" s="9" t="s">
        <v>282</v>
      </c>
      <c r="G75" s="9" t="s">
        <v>6</v>
      </c>
      <c r="H75" s="6">
        <v>21302693</v>
      </c>
      <c r="I75" s="6">
        <v>15819052</v>
      </c>
      <c r="J75" s="6">
        <v>14463414</v>
      </c>
      <c r="K75" s="6">
        <v>5463923</v>
      </c>
      <c r="L75" s="6">
        <v>19718</v>
      </c>
    </row>
    <row r="76" spans="1:12">
      <c r="A76" s="9" t="s">
        <v>27</v>
      </c>
      <c r="B76" s="9" t="s">
        <v>28</v>
      </c>
      <c r="C76" s="9" t="s">
        <v>29</v>
      </c>
      <c r="D76" s="9" t="s">
        <v>6</v>
      </c>
      <c r="E76" s="9" t="s">
        <v>226</v>
      </c>
      <c r="F76" s="9" t="s">
        <v>282</v>
      </c>
      <c r="G76" s="9" t="s">
        <v>272</v>
      </c>
      <c r="H76" s="6">
        <v>1045780</v>
      </c>
      <c r="I76" s="6">
        <v>486452</v>
      </c>
      <c r="J76" s="6">
        <v>448884</v>
      </c>
      <c r="K76" s="6">
        <v>558240</v>
      </c>
      <c r="L76" s="6">
        <v>1088</v>
      </c>
    </row>
    <row r="77" spans="1:12">
      <c r="A77" s="9" t="s">
        <v>27</v>
      </c>
      <c r="B77" s="9" t="s">
        <v>28</v>
      </c>
      <c r="C77" s="9" t="s">
        <v>29</v>
      </c>
      <c r="D77" s="9" t="s">
        <v>6</v>
      </c>
      <c r="E77" s="9" t="s">
        <v>226</v>
      </c>
      <c r="F77" s="9" t="s">
        <v>282</v>
      </c>
      <c r="G77" s="9" t="s">
        <v>273</v>
      </c>
      <c r="H77" s="6">
        <v>2061731</v>
      </c>
      <c r="I77" s="6">
        <v>1274208</v>
      </c>
      <c r="J77" s="6">
        <v>1173807</v>
      </c>
      <c r="K77" s="6">
        <v>785731</v>
      </c>
      <c r="L77" s="6">
        <v>1792</v>
      </c>
    </row>
    <row r="78" spans="1:12">
      <c r="A78" s="9" t="s">
        <v>27</v>
      </c>
      <c r="B78" s="9" t="s">
        <v>28</v>
      </c>
      <c r="C78" s="9" t="s">
        <v>29</v>
      </c>
      <c r="D78" s="9" t="s">
        <v>6</v>
      </c>
      <c r="E78" s="9" t="s">
        <v>226</v>
      </c>
      <c r="F78" s="9" t="s">
        <v>282</v>
      </c>
      <c r="G78" s="9" t="s">
        <v>274</v>
      </c>
      <c r="H78" s="6">
        <v>2753161</v>
      </c>
      <c r="I78" s="6">
        <v>1945781</v>
      </c>
      <c r="J78" s="6">
        <v>1791548</v>
      </c>
      <c r="K78" s="6">
        <v>805482</v>
      </c>
      <c r="L78" s="6">
        <v>1898</v>
      </c>
    </row>
    <row r="79" spans="1:12">
      <c r="A79" s="9" t="s">
        <v>27</v>
      </c>
      <c r="B79" s="9" t="s">
        <v>28</v>
      </c>
      <c r="C79" s="9" t="s">
        <v>29</v>
      </c>
      <c r="D79" s="9" t="s">
        <v>6</v>
      </c>
      <c r="E79" s="9" t="s">
        <v>226</v>
      </c>
      <c r="F79" s="9" t="s">
        <v>282</v>
      </c>
      <c r="G79" s="9" t="s">
        <v>275</v>
      </c>
      <c r="H79" s="6">
        <v>2598047</v>
      </c>
      <c r="I79" s="6">
        <v>1997152</v>
      </c>
      <c r="J79" s="6">
        <v>1851484</v>
      </c>
      <c r="K79" s="6">
        <v>599229</v>
      </c>
      <c r="L79" s="6">
        <v>1666</v>
      </c>
    </row>
    <row r="80" spans="1:12">
      <c r="A80" s="9" t="s">
        <v>27</v>
      </c>
      <c r="B80" s="9" t="s">
        <v>28</v>
      </c>
      <c r="C80" s="9" t="s">
        <v>29</v>
      </c>
      <c r="D80" s="9" t="s">
        <v>6</v>
      </c>
      <c r="E80" s="9" t="s">
        <v>226</v>
      </c>
      <c r="F80" s="9" t="s">
        <v>282</v>
      </c>
      <c r="G80" s="9" t="s">
        <v>276</v>
      </c>
      <c r="H80" s="6">
        <v>2596087</v>
      </c>
      <c r="I80" s="6">
        <v>2113476</v>
      </c>
      <c r="J80" s="6">
        <v>1969650</v>
      </c>
      <c r="K80" s="6">
        <v>481078</v>
      </c>
      <c r="L80" s="6">
        <v>1533</v>
      </c>
    </row>
    <row r="81" spans="1:12">
      <c r="A81" s="9" t="s">
        <v>27</v>
      </c>
      <c r="B81" s="9" t="s">
        <v>28</v>
      </c>
      <c r="C81" s="9" t="s">
        <v>29</v>
      </c>
      <c r="D81" s="9" t="s">
        <v>6</v>
      </c>
      <c r="E81" s="9" t="s">
        <v>226</v>
      </c>
      <c r="F81" s="9" t="s">
        <v>282</v>
      </c>
      <c r="G81" s="9" t="s">
        <v>277</v>
      </c>
      <c r="H81" s="6">
        <v>2630408</v>
      </c>
      <c r="I81" s="6">
        <v>2191733</v>
      </c>
      <c r="J81" s="6">
        <v>2047191</v>
      </c>
      <c r="K81" s="6">
        <v>437170</v>
      </c>
      <c r="L81" s="6">
        <v>1505</v>
      </c>
    </row>
    <row r="82" spans="1:12">
      <c r="A82" s="9" t="s">
        <v>27</v>
      </c>
      <c r="B82" s="9" t="s">
        <v>28</v>
      </c>
      <c r="C82" s="9" t="s">
        <v>29</v>
      </c>
      <c r="D82" s="9" t="s">
        <v>6</v>
      </c>
      <c r="E82" s="9" t="s">
        <v>226</v>
      </c>
      <c r="F82" s="9" t="s">
        <v>282</v>
      </c>
      <c r="G82" s="9" t="s">
        <v>278</v>
      </c>
      <c r="H82" s="6">
        <v>2333185</v>
      </c>
      <c r="I82" s="6">
        <v>1942219</v>
      </c>
      <c r="J82" s="6">
        <v>1813710</v>
      </c>
      <c r="K82" s="6">
        <v>389410</v>
      </c>
      <c r="L82" s="6">
        <v>1556</v>
      </c>
    </row>
    <row r="83" spans="1:12">
      <c r="A83" s="9" t="s">
        <v>27</v>
      </c>
      <c r="B83" s="9" t="s">
        <v>28</v>
      </c>
      <c r="C83" s="9" t="s">
        <v>29</v>
      </c>
      <c r="D83" s="9" t="s">
        <v>6</v>
      </c>
      <c r="E83" s="9" t="s">
        <v>226</v>
      </c>
      <c r="F83" s="9" t="s">
        <v>282</v>
      </c>
      <c r="G83" s="9" t="s">
        <v>279</v>
      </c>
      <c r="H83" s="6">
        <v>1251881</v>
      </c>
      <c r="I83" s="6">
        <v>1018856</v>
      </c>
      <c r="J83" s="6">
        <v>948382</v>
      </c>
      <c r="K83" s="6">
        <v>232104</v>
      </c>
      <c r="L83" s="6">
        <v>921</v>
      </c>
    </row>
    <row r="84" spans="1:12">
      <c r="A84" s="9" t="s">
        <v>27</v>
      </c>
      <c r="B84" s="9" t="s">
        <v>28</v>
      </c>
      <c r="C84" s="9" t="s">
        <v>29</v>
      </c>
      <c r="D84" s="9" t="s">
        <v>6</v>
      </c>
      <c r="E84" s="9" t="s">
        <v>226</v>
      </c>
      <c r="F84" s="9" t="s">
        <v>282</v>
      </c>
      <c r="G84" s="9" t="s">
        <v>280</v>
      </c>
      <c r="H84" s="6">
        <v>4032413</v>
      </c>
      <c r="I84" s="6">
        <v>2849175</v>
      </c>
      <c r="J84" s="6">
        <v>2418758</v>
      </c>
      <c r="K84" s="6">
        <v>1175479</v>
      </c>
      <c r="L84" s="6">
        <v>7759</v>
      </c>
    </row>
    <row r="85" spans="1:12">
      <c r="A85" s="9" t="s">
        <v>27</v>
      </c>
      <c r="B85" s="9" t="s">
        <v>28</v>
      </c>
      <c r="C85" s="9" t="s">
        <v>29</v>
      </c>
      <c r="D85" s="9" t="s">
        <v>6</v>
      </c>
      <c r="E85" s="9" t="s">
        <v>226</v>
      </c>
      <c r="F85" s="9" t="s">
        <v>283</v>
      </c>
      <c r="G85" s="9" t="s">
        <v>6</v>
      </c>
      <c r="H85" s="6">
        <v>8539957</v>
      </c>
      <c r="I85" s="6">
        <v>6466944</v>
      </c>
      <c r="J85" s="6">
        <v>5858237</v>
      </c>
      <c r="K85" s="6">
        <v>2061837</v>
      </c>
      <c r="L85" s="6">
        <v>11176</v>
      </c>
    </row>
    <row r="86" spans="1:12">
      <c r="A86" s="9" t="s">
        <v>27</v>
      </c>
      <c r="B86" s="9" t="s">
        <v>28</v>
      </c>
      <c r="C86" s="9" t="s">
        <v>29</v>
      </c>
      <c r="D86" s="9" t="s">
        <v>6</v>
      </c>
      <c r="E86" s="9" t="s">
        <v>226</v>
      </c>
      <c r="F86" s="9" t="s">
        <v>283</v>
      </c>
      <c r="G86" s="9" t="s">
        <v>272</v>
      </c>
      <c r="H86" s="6">
        <v>597770</v>
      </c>
      <c r="I86" s="6">
        <v>276481</v>
      </c>
      <c r="J86" s="6">
        <v>242740</v>
      </c>
      <c r="K86" s="6">
        <v>320522</v>
      </c>
      <c r="L86" s="6">
        <v>767</v>
      </c>
    </row>
    <row r="87" spans="1:12">
      <c r="A87" s="9" t="s">
        <v>27</v>
      </c>
      <c r="B87" s="9" t="s">
        <v>28</v>
      </c>
      <c r="C87" s="9" t="s">
        <v>29</v>
      </c>
      <c r="D87" s="9" t="s">
        <v>6</v>
      </c>
      <c r="E87" s="9" t="s">
        <v>226</v>
      </c>
      <c r="F87" s="9" t="s">
        <v>283</v>
      </c>
      <c r="G87" s="9" t="s">
        <v>273</v>
      </c>
      <c r="H87" s="6">
        <v>1172630</v>
      </c>
      <c r="I87" s="6">
        <v>750608</v>
      </c>
      <c r="J87" s="6">
        <v>671233</v>
      </c>
      <c r="K87" s="6">
        <v>420649</v>
      </c>
      <c r="L87" s="6">
        <v>1373</v>
      </c>
    </row>
    <row r="88" spans="1:12">
      <c r="A88" s="9" t="s">
        <v>27</v>
      </c>
      <c r="B88" s="9" t="s">
        <v>28</v>
      </c>
      <c r="C88" s="9" t="s">
        <v>29</v>
      </c>
      <c r="D88" s="9" t="s">
        <v>6</v>
      </c>
      <c r="E88" s="9" t="s">
        <v>226</v>
      </c>
      <c r="F88" s="9" t="s">
        <v>283</v>
      </c>
      <c r="G88" s="9" t="s">
        <v>274</v>
      </c>
      <c r="H88" s="6">
        <v>1629267</v>
      </c>
      <c r="I88" s="6">
        <v>1223697</v>
      </c>
      <c r="J88" s="6">
        <v>1104840</v>
      </c>
      <c r="K88" s="6">
        <v>403767</v>
      </c>
      <c r="L88" s="6">
        <v>1803</v>
      </c>
    </row>
    <row r="89" spans="1:12">
      <c r="A89" s="9" t="s">
        <v>27</v>
      </c>
      <c r="B89" s="9" t="s">
        <v>28</v>
      </c>
      <c r="C89" s="9" t="s">
        <v>29</v>
      </c>
      <c r="D89" s="9" t="s">
        <v>6</v>
      </c>
      <c r="E89" s="9" t="s">
        <v>226</v>
      </c>
      <c r="F89" s="9" t="s">
        <v>283</v>
      </c>
      <c r="G89" s="9" t="s">
        <v>275</v>
      </c>
      <c r="H89" s="6">
        <v>1507867</v>
      </c>
      <c r="I89" s="6">
        <v>1225714</v>
      </c>
      <c r="J89" s="6">
        <v>1118599</v>
      </c>
      <c r="K89" s="6">
        <v>280241</v>
      </c>
      <c r="L89" s="6">
        <v>1912</v>
      </c>
    </row>
    <row r="90" spans="1:12">
      <c r="A90" s="9" t="s">
        <v>27</v>
      </c>
      <c r="B90" s="9" t="s">
        <v>28</v>
      </c>
      <c r="C90" s="9" t="s">
        <v>29</v>
      </c>
      <c r="D90" s="9" t="s">
        <v>6</v>
      </c>
      <c r="E90" s="9" t="s">
        <v>226</v>
      </c>
      <c r="F90" s="9" t="s">
        <v>283</v>
      </c>
      <c r="G90" s="9" t="s">
        <v>276</v>
      </c>
      <c r="H90" s="6">
        <v>1315493</v>
      </c>
      <c r="I90" s="6">
        <v>1110962</v>
      </c>
      <c r="J90" s="6">
        <v>1021140</v>
      </c>
      <c r="K90" s="6">
        <v>203021</v>
      </c>
      <c r="L90" s="6">
        <v>1510</v>
      </c>
    </row>
    <row r="91" spans="1:12">
      <c r="A91" s="9" t="s">
        <v>27</v>
      </c>
      <c r="B91" s="9" t="s">
        <v>28</v>
      </c>
      <c r="C91" s="9" t="s">
        <v>29</v>
      </c>
      <c r="D91" s="9" t="s">
        <v>6</v>
      </c>
      <c r="E91" s="9" t="s">
        <v>226</v>
      </c>
      <c r="F91" s="9" t="s">
        <v>283</v>
      </c>
      <c r="G91" s="9" t="s">
        <v>277</v>
      </c>
      <c r="H91" s="6">
        <v>961178</v>
      </c>
      <c r="I91" s="6">
        <v>815655</v>
      </c>
      <c r="J91" s="6">
        <v>752507</v>
      </c>
      <c r="K91" s="6">
        <v>144254</v>
      </c>
      <c r="L91" s="6">
        <v>1269</v>
      </c>
    </row>
    <row r="92" spans="1:12">
      <c r="A92" s="9" t="s">
        <v>27</v>
      </c>
      <c r="B92" s="9" t="s">
        <v>28</v>
      </c>
      <c r="C92" s="9" t="s">
        <v>29</v>
      </c>
      <c r="D92" s="9" t="s">
        <v>6</v>
      </c>
      <c r="E92" s="9" t="s">
        <v>226</v>
      </c>
      <c r="F92" s="9" t="s">
        <v>283</v>
      </c>
      <c r="G92" s="9" t="s">
        <v>278</v>
      </c>
      <c r="H92" s="6">
        <v>587156</v>
      </c>
      <c r="I92" s="6">
        <v>490318</v>
      </c>
      <c r="J92" s="6">
        <v>451141</v>
      </c>
      <c r="K92" s="6">
        <v>95996</v>
      </c>
      <c r="L92" s="6">
        <v>842</v>
      </c>
    </row>
    <row r="93" spans="1:12">
      <c r="A93" s="9" t="s">
        <v>27</v>
      </c>
      <c r="B93" s="9" t="s">
        <v>28</v>
      </c>
      <c r="C93" s="9" t="s">
        <v>29</v>
      </c>
      <c r="D93" s="9" t="s">
        <v>6</v>
      </c>
      <c r="E93" s="9" t="s">
        <v>226</v>
      </c>
      <c r="F93" s="9" t="s">
        <v>283</v>
      </c>
      <c r="G93" s="9" t="s">
        <v>279</v>
      </c>
      <c r="H93" s="6">
        <v>253899</v>
      </c>
      <c r="I93" s="6">
        <v>205799</v>
      </c>
      <c r="J93" s="6">
        <v>187953</v>
      </c>
      <c r="K93" s="6">
        <v>47723</v>
      </c>
      <c r="L93" s="6">
        <v>377</v>
      </c>
    </row>
    <row r="94" spans="1:12">
      <c r="A94" s="9" t="s">
        <v>27</v>
      </c>
      <c r="B94" s="9" t="s">
        <v>28</v>
      </c>
      <c r="C94" s="9" t="s">
        <v>29</v>
      </c>
      <c r="D94" s="9" t="s">
        <v>6</v>
      </c>
      <c r="E94" s="9" t="s">
        <v>226</v>
      </c>
      <c r="F94" s="9" t="s">
        <v>283</v>
      </c>
      <c r="G94" s="9" t="s">
        <v>280</v>
      </c>
      <c r="H94" s="6">
        <v>514697</v>
      </c>
      <c r="I94" s="6">
        <v>367710</v>
      </c>
      <c r="J94" s="6">
        <v>308084</v>
      </c>
      <c r="K94" s="6">
        <v>145664</v>
      </c>
      <c r="L94" s="6">
        <v>1323</v>
      </c>
    </row>
    <row r="95" spans="1:12">
      <c r="A95" s="9" t="s">
        <v>27</v>
      </c>
      <c r="B95" s="9" t="s">
        <v>28</v>
      </c>
      <c r="C95" s="9" t="s">
        <v>29</v>
      </c>
      <c r="D95" s="9" t="s">
        <v>6</v>
      </c>
      <c r="E95" s="9" t="s">
        <v>227</v>
      </c>
      <c r="F95" s="9" t="s">
        <v>6</v>
      </c>
      <c r="G95" s="9" t="s">
        <v>6</v>
      </c>
      <c r="H95" s="6">
        <v>53559721</v>
      </c>
      <c r="I95" s="6">
        <v>37485895</v>
      </c>
      <c r="J95" s="6">
        <v>35883458</v>
      </c>
      <c r="K95" s="6">
        <v>15992509</v>
      </c>
      <c r="L95" s="6">
        <v>81317</v>
      </c>
    </row>
    <row r="96" spans="1:12">
      <c r="A96" s="9" t="s">
        <v>27</v>
      </c>
      <c r="B96" s="9" t="s">
        <v>28</v>
      </c>
      <c r="C96" s="9" t="s">
        <v>29</v>
      </c>
      <c r="D96" s="9" t="s">
        <v>6</v>
      </c>
      <c r="E96" s="9" t="s">
        <v>227</v>
      </c>
      <c r="F96" s="9" t="s">
        <v>234</v>
      </c>
      <c r="G96" s="9" t="s">
        <v>6</v>
      </c>
      <c r="H96" s="6">
        <v>11579623</v>
      </c>
      <c r="I96" s="6">
        <v>7567449</v>
      </c>
      <c r="J96" s="6">
        <v>7175318</v>
      </c>
      <c r="K96" s="6">
        <v>3971176</v>
      </c>
      <c r="L96" s="6">
        <v>40998</v>
      </c>
    </row>
    <row r="97" spans="1:12">
      <c r="A97" s="9" t="s">
        <v>27</v>
      </c>
      <c r="B97" s="9" t="s">
        <v>28</v>
      </c>
      <c r="C97" s="9" t="s">
        <v>29</v>
      </c>
      <c r="D97" s="9" t="s">
        <v>6</v>
      </c>
      <c r="E97" s="9" t="s">
        <v>227</v>
      </c>
      <c r="F97" s="9" t="s">
        <v>235</v>
      </c>
      <c r="G97" s="9" t="s">
        <v>6</v>
      </c>
      <c r="H97" s="6">
        <v>41980098</v>
      </c>
      <c r="I97" s="6">
        <v>29918446</v>
      </c>
      <c r="J97" s="6">
        <v>28708140</v>
      </c>
      <c r="K97" s="6">
        <v>12021333</v>
      </c>
      <c r="L97" s="6">
        <v>40319</v>
      </c>
    </row>
    <row r="98" spans="1:12">
      <c r="A98" s="9" t="s">
        <v>27</v>
      </c>
      <c r="B98" s="9" t="s">
        <v>28</v>
      </c>
      <c r="C98" s="9" t="s">
        <v>29</v>
      </c>
      <c r="D98" s="9" t="s">
        <v>6</v>
      </c>
      <c r="E98" s="9" t="s">
        <v>227</v>
      </c>
      <c r="F98" s="9" t="s">
        <v>235</v>
      </c>
      <c r="G98" s="9" t="s">
        <v>272</v>
      </c>
      <c r="H98" s="6">
        <v>2425264</v>
      </c>
      <c r="I98" s="6">
        <v>1142214</v>
      </c>
      <c r="J98" s="6">
        <v>1092225</v>
      </c>
      <c r="K98" s="6">
        <v>1280946</v>
      </c>
      <c r="L98" s="6">
        <v>2104</v>
      </c>
    </row>
    <row r="99" spans="1:12">
      <c r="A99" s="9" t="s">
        <v>27</v>
      </c>
      <c r="B99" s="9" t="s">
        <v>28</v>
      </c>
      <c r="C99" s="9" t="s">
        <v>29</v>
      </c>
      <c r="D99" s="9" t="s">
        <v>6</v>
      </c>
      <c r="E99" s="9" t="s">
        <v>227</v>
      </c>
      <c r="F99" s="9" t="s">
        <v>235</v>
      </c>
      <c r="G99" s="9" t="s">
        <v>273</v>
      </c>
      <c r="H99" s="6">
        <v>4515384</v>
      </c>
      <c r="I99" s="6">
        <v>2781858</v>
      </c>
      <c r="J99" s="6">
        <v>2662101</v>
      </c>
      <c r="K99" s="6">
        <v>1730303</v>
      </c>
      <c r="L99" s="6">
        <v>3223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227</v>
      </c>
      <c r="F100" s="9" t="s">
        <v>235</v>
      </c>
      <c r="G100" s="9" t="s">
        <v>274</v>
      </c>
      <c r="H100" s="6">
        <v>5261273</v>
      </c>
      <c r="I100" s="6">
        <v>3711783</v>
      </c>
      <c r="J100" s="6">
        <v>3545489</v>
      </c>
      <c r="K100" s="6">
        <v>1546004</v>
      </c>
      <c r="L100" s="6">
        <v>3486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6</v>
      </c>
      <c r="E101" s="9" t="s">
        <v>227</v>
      </c>
      <c r="F101" s="9" t="s">
        <v>235</v>
      </c>
      <c r="G101" s="9" t="s">
        <v>275</v>
      </c>
      <c r="H101" s="6">
        <v>4628198</v>
      </c>
      <c r="I101" s="6">
        <v>3522057</v>
      </c>
      <c r="J101" s="6">
        <v>3380898</v>
      </c>
      <c r="K101" s="6">
        <v>1103229</v>
      </c>
      <c r="L101" s="6">
        <v>2912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6</v>
      </c>
      <c r="E102" s="9" t="s">
        <v>227</v>
      </c>
      <c r="F102" s="9" t="s">
        <v>235</v>
      </c>
      <c r="G102" s="9" t="s">
        <v>276</v>
      </c>
      <c r="H102" s="6">
        <v>4391572</v>
      </c>
      <c r="I102" s="6">
        <v>3512056</v>
      </c>
      <c r="J102" s="6">
        <v>3389260</v>
      </c>
      <c r="K102" s="6">
        <v>876971</v>
      </c>
      <c r="L102" s="6">
        <v>2545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6</v>
      </c>
      <c r="E103" s="9" t="s">
        <v>227</v>
      </c>
      <c r="F103" s="9" t="s">
        <v>235</v>
      </c>
      <c r="G103" s="9" t="s">
        <v>277</v>
      </c>
      <c r="H103" s="6">
        <v>4138185</v>
      </c>
      <c r="I103" s="6">
        <v>3368699</v>
      </c>
      <c r="J103" s="6">
        <v>3259904</v>
      </c>
      <c r="K103" s="6">
        <v>766901</v>
      </c>
      <c r="L103" s="6">
        <v>2585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6</v>
      </c>
      <c r="E104" s="9" t="s">
        <v>227</v>
      </c>
      <c r="F104" s="9" t="s">
        <v>235</v>
      </c>
      <c r="G104" s="9" t="s">
        <v>278</v>
      </c>
      <c r="H104" s="6">
        <v>3811578</v>
      </c>
      <c r="I104" s="6">
        <v>3098806</v>
      </c>
      <c r="J104" s="6">
        <v>3001340</v>
      </c>
      <c r="K104" s="6">
        <v>710578</v>
      </c>
      <c r="L104" s="6">
        <v>2194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6</v>
      </c>
      <c r="E105" s="9" t="s">
        <v>227</v>
      </c>
      <c r="F105" s="9" t="s">
        <v>235</v>
      </c>
      <c r="G105" s="9" t="s">
        <v>279</v>
      </c>
      <c r="H105" s="6">
        <v>2142955</v>
      </c>
      <c r="I105" s="6">
        <v>1701682</v>
      </c>
      <c r="J105" s="6">
        <v>1647015</v>
      </c>
      <c r="K105" s="6">
        <v>439774</v>
      </c>
      <c r="L105" s="6">
        <v>1499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6</v>
      </c>
      <c r="E106" s="9" t="s">
        <v>227</v>
      </c>
      <c r="F106" s="9" t="s">
        <v>235</v>
      </c>
      <c r="G106" s="9" t="s">
        <v>280</v>
      </c>
      <c r="H106" s="6">
        <v>10665689</v>
      </c>
      <c r="I106" s="6">
        <v>7079291</v>
      </c>
      <c r="J106" s="6">
        <v>6729908</v>
      </c>
      <c r="K106" s="6">
        <v>3566627</v>
      </c>
      <c r="L106" s="6">
        <v>19771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6</v>
      </c>
      <c r="E107" s="9" t="s">
        <v>227</v>
      </c>
      <c r="F107" s="9" t="s">
        <v>281</v>
      </c>
      <c r="G107" s="9" t="s">
        <v>6</v>
      </c>
      <c r="H107" s="6">
        <v>15372116</v>
      </c>
      <c r="I107" s="6">
        <v>10215649</v>
      </c>
      <c r="J107" s="6">
        <v>9747555</v>
      </c>
      <c r="K107" s="6">
        <v>5136167</v>
      </c>
      <c r="L107" s="6">
        <v>20300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6</v>
      </c>
      <c r="E108" s="9" t="s">
        <v>227</v>
      </c>
      <c r="F108" s="9" t="s">
        <v>281</v>
      </c>
      <c r="G108" s="9" t="s">
        <v>272</v>
      </c>
      <c r="H108" s="6">
        <v>916873</v>
      </c>
      <c r="I108" s="6">
        <v>451281</v>
      </c>
      <c r="J108" s="6">
        <v>436249</v>
      </c>
      <c r="K108" s="6">
        <v>464720</v>
      </c>
      <c r="L108" s="6">
        <v>872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6</v>
      </c>
      <c r="E109" s="9" t="s">
        <v>227</v>
      </c>
      <c r="F109" s="9" t="s">
        <v>281</v>
      </c>
      <c r="G109" s="9" t="s">
        <v>273</v>
      </c>
      <c r="H109" s="6">
        <v>1554376</v>
      </c>
      <c r="I109" s="6">
        <v>954347</v>
      </c>
      <c r="J109" s="6">
        <v>918959</v>
      </c>
      <c r="K109" s="6">
        <v>598833</v>
      </c>
      <c r="L109" s="6">
        <v>1196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6</v>
      </c>
      <c r="E110" s="9" t="s">
        <v>227</v>
      </c>
      <c r="F110" s="9" t="s">
        <v>281</v>
      </c>
      <c r="G110" s="9" t="s">
        <v>274</v>
      </c>
      <c r="H110" s="6">
        <v>1266676</v>
      </c>
      <c r="I110" s="6">
        <v>857012</v>
      </c>
      <c r="J110" s="6">
        <v>817818</v>
      </c>
      <c r="K110" s="6">
        <v>408752</v>
      </c>
      <c r="L110" s="6">
        <v>912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6</v>
      </c>
      <c r="E111" s="9" t="s">
        <v>227</v>
      </c>
      <c r="F111" s="9" t="s">
        <v>281</v>
      </c>
      <c r="G111" s="9" t="s">
        <v>275</v>
      </c>
      <c r="H111" s="6">
        <v>903129</v>
      </c>
      <c r="I111" s="6">
        <v>619089</v>
      </c>
      <c r="J111" s="6">
        <v>588515</v>
      </c>
      <c r="K111" s="6">
        <v>283455</v>
      </c>
      <c r="L111" s="6">
        <v>585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6</v>
      </c>
      <c r="E112" s="9" t="s">
        <v>227</v>
      </c>
      <c r="F112" s="9" t="s">
        <v>281</v>
      </c>
      <c r="G112" s="9" t="s">
        <v>276</v>
      </c>
      <c r="H112" s="6">
        <v>856281</v>
      </c>
      <c r="I112" s="6">
        <v>611093</v>
      </c>
      <c r="J112" s="6">
        <v>583667</v>
      </c>
      <c r="K112" s="6">
        <v>244647</v>
      </c>
      <c r="L112" s="6">
        <v>541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6</v>
      </c>
      <c r="E113" s="9" t="s">
        <v>227</v>
      </c>
      <c r="F113" s="9" t="s">
        <v>281</v>
      </c>
      <c r="G113" s="9" t="s">
        <v>277</v>
      </c>
      <c r="H113" s="6">
        <v>901982</v>
      </c>
      <c r="I113" s="6">
        <v>669759</v>
      </c>
      <c r="J113" s="6">
        <v>642275</v>
      </c>
      <c r="K113" s="6">
        <v>231567</v>
      </c>
      <c r="L113" s="6">
        <v>656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6</v>
      </c>
      <c r="E114" s="9" t="s">
        <v>227</v>
      </c>
      <c r="F114" s="9" t="s">
        <v>281</v>
      </c>
      <c r="G114" s="9" t="s">
        <v>278</v>
      </c>
      <c r="H114" s="6">
        <v>1188559</v>
      </c>
      <c r="I114" s="6">
        <v>923817</v>
      </c>
      <c r="J114" s="6">
        <v>890259</v>
      </c>
      <c r="K114" s="6">
        <v>264104</v>
      </c>
      <c r="L114" s="6">
        <v>638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6</v>
      </c>
      <c r="E115" s="9" t="s">
        <v>227</v>
      </c>
      <c r="F115" s="9" t="s">
        <v>281</v>
      </c>
      <c r="G115" s="9" t="s">
        <v>279</v>
      </c>
      <c r="H115" s="6">
        <v>798880</v>
      </c>
      <c r="I115" s="6">
        <v>614895</v>
      </c>
      <c r="J115" s="6">
        <v>593084</v>
      </c>
      <c r="K115" s="6">
        <v>183344</v>
      </c>
      <c r="L115" s="6">
        <v>641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6</v>
      </c>
      <c r="E116" s="9" t="s">
        <v>227</v>
      </c>
      <c r="F116" s="9" t="s">
        <v>281</v>
      </c>
      <c r="G116" s="9" t="s">
        <v>280</v>
      </c>
      <c r="H116" s="6">
        <v>6985360</v>
      </c>
      <c r="I116" s="6">
        <v>4514356</v>
      </c>
      <c r="J116" s="6">
        <v>4276729</v>
      </c>
      <c r="K116" s="6">
        <v>2456745</v>
      </c>
      <c r="L116" s="6">
        <v>14259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6</v>
      </c>
      <c r="E117" s="9" t="s">
        <v>227</v>
      </c>
      <c r="F117" s="9" t="s">
        <v>282</v>
      </c>
      <c r="G117" s="9" t="s">
        <v>6</v>
      </c>
      <c r="H117" s="6">
        <v>19086871</v>
      </c>
      <c r="I117" s="6">
        <v>14056099</v>
      </c>
      <c r="J117" s="6">
        <v>13533855</v>
      </c>
      <c r="K117" s="6">
        <v>5018162</v>
      </c>
      <c r="L117" s="6">
        <v>1261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6</v>
      </c>
      <c r="E118" s="9" t="s">
        <v>227</v>
      </c>
      <c r="F118" s="9" t="s">
        <v>282</v>
      </c>
      <c r="G118" s="9" t="s">
        <v>272</v>
      </c>
      <c r="H118" s="6">
        <v>973848</v>
      </c>
      <c r="I118" s="6">
        <v>448910</v>
      </c>
      <c r="J118" s="6">
        <v>428465</v>
      </c>
      <c r="K118" s="6">
        <v>524196</v>
      </c>
      <c r="L118" s="6">
        <v>742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6</v>
      </c>
      <c r="E119" s="9" t="s">
        <v>227</v>
      </c>
      <c r="F119" s="9" t="s">
        <v>282</v>
      </c>
      <c r="G119" s="9" t="s">
        <v>273</v>
      </c>
      <c r="H119" s="6">
        <v>1912441</v>
      </c>
      <c r="I119" s="6">
        <v>1167316</v>
      </c>
      <c r="J119" s="6">
        <v>1115609</v>
      </c>
      <c r="K119" s="6">
        <v>743985</v>
      </c>
      <c r="L119" s="6">
        <v>1140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6</v>
      </c>
      <c r="E120" s="9" t="s">
        <v>227</v>
      </c>
      <c r="F120" s="9" t="s">
        <v>282</v>
      </c>
      <c r="G120" s="9" t="s">
        <v>274</v>
      </c>
      <c r="H120" s="6">
        <v>2542114</v>
      </c>
      <c r="I120" s="6">
        <v>1775853</v>
      </c>
      <c r="J120" s="6">
        <v>1696979</v>
      </c>
      <c r="K120" s="6">
        <v>764860</v>
      </c>
      <c r="L120" s="6">
        <v>1401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6</v>
      </c>
      <c r="E121" s="9" t="s">
        <v>227</v>
      </c>
      <c r="F121" s="9" t="s">
        <v>282</v>
      </c>
      <c r="G121" s="9" t="s">
        <v>275</v>
      </c>
      <c r="H121" s="6">
        <v>2389190</v>
      </c>
      <c r="I121" s="6">
        <v>1823247</v>
      </c>
      <c r="J121" s="6">
        <v>1752545</v>
      </c>
      <c r="K121" s="6">
        <v>564875</v>
      </c>
      <c r="L121" s="6">
        <v>1068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6</v>
      </c>
      <c r="E122" s="9" t="s">
        <v>227</v>
      </c>
      <c r="F122" s="9" t="s">
        <v>282</v>
      </c>
      <c r="G122" s="9" t="s">
        <v>276</v>
      </c>
      <c r="H122" s="6">
        <v>2373228</v>
      </c>
      <c r="I122" s="6">
        <v>1922260</v>
      </c>
      <c r="J122" s="6">
        <v>1858367</v>
      </c>
      <c r="K122" s="6">
        <v>449977</v>
      </c>
      <c r="L122" s="6">
        <v>991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6</v>
      </c>
      <c r="E123" s="9" t="s">
        <v>227</v>
      </c>
      <c r="F123" s="9" t="s">
        <v>282</v>
      </c>
      <c r="G123" s="9" t="s">
        <v>277</v>
      </c>
      <c r="H123" s="6">
        <v>2390332</v>
      </c>
      <c r="I123" s="6">
        <v>1983188</v>
      </c>
      <c r="J123" s="6">
        <v>1923178</v>
      </c>
      <c r="K123" s="6">
        <v>406114</v>
      </c>
      <c r="L123" s="6">
        <v>1030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6</v>
      </c>
      <c r="E124" s="9" t="s">
        <v>227</v>
      </c>
      <c r="F124" s="9" t="s">
        <v>282</v>
      </c>
      <c r="G124" s="9" t="s">
        <v>278</v>
      </c>
      <c r="H124" s="6">
        <v>2109074</v>
      </c>
      <c r="I124" s="6">
        <v>1747230</v>
      </c>
      <c r="J124" s="6">
        <v>1696620</v>
      </c>
      <c r="K124" s="6">
        <v>360875</v>
      </c>
      <c r="L124" s="6">
        <v>969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6</v>
      </c>
      <c r="E125" s="9" t="s">
        <v>227</v>
      </c>
      <c r="F125" s="9" t="s">
        <v>282</v>
      </c>
      <c r="G125" s="9" t="s">
        <v>279</v>
      </c>
      <c r="H125" s="6">
        <v>1123585</v>
      </c>
      <c r="I125" s="6">
        <v>909236</v>
      </c>
      <c r="J125" s="6">
        <v>882106</v>
      </c>
      <c r="K125" s="6">
        <v>213733</v>
      </c>
      <c r="L125" s="6">
        <v>616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6</v>
      </c>
      <c r="E126" s="9" t="s">
        <v>227</v>
      </c>
      <c r="F126" s="9" t="s">
        <v>282</v>
      </c>
      <c r="G126" s="9" t="s">
        <v>280</v>
      </c>
      <c r="H126" s="6">
        <v>3273059</v>
      </c>
      <c r="I126" s="6">
        <v>2278859</v>
      </c>
      <c r="J126" s="6">
        <v>2179986</v>
      </c>
      <c r="K126" s="6">
        <v>989547</v>
      </c>
      <c r="L126" s="6">
        <v>4653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6</v>
      </c>
      <c r="E127" s="9" t="s">
        <v>227</v>
      </c>
      <c r="F127" s="9" t="s">
        <v>283</v>
      </c>
      <c r="G127" s="9" t="s">
        <v>6</v>
      </c>
      <c r="H127" s="6">
        <v>7521111</v>
      </c>
      <c r="I127" s="6">
        <v>5646698</v>
      </c>
      <c r="J127" s="6">
        <v>5426730</v>
      </c>
      <c r="K127" s="6">
        <v>1867004</v>
      </c>
      <c r="L127" s="6">
        <v>7409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6</v>
      </c>
      <c r="E128" s="9" t="s">
        <v>227</v>
      </c>
      <c r="F128" s="9" t="s">
        <v>283</v>
      </c>
      <c r="G128" s="9" t="s">
        <v>272</v>
      </c>
      <c r="H128" s="6">
        <v>534543</v>
      </c>
      <c r="I128" s="6">
        <v>242023</v>
      </c>
      <c r="J128" s="6">
        <v>227511</v>
      </c>
      <c r="K128" s="6">
        <v>292030</v>
      </c>
      <c r="L128" s="6">
        <v>490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6</v>
      </c>
      <c r="E129" s="9" t="s">
        <v>227</v>
      </c>
      <c r="F129" s="9" t="s">
        <v>283</v>
      </c>
      <c r="G129" s="9" t="s">
        <v>273</v>
      </c>
      <c r="H129" s="6">
        <v>1048567</v>
      </c>
      <c r="I129" s="6">
        <v>660195</v>
      </c>
      <c r="J129" s="6">
        <v>627533</v>
      </c>
      <c r="K129" s="6">
        <v>387485</v>
      </c>
      <c r="L129" s="6">
        <v>887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6</v>
      </c>
      <c r="E130" s="9" t="s">
        <v>227</v>
      </c>
      <c r="F130" s="9" t="s">
        <v>283</v>
      </c>
      <c r="G130" s="9" t="s">
        <v>274</v>
      </c>
      <c r="H130" s="6">
        <v>1452483</v>
      </c>
      <c r="I130" s="6">
        <v>1078918</v>
      </c>
      <c r="J130" s="6">
        <v>1030692</v>
      </c>
      <c r="K130" s="6">
        <v>372392</v>
      </c>
      <c r="L130" s="6">
        <v>1173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6</v>
      </c>
      <c r="E131" s="9" t="s">
        <v>227</v>
      </c>
      <c r="F131" s="9" t="s">
        <v>283</v>
      </c>
      <c r="G131" s="9" t="s">
        <v>275</v>
      </c>
      <c r="H131" s="6">
        <v>1335879</v>
      </c>
      <c r="I131" s="6">
        <v>1079721</v>
      </c>
      <c r="J131" s="6">
        <v>1039838</v>
      </c>
      <c r="K131" s="6">
        <v>254899</v>
      </c>
      <c r="L131" s="6">
        <v>1259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6</v>
      </c>
      <c r="E132" s="9" t="s">
        <v>227</v>
      </c>
      <c r="F132" s="9" t="s">
        <v>283</v>
      </c>
      <c r="G132" s="9" t="s">
        <v>276</v>
      </c>
      <c r="H132" s="6">
        <v>1162063</v>
      </c>
      <c r="I132" s="6">
        <v>978703</v>
      </c>
      <c r="J132" s="6">
        <v>947226</v>
      </c>
      <c r="K132" s="6">
        <v>182347</v>
      </c>
      <c r="L132" s="6">
        <v>1013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6</v>
      </c>
      <c r="E133" s="9" t="s">
        <v>227</v>
      </c>
      <c r="F133" s="9" t="s">
        <v>283</v>
      </c>
      <c r="G133" s="9" t="s">
        <v>277</v>
      </c>
      <c r="H133" s="6">
        <v>845871</v>
      </c>
      <c r="I133" s="6">
        <v>715752</v>
      </c>
      <c r="J133" s="6">
        <v>694451</v>
      </c>
      <c r="K133" s="6">
        <v>129220</v>
      </c>
      <c r="L133" s="6">
        <v>899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6</v>
      </c>
      <c r="E134" s="9" t="s">
        <v>227</v>
      </c>
      <c r="F134" s="9" t="s">
        <v>283</v>
      </c>
      <c r="G134" s="9" t="s">
        <v>278</v>
      </c>
      <c r="H134" s="6">
        <v>513945</v>
      </c>
      <c r="I134" s="6">
        <v>427759</v>
      </c>
      <c r="J134" s="6">
        <v>414461</v>
      </c>
      <c r="K134" s="6">
        <v>85599</v>
      </c>
      <c r="L134" s="6">
        <v>587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6</v>
      </c>
      <c r="E135" s="9" t="s">
        <v>227</v>
      </c>
      <c r="F135" s="9" t="s">
        <v>283</v>
      </c>
      <c r="G135" s="9" t="s">
        <v>279</v>
      </c>
      <c r="H135" s="6">
        <v>220490</v>
      </c>
      <c r="I135" s="6">
        <v>177551</v>
      </c>
      <c r="J135" s="6">
        <v>171825</v>
      </c>
      <c r="K135" s="6">
        <v>42697</v>
      </c>
      <c r="L135" s="6">
        <v>242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6</v>
      </c>
      <c r="E136" s="9" t="s">
        <v>227</v>
      </c>
      <c r="F136" s="9" t="s">
        <v>283</v>
      </c>
      <c r="G136" s="9" t="s">
        <v>280</v>
      </c>
      <c r="H136" s="6">
        <v>407270</v>
      </c>
      <c r="I136" s="6">
        <v>286076</v>
      </c>
      <c r="J136" s="6">
        <v>273193</v>
      </c>
      <c r="K136" s="6">
        <v>120335</v>
      </c>
      <c r="L136" s="6">
        <v>859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6</v>
      </c>
      <c r="E137" s="9" t="s">
        <v>228</v>
      </c>
      <c r="F137" s="9" t="s">
        <v>6</v>
      </c>
      <c r="G137" s="9" t="s">
        <v>6</v>
      </c>
      <c r="H137" s="6">
        <v>16318403</v>
      </c>
      <c r="I137" s="6">
        <v>3037764</v>
      </c>
      <c r="J137" s="6">
        <v>2726028</v>
      </c>
      <c r="K137" s="6">
        <v>13239544</v>
      </c>
      <c r="L137" s="6">
        <v>41095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6</v>
      </c>
      <c r="E138" s="9" t="s">
        <v>228</v>
      </c>
      <c r="F138" s="9" t="s">
        <v>234</v>
      </c>
      <c r="G138" s="9" t="s">
        <v>6</v>
      </c>
      <c r="H138" s="6">
        <v>9103750</v>
      </c>
      <c r="I138" s="6">
        <v>1385201</v>
      </c>
      <c r="J138" s="6">
        <v>1234655</v>
      </c>
      <c r="K138" s="6">
        <v>7688848</v>
      </c>
      <c r="L138" s="6">
        <v>29701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6</v>
      </c>
      <c r="E139" s="9" t="s">
        <v>228</v>
      </c>
      <c r="F139" s="9" t="s">
        <v>235</v>
      </c>
      <c r="G139" s="9" t="s">
        <v>6</v>
      </c>
      <c r="H139" s="6">
        <v>7214653</v>
      </c>
      <c r="I139" s="6">
        <v>1652563</v>
      </c>
      <c r="J139" s="6">
        <v>1491373</v>
      </c>
      <c r="K139" s="6">
        <v>5550696</v>
      </c>
      <c r="L139" s="6">
        <v>11394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6</v>
      </c>
      <c r="E140" s="9" t="s">
        <v>228</v>
      </c>
      <c r="F140" s="9" t="s">
        <v>235</v>
      </c>
      <c r="G140" s="9" t="s">
        <v>272</v>
      </c>
      <c r="H140" s="6">
        <v>37916</v>
      </c>
      <c r="I140" s="6">
        <v>12773</v>
      </c>
      <c r="J140" s="6">
        <v>11749</v>
      </c>
      <c r="K140" s="6">
        <v>24892</v>
      </c>
      <c r="L140" s="6">
        <v>251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6</v>
      </c>
      <c r="E141" s="9" t="s">
        <v>228</v>
      </c>
      <c r="F141" s="9" t="s">
        <v>235</v>
      </c>
      <c r="G141" s="9" t="s">
        <v>273</v>
      </c>
      <c r="H141" s="6">
        <v>57238</v>
      </c>
      <c r="I141" s="6">
        <v>27813</v>
      </c>
      <c r="J141" s="6">
        <v>25788</v>
      </c>
      <c r="K141" s="6">
        <v>29218</v>
      </c>
      <c r="L141" s="6">
        <v>207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6</v>
      </c>
      <c r="E142" s="9" t="s">
        <v>228</v>
      </c>
      <c r="F142" s="9" t="s">
        <v>235</v>
      </c>
      <c r="G142" s="9" t="s">
        <v>274</v>
      </c>
      <c r="H142" s="6">
        <v>64206</v>
      </c>
      <c r="I142" s="6">
        <v>37836</v>
      </c>
      <c r="J142" s="6">
        <v>35132</v>
      </c>
      <c r="K142" s="6">
        <v>26071</v>
      </c>
      <c r="L142" s="6">
        <v>299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6</v>
      </c>
      <c r="E143" s="9" t="s">
        <v>228</v>
      </c>
      <c r="F143" s="9" t="s">
        <v>235</v>
      </c>
      <c r="G143" s="9" t="s">
        <v>275</v>
      </c>
      <c r="H143" s="6">
        <v>63175</v>
      </c>
      <c r="I143" s="6">
        <v>40610</v>
      </c>
      <c r="J143" s="6">
        <v>38080</v>
      </c>
      <c r="K143" s="6">
        <v>22334</v>
      </c>
      <c r="L143" s="6">
        <v>231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6</v>
      </c>
      <c r="E144" s="9" t="s">
        <v>228</v>
      </c>
      <c r="F144" s="9" t="s">
        <v>235</v>
      </c>
      <c r="G144" s="9" t="s">
        <v>276</v>
      </c>
      <c r="H144" s="6">
        <v>66245</v>
      </c>
      <c r="I144" s="6">
        <v>45396</v>
      </c>
      <c r="J144" s="6">
        <v>42838</v>
      </c>
      <c r="K144" s="6">
        <v>20561</v>
      </c>
      <c r="L144" s="6">
        <v>288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6</v>
      </c>
      <c r="E145" s="9" t="s">
        <v>228</v>
      </c>
      <c r="F145" s="9" t="s">
        <v>235</v>
      </c>
      <c r="G145" s="9" t="s">
        <v>277</v>
      </c>
      <c r="H145" s="6">
        <v>72846</v>
      </c>
      <c r="I145" s="6">
        <v>51283</v>
      </c>
      <c r="J145" s="6">
        <v>48529</v>
      </c>
      <c r="K145" s="6">
        <v>21299</v>
      </c>
      <c r="L145" s="6">
        <v>264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6</v>
      </c>
      <c r="E146" s="9" t="s">
        <v>228</v>
      </c>
      <c r="F146" s="9" t="s">
        <v>235</v>
      </c>
      <c r="G146" s="9" t="s">
        <v>278</v>
      </c>
      <c r="H146" s="6">
        <v>86047</v>
      </c>
      <c r="I146" s="6">
        <v>60200</v>
      </c>
      <c r="J146" s="6">
        <v>56967</v>
      </c>
      <c r="K146" s="6">
        <v>25569</v>
      </c>
      <c r="L146" s="6">
        <v>278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6</v>
      </c>
      <c r="E147" s="9" t="s">
        <v>228</v>
      </c>
      <c r="F147" s="9" t="s">
        <v>235</v>
      </c>
      <c r="G147" s="9" t="s">
        <v>279</v>
      </c>
      <c r="H147" s="6">
        <v>67096</v>
      </c>
      <c r="I147" s="6">
        <v>46191</v>
      </c>
      <c r="J147" s="6">
        <v>43900</v>
      </c>
      <c r="K147" s="6">
        <v>20735</v>
      </c>
      <c r="L147" s="6">
        <v>170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6</v>
      </c>
      <c r="E148" s="9" t="s">
        <v>228</v>
      </c>
      <c r="F148" s="9" t="s">
        <v>235</v>
      </c>
      <c r="G148" s="9" t="s">
        <v>280</v>
      </c>
      <c r="H148" s="6">
        <v>6699884</v>
      </c>
      <c r="I148" s="6">
        <v>1330461</v>
      </c>
      <c r="J148" s="6">
        <v>1188390</v>
      </c>
      <c r="K148" s="6">
        <v>5360017</v>
      </c>
      <c r="L148" s="6">
        <v>9406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6</v>
      </c>
      <c r="E149" s="9" t="s">
        <v>228</v>
      </c>
      <c r="F149" s="9" t="s">
        <v>281</v>
      </c>
      <c r="G149" s="9" t="s">
        <v>6</v>
      </c>
      <c r="H149" s="6">
        <v>5454923</v>
      </c>
      <c r="I149" s="6">
        <v>1081261</v>
      </c>
      <c r="J149" s="6">
        <v>964963</v>
      </c>
      <c r="K149" s="6">
        <v>4365669</v>
      </c>
      <c r="L149" s="6">
        <v>7993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6</v>
      </c>
      <c r="E150" s="9" t="s">
        <v>228</v>
      </c>
      <c r="F150" s="9" t="s">
        <v>281</v>
      </c>
      <c r="G150" s="9" t="s">
        <v>272</v>
      </c>
      <c r="H150" s="6">
        <v>16566</v>
      </c>
      <c r="I150" s="6">
        <v>6081</v>
      </c>
      <c r="J150" s="6">
        <v>5684</v>
      </c>
      <c r="K150" s="6">
        <v>10384</v>
      </c>
      <c r="L150" s="6">
        <v>101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6</v>
      </c>
      <c r="E151" s="9" t="s">
        <v>228</v>
      </c>
      <c r="F151" s="9" t="s">
        <v>281</v>
      </c>
      <c r="G151" s="9" t="s">
        <v>273</v>
      </c>
      <c r="H151" s="6">
        <v>22248</v>
      </c>
      <c r="I151" s="6">
        <v>11115</v>
      </c>
      <c r="J151" s="6">
        <v>10400</v>
      </c>
      <c r="K151" s="6">
        <v>11066</v>
      </c>
      <c r="L151" s="6">
        <v>67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6</v>
      </c>
      <c r="E152" s="9" t="s">
        <v>228</v>
      </c>
      <c r="F152" s="9" t="s">
        <v>281</v>
      </c>
      <c r="G152" s="9" t="s">
        <v>274</v>
      </c>
      <c r="H152" s="6">
        <v>20092</v>
      </c>
      <c r="I152" s="6">
        <v>12151</v>
      </c>
      <c r="J152" s="6">
        <v>11238</v>
      </c>
      <c r="K152" s="6">
        <v>7893</v>
      </c>
      <c r="L152" s="6">
        <v>48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6</v>
      </c>
      <c r="E153" s="9" t="s">
        <v>228</v>
      </c>
      <c r="F153" s="9" t="s">
        <v>281</v>
      </c>
      <c r="G153" s="9" t="s">
        <v>275</v>
      </c>
      <c r="H153" s="6">
        <v>18248</v>
      </c>
      <c r="I153" s="6">
        <v>11704</v>
      </c>
      <c r="J153" s="6">
        <v>10890</v>
      </c>
      <c r="K153" s="6">
        <v>6480</v>
      </c>
      <c r="L153" s="6">
        <v>64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6</v>
      </c>
      <c r="E154" s="9" t="s">
        <v>228</v>
      </c>
      <c r="F154" s="9" t="s">
        <v>281</v>
      </c>
      <c r="G154" s="9" t="s">
        <v>276</v>
      </c>
      <c r="H154" s="6">
        <v>19758</v>
      </c>
      <c r="I154" s="6">
        <v>13346</v>
      </c>
      <c r="J154" s="6">
        <v>12562</v>
      </c>
      <c r="K154" s="6">
        <v>6342</v>
      </c>
      <c r="L154" s="6">
        <v>70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6</v>
      </c>
      <c r="E155" s="9" t="s">
        <v>228</v>
      </c>
      <c r="F155" s="9" t="s">
        <v>281</v>
      </c>
      <c r="G155" s="9" t="s">
        <v>277</v>
      </c>
      <c r="H155" s="6">
        <v>24250</v>
      </c>
      <c r="I155" s="6">
        <v>16282</v>
      </c>
      <c r="J155" s="6">
        <v>15286</v>
      </c>
      <c r="K155" s="6">
        <v>7894</v>
      </c>
      <c r="L155" s="6">
        <v>74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6</v>
      </c>
      <c r="E156" s="9" t="s">
        <v>228</v>
      </c>
      <c r="F156" s="9" t="s">
        <v>281</v>
      </c>
      <c r="G156" s="9" t="s">
        <v>278</v>
      </c>
      <c r="H156" s="6">
        <v>35476</v>
      </c>
      <c r="I156" s="6">
        <v>23929</v>
      </c>
      <c r="J156" s="6">
        <v>22462</v>
      </c>
      <c r="K156" s="6">
        <v>11434</v>
      </c>
      <c r="L156" s="6">
        <v>113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6</v>
      </c>
      <c r="E157" s="9" t="s">
        <v>228</v>
      </c>
      <c r="F157" s="9" t="s">
        <v>281</v>
      </c>
      <c r="G157" s="9" t="s">
        <v>279</v>
      </c>
      <c r="H157" s="6">
        <v>30217</v>
      </c>
      <c r="I157" s="6">
        <v>20104</v>
      </c>
      <c r="J157" s="6">
        <v>19106</v>
      </c>
      <c r="K157" s="6">
        <v>10034</v>
      </c>
      <c r="L157" s="6">
        <v>79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6</v>
      </c>
      <c r="E158" s="9" t="s">
        <v>228</v>
      </c>
      <c r="F158" s="9" t="s">
        <v>281</v>
      </c>
      <c r="G158" s="9" t="s">
        <v>280</v>
      </c>
      <c r="H158" s="6">
        <v>5268068</v>
      </c>
      <c r="I158" s="6">
        <v>966549</v>
      </c>
      <c r="J158" s="6">
        <v>857335</v>
      </c>
      <c r="K158" s="6">
        <v>4294142</v>
      </c>
      <c r="L158" s="6">
        <v>7377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6</v>
      </c>
      <c r="E159" s="9" t="s">
        <v>228</v>
      </c>
      <c r="F159" s="9" t="s">
        <v>282</v>
      </c>
      <c r="G159" s="9" t="s">
        <v>6</v>
      </c>
      <c r="H159" s="6">
        <v>1520808</v>
      </c>
      <c r="I159" s="6">
        <v>463871</v>
      </c>
      <c r="J159" s="6">
        <v>426567</v>
      </c>
      <c r="K159" s="6">
        <v>1054616</v>
      </c>
      <c r="L159" s="6">
        <v>2321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6</v>
      </c>
      <c r="E160" s="9" t="s">
        <v>228</v>
      </c>
      <c r="F160" s="9" t="s">
        <v>282</v>
      </c>
      <c r="G160" s="9" t="s">
        <v>272</v>
      </c>
      <c r="H160" s="6">
        <v>12352</v>
      </c>
      <c r="I160" s="6">
        <v>4042</v>
      </c>
      <c r="J160" s="6">
        <v>3710</v>
      </c>
      <c r="K160" s="6">
        <v>8242</v>
      </c>
      <c r="L160" s="6">
        <v>68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6</v>
      </c>
      <c r="E161" s="9" t="s">
        <v>228</v>
      </c>
      <c r="F161" s="9" t="s">
        <v>282</v>
      </c>
      <c r="G161" s="9" t="s">
        <v>273</v>
      </c>
      <c r="H161" s="6">
        <v>20150</v>
      </c>
      <c r="I161" s="6">
        <v>9831</v>
      </c>
      <c r="J161" s="6">
        <v>9101</v>
      </c>
      <c r="K161" s="6">
        <v>10238</v>
      </c>
      <c r="L161" s="6">
        <v>81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6</v>
      </c>
      <c r="E162" s="9" t="s">
        <v>228</v>
      </c>
      <c r="F162" s="9" t="s">
        <v>282</v>
      </c>
      <c r="G162" s="9" t="s">
        <v>274</v>
      </c>
      <c r="H162" s="6">
        <v>25294</v>
      </c>
      <c r="I162" s="6">
        <v>14902</v>
      </c>
      <c r="J162" s="6">
        <v>13975</v>
      </c>
      <c r="K162" s="6">
        <v>10284</v>
      </c>
      <c r="L162" s="6">
        <v>108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6</v>
      </c>
      <c r="E163" s="9" t="s">
        <v>228</v>
      </c>
      <c r="F163" s="9" t="s">
        <v>282</v>
      </c>
      <c r="G163" s="9" t="s">
        <v>275</v>
      </c>
      <c r="H163" s="6">
        <v>26329</v>
      </c>
      <c r="I163" s="6">
        <v>17540</v>
      </c>
      <c r="J163" s="6">
        <v>16480</v>
      </c>
      <c r="K163" s="6">
        <v>8703</v>
      </c>
      <c r="L163" s="6">
        <v>86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6</v>
      </c>
      <c r="E164" s="9" t="s">
        <v>228</v>
      </c>
      <c r="F164" s="9" t="s">
        <v>282</v>
      </c>
      <c r="G164" s="9" t="s">
        <v>276</v>
      </c>
      <c r="H164" s="6">
        <v>29262</v>
      </c>
      <c r="I164" s="6">
        <v>20501</v>
      </c>
      <c r="J164" s="6">
        <v>19388</v>
      </c>
      <c r="K164" s="6">
        <v>8671</v>
      </c>
      <c r="L164" s="6">
        <v>90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6</v>
      </c>
      <c r="E165" s="9" t="s">
        <v>228</v>
      </c>
      <c r="F165" s="9" t="s">
        <v>282</v>
      </c>
      <c r="G165" s="9" t="s">
        <v>277</v>
      </c>
      <c r="H165" s="6">
        <v>34408</v>
      </c>
      <c r="I165" s="6">
        <v>25067</v>
      </c>
      <c r="J165" s="6">
        <v>23833</v>
      </c>
      <c r="K165" s="6">
        <v>9258</v>
      </c>
      <c r="L165" s="6">
        <v>83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6</v>
      </c>
      <c r="E166" s="9" t="s">
        <v>228</v>
      </c>
      <c r="F166" s="9" t="s">
        <v>282</v>
      </c>
      <c r="G166" s="9" t="s">
        <v>278</v>
      </c>
      <c r="H166" s="6">
        <v>38381</v>
      </c>
      <c r="I166" s="6">
        <v>27708</v>
      </c>
      <c r="J166" s="6">
        <v>26327</v>
      </c>
      <c r="K166" s="6">
        <v>10582</v>
      </c>
      <c r="L166" s="6">
        <v>91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6</v>
      </c>
      <c r="E167" s="9" t="s">
        <v>228</v>
      </c>
      <c r="F167" s="9" t="s">
        <v>282</v>
      </c>
      <c r="G167" s="9" t="s">
        <v>279</v>
      </c>
      <c r="H167" s="6">
        <v>28778</v>
      </c>
      <c r="I167" s="6">
        <v>20570</v>
      </c>
      <c r="J167" s="6">
        <v>19576</v>
      </c>
      <c r="K167" s="6">
        <v>8165</v>
      </c>
      <c r="L167" s="6">
        <v>43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6</v>
      </c>
      <c r="E168" s="9" t="s">
        <v>228</v>
      </c>
      <c r="F168" s="9" t="s">
        <v>282</v>
      </c>
      <c r="G168" s="9" t="s">
        <v>280</v>
      </c>
      <c r="H168" s="6">
        <v>1305854</v>
      </c>
      <c r="I168" s="6">
        <v>323710</v>
      </c>
      <c r="J168" s="6">
        <v>294177</v>
      </c>
      <c r="K168" s="6">
        <v>980473</v>
      </c>
      <c r="L168" s="6">
        <v>1671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6</v>
      </c>
      <c r="E169" s="9" t="s">
        <v>228</v>
      </c>
      <c r="F169" s="9" t="s">
        <v>283</v>
      </c>
      <c r="G169" s="9" t="s">
        <v>6</v>
      </c>
      <c r="H169" s="6">
        <v>238922</v>
      </c>
      <c r="I169" s="6">
        <v>107431</v>
      </c>
      <c r="J169" s="6">
        <v>99843</v>
      </c>
      <c r="K169" s="6">
        <v>130411</v>
      </c>
      <c r="L169" s="6">
        <v>1080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6</v>
      </c>
      <c r="E170" s="9" t="s">
        <v>228</v>
      </c>
      <c r="F170" s="9" t="s">
        <v>283</v>
      </c>
      <c r="G170" s="9" t="s">
        <v>272</v>
      </c>
      <c r="H170" s="6">
        <v>8998</v>
      </c>
      <c r="I170" s="6">
        <v>2650</v>
      </c>
      <c r="J170" s="6">
        <v>2355</v>
      </c>
      <c r="K170" s="6">
        <v>6266</v>
      </c>
      <c r="L170" s="6">
        <v>82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6</v>
      </c>
      <c r="E171" s="9" t="s">
        <v>228</v>
      </c>
      <c r="F171" s="9" t="s">
        <v>283</v>
      </c>
      <c r="G171" s="9" t="s">
        <v>273</v>
      </c>
      <c r="H171" s="6">
        <v>14840</v>
      </c>
      <c r="I171" s="6">
        <v>6867</v>
      </c>
      <c r="J171" s="6">
        <v>6287</v>
      </c>
      <c r="K171" s="6">
        <v>7914</v>
      </c>
      <c r="L171" s="6">
        <v>59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6</v>
      </c>
      <c r="E172" s="9" t="s">
        <v>228</v>
      </c>
      <c r="F172" s="9" t="s">
        <v>283</v>
      </c>
      <c r="G172" s="9" t="s">
        <v>274</v>
      </c>
      <c r="H172" s="6">
        <v>18820</v>
      </c>
      <c r="I172" s="6">
        <v>10783</v>
      </c>
      <c r="J172" s="6">
        <v>9919</v>
      </c>
      <c r="K172" s="6">
        <v>7894</v>
      </c>
      <c r="L172" s="6">
        <v>143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6</v>
      </c>
      <c r="E173" s="9" t="s">
        <v>228</v>
      </c>
      <c r="F173" s="9" t="s">
        <v>283</v>
      </c>
      <c r="G173" s="9" t="s">
        <v>275</v>
      </c>
      <c r="H173" s="6">
        <v>18598</v>
      </c>
      <c r="I173" s="6">
        <v>11366</v>
      </c>
      <c r="J173" s="6">
        <v>10710</v>
      </c>
      <c r="K173" s="6">
        <v>7151</v>
      </c>
      <c r="L173" s="6">
        <v>81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6</v>
      </c>
      <c r="E174" s="9" t="s">
        <v>228</v>
      </c>
      <c r="F174" s="9" t="s">
        <v>283</v>
      </c>
      <c r="G174" s="9" t="s">
        <v>276</v>
      </c>
      <c r="H174" s="6">
        <v>17225</v>
      </c>
      <c r="I174" s="6">
        <v>11549</v>
      </c>
      <c r="J174" s="6">
        <v>10888</v>
      </c>
      <c r="K174" s="6">
        <v>5548</v>
      </c>
      <c r="L174" s="6">
        <v>128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6</v>
      </c>
      <c r="E175" s="9" t="s">
        <v>228</v>
      </c>
      <c r="F175" s="9" t="s">
        <v>283</v>
      </c>
      <c r="G175" s="9" t="s">
        <v>277</v>
      </c>
      <c r="H175" s="6">
        <v>14188</v>
      </c>
      <c r="I175" s="6">
        <v>9934</v>
      </c>
      <c r="J175" s="6">
        <v>9410</v>
      </c>
      <c r="K175" s="6">
        <v>4147</v>
      </c>
      <c r="L175" s="6">
        <v>107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6</v>
      </c>
      <c r="E176" s="9" t="s">
        <v>228</v>
      </c>
      <c r="F176" s="9" t="s">
        <v>283</v>
      </c>
      <c r="G176" s="9" t="s">
        <v>278</v>
      </c>
      <c r="H176" s="6">
        <v>12190</v>
      </c>
      <c r="I176" s="6">
        <v>8563</v>
      </c>
      <c r="J176" s="6">
        <v>8178</v>
      </c>
      <c r="K176" s="6">
        <v>3553</v>
      </c>
      <c r="L176" s="6">
        <v>74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6</v>
      </c>
      <c r="E177" s="9" t="s">
        <v>228</v>
      </c>
      <c r="F177" s="9" t="s">
        <v>283</v>
      </c>
      <c r="G177" s="9" t="s">
        <v>279</v>
      </c>
      <c r="H177" s="6">
        <v>8101</v>
      </c>
      <c r="I177" s="6">
        <v>5517</v>
      </c>
      <c r="J177" s="6">
        <v>5218</v>
      </c>
      <c r="K177" s="6">
        <v>2536</v>
      </c>
      <c r="L177" s="6">
        <v>48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6</v>
      </c>
      <c r="E178" s="9" t="s">
        <v>228</v>
      </c>
      <c r="F178" s="9" t="s">
        <v>283</v>
      </c>
      <c r="G178" s="9" t="s">
        <v>280</v>
      </c>
      <c r="H178" s="6">
        <v>125962</v>
      </c>
      <c r="I178" s="6">
        <v>40202</v>
      </c>
      <c r="J178" s="6">
        <v>36878</v>
      </c>
      <c r="K178" s="6">
        <v>85402</v>
      </c>
      <c r="L178" s="6">
        <v>358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6</v>
      </c>
      <c r="E179" s="9" t="s">
        <v>18</v>
      </c>
      <c r="F179" s="9" t="s">
        <v>6</v>
      </c>
      <c r="G179" s="9" t="s">
        <v>6</v>
      </c>
      <c r="H179" s="6">
        <v>7554140</v>
      </c>
      <c r="I179" s="6">
        <v>78730</v>
      </c>
      <c r="J179" s="6">
        <v>59463</v>
      </c>
      <c r="K179" s="6">
        <v>61483</v>
      </c>
      <c r="L179" s="6">
        <v>7413927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6</v>
      </c>
      <c r="E180" s="9" t="s">
        <v>18</v>
      </c>
      <c r="F180" s="9" t="s">
        <v>234</v>
      </c>
      <c r="G180" s="9" t="s">
        <v>6</v>
      </c>
      <c r="H180" s="6">
        <v>1965679</v>
      </c>
      <c r="I180" s="6">
        <v>35275</v>
      </c>
      <c r="J180" s="6">
        <v>25945</v>
      </c>
      <c r="K180" s="6">
        <v>29186</v>
      </c>
      <c r="L180" s="6">
        <v>1901218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6</v>
      </c>
      <c r="E181" s="9" t="s">
        <v>18</v>
      </c>
      <c r="F181" s="9" t="s">
        <v>235</v>
      </c>
      <c r="G181" s="9" t="s">
        <v>6</v>
      </c>
      <c r="H181" s="6">
        <v>5588461</v>
      </c>
      <c r="I181" s="6">
        <v>43455</v>
      </c>
      <c r="J181" s="6">
        <v>33518</v>
      </c>
      <c r="K181" s="6">
        <v>32297</v>
      </c>
      <c r="L181" s="6">
        <v>5512709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6</v>
      </c>
      <c r="E182" s="9" t="s">
        <v>18</v>
      </c>
      <c r="F182" s="9" t="s">
        <v>235</v>
      </c>
      <c r="G182" s="9" t="s">
        <v>272</v>
      </c>
      <c r="H182" s="6">
        <v>375034</v>
      </c>
      <c r="I182" s="6">
        <v>574</v>
      </c>
      <c r="J182" s="6">
        <v>401</v>
      </c>
      <c r="K182" s="6">
        <v>782</v>
      </c>
      <c r="L182" s="6">
        <v>373678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6</v>
      </c>
      <c r="E183" s="9" t="s">
        <v>18</v>
      </c>
      <c r="F183" s="9" t="s">
        <v>235</v>
      </c>
      <c r="G183" s="9" t="s">
        <v>273</v>
      </c>
      <c r="H183" s="6">
        <v>774183</v>
      </c>
      <c r="I183" s="6">
        <v>1421</v>
      </c>
      <c r="J183" s="6">
        <v>1104</v>
      </c>
      <c r="K183" s="6">
        <v>1269</v>
      </c>
      <c r="L183" s="6">
        <v>771493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6</v>
      </c>
      <c r="E184" s="9" t="s">
        <v>18</v>
      </c>
      <c r="F184" s="9" t="s">
        <v>235</v>
      </c>
      <c r="G184" s="9" t="s">
        <v>274</v>
      </c>
      <c r="H184" s="6">
        <v>841534</v>
      </c>
      <c r="I184" s="6">
        <v>2202</v>
      </c>
      <c r="J184" s="6">
        <v>1786</v>
      </c>
      <c r="K184" s="6">
        <v>1254</v>
      </c>
      <c r="L184" s="6">
        <v>838078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6</v>
      </c>
      <c r="E185" s="9" t="s">
        <v>18</v>
      </c>
      <c r="F185" s="9" t="s">
        <v>235</v>
      </c>
      <c r="G185" s="9" t="s">
        <v>275</v>
      </c>
      <c r="H185" s="6">
        <v>659149</v>
      </c>
      <c r="I185" s="6">
        <v>2232</v>
      </c>
      <c r="J185" s="6">
        <v>1965</v>
      </c>
      <c r="K185" s="6">
        <v>1089</v>
      </c>
      <c r="L185" s="6">
        <v>655828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6</v>
      </c>
      <c r="E186" s="9" t="s">
        <v>18</v>
      </c>
      <c r="F186" s="9" t="s">
        <v>235</v>
      </c>
      <c r="G186" s="9" t="s">
        <v>276</v>
      </c>
      <c r="H186" s="6">
        <v>586499</v>
      </c>
      <c r="I186" s="6">
        <v>2831</v>
      </c>
      <c r="J186" s="6">
        <v>2459</v>
      </c>
      <c r="K186" s="6">
        <v>888</v>
      </c>
      <c r="L186" s="6">
        <v>582780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6</v>
      </c>
      <c r="E187" s="9" t="s">
        <v>18</v>
      </c>
      <c r="F187" s="9" t="s">
        <v>235</v>
      </c>
      <c r="G187" s="9" t="s">
        <v>277</v>
      </c>
      <c r="H187" s="6">
        <v>503108</v>
      </c>
      <c r="I187" s="6">
        <v>2718</v>
      </c>
      <c r="J187" s="6">
        <v>2315</v>
      </c>
      <c r="K187" s="6">
        <v>965</v>
      </c>
      <c r="L187" s="6">
        <v>499425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6</v>
      </c>
      <c r="E188" s="9" t="s">
        <v>18</v>
      </c>
      <c r="F188" s="9" t="s">
        <v>235</v>
      </c>
      <c r="G188" s="9" t="s">
        <v>278</v>
      </c>
      <c r="H188" s="6">
        <v>423471</v>
      </c>
      <c r="I188" s="6">
        <v>2793</v>
      </c>
      <c r="J188" s="6">
        <v>2423</v>
      </c>
      <c r="K188" s="6">
        <v>725</v>
      </c>
      <c r="L188" s="6">
        <v>419953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6</v>
      </c>
      <c r="E189" s="9" t="s">
        <v>18</v>
      </c>
      <c r="F189" s="9" t="s">
        <v>235</v>
      </c>
      <c r="G189" s="9" t="s">
        <v>279</v>
      </c>
      <c r="H189" s="6">
        <v>246616</v>
      </c>
      <c r="I189" s="6">
        <v>1644</v>
      </c>
      <c r="J189" s="6">
        <v>1473</v>
      </c>
      <c r="K189" s="6">
        <v>489</v>
      </c>
      <c r="L189" s="6">
        <v>244483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6</v>
      </c>
      <c r="E190" s="9" t="s">
        <v>18</v>
      </c>
      <c r="F190" s="9" t="s">
        <v>235</v>
      </c>
      <c r="G190" s="9" t="s">
        <v>280</v>
      </c>
      <c r="H190" s="6">
        <v>1178867</v>
      </c>
      <c r="I190" s="6">
        <v>27040</v>
      </c>
      <c r="J190" s="6">
        <v>19592</v>
      </c>
      <c r="K190" s="6">
        <v>24836</v>
      </c>
      <c r="L190" s="6">
        <v>1126991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6</v>
      </c>
      <c r="E191" s="9" t="s">
        <v>18</v>
      </c>
      <c r="F191" s="9" t="s">
        <v>281</v>
      </c>
      <c r="G191" s="9" t="s">
        <v>6</v>
      </c>
      <c r="H191" s="6">
        <v>1953357</v>
      </c>
      <c r="I191" s="6">
        <v>21182</v>
      </c>
      <c r="J191" s="6">
        <v>15317</v>
      </c>
      <c r="K191" s="6">
        <v>20254</v>
      </c>
      <c r="L191" s="6">
        <v>1911921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6</v>
      </c>
      <c r="E192" s="9" t="s">
        <v>18</v>
      </c>
      <c r="F192" s="9" t="s">
        <v>281</v>
      </c>
      <c r="G192" s="9" t="s">
        <v>272</v>
      </c>
      <c r="H192" s="6">
        <v>138814</v>
      </c>
      <c r="I192" s="6">
        <v>138</v>
      </c>
      <c r="J192" s="6">
        <v>102</v>
      </c>
      <c r="K192" s="6">
        <v>182</v>
      </c>
      <c r="L192" s="6">
        <v>138494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6</v>
      </c>
      <c r="E193" s="9" t="s">
        <v>18</v>
      </c>
      <c r="F193" s="9" t="s">
        <v>281</v>
      </c>
      <c r="G193" s="9" t="s">
        <v>273</v>
      </c>
      <c r="H193" s="6">
        <v>266958</v>
      </c>
      <c r="I193" s="6">
        <v>208</v>
      </c>
      <c r="J193" s="6">
        <v>141</v>
      </c>
      <c r="K193" s="6">
        <v>270</v>
      </c>
      <c r="L193" s="6">
        <v>266480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6</v>
      </c>
      <c r="E194" s="9" t="s">
        <v>18</v>
      </c>
      <c r="F194" s="9" t="s">
        <v>281</v>
      </c>
      <c r="G194" s="9" t="s">
        <v>274</v>
      </c>
      <c r="H194" s="6">
        <v>221967</v>
      </c>
      <c r="I194" s="6">
        <v>274</v>
      </c>
      <c r="J194" s="6">
        <v>199</v>
      </c>
      <c r="K194" s="6">
        <v>184</v>
      </c>
      <c r="L194" s="6">
        <v>221509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6</v>
      </c>
      <c r="E195" s="9" t="s">
        <v>18</v>
      </c>
      <c r="F195" s="9" t="s">
        <v>281</v>
      </c>
      <c r="G195" s="9" t="s">
        <v>275</v>
      </c>
      <c r="H195" s="6">
        <v>137692</v>
      </c>
      <c r="I195" s="6">
        <v>162</v>
      </c>
      <c r="J195" s="6">
        <v>104</v>
      </c>
      <c r="K195" s="6">
        <v>110</v>
      </c>
      <c r="L195" s="6">
        <v>137420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6</v>
      </c>
      <c r="E196" s="9" t="s">
        <v>18</v>
      </c>
      <c r="F196" s="9" t="s">
        <v>281</v>
      </c>
      <c r="G196" s="9" t="s">
        <v>276</v>
      </c>
      <c r="H196" s="6">
        <v>118752</v>
      </c>
      <c r="I196" s="6">
        <v>247</v>
      </c>
      <c r="J196" s="6">
        <v>190</v>
      </c>
      <c r="K196" s="6">
        <v>119</v>
      </c>
      <c r="L196" s="6">
        <v>118386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6</v>
      </c>
      <c r="E197" s="9" t="s">
        <v>18</v>
      </c>
      <c r="F197" s="9" t="s">
        <v>281</v>
      </c>
      <c r="G197" s="9" t="s">
        <v>277</v>
      </c>
      <c r="H197" s="6">
        <v>110167</v>
      </c>
      <c r="I197" s="6">
        <v>305</v>
      </c>
      <c r="J197" s="6">
        <v>245</v>
      </c>
      <c r="K197" s="6">
        <v>150</v>
      </c>
      <c r="L197" s="6">
        <v>109712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6</v>
      </c>
      <c r="E198" s="9" t="s">
        <v>18</v>
      </c>
      <c r="F198" s="9" t="s">
        <v>281</v>
      </c>
      <c r="G198" s="9" t="s">
        <v>278</v>
      </c>
      <c r="H198" s="6">
        <v>112767</v>
      </c>
      <c r="I198" s="6">
        <v>523</v>
      </c>
      <c r="J198" s="6">
        <v>448</v>
      </c>
      <c r="K198" s="6">
        <v>176</v>
      </c>
      <c r="L198" s="6">
        <v>112068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6</v>
      </c>
      <c r="E199" s="9" t="s">
        <v>18</v>
      </c>
      <c r="F199" s="9" t="s">
        <v>281</v>
      </c>
      <c r="G199" s="9" t="s">
        <v>279</v>
      </c>
      <c r="H199" s="6">
        <v>82197</v>
      </c>
      <c r="I199" s="6">
        <v>361</v>
      </c>
      <c r="J199" s="6">
        <v>316</v>
      </c>
      <c r="K199" s="6">
        <v>123</v>
      </c>
      <c r="L199" s="6">
        <v>81713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6</v>
      </c>
      <c r="E200" s="9" t="s">
        <v>18</v>
      </c>
      <c r="F200" s="9" t="s">
        <v>281</v>
      </c>
      <c r="G200" s="9" t="s">
        <v>280</v>
      </c>
      <c r="H200" s="6">
        <v>764043</v>
      </c>
      <c r="I200" s="6">
        <v>18964</v>
      </c>
      <c r="J200" s="6">
        <v>13572</v>
      </c>
      <c r="K200" s="6">
        <v>18940</v>
      </c>
      <c r="L200" s="6">
        <v>726139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6</v>
      </c>
      <c r="E201" s="9" t="s">
        <v>18</v>
      </c>
      <c r="F201" s="9" t="s">
        <v>282</v>
      </c>
      <c r="G201" s="9" t="s">
        <v>6</v>
      </c>
      <c r="H201" s="6">
        <v>2385842</v>
      </c>
      <c r="I201" s="6">
        <v>10599</v>
      </c>
      <c r="J201" s="6">
        <v>8363</v>
      </c>
      <c r="K201" s="6">
        <v>6983</v>
      </c>
      <c r="L201" s="6">
        <v>2368260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6</v>
      </c>
      <c r="E202" s="9" t="s">
        <v>18</v>
      </c>
      <c r="F202" s="9" t="s">
        <v>282</v>
      </c>
      <c r="G202" s="9" t="s">
        <v>272</v>
      </c>
      <c r="H202" s="6">
        <v>141036</v>
      </c>
      <c r="I202" s="6">
        <v>127</v>
      </c>
      <c r="J202" s="6">
        <v>74</v>
      </c>
      <c r="K202" s="6">
        <v>232</v>
      </c>
      <c r="L202" s="6">
        <v>140677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6</v>
      </c>
      <c r="E203" s="9" t="s">
        <v>18</v>
      </c>
      <c r="F203" s="9" t="s">
        <v>282</v>
      </c>
      <c r="G203" s="9" t="s">
        <v>273</v>
      </c>
      <c r="H203" s="6">
        <v>308337</v>
      </c>
      <c r="I203" s="6">
        <v>304</v>
      </c>
      <c r="J203" s="6">
        <v>244</v>
      </c>
      <c r="K203" s="6">
        <v>311</v>
      </c>
      <c r="L203" s="6">
        <v>307722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6</v>
      </c>
      <c r="E204" s="9" t="s">
        <v>18</v>
      </c>
      <c r="F204" s="9" t="s">
        <v>282</v>
      </c>
      <c r="G204" s="9" t="s">
        <v>274</v>
      </c>
      <c r="H204" s="6">
        <v>368150</v>
      </c>
      <c r="I204" s="6">
        <v>395</v>
      </c>
      <c r="J204" s="6">
        <v>302</v>
      </c>
      <c r="K204" s="6">
        <v>285</v>
      </c>
      <c r="L204" s="6">
        <v>367470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6</v>
      </c>
      <c r="E205" s="9" t="s">
        <v>18</v>
      </c>
      <c r="F205" s="9" t="s">
        <v>282</v>
      </c>
      <c r="G205" s="9" t="s">
        <v>275</v>
      </c>
      <c r="H205" s="6">
        <v>306410</v>
      </c>
      <c r="I205" s="6">
        <v>400</v>
      </c>
      <c r="J205" s="6">
        <v>346</v>
      </c>
      <c r="K205" s="6">
        <v>233</v>
      </c>
      <c r="L205" s="6">
        <v>305777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6</v>
      </c>
      <c r="E206" s="9" t="s">
        <v>18</v>
      </c>
      <c r="F206" s="9" t="s">
        <v>282</v>
      </c>
      <c r="G206" s="9" t="s">
        <v>276</v>
      </c>
      <c r="H206" s="6">
        <v>286510</v>
      </c>
      <c r="I206" s="6">
        <v>623</v>
      </c>
      <c r="J206" s="6">
        <v>550</v>
      </c>
      <c r="K206" s="6">
        <v>235</v>
      </c>
      <c r="L206" s="6">
        <v>285652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6</v>
      </c>
      <c r="E207" s="9" t="s">
        <v>18</v>
      </c>
      <c r="F207" s="9" t="s">
        <v>282</v>
      </c>
      <c r="G207" s="9" t="s">
        <v>277</v>
      </c>
      <c r="H207" s="6">
        <v>262595</v>
      </c>
      <c r="I207" s="6">
        <v>691</v>
      </c>
      <c r="J207" s="6">
        <v>611</v>
      </c>
      <c r="K207" s="6">
        <v>344</v>
      </c>
      <c r="L207" s="6">
        <v>261560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6</v>
      </c>
      <c r="E208" s="9" t="s">
        <v>18</v>
      </c>
      <c r="F208" s="9" t="s">
        <v>282</v>
      </c>
      <c r="G208" s="9" t="s">
        <v>278</v>
      </c>
      <c r="H208" s="6">
        <v>228977</v>
      </c>
      <c r="I208" s="6">
        <v>946</v>
      </c>
      <c r="J208" s="6">
        <v>817</v>
      </c>
      <c r="K208" s="6">
        <v>282</v>
      </c>
      <c r="L208" s="6">
        <v>227749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6</v>
      </c>
      <c r="E209" s="9" t="s">
        <v>18</v>
      </c>
      <c r="F209" s="9" t="s">
        <v>282</v>
      </c>
      <c r="G209" s="9" t="s">
        <v>279</v>
      </c>
      <c r="H209" s="6">
        <v>129603</v>
      </c>
      <c r="I209" s="6">
        <v>669</v>
      </c>
      <c r="J209" s="6">
        <v>616</v>
      </c>
      <c r="K209" s="6">
        <v>187</v>
      </c>
      <c r="L209" s="6">
        <v>128747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6</v>
      </c>
      <c r="E210" s="9" t="s">
        <v>18</v>
      </c>
      <c r="F210" s="9" t="s">
        <v>282</v>
      </c>
      <c r="G210" s="9" t="s">
        <v>280</v>
      </c>
      <c r="H210" s="6">
        <v>354224</v>
      </c>
      <c r="I210" s="6">
        <v>6444</v>
      </c>
      <c r="J210" s="6">
        <v>4803</v>
      </c>
      <c r="K210" s="6">
        <v>4874</v>
      </c>
      <c r="L210" s="6">
        <v>342906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6</v>
      </c>
      <c r="E211" s="9" t="s">
        <v>18</v>
      </c>
      <c r="F211" s="9" t="s">
        <v>283</v>
      </c>
      <c r="G211" s="9" t="s">
        <v>6</v>
      </c>
      <c r="H211" s="6">
        <v>1249262</v>
      </c>
      <c r="I211" s="6">
        <v>11674</v>
      </c>
      <c r="J211" s="6">
        <v>9838</v>
      </c>
      <c r="K211" s="6">
        <v>5060</v>
      </c>
      <c r="L211" s="6">
        <v>1232528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6</v>
      </c>
      <c r="E212" s="9" t="s">
        <v>18</v>
      </c>
      <c r="F212" s="9" t="s">
        <v>283</v>
      </c>
      <c r="G212" s="9" t="s">
        <v>272</v>
      </c>
      <c r="H212" s="6">
        <v>95184</v>
      </c>
      <c r="I212" s="6">
        <v>309</v>
      </c>
      <c r="J212" s="6">
        <v>225</v>
      </c>
      <c r="K212" s="6">
        <v>368</v>
      </c>
      <c r="L212" s="6">
        <v>94507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6</v>
      </c>
      <c r="E213" s="9" t="s">
        <v>18</v>
      </c>
      <c r="F213" s="9" t="s">
        <v>283</v>
      </c>
      <c r="G213" s="9" t="s">
        <v>273</v>
      </c>
      <c r="H213" s="6">
        <v>198888</v>
      </c>
      <c r="I213" s="6">
        <v>909</v>
      </c>
      <c r="J213" s="6">
        <v>719</v>
      </c>
      <c r="K213" s="6">
        <v>688</v>
      </c>
      <c r="L213" s="6">
        <v>197291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6</v>
      </c>
      <c r="E214" s="9" t="s">
        <v>18</v>
      </c>
      <c r="F214" s="9" t="s">
        <v>283</v>
      </c>
      <c r="G214" s="9" t="s">
        <v>274</v>
      </c>
      <c r="H214" s="6">
        <v>251417</v>
      </c>
      <c r="I214" s="6">
        <v>1533</v>
      </c>
      <c r="J214" s="6">
        <v>1285</v>
      </c>
      <c r="K214" s="6">
        <v>785</v>
      </c>
      <c r="L214" s="6">
        <v>249099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6</v>
      </c>
      <c r="E215" s="9" t="s">
        <v>18</v>
      </c>
      <c r="F215" s="9" t="s">
        <v>283</v>
      </c>
      <c r="G215" s="9" t="s">
        <v>275</v>
      </c>
      <c r="H215" s="6">
        <v>215047</v>
      </c>
      <c r="I215" s="6">
        <v>1670</v>
      </c>
      <c r="J215" s="6">
        <v>1515</v>
      </c>
      <c r="K215" s="6">
        <v>746</v>
      </c>
      <c r="L215" s="6">
        <v>212631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6</v>
      </c>
      <c r="E216" s="9" t="s">
        <v>18</v>
      </c>
      <c r="F216" s="9" t="s">
        <v>283</v>
      </c>
      <c r="G216" s="9" t="s">
        <v>276</v>
      </c>
      <c r="H216" s="6">
        <v>181237</v>
      </c>
      <c r="I216" s="6">
        <v>1961</v>
      </c>
      <c r="J216" s="6">
        <v>1719</v>
      </c>
      <c r="K216" s="6">
        <v>534</v>
      </c>
      <c r="L216" s="6">
        <v>178742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6</v>
      </c>
      <c r="E217" s="9" t="s">
        <v>18</v>
      </c>
      <c r="F217" s="9" t="s">
        <v>283</v>
      </c>
      <c r="G217" s="9" t="s">
        <v>277</v>
      </c>
      <c r="H217" s="6">
        <v>130346</v>
      </c>
      <c r="I217" s="6">
        <v>1722</v>
      </c>
      <c r="J217" s="6">
        <v>1459</v>
      </c>
      <c r="K217" s="6">
        <v>471</v>
      </c>
      <c r="L217" s="6">
        <v>128153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6</v>
      </c>
      <c r="E218" s="9" t="s">
        <v>18</v>
      </c>
      <c r="F218" s="9" t="s">
        <v>283</v>
      </c>
      <c r="G218" s="9" t="s">
        <v>278</v>
      </c>
      <c r="H218" s="6">
        <v>81727</v>
      </c>
      <c r="I218" s="6">
        <v>1324</v>
      </c>
      <c r="J218" s="6">
        <v>1158</v>
      </c>
      <c r="K218" s="6">
        <v>267</v>
      </c>
      <c r="L218" s="6">
        <v>80136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6</v>
      </c>
      <c r="E219" s="9" t="s">
        <v>18</v>
      </c>
      <c r="F219" s="9" t="s">
        <v>283</v>
      </c>
      <c r="G219" s="9" t="s">
        <v>279</v>
      </c>
      <c r="H219" s="6">
        <v>34816</v>
      </c>
      <c r="I219" s="6">
        <v>614</v>
      </c>
      <c r="J219" s="6">
        <v>541</v>
      </c>
      <c r="K219" s="6">
        <v>179</v>
      </c>
      <c r="L219" s="6">
        <v>34023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6</v>
      </c>
      <c r="E220" s="9" t="s">
        <v>18</v>
      </c>
      <c r="F220" s="9" t="s">
        <v>283</v>
      </c>
      <c r="G220" s="9" t="s">
        <v>280</v>
      </c>
      <c r="H220" s="6">
        <v>60600</v>
      </c>
      <c r="I220" s="6">
        <v>1632</v>
      </c>
      <c r="J220" s="6">
        <v>1217</v>
      </c>
      <c r="K220" s="6">
        <v>1022</v>
      </c>
      <c r="L220" s="6">
        <v>57946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6</v>
      </c>
      <c r="E221" s="9" t="s">
        <v>6</v>
      </c>
      <c r="F221" s="9" t="s">
        <v>6</v>
      </c>
      <c r="G221" s="9" t="s">
        <v>6</v>
      </c>
      <c r="H221" s="6">
        <v>1208825</v>
      </c>
      <c r="I221" s="6">
        <v>742765</v>
      </c>
      <c r="J221" s="6">
        <v>624643</v>
      </c>
      <c r="K221" s="6">
        <v>407334</v>
      </c>
      <c r="L221" s="6">
        <v>58726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6</v>
      </c>
      <c r="E222" s="9" t="s">
        <v>6</v>
      </c>
      <c r="F222" s="9" t="s">
        <v>234</v>
      </c>
      <c r="G222" s="9" t="s">
        <v>6</v>
      </c>
      <c r="H222" s="6">
        <v>365208</v>
      </c>
      <c r="I222" s="6">
        <v>172671</v>
      </c>
      <c r="J222" s="6">
        <v>133930</v>
      </c>
      <c r="K222" s="6">
        <v>177021</v>
      </c>
      <c r="L222" s="6">
        <v>15516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6</v>
      </c>
      <c r="E223" s="9" t="s">
        <v>6</v>
      </c>
      <c r="F223" s="9" t="s">
        <v>235</v>
      </c>
      <c r="G223" s="9" t="s">
        <v>6</v>
      </c>
      <c r="H223" s="6">
        <v>843617</v>
      </c>
      <c r="I223" s="6">
        <v>570094</v>
      </c>
      <c r="J223" s="6">
        <v>490713</v>
      </c>
      <c r="K223" s="6">
        <v>230313</v>
      </c>
      <c r="L223" s="6">
        <v>43210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6</v>
      </c>
      <c r="E224" s="9" t="s">
        <v>6</v>
      </c>
      <c r="F224" s="9" t="s">
        <v>235</v>
      </c>
      <c r="G224" s="9" t="s">
        <v>272</v>
      </c>
      <c r="H224" s="6">
        <v>48060</v>
      </c>
      <c r="I224" s="6">
        <v>23900</v>
      </c>
      <c r="J224" s="6">
        <v>21960</v>
      </c>
      <c r="K224" s="6">
        <v>20499</v>
      </c>
      <c r="L224" s="6">
        <v>3661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6</v>
      </c>
      <c r="E225" s="9" t="s">
        <v>6</v>
      </c>
      <c r="F225" s="9" t="s">
        <v>235</v>
      </c>
      <c r="G225" s="9" t="s">
        <v>273</v>
      </c>
      <c r="H225" s="6">
        <v>89445</v>
      </c>
      <c r="I225" s="6">
        <v>62610</v>
      </c>
      <c r="J225" s="6">
        <v>57049</v>
      </c>
      <c r="K225" s="6">
        <v>19812</v>
      </c>
      <c r="L225" s="6">
        <v>7023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6</v>
      </c>
      <c r="E226" s="9" t="s">
        <v>6</v>
      </c>
      <c r="F226" s="9" t="s">
        <v>235</v>
      </c>
      <c r="G226" s="9" t="s">
        <v>274</v>
      </c>
      <c r="H226" s="6">
        <v>97203</v>
      </c>
      <c r="I226" s="6">
        <v>74810</v>
      </c>
      <c r="J226" s="6">
        <v>67747</v>
      </c>
      <c r="K226" s="6">
        <v>15922</v>
      </c>
      <c r="L226" s="6">
        <v>6471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6</v>
      </c>
      <c r="E227" s="9" t="s">
        <v>6</v>
      </c>
      <c r="F227" s="9" t="s">
        <v>235</v>
      </c>
      <c r="G227" s="9" t="s">
        <v>275</v>
      </c>
      <c r="H227" s="6">
        <v>82414</v>
      </c>
      <c r="I227" s="6">
        <v>65010</v>
      </c>
      <c r="J227" s="6">
        <v>58705</v>
      </c>
      <c r="K227" s="6">
        <v>12355</v>
      </c>
      <c r="L227" s="6">
        <v>5049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6</v>
      </c>
      <c r="E228" s="9" t="s">
        <v>6</v>
      </c>
      <c r="F228" s="9" t="s">
        <v>235</v>
      </c>
      <c r="G228" s="9" t="s">
        <v>276</v>
      </c>
      <c r="H228" s="6">
        <v>74770</v>
      </c>
      <c r="I228" s="6">
        <v>60761</v>
      </c>
      <c r="J228" s="6">
        <v>54661</v>
      </c>
      <c r="K228" s="6">
        <v>9719</v>
      </c>
      <c r="L228" s="6">
        <v>4290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6</v>
      </c>
      <c r="E229" s="9" t="s">
        <v>6</v>
      </c>
      <c r="F229" s="9" t="s">
        <v>235</v>
      </c>
      <c r="G229" s="9" t="s">
        <v>277</v>
      </c>
      <c r="H229" s="6">
        <v>67321</v>
      </c>
      <c r="I229" s="6">
        <v>55044</v>
      </c>
      <c r="J229" s="6">
        <v>49709</v>
      </c>
      <c r="K229" s="6">
        <v>8555</v>
      </c>
      <c r="L229" s="6">
        <v>3722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6</v>
      </c>
      <c r="E230" s="9" t="s">
        <v>6</v>
      </c>
      <c r="F230" s="9" t="s">
        <v>235</v>
      </c>
      <c r="G230" s="9" t="s">
        <v>278</v>
      </c>
      <c r="H230" s="6">
        <v>59088</v>
      </c>
      <c r="I230" s="6">
        <v>47719</v>
      </c>
      <c r="J230" s="6">
        <v>42884</v>
      </c>
      <c r="K230" s="6">
        <v>8564</v>
      </c>
      <c r="L230" s="6">
        <v>2805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6</v>
      </c>
      <c r="E231" s="9" t="s">
        <v>6</v>
      </c>
      <c r="F231" s="9" t="s">
        <v>235</v>
      </c>
      <c r="G231" s="9" t="s">
        <v>279</v>
      </c>
      <c r="H231" s="6">
        <v>29794</v>
      </c>
      <c r="I231" s="6">
        <v>23601</v>
      </c>
      <c r="J231" s="6">
        <v>20799</v>
      </c>
      <c r="K231" s="6">
        <v>4775</v>
      </c>
      <c r="L231" s="6">
        <v>1418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6</v>
      </c>
      <c r="E232" s="9" t="s">
        <v>6</v>
      </c>
      <c r="F232" s="9" t="s">
        <v>235</v>
      </c>
      <c r="G232" s="9" t="s">
        <v>280</v>
      </c>
      <c r="H232" s="6">
        <v>295522</v>
      </c>
      <c r="I232" s="6">
        <v>156639</v>
      </c>
      <c r="J232" s="6">
        <v>117199</v>
      </c>
      <c r="K232" s="6">
        <v>130112</v>
      </c>
      <c r="L232" s="6">
        <v>8771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6</v>
      </c>
      <c r="E233" s="9" t="s">
        <v>6</v>
      </c>
      <c r="F233" s="9" t="s">
        <v>281</v>
      </c>
      <c r="G233" s="9" t="s">
        <v>6</v>
      </c>
      <c r="H233" s="6">
        <v>341826</v>
      </c>
      <c r="I233" s="6">
        <v>198315</v>
      </c>
      <c r="J233" s="6">
        <v>161163</v>
      </c>
      <c r="K233" s="6">
        <v>129788</v>
      </c>
      <c r="L233" s="6">
        <v>13723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6</v>
      </c>
      <c r="E234" s="9" t="s">
        <v>6</v>
      </c>
      <c r="F234" s="9" t="s">
        <v>281</v>
      </c>
      <c r="G234" s="9" t="s">
        <v>272</v>
      </c>
      <c r="H234" s="6">
        <v>14809</v>
      </c>
      <c r="I234" s="6">
        <v>7134</v>
      </c>
      <c r="J234" s="6">
        <v>6786</v>
      </c>
      <c r="K234" s="6">
        <v>6501</v>
      </c>
      <c r="L234" s="6">
        <v>1174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6</v>
      </c>
      <c r="E235" s="9" t="s">
        <v>6</v>
      </c>
      <c r="F235" s="9" t="s">
        <v>281</v>
      </c>
      <c r="G235" s="9" t="s">
        <v>273</v>
      </c>
      <c r="H235" s="6">
        <v>23957</v>
      </c>
      <c r="I235" s="6">
        <v>15847</v>
      </c>
      <c r="J235" s="6">
        <v>14779</v>
      </c>
      <c r="K235" s="6">
        <v>6168</v>
      </c>
      <c r="L235" s="6">
        <v>1942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6</v>
      </c>
      <c r="E236" s="9" t="s">
        <v>6</v>
      </c>
      <c r="F236" s="9" t="s">
        <v>281</v>
      </c>
      <c r="G236" s="9" t="s">
        <v>274</v>
      </c>
      <c r="H236" s="6">
        <v>16944</v>
      </c>
      <c r="I236" s="6">
        <v>12330</v>
      </c>
      <c r="J236" s="6">
        <v>11281</v>
      </c>
      <c r="K236" s="6">
        <v>3327</v>
      </c>
      <c r="L236" s="6">
        <v>1287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6</v>
      </c>
      <c r="E237" s="9" t="s">
        <v>6</v>
      </c>
      <c r="F237" s="9" t="s">
        <v>281</v>
      </c>
      <c r="G237" s="9" t="s">
        <v>275</v>
      </c>
      <c r="H237" s="6">
        <v>11654</v>
      </c>
      <c r="I237" s="6">
        <v>8428</v>
      </c>
      <c r="J237" s="6">
        <v>7568</v>
      </c>
      <c r="K237" s="6">
        <v>2441</v>
      </c>
      <c r="L237" s="6">
        <v>785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6</v>
      </c>
      <c r="E238" s="9" t="s">
        <v>6</v>
      </c>
      <c r="F238" s="9" t="s">
        <v>281</v>
      </c>
      <c r="G238" s="9" t="s">
        <v>276</v>
      </c>
      <c r="H238" s="6">
        <v>11080</v>
      </c>
      <c r="I238" s="6">
        <v>8275</v>
      </c>
      <c r="J238" s="6">
        <v>7533</v>
      </c>
      <c r="K238" s="6">
        <v>2221</v>
      </c>
      <c r="L238" s="6">
        <v>584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6</v>
      </c>
      <c r="E239" s="9" t="s">
        <v>6</v>
      </c>
      <c r="F239" s="9" t="s">
        <v>281</v>
      </c>
      <c r="G239" s="9" t="s">
        <v>277</v>
      </c>
      <c r="H239" s="6">
        <v>13313</v>
      </c>
      <c r="I239" s="6">
        <v>10357</v>
      </c>
      <c r="J239" s="6">
        <v>9184</v>
      </c>
      <c r="K239" s="6">
        <v>2334</v>
      </c>
      <c r="L239" s="6">
        <v>622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6</v>
      </c>
      <c r="E240" s="9" t="s">
        <v>6</v>
      </c>
      <c r="F240" s="9" t="s">
        <v>281</v>
      </c>
      <c r="G240" s="9" t="s">
        <v>278</v>
      </c>
      <c r="H240" s="6">
        <v>19846</v>
      </c>
      <c r="I240" s="6">
        <v>15800</v>
      </c>
      <c r="J240" s="6">
        <v>14212</v>
      </c>
      <c r="K240" s="6">
        <v>3279</v>
      </c>
      <c r="L240" s="6">
        <v>767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6</v>
      </c>
      <c r="E241" s="9" t="s">
        <v>6</v>
      </c>
      <c r="F241" s="9" t="s">
        <v>281</v>
      </c>
      <c r="G241" s="9" t="s">
        <v>279</v>
      </c>
      <c r="H241" s="6">
        <v>12403</v>
      </c>
      <c r="I241" s="6">
        <v>9673</v>
      </c>
      <c r="J241" s="6">
        <v>8569</v>
      </c>
      <c r="K241" s="6">
        <v>2196</v>
      </c>
      <c r="L241" s="6">
        <v>534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6</v>
      </c>
      <c r="E242" s="9" t="s">
        <v>6</v>
      </c>
      <c r="F242" s="9" t="s">
        <v>281</v>
      </c>
      <c r="G242" s="9" t="s">
        <v>280</v>
      </c>
      <c r="H242" s="6">
        <v>217820</v>
      </c>
      <c r="I242" s="6">
        <v>110471</v>
      </c>
      <c r="J242" s="6">
        <v>81251</v>
      </c>
      <c r="K242" s="6">
        <v>101321</v>
      </c>
      <c r="L242" s="6">
        <v>6028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6</v>
      </c>
      <c r="E243" s="9" t="s">
        <v>6</v>
      </c>
      <c r="F243" s="9" t="s">
        <v>282</v>
      </c>
      <c r="G243" s="9" t="s">
        <v>6</v>
      </c>
      <c r="H243" s="6">
        <v>314829</v>
      </c>
      <c r="I243" s="6">
        <v>228868</v>
      </c>
      <c r="J243" s="6">
        <v>203373</v>
      </c>
      <c r="K243" s="6">
        <v>69466</v>
      </c>
      <c r="L243" s="6">
        <v>16495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6</v>
      </c>
      <c r="E244" s="9" t="s">
        <v>6</v>
      </c>
      <c r="F244" s="9" t="s">
        <v>282</v>
      </c>
      <c r="G244" s="9" t="s">
        <v>272</v>
      </c>
      <c r="H244" s="6">
        <v>17649</v>
      </c>
      <c r="I244" s="6">
        <v>8758</v>
      </c>
      <c r="J244" s="6">
        <v>8064</v>
      </c>
      <c r="K244" s="6">
        <v>7662</v>
      </c>
      <c r="L244" s="6">
        <v>1229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6</v>
      </c>
      <c r="E245" s="9" t="s">
        <v>6</v>
      </c>
      <c r="F245" s="9" t="s">
        <v>282</v>
      </c>
      <c r="G245" s="9" t="s">
        <v>273</v>
      </c>
      <c r="H245" s="6">
        <v>34600</v>
      </c>
      <c r="I245" s="6">
        <v>24328</v>
      </c>
      <c r="J245" s="6">
        <v>22325</v>
      </c>
      <c r="K245" s="6">
        <v>7677</v>
      </c>
      <c r="L245" s="6">
        <v>2595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6</v>
      </c>
      <c r="E246" s="9" t="s">
        <v>6</v>
      </c>
      <c r="F246" s="9" t="s">
        <v>282</v>
      </c>
      <c r="G246" s="9" t="s">
        <v>274</v>
      </c>
      <c r="H246" s="6">
        <v>40038</v>
      </c>
      <c r="I246" s="6">
        <v>30525</v>
      </c>
      <c r="J246" s="6">
        <v>27972</v>
      </c>
      <c r="K246" s="6">
        <v>7181</v>
      </c>
      <c r="L246" s="6">
        <v>2332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6</v>
      </c>
      <c r="E247" s="9" t="s">
        <v>6</v>
      </c>
      <c r="F247" s="9" t="s">
        <v>282</v>
      </c>
      <c r="G247" s="9" t="s">
        <v>275</v>
      </c>
      <c r="H247" s="6">
        <v>36208</v>
      </c>
      <c r="I247" s="6">
        <v>28499</v>
      </c>
      <c r="J247" s="6">
        <v>26158</v>
      </c>
      <c r="K247" s="6">
        <v>5663</v>
      </c>
      <c r="L247" s="6">
        <v>2046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6</v>
      </c>
      <c r="E248" s="9" t="s">
        <v>6</v>
      </c>
      <c r="F248" s="9" t="s">
        <v>282</v>
      </c>
      <c r="G248" s="9" t="s">
        <v>276</v>
      </c>
      <c r="H248" s="6">
        <v>36448</v>
      </c>
      <c r="I248" s="6">
        <v>29809</v>
      </c>
      <c r="J248" s="6">
        <v>27104</v>
      </c>
      <c r="K248" s="6">
        <v>4629</v>
      </c>
      <c r="L248" s="6">
        <v>2010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6</v>
      </c>
      <c r="E249" s="9" t="s">
        <v>6</v>
      </c>
      <c r="F249" s="9" t="s">
        <v>282</v>
      </c>
      <c r="G249" s="9" t="s">
        <v>277</v>
      </c>
      <c r="H249" s="6">
        <v>36152</v>
      </c>
      <c r="I249" s="6">
        <v>30003</v>
      </c>
      <c r="J249" s="6">
        <v>27304</v>
      </c>
      <c r="K249" s="6">
        <v>4381</v>
      </c>
      <c r="L249" s="6">
        <v>1768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6</v>
      </c>
      <c r="E250" s="9" t="s">
        <v>6</v>
      </c>
      <c r="F250" s="9" t="s">
        <v>282</v>
      </c>
      <c r="G250" s="9" t="s">
        <v>278</v>
      </c>
      <c r="H250" s="6">
        <v>30592</v>
      </c>
      <c r="I250" s="6">
        <v>24845</v>
      </c>
      <c r="J250" s="6">
        <v>22414</v>
      </c>
      <c r="K250" s="6">
        <v>4192</v>
      </c>
      <c r="L250" s="6">
        <v>1555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6</v>
      </c>
      <c r="E251" s="9" t="s">
        <v>6</v>
      </c>
      <c r="F251" s="9" t="s">
        <v>282</v>
      </c>
      <c r="G251" s="9" t="s">
        <v>279</v>
      </c>
      <c r="H251" s="6">
        <v>14220</v>
      </c>
      <c r="I251" s="6">
        <v>11456</v>
      </c>
      <c r="J251" s="6">
        <v>10220</v>
      </c>
      <c r="K251" s="6">
        <v>2097</v>
      </c>
      <c r="L251" s="6">
        <v>667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6</v>
      </c>
      <c r="E252" s="9" t="s">
        <v>6</v>
      </c>
      <c r="F252" s="9" t="s">
        <v>282</v>
      </c>
      <c r="G252" s="9" t="s">
        <v>280</v>
      </c>
      <c r="H252" s="6">
        <v>68922</v>
      </c>
      <c r="I252" s="6">
        <v>40645</v>
      </c>
      <c r="J252" s="6">
        <v>31812</v>
      </c>
      <c r="K252" s="6">
        <v>25984</v>
      </c>
      <c r="L252" s="6">
        <v>2293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6</v>
      </c>
      <c r="E253" s="9" t="s">
        <v>6</v>
      </c>
      <c r="F253" s="9" t="s">
        <v>283</v>
      </c>
      <c r="G253" s="9" t="s">
        <v>6</v>
      </c>
      <c r="H253" s="6">
        <v>186962</v>
      </c>
      <c r="I253" s="6">
        <v>142911</v>
      </c>
      <c r="J253" s="6">
        <v>126177</v>
      </c>
      <c r="K253" s="6">
        <v>31059</v>
      </c>
      <c r="L253" s="6">
        <v>12992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6</v>
      </c>
      <c r="E254" s="9" t="s">
        <v>6</v>
      </c>
      <c r="F254" s="9" t="s">
        <v>283</v>
      </c>
      <c r="G254" s="9" t="s">
        <v>272</v>
      </c>
      <c r="H254" s="6">
        <v>15602</v>
      </c>
      <c r="I254" s="6">
        <v>8008</v>
      </c>
      <c r="J254" s="6">
        <v>7110</v>
      </c>
      <c r="K254" s="6">
        <v>6336</v>
      </c>
      <c r="L254" s="6">
        <v>1258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6</v>
      </c>
      <c r="E255" s="9" t="s">
        <v>6</v>
      </c>
      <c r="F255" s="9" t="s">
        <v>283</v>
      </c>
      <c r="G255" s="9" t="s">
        <v>273</v>
      </c>
      <c r="H255" s="6">
        <v>30888</v>
      </c>
      <c r="I255" s="6">
        <v>22435</v>
      </c>
      <c r="J255" s="6">
        <v>19945</v>
      </c>
      <c r="K255" s="6">
        <v>5967</v>
      </c>
      <c r="L255" s="6">
        <v>2486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6</v>
      </c>
      <c r="E256" s="9" t="s">
        <v>6</v>
      </c>
      <c r="F256" s="9" t="s">
        <v>283</v>
      </c>
      <c r="G256" s="9" t="s">
        <v>274</v>
      </c>
      <c r="H256" s="6">
        <v>40221</v>
      </c>
      <c r="I256" s="6">
        <v>31955</v>
      </c>
      <c r="J256" s="6">
        <v>28494</v>
      </c>
      <c r="K256" s="6">
        <v>5414</v>
      </c>
      <c r="L256" s="6">
        <v>2852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6</v>
      </c>
      <c r="E257" s="9" t="s">
        <v>6</v>
      </c>
      <c r="F257" s="9" t="s">
        <v>283</v>
      </c>
      <c r="G257" s="9" t="s">
        <v>275</v>
      </c>
      <c r="H257" s="6">
        <v>34552</v>
      </c>
      <c r="I257" s="6">
        <v>28083</v>
      </c>
      <c r="J257" s="6">
        <v>24979</v>
      </c>
      <c r="K257" s="6">
        <v>4251</v>
      </c>
      <c r="L257" s="6">
        <v>2218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6</v>
      </c>
      <c r="E258" s="9" t="s">
        <v>6</v>
      </c>
      <c r="F258" s="9" t="s">
        <v>283</v>
      </c>
      <c r="G258" s="9" t="s">
        <v>276</v>
      </c>
      <c r="H258" s="6">
        <v>27242</v>
      </c>
      <c r="I258" s="6">
        <v>22677</v>
      </c>
      <c r="J258" s="6">
        <v>20024</v>
      </c>
      <c r="K258" s="6">
        <v>2869</v>
      </c>
      <c r="L258" s="6">
        <v>1696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6</v>
      </c>
      <c r="E259" s="9" t="s">
        <v>6</v>
      </c>
      <c r="F259" s="9" t="s">
        <v>283</v>
      </c>
      <c r="G259" s="9" t="s">
        <v>277</v>
      </c>
      <c r="H259" s="6">
        <v>17856</v>
      </c>
      <c r="I259" s="6">
        <v>14684</v>
      </c>
      <c r="J259" s="6">
        <v>13221</v>
      </c>
      <c r="K259" s="6">
        <v>1840</v>
      </c>
      <c r="L259" s="6">
        <v>1332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6</v>
      </c>
      <c r="E260" s="9" t="s">
        <v>6</v>
      </c>
      <c r="F260" s="9" t="s">
        <v>283</v>
      </c>
      <c r="G260" s="9" t="s">
        <v>278</v>
      </c>
      <c r="H260" s="6">
        <v>8650</v>
      </c>
      <c r="I260" s="6">
        <v>7074</v>
      </c>
      <c r="J260" s="6">
        <v>6258</v>
      </c>
      <c r="K260" s="6">
        <v>1093</v>
      </c>
      <c r="L260" s="6">
        <v>483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6</v>
      </c>
      <c r="E261" s="9" t="s">
        <v>6</v>
      </c>
      <c r="F261" s="9" t="s">
        <v>283</v>
      </c>
      <c r="G261" s="9" t="s">
        <v>279</v>
      </c>
      <c r="H261" s="6">
        <v>3171</v>
      </c>
      <c r="I261" s="6">
        <v>2472</v>
      </c>
      <c r="J261" s="6">
        <v>2010</v>
      </c>
      <c r="K261" s="6">
        <v>482</v>
      </c>
      <c r="L261" s="6">
        <v>217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6</v>
      </c>
      <c r="E262" s="9" t="s">
        <v>6</v>
      </c>
      <c r="F262" s="9" t="s">
        <v>283</v>
      </c>
      <c r="G262" s="9" t="s">
        <v>280</v>
      </c>
      <c r="H262" s="6">
        <v>8780</v>
      </c>
      <c r="I262" s="6">
        <v>5523</v>
      </c>
      <c r="J262" s="6">
        <v>4136</v>
      </c>
      <c r="K262" s="6">
        <v>2807</v>
      </c>
      <c r="L262" s="6">
        <v>450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6</v>
      </c>
      <c r="E263" s="9" t="s">
        <v>226</v>
      </c>
      <c r="F263" s="9" t="s">
        <v>6</v>
      </c>
      <c r="G263" s="9" t="s">
        <v>6</v>
      </c>
      <c r="H263" s="6">
        <v>907917</v>
      </c>
      <c r="I263" s="6">
        <v>693834</v>
      </c>
      <c r="J263" s="6">
        <v>581065</v>
      </c>
      <c r="K263" s="6">
        <v>212657</v>
      </c>
      <c r="L263" s="6">
        <v>1426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6</v>
      </c>
      <c r="E264" s="9" t="s">
        <v>226</v>
      </c>
      <c r="F264" s="9" t="s">
        <v>234</v>
      </c>
      <c r="G264" s="9" t="s">
        <v>6</v>
      </c>
      <c r="H264" s="6">
        <v>212289</v>
      </c>
      <c r="I264" s="6">
        <v>149477</v>
      </c>
      <c r="J264" s="6">
        <v>113222</v>
      </c>
      <c r="K264" s="6">
        <v>62073</v>
      </c>
      <c r="L264" s="6">
        <v>739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6</v>
      </c>
      <c r="E265" s="9" t="s">
        <v>226</v>
      </c>
      <c r="F265" s="9" t="s">
        <v>235</v>
      </c>
      <c r="G265" s="9" t="s">
        <v>6</v>
      </c>
      <c r="H265" s="6">
        <v>695628</v>
      </c>
      <c r="I265" s="6">
        <v>544357</v>
      </c>
      <c r="J265" s="6">
        <v>467843</v>
      </c>
      <c r="K265" s="6">
        <v>150584</v>
      </c>
      <c r="L265" s="6">
        <v>687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6</v>
      </c>
      <c r="E266" s="9" t="s">
        <v>226</v>
      </c>
      <c r="F266" s="9" t="s">
        <v>235</v>
      </c>
      <c r="G266" s="9" t="s">
        <v>272</v>
      </c>
      <c r="H266" s="6">
        <v>43782</v>
      </c>
      <c r="I266" s="6">
        <v>23686</v>
      </c>
      <c r="J266" s="6">
        <v>21746</v>
      </c>
      <c r="K266" s="6">
        <v>20081</v>
      </c>
      <c r="L266" s="6">
        <v>1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6</v>
      </c>
      <c r="E267" s="9" t="s">
        <v>226</v>
      </c>
      <c r="F267" s="9" t="s">
        <v>235</v>
      </c>
      <c r="G267" s="9" t="s">
        <v>273</v>
      </c>
      <c r="H267" s="6">
        <v>81399</v>
      </c>
      <c r="I267" s="6">
        <v>62000</v>
      </c>
      <c r="J267" s="6">
        <v>56464</v>
      </c>
      <c r="K267" s="6">
        <v>19349</v>
      </c>
      <c r="L267" s="6">
        <v>50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6</v>
      </c>
      <c r="E268" s="9" t="s">
        <v>226</v>
      </c>
      <c r="F268" s="9" t="s">
        <v>235</v>
      </c>
      <c r="G268" s="9" t="s">
        <v>274</v>
      </c>
      <c r="H268" s="6">
        <v>89615</v>
      </c>
      <c r="I268" s="6">
        <v>74010</v>
      </c>
      <c r="J268" s="6">
        <v>67036</v>
      </c>
      <c r="K268" s="6">
        <v>15559</v>
      </c>
      <c r="L268" s="6">
        <v>46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6</v>
      </c>
      <c r="E269" s="9" t="s">
        <v>226</v>
      </c>
      <c r="F269" s="9" t="s">
        <v>235</v>
      </c>
      <c r="G269" s="9" t="s">
        <v>275</v>
      </c>
      <c r="H269" s="6">
        <v>76359</v>
      </c>
      <c r="I269" s="6">
        <v>64254</v>
      </c>
      <c r="J269" s="6">
        <v>58020</v>
      </c>
      <c r="K269" s="6">
        <v>12032</v>
      </c>
      <c r="L269" s="6">
        <v>73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6</v>
      </c>
      <c r="E270" s="9" t="s">
        <v>226</v>
      </c>
      <c r="F270" s="9" t="s">
        <v>235</v>
      </c>
      <c r="G270" s="9" t="s">
        <v>276</v>
      </c>
      <c r="H270" s="6">
        <v>69455</v>
      </c>
      <c r="I270" s="6">
        <v>59962</v>
      </c>
      <c r="J270" s="6">
        <v>53933</v>
      </c>
      <c r="K270" s="6">
        <v>9445</v>
      </c>
      <c r="L270" s="6">
        <v>48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6</v>
      </c>
      <c r="E271" s="9" t="s">
        <v>226</v>
      </c>
      <c r="F271" s="9" t="s">
        <v>235</v>
      </c>
      <c r="G271" s="9" t="s">
        <v>277</v>
      </c>
      <c r="H271" s="6">
        <v>62466</v>
      </c>
      <c r="I271" s="6">
        <v>54105</v>
      </c>
      <c r="J271" s="6">
        <v>48818</v>
      </c>
      <c r="K271" s="6">
        <v>8321</v>
      </c>
      <c r="L271" s="6">
        <v>40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6</v>
      </c>
      <c r="E272" s="9" t="s">
        <v>226</v>
      </c>
      <c r="F272" s="9" t="s">
        <v>235</v>
      </c>
      <c r="G272" s="9" t="s">
        <v>278</v>
      </c>
      <c r="H272" s="6">
        <v>54942</v>
      </c>
      <c r="I272" s="6">
        <v>46684</v>
      </c>
      <c r="J272" s="6">
        <v>41895</v>
      </c>
      <c r="K272" s="6">
        <v>8227</v>
      </c>
      <c r="L272" s="6">
        <v>31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6</v>
      </c>
      <c r="E273" s="9" t="s">
        <v>226</v>
      </c>
      <c r="F273" s="9" t="s">
        <v>235</v>
      </c>
      <c r="G273" s="9" t="s">
        <v>279</v>
      </c>
      <c r="H273" s="6">
        <v>27369</v>
      </c>
      <c r="I273" s="6">
        <v>22875</v>
      </c>
      <c r="J273" s="6">
        <v>20098</v>
      </c>
      <c r="K273" s="6">
        <v>4472</v>
      </c>
      <c r="L273" s="6">
        <v>22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6</v>
      </c>
      <c r="E274" s="9" t="s">
        <v>226</v>
      </c>
      <c r="F274" s="9" t="s">
        <v>235</v>
      </c>
      <c r="G274" s="9" t="s">
        <v>280</v>
      </c>
      <c r="H274" s="6">
        <v>190241</v>
      </c>
      <c r="I274" s="6">
        <v>136781</v>
      </c>
      <c r="J274" s="6">
        <v>99833</v>
      </c>
      <c r="K274" s="6">
        <v>53098</v>
      </c>
      <c r="L274" s="6">
        <v>362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6</v>
      </c>
      <c r="E275" s="9" t="s">
        <v>226</v>
      </c>
      <c r="F275" s="9" t="s">
        <v>281</v>
      </c>
      <c r="G275" s="9" t="s">
        <v>6</v>
      </c>
      <c r="H275" s="6">
        <v>248313</v>
      </c>
      <c r="I275" s="6">
        <v>181643</v>
      </c>
      <c r="J275" s="6">
        <v>146527</v>
      </c>
      <c r="K275" s="6">
        <v>66316</v>
      </c>
      <c r="L275" s="6">
        <v>354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6</v>
      </c>
      <c r="E276" s="9" t="s">
        <v>226</v>
      </c>
      <c r="F276" s="9" t="s">
        <v>281</v>
      </c>
      <c r="G276" s="9" t="s">
        <v>272</v>
      </c>
      <c r="H276" s="6">
        <v>13422</v>
      </c>
      <c r="I276" s="6">
        <v>7060</v>
      </c>
      <c r="J276" s="6">
        <v>6712</v>
      </c>
      <c r="K276" s="6">
        <v>6359</v>
      </c>
      <c r="L276" s="6">
        <v>3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6</v>
      </c>
      <c r="E277" s="9" t="s">
        <v>226</v>
      </c>
      <c r="F277" s="9" t="s">
        <v>281</v>
      </c>
      <c r="G277" s="9" t="s">
        <v>273</v>
      </c>
      <c r="H277" s="6">
        <v>21705</v>
      </c>
      <c r="I277" s="6">
        <v>15653</v>
      </c>
      <c r="J277" s="6">
        <v>14604</v>
      </c>
      <c r="K277" s="6">
        <v>6040</v>
      </c>
      <c r="L277" s="6">
        <v>12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6</v>
      </c>
      <c r="E278" s="9" t="s">
        <v>226</v>
      </c>
      <c r="F278" s="9" t="s">
        <v>281</v>
      </c>
      <c r="G278" s="9" t="s">
        <v>274</v>
      </c>
      <c r="H278" s="6">
        <v>15384</v>
      </c>
      <c r="I278" s="6">
        <v>12118</v>
      </c>
      <c r="J278" s="6">
        <v>11086</v>
      </c>
      <c r="K278" s="6">
        <v>3256</v>
      </c>
      <c r="L278" s="6">
        <v>10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6</v>
      </c>
      <c r="E279" s="9" t="s">
        <v>226</v>
      </c>
      <c r="F279" s="9" t="s">
        <v>281</v>
      </c>
      <c r="G279" s="9" t="s">
        <v>275</v>
      </c>
      <c r="H279" s="6">
        <v>10667</v>
      </c>
      <c r="I279" s="6">
        <v>8274</v>
      </c>
      <c r="J279" s="6">
        <v>7426</v>
      </c>
      <c r="K279" s="6">
        <v>2386</v>
      </c>
      <c r="L279" s="6">
        <v>7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6</v>
      </c>
      <c r="E280" s="9" t="s">
        <v>226</v>
      </c>
      <c r="F280" s="9" t="s">
        <v>281</v>
      </c>
      <c r="G280" s="9" t="s">
        <v>276</v>
      </c>
      <c r="H280" s="6">
        <v>10237</v>
      </c>
      <c r="I280" s="6">
        <v>8081</v>
      </c>
      <c r="J280" s="6">
        <v>7350</v>
      </c>
      <c r="K280" s="6">
        <v>2145</v>
      </c>
      <c r="L280" s="6">
        <v>11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6</v>
      </c>
      <c r="E281" s="9" t="s">
        <v>226</v>
      </c>
      <c r="F281" s="9" t="s">
        <v>281</v>
      </c>
      <c r="G281" s="9" t="s">
        <v>277</v>
      </c>
      <c r="H281" s="6">
        <v>12388</v>
      </c>
      <c r="I281" s="6">
        <v>10121</v>
      </c>
      <c r="J281" s="6">
        <v>8963</v>
      </c>
      <c r="K281" s="6">
        <v>2258</v>
      </c>
      <c r="L281" s="6">
        <v>9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6</v>
      </c>
      <c r="E282" s="9" t="s">
        <v>226</v>
      </c>
      <c r="F282" s="9" t="s">
        <v>281</v>
      </c>
      <c r="G282" s="9" t="s">
        <v>278</v>
      </c>
      <c r="H282" s="6">
        <v>18540</v>
      </c>
      <c r="I282" s="6">
        <v>15402</v>
      </c>
      <c r="J282" s="6">
        <v>13834</v>
      </c>
      <c r="K282" s="6">
        <v>3133</v>
      </c>
      <c r="L282" s="6">
        <v>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6</v>
      </c>
      <c r="E283" s="9" t="s">
        <v>226</v>
      </c>
      <c r="F283" s="9" t="s">
        <v>281</v>
      </c>
      <c r="G283" s="9" t="s">
        <v>279</v>
      </c>
      <c r="H283" s="6">
        <v>11434</v>
      </c>
      <c r="I283" s="6">
        <v>9362</v>
      </c>
      <c r="J283" s="6">
        <v>8261</v>
      </c>
      <c r="K283" s="6">
        <v>2054</v>
      </c>
      <c r="L283" s="6">
        <v>18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6</v>
      </c>
      <c r="E284" s="9" t="s">
        <v>226</v>
      </c>
      <c r="F284" s="9" t="s">
        <v>281</v>
      </c>
      <c r="G284" s="9" t="s">
        <v>280</v>
      </c>
      <c r="H284" s="6">
        <v>134536</v>
      </c>
      <c r="I284" s="6">
        <v>95572</v>
      </c>
      <c r="J284" s="6">
        <v>68291</v>
      </c>
      <c r="K284" s="6">
        <v>38685</v>
      </c>
      <c r="L284" s="6">
        <v>279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6</v>
      </c>
      <c r="E285" s="9" t="s">
        <v>226</v>
      </c>
      <c r="F285" s="9" t="s">
        <v>282</v>
      </c>
      <c r="G285" s="9" t="s">
        <v>6</v>
      </c>
      <c r="H285" s="6">
        <v>277137</v>
      </c>
      <c r="I285" s="6">
        <v>221941</v>
      </c>
      <c r="J285" s="6">
        <v>197094</v>
      </c>
      <c r="K285" s="6">
        <v>54988</v>
      </c>
      <c r="L285" s="6">
        <v>208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6</v>
      </c>
      <c r="E286" s="9" t="s">
        <v>226</v>
      </c>
      <c r="F286" s="9" t="s">
        <v>282</v>
      </c>
      <c r="G286" s="9" t="s">
        <v>272</v>
      </c>
      <c r="H286" s="6">
        <v>16227</v>
      </c>
      <c r="I286" s="6">
        <v>8706</v>
      </c>
      <c r="J286" s="6">
        <v>8012</v>
      </c>
      <c r="K286" s="6">
        <v>7509</v>
      </c>
      <c r="L286" s="6">
        <v>12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6</v>
      </c>
      <c r="E287" s="9" t="s">
        <v>226</v>
      </c>
      <c r="F287" s="9" t="s">
        <v>282</v>
      </c>
      <c r="G287" s="9" t="s">
        <v>273</v>
      </c>
      <c r="H287" s="6">
        <v>31628</v>
      </c>
      <c r="I287" s="6">
        <v>24126</v>
      </c>
      <c r="J287" s="6">
        <v>22123</v>
      </c>
      <c r="K287" s="6">
        <v>7471</v>
      </c>
      <c r="L287" s="6">
        <v>31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6</v>
      </c>
      <c r="E288" s="9" t="s">
        <v>226</v>
      </c>
      <c r="F288" s="9" t="s">
        <v>282</v>
      </c>
      <c r="G288" s="9" t="s">
        <v>274</v>
      </c>
      <c r="H288" s="6">
        <v>37312</v>
      </c>
      <c r="I288" s="6">
        <v>30282</v>
      </c>
      <c r="J288" s="6">
        <v>27741</v>
      </c>
      <c r="K288" s="6">
        <v>7026</v>
      </c>
      <c r="L288" s="6">
        <v>4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6</v>
      </c>
      <c r="E289" s="9" t="s">
        <v>226</v>
      </c>
      <c r="F289" s="9" t="s">
        <v>282</v>
      </c>
      <c r="G289" s="9" t="s">
        <v>275</v>
      </c>
      <c r="H289" s="6">
        <v>33745</v>
      </c>
      <c r="I289" s="6">
        <v>28187</v>
      </c>
      <c r="J289" s="6">
        <v>25870</v>
      </c>
      <c r="K289" s="6">
        <v>5524</v>
      </c>
      <c r="L289" s="6">
        <v>34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6</v>
      </c>
      <c r="E290" s="9" t="s">
        <v>226</v>
      </c>
      <c r="F290" s="9" t="s">
        <v>282</v>
      </c>
      <c r="G290" s="9" t="s">
        <v>276</v>
      </c>
      <c r="H290" s="6">
        <v>33968</v>
      </c>
      <c r="I290" s="6">
        <v>29432</v>
      </c>
      <c r="J290" s="6">
        <v>26763</v>
      </c>
      <c r="K290" s="6">
        <v>4511</v>
      </c>
      <c r="L290" s="6">
        <v>2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6</v>
      </c>
      <c r="E291" s="9" t="s">
        <v>226</v>
      </c>
      <c r="F291" s="9" t="s">
        <v>282</v>
      </c>
      <c r="G291" s="9" t="s">
        <v>277</v>
      </c>
      <c r="H291" s="6">
        <v>33772</v>
      </c>
      <c r="I291" s="6">
        <v>29520</v>
      </c>
      <c r="J291" s="6">
        <v>26843</v>
      </c>
      <c r="K291" s="6">
        <v>4244</v>
      </c>
      <c r="L291" s="6">
        <v>8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6</v>
      </c>
      <c r="E292" s="9" t="s">
        <v>226</v>
      </c>
      <c r="F292" s="9" t="s">
        <v>282</v>
      </c>
      <c r="G292" s="9" t="s">
        <v>278</v>
      </c>
      <c r="H292" s="6">
        <v>28412</v>
      </c>
      <c r="I292" s="6">
        <v>24350</v>
      </c>
      <c r="J292" s="6">
        <v>21945</v>
      </c>
      <c r="K292" s="6">
        <v>4044</v>
      </c>
      <c r="L292" s="6">
        <v>18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6</v>
      </c>
      <c r="E293" s="9" t="s">
        <v>226</v>
      </c>
      <c r="F293" s="9" t="s">
        <v>282</v>
      </c>
      <c r="G293" s="9" t="s">
        <v>279</v>
      </c>
      <c r="H293" s="6">
        <v>13099</v>
      </c>
      <c r="I293" s="6">
        <v>11125</v>
      </c>
      <c r="J293" s="6">
        <v>9911</v>
      </c>
      <c r="K293" s="6">
        <v>1970</v>
      </c>
      <c r="L293" s="6">
        <v>4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6</v>
      </c>
      <c r="E294" s="9" t="s">
        <v>226</v>
      </c>
      <c r="F294" s="9" t="s">
        <v>282</v>
      </c>
      <c r="G294" s="9" t="s">
        <v>280</v>
      </c>
      <c r="H294" s="6">
        <v>48974</v>
      </c>
      <c r="I294" s="6">
        <v>36213</v>
      </c>
      <c r="J294" s="6">
        <v>27886</v>
      </c>
      <c r="K294" s="6">
        <v>12689</v>
      </c>
      <c r="L294" s="6">
        <v>72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6</v>
      </c>
      <c r="E295" s="9" t="s">
        <v>226</v>
      </c>
      <c r="F295" s="9" t="s">
        <v>283</v>
      </c>
      <c r="G295" s="9" t="s">
        <v>6</v>
      </c>
      <c r="H295" s="6">
        <v>170178</v>
      </c>
      <c r="I295" s="6">
        <v>140773</v>
      </c>
      <c r="J295" s="6">
        <v>124222</v>
      </c>
      <c r="K295" s="6">
        <v>29280</v>
      </c>
      <c r="L295" s="6">
        <v>12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6</v>
      </c>
      <c r="E296" s="9" t="s">
        <v>226</v>
      </c>
      <c r="F296" s="9" t="s">
        <v>283</v>
      </c>
      <c r="G296" s="9" t="s">
        <v>272</v>
      </c>
      <c r="H296" s="6">
        <v>14133</v>
      </c>
      <c r="I296" s="6">
        <v>7920</v>
      </c>
      <c r="J296" s="6">
        <v>7022</v>
      </c>
      <c r="K296" s="6">
        <v>6213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6</v>
      </c>
      <c r="E297" s="9" t="s">
        <v>226</v>
      </c>
      <c r="F297" s="9" t="s">
        <v>283</v>
      </c>
      <c r="G297" s="9" t="s">
        <v>273</v>
      </c>
      <c r="H297" s="6">
        <v>28066</v>
      </c>
      <c r="I297" s="6">
        <v>22221</v>
      </c>
      <c r="J297" s="6">
        <v>19737</v>
      </c>
      <c r="K297" s="6">
        <v>5838</v>
      </c>
      <c r="L297" s="6">
        <v>7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6</v>
      </c>
      <c r="E298" s="9" t="s">
        <v>226</v>
      </c>
      <c r="F298" s="9" t="s">
        <v>283</v>
      </c>
      <c r="G298" s="9" t="s">
        <v>274</v>
      </c>
      <c r="H298" s="6">
        <v>36919</v>
      </c>
      <c r="I298" s="6">
        <v>31610</v>
      </c>
      <c r="J298" s="6">
        <v>28209</v>
      </c>
      <c r="K298" s="6">
        <v>5277</v>
      </c>
      <c r="L298" s="6">
        <v>32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6</v>
      </c>
      <c r="E299" s="9" t="s">
        <v>226</v>
      </c>
      <c r="F299" s="9" t="s">
        <v>283</v>
      </c>
      <c r="G299" s="9" t="s">
        <v>275</v>
      </c>
      <c r="H299" s="6">
        <v>31947</v>
      </c>
      <c r="I299" s="6">
        <v>27793</v>
      </c>
      <c r="J299" s="6">
        <v>24724</v>
      </c>
      <c r="K299" s="6">
        <v>4122</v>
      </c>
      <c r="L299" s="6">
        <v>32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6</v>
      </c>
      <c r="E300" s="9" t="s">
        <v>226</v>
      </c>
      <c r="F300" s="9" t="s">
        <v>283</v>
      </c>
      <c r="G300" s="9" t="s">
        <v>276</v>
      </c>
      <c r="H300" s="6">
        <v>25250</v>
      </c>
      <c r="I300" s="6">
        <v>22449</v>
      </c>
      <c r="J300" s="6">
        <v>19820</v>
      </c>
      <c r="K300" s="6">
        <v>2789</v>
      </c>
      <c r="L300" s="6">
        <v>12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6</v>
      </c>
      <c r="E301" s="9" t="s">
        <v>226</v>
      </c>
      <c r="F301" s="9" t="s">
        <v>283</v>
      </c>
      <c r="G301" s="9" t="s">
        <v>277</v>
      </c>
      <c r="H301" s="6">
        <v>16306</v>
      </c>
      <c r="I301" s="6">
        <v>14464</v>
      </c>
      <c r="J301" s="6">
        <v>13012</v>
      </c>
      <c r="K301" s="6">
        <v>1819</v>
      </c>
      <c r="L301" s="6">
        <v>23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6</v>
      </c>
      <c r="E302" s="9" t="s">
        <v>226</v>
      </c>
      <c r="F302" s="9" t="s">
        <v>283</v>
      </c>
      <c r="G302" s="9" t="s">
        <v>278</v>
      </c>
      <c r="H302" s="6">
        <v>7990</v>
      </c>
      <c r="I302" s="6">
        <v>6932</v>
      </c>
      <c r="J302" s="6">
        <v>6116</v>
      </c>
      <c r="K302" s="6">
        <v>1050</v>
      </c>
      <c r="L302" s="6">
        <v>8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6</v>
      </c>
      <c r="E303" s="9" t="s">
        <v>226</v>
      </c>
      <c r="F303" s="9" t="s">
        <v>283</v>
      </c>
      <c r="G303" s="9" t="s">
        <v>279</v>
      </c>
      <c r="H303" s="6">
        <v>2836</v>
      </c>
      <c r="I303" s="6">
        <v>2388</v>
      </c>
      <c r="J303" s="6">
        <v>1926</v>
      </c>
      <c r="K303" s="6">
        <v>448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6</v>
      </c>
      <c r="E304" s="9" t="s">
        <v>226</v>
      </c>
      <c r="F304" s="9" t="s">
        <v>283</v>
      </c>
      <c r="G304" s="9" t="s">
        <v>280</v>
      </c>
      <c r="H304" s="6">
        <v>6731</v>
      </c>
      <c r="I304" s="6">
        <v>4996</v>
      </c>
      <c r="J304" s="6">
        <v>3656</v>
      </c>
      <c r="K304" s="6">
        <v>1724</v>
      </c>
      <c r="L304" s="6">
        <v>11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6</v>
      </c>
      <c r="E305" s="9" t="s">
        <v>227</v>
      </c>
      <c r="F305" s="9" t="s">
        <v>6</v>
      </c>
      <c r="G305" s="9" t="s">
        <v>6</v>
      </c>
      <c r="H305" s="6">
        <v>725964</v>
      </c>
      <c r="I305" s="6">
        <v>546349</v>
      </c>
      <c r="J305" s="6">
        <v>525138</v>
      </c>
      <c r="K305" s="6">
        <v>178857</v>
      </c>
      <c r="L305" s="6">
        <v>758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6</v>
      </c>
      <c r="E306" s="9" t="s">
        <v>227</v>
      </c>
      <c r="F306" s="9" t="s">
        <v>234</v>
      </c>
      <c r="G306" s="9" t="s">
        <v>6</v>
      </c>
      <c r="H306" s="6">
        <v>152813</v>
      </c>
      <c r="I306" s="6">
        <v>103784</v>
      </c>
      <c r="J306" s="6">
        <v>98720</v>
      </c>
      <c r="K306" s="6">
        <v>48652</v>
      </c>
      <c r="L306" s="6">
        <v>377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6</v>
      </c>
      <c r="E307" s="9" t="s">
        <v>227</v>
      </c>
      <c r="F307" s="9" t="s">
        <v>235</v>
      </c>
      <c r="G307" s="9" t="s">
        <v>6</v>
      </c>
      <c r="H307" s="6">
        <v>573151</v>
      </c>
      <c r="I307" s="6">
        <v>442565</v>
      </c>
      <c r="J307" s="6">
        <v>426418</v>
      </c>
      <c r="K307" s="6">
        <v>130205</v>
      </c>
      <c r="L307" s="6">
        <v>381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6</v>
      </c>
      <c r="E308" s="9" t="s">
        <v>227</v>
      </c>
      <c r="F308" s="9" t="s">
        <v>235</v>
      </c>
      <c r="G308" s="9" t="s">
        <v>272</v>
      </c>
      <c r="H308" s="6">
        <v>39049</v>
      </c>
      <c r="I308" s="6">
        <v>20888</v>
      </c>
      <c r="J308" s="6">
        <v>20301</v>
      </c>
      <c r="K308" s="6">
        <v>18146</v>
      </c>
      <c r="L308" s="6">
        <v>1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6</v>
      </c>
      <c r="E309" s="9" t="s">
        <v>227</v>
      </c>
      <c r="F309" s="9" t="s">
        <v>235</v>
      </c>
      <c r="G309" s="9" t="s">
        <v>273</v>
      </c>
      <c r="H309" s="6">
        <v>71890</v>
      </c>
      <c r="I309" s="6">
        <v>54014</v>
      </c>
      <c r="J309" s="6">
        <v>52328</v>
      </c>
      <c r="K309" s="6">
        <v>17845</v>
      </c>
      <c r="L309" s="6">
        <v>31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6</v>
      </c>
      <c r="E310" s="9" t="s">
        <v>227</v>
      </c>
      <c r="F310" s="9" t="s">
        <v>235</v>
      </c>
      <c r="G310" s="9" t="s">
        <v>274</v>
      </c>
      <c r="H310" s="6">
        <v>78739</v>
      </c>
      <c r="I310" s="6">
        <v>64293</v>
      </c>
      <c r="J310" s="6">
        <v>62082</v>
      </c>
      <c r="K310" s="6">
        <v>14420</v>
      </c>
      <c r="L310" s="6">
        <v>26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6</v>
      </c>
      <c r="E311" s="9" t="s">
        <v>227</v>
      </c>
      <c r="F311" s="9" t="s">
        <v>235</v>
      </c>
      <c r="G311" s="9" t="s">
        <v>275</v>
      </c>
      <c r="H311" s="6">
        <v>66647</v>
      </c>
      <c r="I311" s="6">
        <v>55467</v>
      </c>
      <c r="J311" s="6">
        <v>53591</v>
      </c>
      <c r="K311" s="6">
        <v>11139</v>
      </c>
      <c r="L311" s="6">
        <v>41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6</v>
      </c>
      <c r="E312" s="9" t="s">
        <v>227</v>
      </c>
      <c r="F312" s="9" t="s">
        <v>235</v>
      </c>
      <c r="G312" s="9" t="s">
        <v>276</v>
      </c>
      <c r="H312" s="6">
        <v>60276</v>
      </c>
      <c r="I312" s="6">
        <v>51624</v>
      </c>
      <c r="J312" s="6">
        <v>49920</v>
      </c>
      <c r="K312" s="6">
        <v>8627</v>
      </c>
      <c r="L312" s="6">
        <v>25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6</v>
      </c>
      <c r="E313" s="9" t="s">
        <v>227</v>
      </c>
      <c r="F313" s="9" t="s">
        <v>235</v>
      </c>
      <c r="G313" s="9" t="s">
        <v>277</v>
      </c>
      <c r="H313" s="6">
        <v>54278</v>
      </c>
      <c r="I313" s="6">
        <v>46633</v>
      </c>
      <c r="J313" s="6">
        <v>45025</v>
      </c>
      <c r="K313" s="6">
        <v>7624</v>
      </c>
      <c r="L313" s="6">
        <v>21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6</v>
      </c>
      <c r="E314" s="9" t="s">
        <v>227</v>
      </c>
      <c r="F314" s="9" t="s">
        <v>235</v>
      </c>
      <c r="G314" s="9" t="s">
        <v>278</v>
      </c>
      <c r="H314" s="6">
        <v>47307</v>
      </c>
      <c r="I314" s="6">
        <v>39754</v>
      </c>
      <c r="J314" s="6">
        <v>38388</v>
      </c>
      <c r="K314" s="6">
        <v>7543</v>
      </c>
      <c r="L314" s="6">
        <v>10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6</v>
      </c>
      <c r="E315" s="9" t="s">
        <v>227</v>
      </c>
      <c r="F315" s="9" t="s">
        <v>235</v>
      </c>
      <c r="G315" s="9" t="s">
        <v>279</v>
      </c>
      <c r="H315" s="6">
        <v>22868</v>
      </c>
      <c r="I315" s="6">
        <v>18873</v>
      </c>
      <c r="J315" s="6">
        <v>18215</v>
      </c>
      <c r="K315" s="6">
        <v>3976</v>
      </c>
      <c r="L315" s="6">
        <v>19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6</v>
      </c>
      <c r="E316" s="9" t="s">
        <v>227</v>
      </c>
      <c r="F316" s="9" t="s">
        <v>235</v>
      </c>
      <c r="G316" s="9" t="s">
        <v>280</v>
      </c>
      <c r="H316" s="6">
        <v>132097</v>
      </c>
      <c r="I316" s="6">
        <v>91019</v>
      </c>
      <c r="J316" s="6">
        <v>86568</v>
      </c>
      <c r="K316" s="6">
        <v>40885</v>
      </c>
      <c r="L316" s="6">
        <v>193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6</v>
      </c>
      <c r="E317" s="9" t="s">
        <v>227</v>
      </c>
      <c r="F317" s="9" t="s">
        <v>281</v>
      </c>
      <c r="G317" s="9" t="s">
        <v>6</v>
      </c>
      <c r="H317" s="6">
        <v>192020</v>
      </c>
      <c r="I317" s="6">
        <v>136913</v>
      </c>
      <c r="J317" s="6">
        <v>130983</v>
      </c>
      <c r="K317" s="6">
        <v>54907</v>
      </c>
      <c r="L317" s="6">
        <v>200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6</v>
      </c>
      <c r="E318" s="9" t="s">
        <v>227</v>
      </c>
      <c r="F318" s="9" t="s">
        <v>281</v>
      </c>
      <c r="G318" s="9" t="s">
        <v>272</v>
      </c>
      <c r="H318" s="6">
        <v>12285</v>
      </c>
      <c r="I318" s="6">
        <v>6464</v>
      </c>
      <c r="J318" s="6">
        <v>6300</v>
      </c>
      <c r="K318" s="6">
        <v>5818</v>
      </c>
      <c r="L318" s="6">
        <v>3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6</v>
      </c>
      <c r="E319" s="9" t="s">
        <v>227</v>
      </c>
      <c r="F319" s="9" t="s">
        <v>281</v>
      </c>
      <c r="G319" s="9" t="s">
        <v>273</v>
      </c>
      <c r="H319" s="6">
        <v>19546</v>
      </c>
      <c r="I319" s="6">
        <v>13956</v>
      </c>
      <c r="J319" s="6">
        <v>13577</v>
      </c>
      <c r="K319" s="6">
        <v>5578</v>
      </c>
      <c r="L319" s="6">
        <v>12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6</v>
      </c>
      <c r="E320" s="9" t="s">
        <v>227</v>
      </c>
      <c r="F320" s="9" t="s">
        <v>281</v>
      </c>
      <c r="G320" s="9" t="s">
        <v>274</v>
      </c>
      <c r="H320" s="6">
        <v>13740</v>
      </c>
      <c r="I320" s="6">
        <v>10703</v>
      </c>
      <c r="J320" s="6">
        <v>10274</v>
      </c>
      <c r="K320" s="6">
        <v>3030</v>
      </c>
      <c r="L320" s="6">
        <v>7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6</v>
      </c>
      <c r="E321" s="9" t="s">
        <v>227</v>
      </c>
      <c r="F321" s="9" t="s">
        <v>281</v>
      </c>
      <c r="G321" s="9" t="s">
        <v>275</v>
      </c>
      <c r="H321" s="6">
        <v>9377</v>
      </c>
      <c r="I321" s="6">
        <v>7146</v>
      </c>
      <c r="J321" s="6">
        <v>6871</v>
      </c>
      <c r="K321" s="6">
        <v>2228</v>
      </c>
      <c r="L321" s="6">
        <v>3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6</v>
      </c>
      <c r="E322" s="9" t="s">
        <v>227</v>
      </c>
      <c r="F322" s="9" t="s">
        <v>281</v>
      </c>
      <c r="G322" s="9" t="s">
        <v>276</v>
      </c>
      <c r="H322" s="6">
        <v>9039</v>
      </c>
      <c r="I322" s="6">
        <v>7049</v>
      </c>
      <c r="J322" s="6">
        <v>6765</v>
      </c>
      <c r="K322" s="6">
        <v>1984</v>
      </c>
      <c r="L322" s="6">
        <v>6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6</v>
      </c>
      <c r="E323" s="9" t="s">
        <v>227</v>
      </c>
      <c r="F323" s="9" t="s">
        <v>281</v>
      </c>
      <c r="G323" s="9" t="s">
        <v>277</v>
      </c>
      <c r="H323" s="6">
        <v>10584</v>
      </c>
      <c r="I323" s="6">
        <v>8520</v>
      </c>
      <c r="J323" s="6">
        <v>8110</v>
      </c>
      <c r="K323" s="6">
        <v>2058</v>
      </c>
      <c r="L323" s="6">
        <v>6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6</v>
      </c>
      <c r="E324" s="9" t="s">
        <v>227</v>
      </c>
      <c r="F324" s="9" t="s">
        <v>281</v>
      </c>
      <c r="G324" s="9" t="s">
        <v>278</v>
      </c>
      <c r="H324" s="6">
        <v>15989</v>
      </c>
      <c r="I324" s="6">
        <v>13110</v>
      </c>
      <c r="J324" s="6">
        <v>12674</v>
      </c>
      <c r="K324" s="6">
        <v>2879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6</v>
      </c>
      <c r="E325" s="9" t="s">
        <v>227</v>
      </c>
      <c r="F325" s="9" t="s">
        <v>281</v>
      </c>
      <c r="G325" s="9" t="s">
        <v>279</v>
      </c>
      <c r="H325" s="6">
        <v>9681</v>
      </c>
      <c r="I325" s="6">
        <v>7817</v>
      </c>
      <c r="J325" s="6">
        <v>7533</v>
      </c>
      <c r="K325" s="6">
        <v>1849</v>
      </c>
      <c r="L325" s="6">
        <v>15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6</v>
      </c>
      <c r="E326" s="9" t="s">
        <v>227</v>
      </c>
      <c r="F326" s="9" t="s">
        <v>281</v>
      </c>
      <c r="G326" s="9" t="s">
        <v>280</v>
      </c>
      <c r="H326" s="6">
        <v>91779</v>
      </c>
      <c r="I326" s="6">
        <v>62148</v>
      </c>
      <c r="J326" s="6">
        <v>58879</v>
      </c>
      <c r="K326" s="6">
        <v>29483</v>
      </c>
      <c r="L326" s="6">
        <v>148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6</v>
      </c>
      <c r="E327" s="9" t="s">
        <v>227</v>
      </c>
      <c r="F327" s="9" t="s">
        <v>282</v>
      </c>
      <c r="G327" s="9" t="s">
        <v>6</v>
      </c>
      <c r="H327" s="6">
        <v>237253</v>
      </c>
      <c r="I327" s="6">
        <v>187933</v>
      </c>
      <c r="J327" s="6">
        <v>181601</v>
      </c>
      <c r="K327" s="6">
        <v>49202</v>
      </c>
      <c r="L327" s="6">
        <v>118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6</v>
      </c>
      <c r="E328" s="9" t="s">
        <v>227</v>
      </c>
      <c r="F328" s="9" t="s">
        <v>282</v>
      </c>
      <c r="G328" s="9" t="s">
        <v>272</v>
      </c>
      <c r="H328" s="6">
        <v>14639</v>
      </c>
      <c r="I328" s="6">
        <v>7739</v>
      </c>
      <c r="J328" s="6">
        <v>7521</v>
      </c>
      <c r="K328" s="6">
        <v>6888</v>
      </c>
      <c r="L328" s="6">
        <v>12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6</v>
      </c>
      <c r="E329" s="9" t="s">
        <v>227</v>
      </c>
      <c r="F329" s="9" t="s">
        <v>282</v>
      </c>
      <c r="G329" s="9" t="s">
        <v>273</v>
      </c>
      <c r="H329" s="6">
        <v>28289</v>
      </c>
      <c r="I329" s="6">
        <v>21322</v>
      </c>
      <c r="J329" s="6">
        <v>20641</v>
      </c>
      <c r="K329" s="6">
        <v>6948</v>
      </c>
      <c r="L329" s="6">
        <v>19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6</v>
      </c>
      <c r="E330" s="9" t="s">
        <v>227</v>
      </c>
      <c r="F330" s="9" t="s">
        <v>282</v>
      </c>
      <c r="G330" s="9" t="s">
        <v>274</v>
      </c>
      <c r="H330" s="6">
        <v>33327</v>
      </c>
      <c r="I330" s="6">
        <v>26755</v>
      </c>
      <c r="J330" s="6">
        <v>25866</v>
      </c>
      <c r="K330" s="6">
        <v>6568</v>
      </c>
      <c r="L330" s="6">
        <v>4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6</v>
      </c>
      <c r="E331" s="9" t="s">
        <v>227</v>
      </c>
      <c r="F331" s="9" t="s">
        <v>282</v>
      </c>
      <c r="G331" s="9" t="s">
        <v>275</v>
      </c>
      <c r="H331" s="6">
        <v>30129</v>
      </c>
      <c r="I331" s="6">
        <v>24944</v>
      </c>
      <c r="J331" s="6">
        <v>24090</v>
      </c>
      <c r="K331" s="6">
        <v>5172</v>
      </c>
      <c r="L331" s="6">
        <v>13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6</v>
      </c>
      <c r="E332" s="9" t="s">
        <v>227</v>
      </c>
      <c r="F332" s="9" t="s">
        <v>282</v>
      </c>
      <c r="G332" s="9" t="s">
        <v>276</v>
      </c>
      <c r="H332" s="6">
        <v>29967</v>
      </c>
      <c r="I332" s="6">
        <v>25778</v>
      </c>
      <c r="J332" s="6">
        <v>24938</v>
      </c>
      <c r="K332" s="6">
        <v>4177</v>
      </c>
      <c r="L332" s="6">
        <v>12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6</v>
      </c>
      <c r="E333" s="9" t="s">
        <v>227</v>
      </c>
      <c r="F333" s="9" t="s">
        <v>282</v>
      </c>
      <c r="G333" s="9" t="s">
        <v>277</v>
      </c>
      <c r="H333" s="6">
        <v>29633</v>
      </c>
      <c r="I333" s="6">
        <v>25718</v>
      </c>
      <c r="J333" s="6">
        <v>24939</v>
      </c>
      <c r="K333" s="6">
        <v>3911</v>
      </c>
      <c r="L333" s="6">
        <v>4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6</v>
      </c>
      <c r="E334" s="9" t="s">
        <v>227</v>
      </c>
      <c r="F334" s="9" t="s">
        <v>282</v>
      </c>
      <c r="G334" s="9" t="s">
        <v>278</v>
      </c>
      <c r="H334" s="6">
        <v>24592</v>
      </c>
      <c r="I334" s="6">
        <v>20868</v>
      </c>
      <c r="J334" s="6">
        <v>20139</v>
      </c>
      <c r="K334" s="6">
        <v>3714</v>
      </c>
      <c r="L334" s="6">
        <v>10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6</v>
      </c>
      <c r="E335" s="9" t="s">
        <v>227</v>
      </c>
      <c r="F335" s="9" t="s">
        <v>282</v>
      </c>
      <c r="G335" s="9" t="s">
        <v>279</v>
      </c>
      <c r="H335" s="6">
        <v>10998</v>
      </c>
      <c r="I335" s="6">
        <v>9236</v>
      </c>
      <c r="J335" s="6">
        <v>8941</v>
      </c>
      <c r="K335" s="6">
        <v>1758</v>
      </c>
      <c r="L335" s="6">
        <v>4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6</v>
      </c>
      <c r="E336" s="9" t="s">
        <v>227</v>
      </c>
      <c r="F336" s="9" t="s">
        <v>282</v>
      </c>
      <c r="G336" s="9" t="s">
        <v>280</v>
      </c>
      <c r="H336" s="6">
        <v>35679</v>
      </c>
      <c r="I336" s="6">
        <v>25573</v>
      </c>
      <c r="J336" s="6">
        <v>24526</v>
      </c>
      <c r="K336" s="6">
        <v>10066</v>
      </c>
      <c r="L336" s="6">
        <v>40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6</v>
      </c>
      <c r="E337" s="9" t="s">
        <v>227</v>
      </c>
      <c r="F337" s="9" t="s">
        <v>283</v>
      </c>
      <c r="G337" s="9" t="s">
        <v>6</v>
      </c>
      <c r="H337" s="6">
        <v>143878</v>
      </c>
      <c r="I337" s="6">
        <v>117719</v>
      </c>
      <c r="J337" s="6">
        <v>113834</v>
      </c>
      <c r="K337" s="6">
        <v>26096</v>
      </c>
      <c r="L337" s="6">
        <v>63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6</v>
      </c>
      <c r="E338" s="9" t="s">
        <v>227</v>
      </c>
      <c r="F338" s="9" t="s">
        <v>283</v>
      </c>
      <c r="G338" s="9" t="s">
        <v>272</v>
      </c>
      <c r="H338" s="6">
        <v>12125</v>
      </c>
      <c r="I338" s="6">
        <v>6685</v>
      </c>
      <c r="J338" s="6">
        <v>6480</v>
      </c>
      <c r="K338" s="6">
        <v>5440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6</v>
      </c>
      <c r="E339" s="9" t="s">
        <v>227</v>
      </c>
      <c r="F339" s="9" t="s">
        <v>283</v>
      </c>
      <c r="G339" s="9" t="s">
        <v>273</v>
      </c>
      <c r="H339" s="6">
        <v>24055</v>
      </c>
      <c r="I339" s="6">
        <v>18736</v>
      </c>
      <c r="J339" s="6">
        <v>18110</v>
      </c>
      <c r="K339" s="6">
        <v>5319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6</v>
      </c>
      <c r="E340" s="9" t="s">
        <v>227</v>
      </c>
      <c r="F340" s="9" t="s">
        <v>283</v>
      </c>
      <c r="G340" s="9" t="s">
        <v>274</v>
      </c>
      <c r="H340" s="6">
        <v>31672</v>
      </c>
      <c r="I340" s="6">
        <v>26835</v>
      </c>
      <c r="J340" s="6">
        <v>25942</v>
      </c>
      <c r="K340" s="6">
        <v>4822</v>
      </c>
      <c r="L340" s="6">
        <v>1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6</v>
      </c>
      <c r="E341" s="9" t="s">
        <v>227</v>
      </c>
      <c r="F341" s="9" t="s">
        <v>283</v>
      </c>
      <c r="G341" s="9" t="s">
        <v>275</v>
      </c>
      <c r="H341" s="6">
        <v>27141</v>
      </c>
      <c r="I341" s="6">
        <v>23377</v>
      </c>
      <c r="J341" s="6">
        <v>22630</v>
      </c>
      <c r="K341" s="6">
        <v>3739</v>
      </c>
      <c r="L341" s="6">
        <v>25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6</v>
      </c>
      <c r="E342" s="9" t="s">
        <v>227</v>
      </c>
      <c r="F342" s="9" t="s">
        <v>283</v>
      </c>
      <c r="G342" s="9" t="s">
        <v>276</v>
      </c>
      <c r="H342" s="6">
        <v>21270</v>
      </c>
      <c r="I342" s="6">
        <v>18797</v>
      </c>
      <c r="J342" s="6">
        <v>18217</v>
      </c>
      <c r="K342" s="6">
        <v>2466</v>
      </c>
      <c r="L342" s="6">
        <v>7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6</v>
      </c>
      <c r="E343" s="9" t="s">
        <v>227</v>
      </c>
      <c r="F343" s="9" t="s">
        <v>283</v>
      </c>
      <c r="G343" s="9" t="s">
        <v>277</v>
      </c>
      <c r="H343" s="6">
        <v>14061</v>
      </c>
      <c r="I343" s="6">
        <v>12395</v>
      </c>
      <c r="J343" s="6">
        <v>11976</v>
      </c>
      <c r="K343" s="6">
        <v>1655</v>
      </c>
      <c r="L343" s="6">
        <v>11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6</v>
      </c>
      <c r="E344" s="9" t="s">
        <v>227</v>
      </c>
      <c r="F344" s="9" t="s">
        <v>283</v>
      </c>
      <c r="G344" s="9" t="s">
        <v>278</v>
      </c>
      <c r="H344" s="6">
        <v>6726</v>
      </c>
      <c r="I344" s="6">
        <v>5776</v>
      </c>
      <c r="J344" s="6">
        <v>5575</v>
      </c>
      <c r="K344" s="6">
        <v>950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6</v>
      </c>
      <c r="E345" s="9" t="s">
        <v>227</v>
      </c>
      <c r="F345" s="9" t="s">
        <v>283</v>
      </c>
      <c r="G345" s="9" t="s">
        <v>279</v>
      </c>
      <c r="H345" s="6">
        <v>2189</v>
      </c>
      <c r="I345" s="6">
        <v>1820</v>
      </c>
      <c r="J345" s="6">
        <v>1741</v>
      </c>
      <c r="K345" s="6">
        <v>369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6</v>
      </c>
      <c r="E346" s="9" t="s">
        <v>227</v>
      </c>
      <c r="F346" s="9" t="s">
        <v>283</v>
      </c>
      <c r="G346" s="9" t="s">
        <v>280</v>
      </c>
      <c r="H346" s="6">
        <v>4639</v>
      </c>
      <c r="I346" s="6">
        <v>3298</v>
      </c>
      <c r="J346" s="6">
        <v>3163</v>
      </c>
      <c r="K346" s="6">
        <v>1336</v>
      </c>
      <c r="L346" s="6">
        <v>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6</v>
      </c>
      <c r="E347" s="9" t="s">
        <v>228</v>
      </c>
      <c r="F347" s="9" t="s">
        <v>6</v>
      </c>
      <c r="G347" s="9" t="s">
        <v>6</v>
      </c>
      <c r="H347" s="6">
        <v>242481</v>
      </c>
      <c r="I347" s="6">
        <v>47997</v>
      </c>
      <c r="J347" s="6">
        <v>42888</v>
      </c>
      <c r="K347" s="6">
        <v>194023</v>
      </c>
      <c r="L347" s="6">
        <v>461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6</v>
      </c>
      <c r="E348" s="9" t="s">
        <v>228</v>
      </c>
      <c r="F348" s="9" t="s">
        <v>234</v>
      </c>
      <c r="G348" s="9" t="s">
        <v>6</v>
      </c>
      <c r="H348" s="6">
        <v>137665</v>
      </c>
      <c r="I348" s="6">
        <v>22741</v>
      </c>
      <c r="J348" s="6">
        <v>20361</v>
      </c>
      <c r="K348" s="6">
        <v>114603</v>
      </c>
      <c r="L348" s="6">
        <v>321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6</v>
      </c>
      <c r="E349" s="9" t="s">
        <v>228</v>
      </c>
      <c r="F349" s="9" t="s">
        <v>235</v>
      </c>
      <c r="G349" s="9" t="s">
        <v>6</v>
      </c>
      <c r="H349" s="6">
        <v>104816</v>
      </c>
      <c r="I349" s="6">
        <v>25256</v>
      </c>
      <c r="J349" s="6">
        <v>22527</v>
      </c>
      <c r="K349" s="6">
        <v>79420</v>
      </c>
      <c r="L349" s="6">
        <v>140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6</v>
      </c>
      <c r="E350" s="9" t="s">
        <v>228</v>
      </c>
      <c r="F350" s="9" t="s">
        <v>235</v>
      </c>
      <c r="G350" s="9" t="s">
        <v>272</v>
      </c>
      <c r="H350" s="6">
        <v>633</v>
      </c>
      <c r="I350" s="6">
        <v>214</v>
      </c>
      <c r="J350" s="6">
        <v>214</v>
      </c>
      <c r="K350" s="6">
        <v>412</v>
      </c>
      <c r="L350" s="6">
        <v>7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6</v>
      </c>
      <c r="E351" s="9" t="s">
        <v>228</v>
      </c>
      <c r="F351" s="9" t="s">
        <v>235</v>
      </c>
      <c r="G351" s="9" t="s">
        <v>273</v>
      </c>
      <c r="H351" s="6">
        <v>1022</v>
      </c>
      <c r="I351" s="6">
        <v>570</v>
      </c>
      <c r="J351" s="6">
        <v>548</v>
      </c>
      <c r="K351" s="6">
        <v>447</v>
      </c>
      <c r="L351" s="6">
        <v>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6</v>
      </c>
      <c r="E352" s="9" t="s">
        <v>228</v>
      </c>
      <c r="F352" s="9" t="s">
        <v>235</v>
      </c>
      <c r="G352" s="9" t="s">
        <v>274</v>
      </c>
      <c r="H352" s="6">
        <v>1141</v>
      </c>
      <c r="I352" s="6">
        <v>778</v>
      </c>
      <c r="J352" s="6">
        <v>706</v>
      </c>
      <c r="K352" s="6">
        <v>363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6</v>
      </c>
      <c r="E353" s="9" t="s">
        <v>228</v>
      </c>
      <c r="F353" s="9" t="s">
        <v>235</v>
      </c>
      <c r="G353" s="9" t="s">
        <v>275</v>
      </c>
      <c r="H353" s="6">
        <v>1059</v>
      </c>
      <c r="I353" s="6">
        <v>727</v>
      </c>
      <c r="J353" s="6">
        <v>656</v>
      </c>
      <c r="K353" s="6">
        <v>323</v>
      </c>
      <c r="L353" s="6">
        <v>9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6</v>
      </c>
      <c r="E354" s="9" t="s">
        <v>228</v>
      </c>
      <c r="F354" s="9" t="s">
        <v>235</v>
      </c>
      <c r="G354" s="9" t="s">
        <v>276</v>
      </c>
      <c r="H354" s="6">
        <v>1032</v>
      </c>
      <c r="I354" s="6">
        <v>761</v>
      </c>
      <c r="J354" s="6">
        <v>695</v>
      </c>
      <c r="K354" s="6">
        <v>264</v>
      </c>
      <c r="L354" s="6">
        <v>7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6</v>
      </c>
      <c r="E355" s="9" t="s">
        <v>228</v>
      </c>
      <c r="F355" s="9" t="s">
        <v>235</v>
      </c>
      <c r="G355" s="9" t="s">
        <v>277</v>
      </c>
      <c r="H355" s="6">
        <v>1132</v>
      </c>
      <c r="I355" s="6">
        <v>908</v>
      </c>
      <c r="J355" s="6">
        <v>864</v>
      </c>
      <c r="K355" s="6">
        <v>220</v>
      </c>
      <c r="L355" s="6">
        <v>4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6</v>
      </c>
      <c r="E356" s="9" t="s">
        <v>228</v>
      </c>
      <c r="F356" s="9" t="s">
        <v>235</v>
      </c>
      <c r="G356" s="9" t="s">
        <v>278</v>
      </c>
      <c r="H356" s="6">
        <v>1345</v>
      </c>
      <c r="I356" s="6">
        <v>1018</v>
      </c>
      <c r="J356" s="6">
        <v>972</v>
      </c>
      <c r="K356" s="6">
        <v>327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6</v>
      </c>
      <c r="E357" s="9" t="s">
        <v>228</v>
      </c>
      <c r="F357" s="9" t="s">
        <v>235</v>
      </c>
      <c r="G357" s="9" t="s">
        <v>279</v>
      </c>
      <c r="H357" s="6">
        <v>1019</v>
      </c>
      <c r="I357" s="6">
        <v>716</v>
      </c>
      <c r="J357" s="6">
        <v>691</v>
      </c>
      <c r="K357" s="6">
        <v>303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6</v>
      </c>
      <c r="E358" s="9" t="s">
        <v>228</v>
      </c>
      <c r="F358" s="9" t="s">
        <v>235</v>
      </c>
      <c r="G358" s="9" t="s">
        <v>280</v>
      </c>
      <c r="H358" s="6">
        <v>96433</v>
      </c>
      <c r="I358" s="6">
        <v>19564</v>
      </c>
      <c r="J358" s="6">
        <v>17181</v>
      </c>
      <c r="K358" s="6">
        <v>76761</v>
      </c>
      <c r="L358" s="6">
        <v>108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6</v>
      </c>
      <c r="E359" s="9" t="s">
        <v>228</v>
      </c>
      <c r="F359" s="9" t="s">
        <v>281</v>
      </c>
      <c r="G359" s="9" t="s">
        <v>6</v>
      </c>
      <c r="H359" s="6">
        <v>79806</v>
      </c>
      <c r="I359" s="6">
        <v>16438</v>
      </c>
      <c r="J359" s="6">
        <v>14466</v>
      </c>
      <c r="K359" s="6">
        <v>63278</v>
      </c>
      <c r="L359" s="6">
        <v>90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6</v>
      </c>
      <c r="E360" s="9" t="s">
        <v>228</v>
      </c>
      <c r="F360" s="9" t="s">
        <v>281</v>
      </c>
      <c r="G360" s="9" t="s">
        <v>272</v>
      </c>
      <c r="H360" s="6">
        <v>219</v>
      </c>
      <c r="I360" s="6">
        <v>74</v>
      </c>
      <c r="J360" s="6">
        <v>74</v>
      </c>
      <c r="K360" s="6">
        <v>142</v>
      </c>
      <c r="L360" s="6">
        <v>3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6</v>
      </c>
      <c r="E361" s="9" t="s">
        <v>228</v>
      </c>
      <c r="F361" s="9" t="s">
        <v>281</v>
      </c>
      <c r="G361" s="9" t="s">
        <v>273</v>
      </c>
      <c r="H361" s="6">
        <v>305</v>
      </c>
      <c r="I361" s="6">
        <v>183</v>
      </c>
      <c r="J361" s="6">
        <v>167</v>
      </c>
      <c r="K361" s="6">
        <v>122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6</v>
      </c>
      <c r="E362" s="9" t="s">
        <v>228</v>
      </c>
      <c r="F362" s="9" t="s">
        <v>281</v>
      </c>
      <c r="G362" s="9" t="s">
        <v>274</v>
      </c>
      <c r="H362" s="6">
        <v>280</v>
      </c>
      <c r="I362" s="6">
        <v>209</v>
      </c>
      <c r="J362" s="6">
        <v>195</v>
      </c>
      <c r="K362" s="6">
        <v>71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6</v>
      </c>
      <c r="E363" s="9" t="s">
        <v>228</v>
      </c>
      <c r="F363" s="9" t="s">
        <v>281</v>
      </c>
      <c r="G363" s="9" t="s">
        <v>275</v>
      </c>
      <c r="H363" s="6">
        <v>209</v>
      </c>
      <c r="I363" s="6">
        <v>154</v>
      </c>
      <c r="J363" s="6">
        <v>142</v>
      </c>
      <c r="K363" s="6">
        <v>55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6</v>
      </c>
      <c r="E364" s="9" t="s">
        <v>228</v>
      </c>
      <c r="F364" s="9" t="s">
        <v>281</v>
      </c>
      <c r="G364" s="9" t="s">
        <v>276</v>
      </c>
      <c r="H364" s="6">
        <v>270</v>
      </c>
      <c r="I364" s="6">
        <v>194</v>
      </c>
      <c r="J364" s="6">
        <v>183</v>
      </c>
      <c r="K364" s="6">
        <v>76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6</v>
      </c>
      <c r="E365" s="9" t="s">
        <v>228</v>
      </c>
      <c r="F365" s="9" t="s">
        <v>281</v>
      </c>
      <c r="G365" s="9" t="s">
        <v>277</v>
      </c>
      <c r="H365" s="6">
        <v>313</v>
      </c>
      <c r="I365" s="6">
        <v>233</v>
      </c>
      <c r="J365" s="6">
        <v>218</v>
      </c>
      <c r="K365" s="6">
        <v>76</v>
      </c>
      <c r="L365" s="6">
        <v>4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6</v>
      </c>
      <c r="E366" s="9" t="s">
        <v>228</v>
      </c>
      <c r="F366" s="9" t="s">
        <v>281</v>
      </c>
      <c r="G366" s="9" t="s">
        <v>278</v>
      </c>
      <c r="H366" s="6">
        <v>531</v>
      </c>
      <c r="I366" s="6">
        <v>395</v>
      </c>
      <c r="J366" s="6">
        <v>375</v>
      </c>
      <c r="K366" s="6">
        <v>136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6</v>
      </c>
      <c r="E367" s="9" t="s">
        <v>228</v>
      </c>
      <c r="F367" s="9" t="s">
        <v>281</v>
      </c>
      <c r="G367" s="9" t="s">
        <v>279</v>
      </c>
      <c r="H367" s="6">
        <v>447</v>
      </c>
      <c r="I367" s="6">
        <v>305</v>
      </c>
      <c r="J367" s="6">
        <v>302</v>
      </c>
      <c r="K367" s="6">
        <v>14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6</v>
      </c>
      <c r="E368" s="9" t="s">
        <v>228</v>
      </c>
      <c r="F368" s="9" t="s">
        <v>281</v>
      </c>
      <c r="G368" s="9" t="s">
        <v>280</v>
      </c>
      <c r="H368" s="6">
        <v>77232</v>
      </c>
      <c r="I368" s="6">
        <v>14691</v>
      </c>
      <c r="J368" s="6">
        <v>12810</v>
      </c>
      <c r="K368" s="6">
        <v>62458</v>
      </c>
      <c r="L368" s="6">
        <v>83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6</v>
      </c>
      <c r="E369" s="9" t="s">
        <v>228</v>
      </c>
      <c r="F369" s="9" t="s">
        <v>282</v>
      </c>
      <c r="G369" s="9" t="s">
        <v>6</v>
      </c>
      <c r="H369" s="6">
        <v>21226</v>
      </c>
      <c r="I369" s="6">
        <v>6793</v>
      </c>
      <c r="J369" s="6">
        <v>6200</v>
      </c>
      <c r="K369" s="6">
        <v>14400</v>
      </c>
      <c r="L369" s="6">
        <v>33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6</v>
      </c>
      <c r="E370" s="9" t="s">
        <v>228</v>
      </c>
      <c r="F370" s="9" t="s">
        <v>282</v>
      </c>
      <c r="G370" s="9" t="s">
        <v>272</v>
      </c>
      <c r="H370" s="6">
        <v>209</v>
      </c>
      <c r="I370" s="6">
        <v>52</v>
      </c>
      <c r="J370" s="6">
        <v>52</v>
      </c>
      <c r="K370" s="6">
        <v>153</v>
      </c>
      <c r="L370" s="6">
        <v>4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6</v>
      </c>
      <c r="E371" s="9" t="s">
        <v>228</v>
      </c>
      <c r="F371" s="9" t="s">
        <v>282</v>
      </c>
      <c r="G371" s="9" t="s">
        <v>273</v>
      </c>
      <c r="H371" s="6">
        <v>392</v>
      </c>
      <c r="I371" s="6">
        <v>186</v>
      </c>
      <c r="J371" s="6">
        <v>186</v>
      </c>
      <c r="K371" s="6">
        <v>206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6</v>
      </c>
      <c r="E372" s="9" t="s">
        <v>228</v>
      </c>
      <c r="F372" s="9" t="s">
        <v>282</v>
      </c>
      <c r="G372" s="9" t="s">
        <v>274</v>
      </c>
      <c r="H372" s="6">
        <v>398</v>
      </c>
      <c r="I372" s="6">
        <v>243</v>
      </c>
      <c r="J372" s="6">
        <v>231</v>
      </c>
      <c r="K372" s="6">
        <v>155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6</v>
      </c>
      <c r="E373" s="9" t="s">
        <v>228</v>
      </c>
      <c r="F373" s="9" t="s">
        <v>282</v>
      </c>
      <c r="G373" s="9" t="s">
        <v>275</v>
      </c>
      <c r="H373" s="6">
        <v>451</v>
      </c>
      <c r="I373" s="6">
        <v>308</v>
      </c>
      <c r="J373" s="6">
        <v>284</v>
      </c>
      <c r="K373" s="6">
        <v>139</v>
      </c>
      <c r="L373" s="6">
        <v>4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6</v>
      </c>
      <c r="E374" s="9" t="s">
        <v>228</v>
      </c>
      <c r="F374" s="9" t="s">
        <v>282</v>
      </c>
      <c r="G374" s="9" t="s">
        <v>276</v>
      </c>
      <c r="H374" s="6">
        <v>482</v>
      </c>
      <c r="I374" s="6">
        <v>364</v>
      </c>
      <c r="J374" s="6">
        <v>328</v>
      </c>
      <c r="K374" s="6">
        <v>118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6</v>
      </c>
      <c r="E375" s="9" t="s">
        <v>228</v>
      </c>
      <c r="F375" s="9" t="s">
        <v>282</v>
      </c>
      <c r="G375" s="9" t="s">
        <v>277</v>
      </c>
      <c r="H375" s="6">
        <v>600</v>
      </c>
      <c r="I375" s="6">
        <v>471</v>
      </c>
      <c r="J375" s="6">
        <v>453</v>
      </c>
      <c r="K375" s="6">
        <v>129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6</v>
      </c>
      <c r="E376" s="9" t="s">
        <v>228</v>
      </c>
      <c r="F376" s="9" t="s">
        <v>282</v>
      </c>
      <c r="G376" s="9" t="s">
        <v>278</v>
      </c>
      <c r="H376" s="6">
        <v>639</v>
      </c>
      <c r="I376" s="6">
        <v>491</v>
      </c>
      <c r="J376" s="6">
        <v>465</v>
      </c>
      <c r="K376" s="6">
        <v>148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6</v>
      </c>
      <c r="E377" s="9" t="s">
        <v>228</v>
      </c>
      <c r="F377" s="9" t="s">
        <v>282</v>
      </c>
      <c r="G377" s="9" t="s">
        <v>279</v>
      </c>
      <c r="H377" s="6">
        <v>454</v>
      </c>
      <c r="I377" s="6">
        <v>327</v>
      </c>
      <c r="J377" s="6">
        <v>305</v>
      </c>
      <c r="K377" s="6">
        <v>127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6</v>
      </c>
      <c r="E378" s="9" t="s">
        <v>228</v>
      </c>
      <c r="F378" s="9" t="s">
        <v>282</v>
      </c>
      <c r="G378" s="9" t="s">
        <v>280</v>
      </c>
      <c r="H378" s="6">
        <v>17601</v>
      </c>
      <c r="I378" s="6">
        <v>4351</v>
      </c>
      <c r="J378" s="6">
        <v>3896</v>
      </c>
      <c r="K378" s="6">
        <v>13225</v>
      </c>
      <c r="L378" s="6">
        <v>2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6</v>
      </c>
      <c r="E379" s="9" t="s">
        <v>228</v>
      </c>
      <c r="F379" s="9" t="s">
        <v>283</v>
      </c>
      <c r="G379" s="9" t="s">
        <v>6</v>
      </c>
      <c r="H379" s="6">
        <v>3784</v>
      </c>
      <c r="I379" s="6">
        <v>2025</v>
      </c>
      <c r="J379" s="6">
        <v>1861</v>
      </c>
      <c r="K379" s="6">
        <v>1742</v>
      </c>
      <c r="L379" s="6">
        <v>17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6</v>
      </c>
      <c r="E380" s="9" t="s">
        <v>228</v>
      </c>
      <c r="F380" s="9" t="s">
        <v>283</v>
      </c>
      <c r="G380" s="9" t="s">
        <v>272</v>
      </c>
      <c r="H380" s="6">
        <v>205</v>
      </c>
      <c r="I380" s="6">
        <v>88</v>
      </c>
      <c r="J380" s="6">
        <v>88</v>
      </c>
      <c r="K380" s="6">
        <v>117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6</v>
      </c>
      <c r="E381" s="9" t="s">
        <v>228</v>
      </c>
      <c r="F381" s="9" t="s">
        <v>283</v>
      </c>
      <c r="G381" s="9" t="s">
        <v>273</v>
      </c>
      <c r="H381" s="6">
        <v>325</v>
      </c>
      <c r="I381" s="6">
        <v>201</v>
      </c>
      <c r="J381" s="6">
        <v>195</v>
      </c>
      <c r="K381" s="6">
        <v>119</v>
      </c>
      <c r="L381" s="6">
        <v>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6</v>
      </c>
      <c r="E382" s="9" t="s">
        <v>228</v>
      </c>
      <c r="F382" s="9" t="s">
        <v>283</v>
      </c>
      <c r="G382" s="9" t="s">
        <v>274</v>
      </c>
      <c r="H382" s="6">
        <v>463</v>
      </c>
      <c r="I382" s="6">
        <v>326</v>
      </c>
      <c r="J382" s="6">
        <v>280</v>
      </c>
      <c r="K382" s="6">
        <v>137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6</v>
      </c>
      <c r="E383" s="9" t="s">
        <v>228</v>
      </c>
      <c r="F383" s="9" t="s">
        <v>283</v>
      </c>
      <c r="G383" s="9" t="s">
        <v>275</v>
      </c>
      <c r="H383" s="6">
        <v>399</v>
      </c>
      <c r="I383" s="6">
        <v>265</v>
      </c>
      <c r="J383" s="6">
        <v>230</v>
      </c>
      <c r="K383" s="6">
        <v>129</v>
      </c>
      <c r="L383" s="6">
        <v>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6</v>
      </c>
      <c r="E384" s="9" t="s">
        <v>228</v>
      </c>
      <c r="F384" s="9" t="s">
        <v>283</v>
      </c>
      <c r="G384" s="9" t="s">
        <v>276</v>
      </c>
      <c r="H384" s="6">
        <v>280</v>
      </c>
      <c r="I384" s="6">
        <v>203</v>
      </c>
      <c r="J384" s="6">
        <v>184</v>
      </c>
      <c r="K384" s="6">
        <v>70</v>
      </c>
      <c r="L384" s="6">
        <v>7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6</v>
      </c>
      <c r="E385" s="9" t="s">
        <v>228</v>
      </c>
      <c r="F385" s="9" t="s">
        <v>283</v>
      </c>
      <c r="G385" s="9" t="s">
        <v>277</v>
      </c>
      <c r="H385" s="6">
        <v>219</v>
      </c>
      <c r="I385" s="6">
        <v>204</v>
      </c>
      <c r="J385" s="6">
        <v>193</v>
      </c>
      <c r="K385" s="6">
        <v>1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6</v>
      </c>
      <c r="E386" s="9" t="s">
        <v>228</v>
      </c>
      <c r="F386" s="9" t="s">
        <v>283</v>
      </c>
      <c r="G386" s="9" t="s">
        <v>278</v>
      </c>
      <c r="H386" s="6">
        <v>175</v>
      </c>
      <c r="I386" s="6">
        <v>132</v>
      </c>
      <c r="J386" s="6">
        <v>132</v>
      </c>
      <c r="K386" s="6">
        <v>43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6</v>
      </c>
      <c r="E387" s="9" t="s">
        <v>228</v>
      </c>
      <c r="F387" s="9" t="s">
        <v>283</v>
      </c>
      <c r="G387" s="9" t="s">
        <v>279</v>
      </c>
      <c r="H387" s="6">
        <v>118</v>
      </c>
      <c r="I387" s="6">
        <v>84</v>
      </c>
      <c r="J387" s="6">
        <v>84</v>
      </c>
      <c r="K387" s="6">
        <v>34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6</v>
      </c>
      <c r="E388" s="9" t="s">
        <v>228</v>
      </c>
      <c r="F388" s="9" t="s">
        <v>283</v>
      </c>
      <c r="G388" s="9" t="s">
        <v>280</v>
      </c>
      <c r="H388" s="6">
        <v>1600</v>
      </c>
      <c r="I388" s="6">
        <v>522</v>
      </c>
      <c r="J388" s="6">
        <v>475</v>
      </c>
      <c r="K388" s="6">
        <v>1078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6</v>
      </c>
      <c r="E389" s="9" t="s">
        <v>18</v>
      </c>
      <c r="F389" s="9" t="s">
        <v>6</v>
      </c>
      <c r="G389" s="9" t="s">
        <v>6</v>
      </c>
      <c r="H389" s="6">
        <v>58427</v>
      </c>
      <c r="I389" s="6">
        <v>934</v>
      </c>
      <c r="J389" s="6">
        <v>690</v>
      </c>
      <c r="K389" s="6">
        <v>654</v>
      </c>
      <c r="L389" s="6">
        <v>56839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6</v>
      </c>
      <c r="E390" s="9" t="s">
        <v>18</v>
      </c>
      <c r="F390" s="9" t="s">
        <v>234</v>
      </c>
      <c r="G390" s="9" t="s">
        <v>6</v>
      </c>
      <c r="H390" s="6">
        <v>15254</v>
      </c>
      <c r="I390" s="6">
        <v>453</v>
      </c>
      <c r="J390" s="6">
        <v>347</v>
      </c>
      <c r="K390" s="6">
        <v>345</v>
      </c>
      <c r="L390" s="6">
        <v>14456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6</v>
      </c>
      <c r="E391" s="9" t="s">
        <v>18</v>
      </c>
      <c r="F391" s="9" t="s">
        <v>235</v>
      </c>
      <c r="G391" s="9" t="s">
        <v>6</v>
      </c>
      <c r="H391" s="6">
        <v>43173</v>
      </c>
      <c r="I391" s="6">
        <v>481</v>
      </c>
      <c r="J391" s="6">
        <v>343</v>
      </c>
      <c r="K391" s="6">
        <v>309</v>
      </c>
      <c r="L391" s="6">
        <v>42383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6</v>
      </c>
      <c r="E392" s="9" t="s">
        <v>18</v>
      </c>
      <c r="F392" s="9" t="s">
        <v>235</v>
      </c>
      <c r="G392" s="9" t="s">
        <v>272</v>
      </c>
      <c r="H392" s="6">
        <v>3645</v>
      </c>
      <c r="I392" s="10" t="s">
        <v>55</v>
      </c>
      <c r="J392" s="10" t="s">
        <v>55</v>
      </c>
      <c r="K392" s="6">
        <v>6</v>
      </c>
      <c r="L392" s="6">
        <v>3639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6</v>
      </c>
      <c r="E393" s="9" t="s">
        <v>18</v>
      </c>
      <c r="F393" s="9" t="s">
        <v>235</v>
      </c>
      <c r="G393" s="9" t="s">
        <v>273</v>
      </c>
      <c r="H393" s="6">
        <v>7024</v>
      </c>
      <c r="I393" s="6">
        <v>40</v>
      </c>
      <c r="J393" s="6">
        <v>37</v>
      </c>
      <c r="K393" s="6">
        <v>16</v>
      </c>
      <c r="L393" s="6">
        <v>6968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6</v>
      </c>
      <c r="E394" s="9" t="s">
        <v>18</v>
      </c>
      <c r="F394" s="9" t="s">
        <v>235</v>
      </c>
      <c r="G394" s="9" t="s">
        <v>274</v>
      </c>
      <c r="H394" s="6">
        <v>6447</v>
      </c>
      <c r="I394" s="6">
        <v>22</v>
      </c>
      <c r="J394" s="6">
        <v>5</v>
      </c>
      <c r="K394" s="10" t="s">
        <v>55</v>
      </c>
      <c r="L394" s="6">
        <v>6425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6</v>
      </c>
      <c r="E395" s="9" t="s">
        <v>18</v>
      </c>
      <c r="F395" s="9" t="s">
        <v>235</v>
      </c>
      <c r="G395" s="9" t="s">
        <v>275</v>
      </c>
      <c r="H395" s="6">
        <v>4996</v>
      </c>
      <c r="I395" s="6">
        <v>29</v>
      </c>
      <c r="J395" s="6">
        <v>29</v>
      </c>
      <c r="K395" s="10" t="s">
        <v>55</v>
      </c>
      <c r="L395" s="6">
        <v>4967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6</v>
      </c>
      <c r="E396" s="9" t="s">
        <v>18</v>
      </c>
      <c r="F396" s="9" t="s">
        <v>235</v>
      </c>
      <c r="G396" s="9" t="s">
        <v>276</v>
      </c>
      <c r="H396" s="6">
        <v>4283</v>
      </c>
      <c r="I396" s="6">
        <v>38</v>
      </c>
      <c r="J396" s="6">
        <v>33</v>
      </c>
      <c r="K396" s="6">
        <v>10</v>
      </c>
      <c r="L396" s="6">
        <v>4235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6</v>
      </c>
      <c r="E397" s="9" t="s">
        <v>18</v>
      </c>
      <c r="F397" s="9" t="s">
        <v>235</v>
      </c>
      <c r="G397" s="9" t="s">
        <v>277</v>
      </c>
      <c r="H397" s="6">
        <v>3723</v>
      </c>
      <c r="I397" s="6">
        <v>31</v>
      </c>
      <c r="J397" s="6">
        <v>27</v>
      </c>
      <c r="K397" s="6">
        <v>14</v>
      </c>
      <c r="L397" s="6">
        <v>3678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6</v>
      </c>
      <c r="E398" s="9" t="s">
        <v>18</v>
      </c>
      <c r="F398" s="9" t="s">
        <v>235</v>
      </c>
      <c r="G398" s="9" t="s">
        <v>278</v>
      </c>
      <c r="H398" s="6">
        <v>2801</v>
      </c>
      <c r="I398" s="6">
        <v>17</v>
      </c>
      <c r="J398" s="6">
        <v>17</v>
      </c>
      <c r="K398" s="6">
        <v>10</v>
      </c>
      <c r="L398" s="6">
        <v>2774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6</v>
      </c>
      <c r="E399" s="9" t="s">
        <v>18</v>
      </c>
      <c r="F399" s="9" t="s">
        <v>235</v>
      </c>
      <c r="G399" s="9" t="s">
        <v>279</v>
      </c>
      <c r="H399" s="6">
        <v>1406</v>
      </c>
      <c r="I399" s="6">
        <v>10</v>
      </c>
      <c r="J399" s="6">
        <v>10</v>
      </c>
      <c r="K399" s="10" t="s">
        <v>55</v>
      </c>
      <c r="L399" s="6">
        <v>1396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6</v>
      </c>
      <c r="E400" s="9" t="s">
        <v>18</v>
      </c>
      <c r="F400" s="9" t="s">
        <v>235</v>
      </c>
      <c r="G400" s="9" t="s">
        <v>280</v>
      </c>
      <c r="H400" s="6">
        <v>8848</v>
      </c>
      <c r="I400" s="6">
        <v>294</v>
      </c>
      <c r="J400" s="6">
        <v>185</v>
      </c>
      <c r="K400" s="6">
        <v>253</v>
      </c>
      <c r="L400" s="6">
        <v>8301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6</v>
      </c>
      <c r="E401" s="9" t="s">
        <v>18</v>
      </c>
      <c r="F401" s="9" t="s">
        <v>281</v>
      </c>
      <c r="G401" s="9" t="s">
        <v>6</v>
      </c>
      <c r="H401" s="6">
        <v>13707</v>
      </c>
      <c r="I401" s="6">
        <v>234</v>
      </c>
      <c r="J401" s="6">
        <v>170</v>
      </c>
      <c r="K401" s="6">
        <v>194</v>
      </c>
      <c r="L401" s="6">
        <v>13279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6</v>
      </c>
      <c r="E402" s="9" t="s">
        <v>18</v>
      </c>
      <c r="F402" s="9" t="s">
        <v>281</v>
      </c>
      <c r="G402" s="9" t="s">
        <v>272</v>
      </c>
      <c r="H402" s="6">
        <v>1168</v>
      </c>
      <c r="I402" s="10" t="s">
        <v>55</v>
      </c>
      <c r="J402" s="10" t="s">
        <v>55</v>
      </c>
      <c r="K402" s="10" t="s">
        <v>55</v>
      </c>
      <c r="L402" s="6">
        <v>1168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6</v>
      </c>
      <c r="E403" s="9" t="s">
        <v>18</v>
      </c>
      <c r="F403" s="9" t="s">
        <v>281</v>
      </c>
      <c r="G403" s="9" t="s">
        <v>273</v>
      </c>
      <c r="H403" s="6">
        <v>1947</v>
      </c>
      <c r="I403" s="6">
        <v>11</v>
      </c>
      <c r="J403" s="6">
        <v>8</v>
      </c>
      <c r="K403" s="6">
        <v>6</v>
      </c>
      <c r="L403" s="6">
        <v>1930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6</v>
      </c>
      <c r="E404" s="9" t="s">
        <v>18</v>
      </c>
      <c r="F404" s="9" t="s">
        <v>281</v>
      </c>
      <c r="G404" s="9" t="s">
        <v>274</v>
      </c>
      <c r="H404" s="6">
        <v>1280</v>
      </c>
      <c r="I404" s="6">
        <v>3</v>
      </c>
      <c r="J404" s="10" t="s">
        <v>55</v>
      </c>
      <c r="K404" s="10" t="s">
        <v>55</v>
      </c>
      <c r="L404" s="6">
        <v>1277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6</v>
      </c>
      <c r="E405" s="9" t="s">
        <v>18</v>
      </c>
      <c r="F405" s="9" t="s">
        <v>281</v>
      </c>
      <c r="G405" s="9" t="s">
        <v>275</v>
      </c>
      <c r="H405" s="6">
        <v>778</v>
      </c>
      <c r="I405" s="10" t="s">
        <v>55</v>
      </c>
      <c r="J405" s="10" t="s">
        <v>55</v>
      </c>
      <c r="K405" s="10" t="s">
        <v>55</v>
      </c>
      <c r="L405" s="6">
        <v>778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6</v>
      </c>
      <c r="E406" s="9" t="s">
        <v>18</v>
      </c>
      <c r="F406" s="9" t="s">
        <v>281</v>
      </c>
      <c r="G406" s="9" t="s">
        <v>276</v>
      </c>
      <c r="H406" s="6">
        <v>573</v>
      </c>
      <c r="I406" s="10" t="s">
        <v>55</v>
      </c>
      <c r="J406" s="10" t="s">
        <v>55</v>
      </c>
      <c r="K406" s="10" t="s">
        <v>55</v>
      </c>
      <c r="L406" s="6">
        <v>573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6</v>
      </c>
      <c r="E407" s="9" t="s">
        <v>18</v>
      </c>
      <c r="F407" s="9" t="s">
        <v>281</v>
      </c>
      <c r="G407" s="9" t="s">
        <v>277</v>
      </c>
      <c r="H407" s="6">
        <v>612</v>
      </c>
      <c r="I407" s="6">
        <v>3</v>
      </c>
      <c r="J407" s="6">
        <v>3</v>
      </c>
      <c r="K407" s="10" t="s">
        <v>55</v>
      </c>
      <c r="L407" s="6">
        <v>609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6</v>
      </c>
      <c r="E408" s="9" t="s">
        <v>18</v>
      </c>
      <c r="F408" s="9" t="s">
        <v>281</v>
      </c>
      <c r="G408" s="9" t="s">
        <v>278</v>
      </c>
      <c r="H408" s="6">
        <v>775</v>
      </c>
      <c r="I408" s="6">
        <v>3</v>
      </c>
      <c r="J408" s="6">
        <v>3</v>
      </c>
      <c r="K408" s="6">
        <v>10</v>
      </c>
      <c r="L408" s="6">
        <v>762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6</v>
      </c>
      <c r="E409" s="9" t="s">
        <v>18</v>
      </c>
      <c r="F409" s="9" t="s">
        <v>281</v>
      </c>
      <c r="G409" s="9" t="s">
        <v>279</v>
      </c>
      <c r="H409" s="6">
        <v>522</v>
      </c>
      <c r="I409" s="6">
        <v>6</v>
      </c>
      <c r="J409" s="6">
        <v>6</v>
      </c>
      <c r="K409" s="10" t="s">
        <v>55</v>
      </c>
      <c r="L409" s="6">
        <v>516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6</v>
      </c>
      <c r="E410" s="9" t="s">
        <v>18</v>
      </c>
      <c r="F410" s="9" t="s">
        <v>281</v>
      </c>
      <c r="G410" s="9" t="s">
        <v>280</v>
      </c>
      <c r="H410" s="6">
        <v>6052</v>
      </c>
      <c r="I410" s="6">
        <v>208</v>
      </c>
      <c r="J410" s="6">
        <v>150</v>
      </c>
      <c r="K410" s="6">
        <v>178</v>
      </c>
      <c r="L410" s="6">
        <v>5666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6</v>
      </c>
      <c r="E411" s="9" t="s">
        <v>18</v>
      </c>
      <c r="F411" s="9" t="s">
        <v>282</v>
      </c>
      <c r="G411" s="9" t="s">
        <v>6</v>
      </c>
      <c r="H411" s="6">
        <v>16466</v>
      </c>
      <c r="I411" s="6">
        <v>134</v>
      </c>
      <c r="J411" s="6">
        <v>79</v>
      </c>
      <c r="K411" s="6">
        <v>78</v>
      </c>
      <c r="L411" s="6">
        <v>16254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6</v>
      </c>
      <c r="E412" s="9" t="s">
        <v>18</v>
      </c>
      <c r="F412" s="9" t="s">
        <v>282</v>
      </c>
      <c r="G412" s="9" t="s">
        <v>272</v>
      </c>
      <c r="H412" s="6">
        <v>1213</v>
      </c>
      <c r="I412" s="10" t="s">
        <v>55</v>
      </c>
      <c r="J412" s="10" t="s">
        <v>55</v>
      </c>
      <c r="K412" s="10" t="s">
        <v>55</v>
      </c>
      <c r="L412" s="6">
        <v>1213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6</v>
      </c>
      <c r="E413" s="9" t="s">
        <v>18</v>
      </c>
      <c r="F413" s="9" t="s">
        <v>282</v>
      </c>
      <c r="G413" s="9" t="s">
        <v>273</v>
      </c>
      <c r="H413" s="6">
        <v>2580</v>
      </c>
      <c r="I413" s="6">
        <v>16</v>
      </c>
      <c r="J413" s="6">
        <v>16</v>
      </c>
      <c r="K413" s="10" t="s">
        <v>55</v>
      </c>
      <c r="L413" s="6">
        <v>2564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6</v>
      </c>
      <c r="E414" s="9" t="s">
        <v>18</v>
      </c>
      <c r="F414" s="9" t="s">
        <v>282</v>
      </c>
      <c r="G414" s="9" t="s">
        <v>274</v>
      </c>
      <c r="H414" s="6">
        <v>2328</v>
      </c>
      <c r="I414" s="10" t="s">
        <v>55</v>
      </c>
      <c r="J414" s="10" t="s">
        <v>55</v>
      </c>
      <c r="K414" s="10" t="s">
        <v>55</v>
      </c>
      <c r="L414" s="6">
        <v>2328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6</v>
      </c>
      <c r="E415" s="9" t="s">
        <v>18</v>
      </c>
      <c r="F415" s="9" t="s">
        <v>282</v>
      </c>
      <c r="G415" s="9" t="s">
        <v>275</v>
      </c>
      <c r="H415" s="6">
        <v>2012</v>
      </c>
      <c r="I415" s="6">
        <v>4</v>
      </c>
      <c r="J415" s="6">
        <v>4</v>
      </c>
      <c r="K415" s="10" t="s">
        <v>55</v>
      </c>
      <c r="L415" s="6">
        <v>2008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6</v>
      </c>
      <c r="E416" s="9" t="s">
        <v>18</v>
      </c>
      <c r="F416" s="9" t="s">
        <v>282</v>
      </c>
      <c r="G416" s="9" t="s">
        <v>276</v>
      </c>
      <c r="H416" s="6">
        <v>1998</v>
      </c>
      <c r="I416" s="6">
        <v>13</v>
      </c>
      <c r="J416" s="6">
        <v>13</v>
      </c>
      <c r="K416" s="10" t="s">
        <v>55</v>
      </c>
      <c r="L416" s="6">
        <v>1985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6</v>
      </c>
      <c r="E417" s="9" t="s">
        <v>18</v>
      </c>
      <c r="F417" s="9" t="s">
        <v>282</v>
      </c>
      <c r="G417" s="9" t="s">
        <v>277</v>
      </c>
      <c r="H417" s="6">
        <v>1780</v>
      </c>
      <c r="I417" s="6">
        <v>12</v>
      </c>
      <c r="J417" s="6">
        <v>8</v>
      </c>
      <c r="K417" s="6">
        <v>8</v>
      </c>
      <c r="L417" s="6">
        <v>1760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6</v>
      </c>
      <c r="E418" s="9" t="s">
        <v>18</v>
      </c>
      <c r="F418" s="9" t="s">
        <v>282</v>
      </c>
      <c r="G418" s="9" t="s">
        <v>278</v>
      </c>
      <c r="H418" s="6">
        <v>1541</v>
      </c>
      <c r="I418" s="6">
        <v>4</v>
      </c>
      <c r="J418" s="6">
        <v>4</v>
      </c>
      <c r="K418" s="10" t="s">
        <v>55</v>
      </c>
      <c r="L418" s="6">
        <v>1537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6</v>
      </c>
      <c r="E419" s="9" t="s">
        <v>18</v>
      </c>
      <c r="F419" s="9" t="s">
        <v>282</v>
      </c>
      <c r="G419" s="9" t="s">
        <v>279</v>
      </c>
      <c r="H419" s="6">
        <v>667</v>
      </c>
      <c r="I419" s="6">
        <v>4</v>
      </c>
      <c r="J419" s="6">
        <v>4</v>
      </c>
      <c r="K419" s="10" t="s">
        <v>55</v>
      </c>
      <c r="L419" s="6">
        <v>663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6</v>
      </c>
      <c r="E420" s="9" t="s">
        <v>18</v>
      </c>
      <c r="F420" s="9" t="s">
        <v>282</v>
      </c>
      <c r="G420" s="9" t="s">
        <v>280</v>
      </c>
      <c r="H420" s="6">
        <v>2347</v>
      </c>
      <c r="I420" s="6">
        <v>81</v>
      </c>
      <c r="J420" s="6">
        <v>30</v>
      </c>
      <c r="K420" s="6">
        <v>70</v>
      </c>
      <c r="L420" s="6">
        <v>2196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6</v>
      </c>
      <c r="E421" s="9" t="s">
        <v>18</v>
      </c>
      <c r="F421" s="9" t="s">
        <v>283</v>
      </c>
      <c r="G421" s="9" t="s">
        <v>6</v>
      </c>
      <c r="H421" s="6">
        <v>13000</v>
      </c>
      <c r="I421" s="6">
        <v>113</v>
      </c>
      <c r="J421" s="6">
        <v>94</v>
      </c>
      <c r="K421" s="6">
        <v>37</v>
      </c>
      <c r="L421" s="6">
        <v>12850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6</v>
      </c>
      <c r="E422" s="9" t="s">
        <v>18</v>
      </c>
      <c r="F422" s="9" t="s">
        <v>283</v>
      </c>
      <c r="G422" s="9" t="s">
        <v>272</v>
      </c>
      <c r="H422" s="6">
        <v>1264</v>
      </c>
      <c r="I422" s="10" t="s">
        <v>55</v>
      </c>
      <c r="J422" s="10" t="s">
        <v>55</v>
      </c>
      <c r="K422" s="6">
        <v>6</v>
      </c>
      <c r="L422" s="6">
        <v>1258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6</v>
      </c>
      <c r="E423" s="9" t="s">
        <v>18</v>
      </c>
      <c r="F423" s="9" t="s">
        <v>283</v>
      </c>
      <c r="G423" s="9" t="s">
        <v>273</v>
      </c>
      <c r="H423" s="6">
        <v>2497</v>
      </c>
      <c r="I423" s="6">
        <v>13</v>
      </c>
      <c r="J423" s="6">
        <v>13</v>
      </c>
      <c r="K423" s="6">
        <v>10</v>
      </c>
      <c r="L423" s="6">
        <v>2474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6</v>
      </c>
      <c r="E424" s="9" t="s">
        <v>18</v>
      </c>
      <c r="F424" s="9" t="s">
        <v>283</v>
      </c>
      <c r="G424" s="9" t="s">
        <v>274</v>
      </c>
      <c r="H424" s="6">
        <v>2839</v>
      </c>
      <c r="I424" s="6">
        <v>19</v>
      </c>
      <c r="J424" s="6">
        <v>5</v>
      </c>
      <c r="K424" s="10" t="s">
        <v>55</v>
      </c>
      <c r="L424" s="6">
        <v>2820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6</v>
      </c>
      <c r="E425" s="9" t="s">
        <v>18</v>
      </c>
      <c r="F425" s="9" t="s">
        <v>283</v>
      </c>
      <c r="G425" s="9" t="s">
        <v>275</v>
      </c>
      <c r="H425" s="6">
        <v>2206</v>
      </c>
      <c r="I425" s="6">
        <v>25</v>
      </c>
      <c r="J425" s="6">
        <v>25</v>
      </c>
      <c r="K425" s="10" t="s">
        <v>55</v>
      </c>
      <c r="L425" s="6">
        <v>2181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6</v>
      </c>
      <c r="E426" s="9" t="s">
        <v>18</v>
      </c>
      <c r="F426" s="9" t="s">
        <v>283</v>
      </c>
      <c r="G426" s="9" t="s">
        <v>276</v>
      </c>
      <c r="H426" s="6">
        <v>1712</v>
      </c>
      <c r="I426" s="6">
        <v>25</v>
      </c>
      <c r="J426" s="6">
        <v>20</v>
      </c>
      <c r="K426" s="6">
        <v>10</v>
      </c>
      <c r="L426" s="6">
        <v>1677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6</v>
      </c>
      <c r="E427" s="9" t="s">
        <v>18</v>
      </c>
      <c r="F427" s="9" t="s">
        <v>283</v>
      </c>
      <c r="G427" s="9" t="s">
        <v>277</v>
      </c>
      <c r="H427" s="6">
        <v>1331</v>
      </c>
      <c r="I427" s="6">
        <v>16</v>
      </c>
      <c r="J427" s="6">
        <v>16</v>
      </c>
      <c r="K427" s="6">
        <v>6</v>
      </c>
      <c r="L427" s="6">
        <v>1309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6</v>
      </c>
      <c r="E428" s="9" t="s">
        <v>18</v>
      </c>
      <c r="F428" s="9" t="s">
        <v>283</v>
      </c>
      <c r="G428" s="9" t="s">
        <v>278</v>
      </c>
      <c r="H428" s="6">
        <v>485</v>
      </c>
      <c r="I428" s="6">
        <v>10</v>
      </c>
      <c r="J428" s="6">
        <v>10</v>
      </c>
      <c r="K428" s="10" t="s">
        <v>55</v>
      </c>
      <c r="L428" s="6">
        <v>475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6</v>
      </c>
      <c r="E429" s="9" t="s">
        <v>18</v>
      </c>
      <c r="F429" s="9" t="s">
        <v>283</v>
      </c>
      <c r="G429" s="9" t="s">
        <v>279</v>
      </c>
      <c r="H429" s="6">
        <v>217</v>
      </c>
      <c r="I429" s="10" t="s">
        <v>55</v>
      </c>
      <c r="J429" s="10" t="s">
        <v>55</v>
      </c>
      <c r="K429" s="10" t="s">
        <v>55</v>
      </c>
      <c r="L429" s="6">
        <v>217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6</v>
      </c>
      <c r="E430" s="9" t="s">
        <v>18</v>
      </c>
      <c r="F430" s="9" t="s">
        <v>283</v>
      </c>
      <c r="G430" s="9" t="s">
        <v>280</v>
      </c>
      <c r="H430" s="6">
        <v>449</v>
      </c>
      <c r="I430" s="6">
        <v>5</v>
      </c>
      <c r="J430" s="6">
        <v>5</v>
      </c>
      <c r="K430" s="6">
        <v>5</v>
      </c>
      <c r="L430" s="6">
        <v>439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6</v>
      </c>
      <c r="E431" s="9" t="s">
        <v>6</v>
      </c>
      <c r="F431" s="9" t="s">
        <v>6</v>
      </c>
      <c r="G431" s="9" t="s">
        <v>6</v>
      </c>
      <c r="H431" s="6">
        <v>85192</v>
      </c>
      <c r="I431" s="6">
        <v>52458</v>
      </c>
      <c r="J431" s="6">
        <v>42203</v>
      </c>
      <c r="K431" s="6">
        <v>29047</v>
      </c>
      <c r="L431" s="6">
        <v>3687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6</v>
      </c>
      <c r="E432" s="9" t="s">
        <v>6</v>
      </c>
      <c r="F432" s="9" t="s">
        <v>234</v>
      </c>
      <c r="G432" s="9" t="s">
        <v>6</v>
      </c>
      <c r="H432" s="6">
        <v>27194</v>
      </c>
      <c r="I432" s="6">
        <v>12987</v>
      </c>
      <c r="J432" s="6">
        <v>9653</v>
      </c>
      <c r="K432" s="6">
        <v>13588</v>
      </c>
      <c r="L432" s="6">
        <v>619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6</v>
      </c>
      <c r="E433" s="9" t="s">
        <v>6</v>
      </c>
      <c r="F433" s="9" t="s">
        <v>235</v>
      </c>
      <c r="G433" s="9" t="s">
        <v>6</v>
      </c>
      <c r="H433" s="6">
        <v>57998</v>
      </c>
      <c r="I433" s="6">
        <v>39471</v>
      </c>
      <c r="J433" s="6">
        <v>32550</v>
      </c>
      <c r="K433" s="6">
        <v>15459</v>
      </c>
      <c r="L433" s="6">
        <v>3068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6</v>
      </c>
      <c r="E434" s="9" t="s">
        <v>6</v>
      </c>
      <c r="F434" s="9" t="s">
        <v>235</v>
      </c>
      <c r="G434" s="9" t="s">
        <v>272</v>
      </c>
      <c r="H434" s="6">
        <v>2906</v>
      </c>
      <c r="I434" s="6">
        <v>1390</v>
      </c>
      <c r="J434" s="6">
        <v>1279</v>
      </c>
      <c r="K434" s="6">
        <v>1254</v>
      </c>
      <c r="L434" s="6">
        <v>262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6</v>
      </c>
      <c r="E435" s="9" t="s">
        <v>6</v>
      </c>
      <c r="F435" s="9" t="s">
        <v>235</v>
      </c>
      <c r="G435" s="9" t="s">
        <v>273</v>
      </c>
      <c r="H435" s="6">
        <v>5455</v>
      </c>
      <c r="I435" s="6">
        <v>4013</v>
      </c>
      <c r="J435" s="6">
        <v>3598</v>
      </c>
      <c r="K435" s="6">
        <v>947</v>
      </c>
      <c r="L435" s="6">
        <v>495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6</v>
      </c>
      <c r="E436" s="9" t="s">
        <v>6</v>
      </c>
      <c r="F436" s="9" t="s">
        <v>235</v>
      </c>
      <c r="G436" s="9" t="s">
        <v>274</v>
      </c>
      <c r="H436" s="6">
        <v>6305</v>
      </c>
      <c r="I436" s="6">
        <v>5115</v>
      </c>
      <c r="J436" s="6">
        <v>4537</v>
      </c>
      <c r="K436" s="6">
        <v>698</v>
      </c>
      <c r="L436" s="6">
        <v>492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6</v>
      </c>
      <c r="E437" s="9" t="s">
        <v>6</v>
      </c>
      <c r="F437" s="9" t="s">
        <v>235</v>
      </c>
      <c r="G437" s="9" t="s">
        <v>275</v>
      </c>
      <c r="H437" s="6">
        <v>5434</v>
      </c>
      <c r="I437" s="6">
        <v>4425</v>
      </c>
      <c r="J437" s="6">
        <v>3989</v>
      </c>
      <c r="K437" s="6">
        <v>668</v>
      </c>
      <c r="L437" s="6">
        <v>341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6</v>
      </c>
      <c r="E438" s="9" t="s">
        <v>6</v>
      </c>
      <c r="F438" s="9" t="s">
        <v>235</v>
      </c>
      <c r="G438" s="9" t="s">
        <v>276</v>
      </c>
      <c r="H438" s="6">
        <v>4723</v>
      </c>
      <c r="I438" s="6">
        <v>3935</v>
      </c>
      <c r="J438" s="6">
        <v>3424</v>
      </c>
      <c r="K438" s="6">
        <v>494</v>
      </c>
      <c r="L438" s="6">
        <v>294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6</v>
      </c>
      <c r="E439" s="9" t="s">
        <v>6</v>
      </c>
      <c r="F439" s="9" t="s">
        <v>235</v>
      </c>
      <c r="G439" s="9" t="s">
        <v>277</v>
      </c>
      <c r="H439" s="6">
        <v>4563</v>
      </c>
      <c r="I439" s="6">
        <v>3727</v>
      </c>
      <c r="J439" s="6">
        <v>3318</v>
      </c>
      <c r="K439" s="6">
        <v>543</v>
      </c>
      <c r="L439" s="6">
        <v>293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6</v>
      </c>
      <c r="E440" s="9" t="s">
        <v>6</v>
      </c>
      <c r="F440" s="9" t="s">
        <v>235</v>
      </c>
      <c r="G440" s="9" t="s">
        <v>278</v>
      </c>
      <c r="H440" s="6">
        <v>3842</v>
      </c>
      <c r="I440" s="6">
        <v>3154</v>
      </c>
      <c r="J440" s="6">
        <v>2754</v>
      </c>
      <c r="K440" s="6">
        <v>476</v>
      </c>
      <c r="L440" s="6">
        <v>212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6</v>
      </c>
      <c r="E441" s="9" t="s">
        <v>6</v>
      </c>
      <c r="F441" s="9" t="s">
        <v>235</v>
      </c>
      <c r="G441" s="9" t="s">
        <v>279</v>
      </c>
      <c r="H441" s="6">
        <v>2102</v>
      </c>
      <c r="I441" s="6">
        <v>1731</v>
      </c>
      <c r="J441" s="6">
        <v>1427</v>
      </c>
      <c r="K441" s="6">
        <v>252</v>
      </c>
      <c r="L441" s="6">
        <v>119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6</v>
      </c>
      <c r="E442" s="9" t="s">
        <v>6</v>
      </c>
      <c r="F442" s="9" t="s">
        <v>235</v>
      </c>
      <c r="G442" s="9" t="s">
        <v>280</v>
      </c>
      <c r="H442" s="6">
        <v>22668</v>
      </c>
      <c r="I442" s="6">
        <v>11981</v>
      </c>
      <c r="J442" s="6">
        <v>8224</v>
      </c>
      <c r="K442" s="6">
        <v>10127</v>
      </c>
      <c r="L442" s="6">
        <v>560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6</v>
      </c>
      <c r="E443" s="9" t="s">
        <v>6</v>
      </c>
      <c r="F443" s="9" t="s">
        <v>281</v>
      </c>
      <c r="G443" s="9" t="s">
        <v>6</v>
      </c>
      <c r="H443" s="6">
        <v>24386</v>
      </c>
      <c r="I443" s="6">
        <v>14078</v>
      </c>
      <c r="J443" s="6">
        <v>10811</v>
      </c>
      <c r="K443" s="6">
        <v>9353</v>
      </c>
      <c r="L443" s="6">
        <v>955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6</v>
      </c>
      <c r="E444" s="9" t="s">
        <v>6</v>
      </c>
      <c r="F444" s="9" t="s">
        <v>281</v>
      </c>
      <c r="G444" s="9" t="s">
        <v>272</v>
      </c>
      <c r="H444" s="6">
        <v>724</v>
      </c>
      <c r="I444" s="6">
        <v>321</v>
      </c>
      <c r="J444" s="6">
        <v>307</v>
      </c>
      <c r="K444" s="6">
        <v>335</v>
      </c>
      <c r="L444" s="6">
        <v>68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6</v>
      </c>
      <c r="E445" s="9" t="s">
        <v>6</v>
      </c>
      <c r="F445" s="9" t="s">
        <v>281</v>
      </c>
      <c r="G445" s="9" t="s">
        <v>273</v>
      </c>
      <c r="H445" s="6">
        <v>1286</v>
      </c>
      <c r="I445" s="6">
        <v>823</v>
      </c>
      <c r="J445" s="6">
        <v>753</v>
      </c>
      <c r="K445" s="6">
        <v>342</v>
      </c>
      <c r="L445" s="6">
        <v>121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6</v>
      </c>
      <c r="E446" s="9" t="s">
        <v>6</v>
      </c>
      <c r="F446" s="9" t="s">
        <v>281</v>
      </c>
      <c r="G446" s="9" t="s">
        <v>274</v>
      </c>
      <c r="H446" s="6">
        <v>1121</v>
      </c>
      <c r="I446" s="6">
        <v>873</v>
      </c>
      <c r="J446" s="6">
        <v>768</v>
      </c>
      <c r="K446" s="6">
        <v>146</v>
      </c>
      <c r="L446" s="6">
        <v>102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6</v>
      </c>
      <c r="E447" s="9" t="s">
        <v>6</v>
      </c>
      <c r="F447" s="9" t="s">
        <v>281</v>
      </c>
      <c r="G447" s="9" t="s">
        <v>275</v>
      </c>
      <c r="H447" s="6">
        <v>743</v>
      </c>
      <c r="I447" s="6">
        <v>559</v>
      </c>
      <c r="J447" s="6">
        <v>512</v>
      </c>
      <c r="K447" s="6">
        <v>124</v>
      </c>
      <c r="L447" s="6">
        <v>60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6</v>
      </c>
      <c r="E448" s="9" t="s">
        <v>6</v>
      </c>
      <c r="F448" s="9" t="s">
        <v>281</v>
      </c>
      <c r="G448" s="9" t="s">
        <v>276</v>
      </c>
      <c r="H448" s="6">
        <v>653</v>
      </c>
      <c r="I448" s="6">
        <v>488</v>
      </c>
      <c r="J448" s="6">
        <v>458</v>
      </c>
      <c r="K448" s="6">
        <v>116</v>
      </c>
      <c r="L448" s="6">
        <v>49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6</v>
      </c>
      <c r="E449" s="9" t="s">
        <v>6</v>
      </c>
      <c r="F449" s="9" t="s">
        <v>281</v>
      </c>
      <c r="G449" s="9" t="s">
        <v>277</v>
      </c>
      <c r="H449" s="6">
        <v>847</v>
      </c>
      <c r="I449" s="6">
        <v>686</v>
      </c>
      <c r="J449" s="6">
        <v>613</v>
      </c>
      <c r="K449" s="6">
        <v>103</v>
      </c>
      <c r="L449" s="6">
        <v>58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6</v>
      </c>
      <c r="E450" s="9" t="s">
        <v>6</v>
      </c>
      <c r="F450" s="9" t="s">
        <v>281</v>
      </c>
      <c r="G450" s="9" t="s">
        <v>278</v>
      </c>
      <c r="H450" s="6">
        <v>1284</v>
      </c>
      <c r="I450" s="6">
        <v>1057</v>
      </c>
      <c r="J450" s="6">
        <v>941</v>
      </c>
      <c r="K450" s="6">
        <v>168</v>
      </c>
      <c r="L450" s="6">
        <v>59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6</v>
      </c>
      <c r="E451" s="9" t="s">
        <v>6</v>
      </c>
      <c r="F451" s="9" t="s">
        <v>281</v>
      </c>
      <c r="G451" s="9" t="s">
        <v>279</v>
      </c>
      <c r="H451" s="6">
        <v>981</v>
      </c>
      <c r="I451" s="6">
        <v>796</v>
      </c>
      <c r="J451" s="6">
        <v>656</v>
      </c>
      <c r="K451" s="6">
        <v>133</v>
      </c>
      <c r="L451" s="6">
        <v>52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6</v>
      </c>
      <c r="E452" s="9" t="s">
        <v>6</v>
      </c>
      <c r="F452" s="9" t="s">
        <v>281</v>
      </c>
      <c r="G452" s="9" t="s">
        <v>280</v>
      </c>
      <c r="H452" s="6">
        <v>16747</v>
      </c>
      <c r="I452" s="6">
        <v>8475</v>
      </c>
      <c r="J452" s="6">
        <v>5803</v>
      </c>
      <c r="K452" s="6">
        <v>7886</v>
      </c>
      <c r="L452" s="6">
        <v>386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6</v>
      </c>
      <c r="E453" s="9" t="s">
        <v>6</v>
      </c>
      <c r="F453" s="9" t="s">
        <v>282</v>
      </c>
      <c r="G453" s="9" t="s">
        <v>6</v>
      </c>
      <c r="H453" s="6">
        <v>21207</v>
      </c>
      <c r="I453" s="6">
        <v>15766</v>
      </c>
      <c r="J453" s="6">
        <v>13514</v>
      </c>
      <c r="K453" s="6">
        <v>4315</v>
      </c>
      <c r="L453" s="6">
        <v>1126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6</v>
      </c>
      <c r="E454" s="9" t="s">
        <v>6</v>
      </c>
      <c r="F454" s="9" t="s">
        <v>282</v>
      </c>
      <c r="G454" s="9" t="s">
        <v>272</v>
      </c>
      <c r="H454" s="6">
        <v>1102</v>
      </c>
      <c r="I454" s="6">
        <v>537</v>
      </c>
      <c r="J454" s="6">
        <v>470</v>
      </c>
      <c r="K454" s="6">
        <v>489</v>
      </c>
      <c r="L454" s="6">
        <v>76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6</v>
      </c>
      <c r="E455" s="9" t="s">
        <v>6</v>
      </c>
      <c r="F455" s="9" t="s">
        <v>282</v>
      </c>
      <c r="G455" s="9" t="s">
        <v>273</v>
      </c>
      <c r="H455" s="6">
        <v>2223</v>
      </c>
      <c r="I455" s="6">
        <v>1690</v>
      </c>
      <c r="J455" s="6">
        <v>1504</v>
      </c>
      <c r="K455" s="6">
        <v>360</v>
      </c>
      <c r="L455" s="6">
        <v>173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6</v>
      </c>
      <c r="E456" s="9" t="s">
        <v>6</v>
      </c>
      <c r="F456" s="9" t="s">
        <v>282</v>
      </c>
      <c r="G456" s="9" t="s">
        <v>274</v>
      </c>
      <c r="H456" s="6">
        <v>2619</v>
      </c>
      <c r="I456" s="6">
        <v>2141</v>
      </c>
      <c r="J456" s="6">
        <v>1951</v>
      </c>
      <c r="K456" s="6">
        <v>302</v>
      </c>
      <c r="L456" s="6">
        <v>176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6</v>
      </c>
      <c r="E457" s="9" t="s">
        <v>6</v>
      </c>
      <c r="F457" s="9" t="s">
        <v>282</v>
      </c>
      <c r="G457" s="9" t="s">
        <v>275</v>
      </c>
      <c r="H457" s="6">
        <v>2440</v>
      </c>
      <c r="I457" s="6">
        <v>2010</v>
      </c>
      <c r="J457" s="6">
        <v>1823</v>
      </c>
      <c r="K457" s="6">
        <v>279</v>
      </c>
      <c r="L457" s="6">
        <v>151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6</v>
      </c>
      <c r="E458" s="9" t="s">
        <v>6</v>
      </c>
      <c r="F458" s="9" t="s">
        <v>282</v>
      </c>
      <c r="G458" s="9" t="s">
        <v>276</v>
      </c>
      <c r="H458" s="6">
        <v>2306</v>
      </c>
      <c r="I458" s="6">
        <v>1943</v>
      </c>
      <c r="J458" s="6">
        <v>1711</v>
      </c>
      <c r="K458" s="6">
        <v>233</v>
      </c>
      <c r="L458" s="6">
        <v>130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6</v>
      </c>
      <c r="E459" s="9" t="s">
        <v>6</v>
      </c>
      <c r="F459" s="9" t="s">
        <v>282</v>
      </c>
      <c r="G459" s="9" t="s">
        <v>277</v>
      </c>
      <c r="H459" s="6">
        <v>2522</v>
      </c>
      <c r="I459" s="6">
        <v>2095</v>
      </c>
      <c r="J459" s="6">
        <v>1885</v>
      </c>
      <c r="K459" s="6">
        <v>338</v>
      </c>
      <c r="L459" s="6">
        <v>89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6</v>
      </c>
      <c r="E460" s="9" t="s">
        <v>6</v>
      </c>
      <c r="F460" s="9" t="s">
        <v>282</v>
      </c>
      <c r="G460" s="9" t="s">
        <v>278</v>
      </c>
      <c r="H460" s="6">
        <v>1930</v>
      </c>
      <c r="I460" s="6">
        <v>1593</v>
      </c>
      <c r="J460" s="6">
        <v>1388</v>
      </c>
      <c r="K460" s="6">
        <v>218</v>
      </c>
      <c r="L460" s="6">
        <v>119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6</v>
      </c>
      <c r="E461" s="9" t="s">
        <v>6</v>
      </c>
      <c r="F461" s="9" t="s">
        <v>282</v>
      </c>
      <c r="G461" s="9" t="s">
        <v>279</v>
      </c>
      <c r="H461" s="6">
        <v>924</v>
      </c>
      <c r="I461" s="6">
        <v>773</v>
      </c>
      <c r="J461" s="6">
        <v>647</v>
      </c>
      <c r="K461" s="6">
        <v>95</v>
      </c>
      <c r="L461" s="6">
        <v>56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6</v>
      </c>
      <c r="E462" s="9" t="s">
        <v>6</v>
      </c>
      <c r="F462" s="9" t="s">
        <v>282</v>
      </c>
      <c r="G462" s="9" t="s">
        <v>280</v>
      </c>
      <c r="H462" s="6">
        <v>5141</v>
      </c>
      <c r="I462" s="6">
        <v>2984</v>
      </c>
      <c r="J462" s="6">
        <v>2135</v>
      </c>
      <c r="K462" s="6">
        <v>2001</v>
      </c>
      <c r="L462" s="6">
        <v>156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6</v>
      </c>
      <c r="E463" s="9" t="s">
        <v>6</v>
      </c>
      <c r="F463" s="9" t="s">
        <v>283</v>
      </c>
      <c r="G463" s="9" t="s">
        <v>6</v>
      </c>
      <c r="H463" s="6">
        <v>12405</v>
      </c>
      <c r="I463" s="6">
        <v>9627</v>
      </c>
      <c r="J463" s="6">
        <v>8225</v>
      </c>
      <c r="K463" s="6">
        <v>1791</v>
      </c>
      <c r="L463" s="6">
        <v>987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6</v>
      </c>
      <c r="E464" s="9" t="s">
        <v>6</v>
      </c>
      <c r="F464" s="9" t="s">
        <v>283</v>
      </c>
      <c r="G464" s="9" t="s">
        <v>272</v>
      </c>
      <c r="H464" s="6">
        <v>1080</v>
      </c>
      <c r="I464" s="6">
        <v>532</v>
      </c>
      <c r="J464" s="6">
        <v>502</v>
      </c>
      <c r="K464" s="6">
        <v>430</v>
      </c>
      <c r="L464" s="6">
        <v>118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6</v>
      </c>
      <c r="E465" s="9" t="s">
        <v>6</v>
      </c>
      <c r="F465" s="9" t="s">
        <v>283</v>
      </c>
      <c r="G465" s="9" t="s">
        <v>273</v>
      </c>
      <c r="H465" s="6">
        <v>1946</v>
      </c>
      <c r="I465" s="6">
        <v>1500</v>
      </c>
      <c r="J465" s="6">
        <v>1341</v>
      </c>
      <c r="K465" s="6">
        <v>245</v>
      </c>
      <c r="L465" s="6">
        <v>201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6</v>
      </c>
      <c r="E466" s="9" t="s">
        <v>6</v>
      </c>
      <c r="F466" s="9" t="s">
        <v>283</v>
      </c>
      <c r="G466" s="9" t="s">
        <v>274</v>
      </c>
      <c r="H466" s="6">
        <v>2565</v>
      </c>
      <c r="I466" s="6">
        <v>2101</v>
      </c>
      <c r="J466" s="6">
        <v>1818</v>
      </c>
      <c r="K466" s="6">
        <v>250</v>
      </c>
      <c r="L466" s="6">
        <v>214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6</v>
      </c>
      <c r="E467" s="9" t="s">
        <v>6</v>
      </c>
      <c r="F467" s="9" t="s">
        <v>283</v>
      </c>
      <c r="G467" s="9" t="s">
        <v>275</v>
      </c>
      <c r="H467" s="6">
        <v>2251</v>
      </c>
      <c r="I467" s="6">
        <v>1856</v>
      </c>
      <c r="J467" s="6">
        <v>1654</v>
      </c>
      <c r="K467" s="6">
        <v>265</v>
      </c>
      <c r="L467" s="6">
        <v>130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6</v>
      </c>
      <c r="E468" s="9" t="s">
        <v>6</v>
      </c>
      <c r="F468" s="9" t="s">
        <v>283</v>
      </c>
      <c r="G468" s="9" t="s">
        <v>276</v>
      </c>
      <c r="H468" s="6">
        <v>1764</v>
      </c>
      <c r="I468" s="6">
        <v>1504</v>
      </c>
      <c r="J468" s="6">
        <v>1255</v>
      </c>
      <c r="K468" s="6">
        <v>145</v>
      </c>
      <c r="L468" s="6">
        <v>115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6</v>
      </c>
      <c r="E469" s="9" t="s">
        <v>6</v>
      </c>
      <c r="F469" s="9" t="s">
        <v>283</v>
      </c>
      <c r="G469" s="9" t="s">
        <v>277</v>
      </c>
      <c r="H469" s="6">
        <v>1194</v>
      </c>
      <c r="I469" s="6">
        <v>946</v>
      </c>
      <c r="J469" s="6">
        <v>820</v>
      </c>
      <c r="K469" s="6">
        <v>102</v>
      </c>
      <c r="L469" s="6">
        <v>146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6</v>
      </c>
      <c r="E470" s="9" t="s">
        <v>6</v>
      </c>
      <c r="F470" s="9" t="s">
        <v>283</v>
      </c>
      <c r="G470" s="9" t="s">
        <v>278</v>
      </c>
      <c r="H470" s="6">
        <v>628</v>
      </c>
      <c r="I470" s="6">
        <v>504</v>
      </c>
      <c r="J470" s="6">
        <v>425</v>
      </c>
      <c r="K470" s="6">
        <v>90</v>
      </c>
      <c r="L470" s="6">
        <v>34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6</v>
      </c>
      <c r="E471" s="9" t="s">
        <v>6</v>
      </c>
      <c r="F471" s="9" t="s">
        <v>283</v>
      </c>
      <c r="G471" s="9" t="s">
        <v>279</v>
      </c>
      <c r="H471" s="6">
        <v>197</v>
      </c>
      <c r="I471" s="6">
        <v>162</v>
      </c>
      <c r="J471" s="6">
        <v>124</v>
      </c>
      <c r="K471" s="6">
        <v>24</v>
      </c>
      <c r="L471" s="6">
        <v>11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6</v>
      </c>
      <c r="E472" s="9" t="s">
        <v>6</v>
      </c>
      <c r="F472" s="9" t="s">
        <v>283</v>
      </c>
      <c r="G472" s="9" t="s">
        <v>280</v>
      </c>
      <c r="H472" s="6">
        <v>780</v>
      </c>
      <c r="I472" s="6">
        <v>522</v>
      </c>
      <c r="J472" s="6">
        <v>286</v>
      </c>
      <c r="K472" s="6">
        <v>240</v>
      </c>
      <c r="L472" s="6">
        <v>18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6</v>
      </c>
      <c r="E473" s="9" t="s">
        <v>226</v>
      </c>
      <c r="F473" s="9" t="s">
        <v>6</v>
      </c>
      <c r="G473" s="9" t="s">
        <v>6</v>
      </c>
      <c r="H473" s="6">
        <v>61589</v>
      </c>
      <c r="I473" s="6">
        <v>48575</v>
      </c>
      <c r="J473" s="6">
        <v>38732</v>
      </c>
      <c r="K473" s="6">
        <v>12992</v>
      </c>
      <c r="L473" s="6">
        <v>22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6</v>
      </c>
      <c r="E474" s="9" t="s">
        <v>226</v>
      </c>
      <c r="F474" s="9" t="s">
        <v>234</v>
      </c>
      <c r="G474" s="9" t="s">
        <v>6</v>
      </c>
      <c r="H474" s="6">
        <v>15474</v>
      </c>
      <c r="I474" s="6">
        <v>11204</v>
      </c>
      <c r="J474" s="6">
        <v>8015</v>
      </c>
      <c r="K474" s="6">
        <v>4260</v>
      </c>
      <c r="L474" s="6">
        <v>10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6</v>
      </c>
      <c r="E475" s="9" t="s">
        <v>226</v>
      </c>
      <c r="F475" s="9" t="s">
        <v>235</v>
      </c>
      <c r="G475" s="9" t="s">
        <v>6</v>
      </c>
      <c r="H475" s="6">
        <v>46115</v>
      </c>
      <c r="I475" s="6">
        <v>37371</v>
      </c>
      <c r="J475" s="6">
        <v>30717</v>
      </c>
      <c r="K475" s="6">
        <v>8732</v>
      </c>
      <c r="L475" s="6">
        <v>12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6</v>
      </c>
      <c r="E476" s="9" t="s">
        <v>226</v>
      </c>
      <c r="F476" s="9" t="s">
        <v>235</v>
      </c>
      <c r="G476" s="9" t="s">
        <v>272</v>
      </c>
      <c r="H476" s="6">
        <v>2603</v>
      </c>
      <c r="I476" s="6">
        <v>1386</v>
      </c>
      <c r="J476" s="6">
        <v>1275</v>
      </c>
      <c r="K476" s="6">
        <v>1217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6</v>
      </c>
      <c r="E477" s="9" t="s">
        <v>226</v>
      </c>
      <c r="F477" s="9" t="s">
        <v>235</v>
      </c>
      <c r="G477" s="9" t="s">
        <v>273</v>
      </c>
      <c r="H477" s="6">
        <v>4886</v>
      </c>
      <c r="I477" s="6">
        <v>3973</v>
      </c>
      <c r="J477" s="6">
        <v>3558</v>
      </c>
      <c r="K477" s="6">
        <v>913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6</v>
      </c>
      <c r="E478" s="9" t="s">
        <v>226</v>
      </c>
      <c r="F478" s="9" t="s">
        <v>235</v>
      </c>
      <c r="G478" s="9" t="s">
        <v>274</v>
      </c>
      <c r="H478" s="6">
        <v>5712</v>
      </c>
      <c r="I478" s="6">
        <v>5027</v>
      </c>
      <c r="J478" s="6">
        <v>4466</v>
      </c>
      <c r="K478" s="6">
        <v>685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6</v>
      </c>
      <c r="E479" s="9" t="s">
        <v>226</v>
      </c>
      <c r="F479" s="9" t="s">
        <v>235</v>
      </c>
      <c r="G479" s="9" t="s">
        <v>275</v>
      </c>
      <c r="H479" s="6">
        <v>4983</v>
      </c>
      <c r="I479" s="6">
        <v>4348</v>
      </c>
      <c r="J479" s="6">
        <v>3921</v>
      </c>
      <c r="K479" s="6">
        <v>635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6</v>
      </c>
      <c r="E480" s="9" t="s">
        <v>226</v>
      </c>
      <c r="F480" s="9" t="s">
        <v>235</v>
      </c>
      <c r="G480" s="9" t="s">
        <v>276</v>
      </c>
      <c r="H480" s="6">
        <v>4388</v>
      </c>
      <c r="I480" s="6">
        <v>3893</v>
      </c>
      <c r="J480" s="6">
        <v>3389</v>
      </c>
      <c r="K480" s="6">
        <v>490</v>
      </c>
      <c r="L480" s="6">
        <v>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6</v>
      </c>
      <c r="E481" s="9" t="s">
        <v>226</v>
      </c>
      <c r="F481" s="9" t="s">
        <v>235</v>
      </c>
      <c r="G481" s="9" t="s">
        <v>277</v>
      </c>
      <c r="H481" s="6">
        <v>4192</v>
      </c>
      <c r="I481" s="6">
        <v>3664</v>
      </c>
      <c r="J481" s="6">
        <v>3255</v>
      </c>
      <c r="K481" s="6">
        <v>525</v>
      </c>
      <c r="L481" s="6">
        <v>3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6</v>
      </c>
      <c r="E482" s="9" t="s">
        <v>226</v>
      </c>
      <c r="F482" s="9" t="s">
        <v>235</v>
      </c>
      <c r="G482" s="9" t="s">
        <v>278</v>
      </c>
      <c r="H482" s="6">
        <v>3536</v>
      </c>
      <c r="I482" s="6">
        <v>3077</v>
      </c>
      <c r="J482" s="6">
        <v>2677</v>
      </c>
      <c r="K482" s="6">
        <v>459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6</v>
      </c>
      <c r="E483" s="9" t="s">
        <v>226</v>
      </c>
      <c r="F483" s="9" t="s">
        <v>235</v>
      </c>
      <c r="G483" s="9" t="s">
        <v>279</v>
      </c>
      <c r="H483" s="6">
        <v>1902</v>
      </c>
      <c r="I483" s="6">
        <v>1666</v>
      </c>
      <c r="J483" s="6">
        <v>1362</v>
      </c>
      <c r="K483" s="6">
        <v>236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6</v>
      </c>
      <c r="E484" s="9" t="s">
        <v>226</v>
      </c>
      <c r="F484" s="9" t="s">
        <v>235</v>
      </c>
      <c r="G484" s="9" t="s">
        <v>280</v>
      </c>
      <c r="H484" s="6">
        <v>13913</v>
      </c>
      <c r="I484" s="6">
        <v>10337</v>
      </c>
      <c r="J484" s="6">
        <v>6814</v>
      </c>
      <c r="K484" s="6">
        <v>3572</v>
      </c>
      <c r="L484" s="6">
        <v>4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6</v>
      </c>
      <c r="E485" s="9" t="s">
        <v>226</v>
      </c>
      <c r="F485" s="9" t="s">
        <v>281</v>
      </c>
      <c r="G485" s="9" t="s">
        <v>6</v>
      </c>
      <c r="H485" s="6">
        <v>16713</v>
      </c>
      <c r="I485" s="6">
        <v>12705</v>
      </c>
      <c r="J485" s="6">
        <v>9628</v>
      </c>
      <c r="K485" s="6">
        <v>3996</v>
      </c>
      <c r="L485" s="6">
        <v>12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6</v>
      </c>
      <c r="E486" s="9" t="s">
        <v>226</v>
      </c>
      <c r="F486" s="9" t="s">
        <v>281</v>
      </c>
      <c r="G486" s="9" t="s">
        <v>272</v>
      </c>
      <c r="H486" s="6">
        <v>653</v>
      </c>
      <c r="I486" s="6">
        <v>321</v>
      </c>
      <c r="J486" s="6">
        <v>307</v>
      </c>
      <c r="K486" s="6">
        <v>332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6</v>
      </c>
      <c r="E487" s="9" t="s">
        <v>226</v>
      </c>
      <c r="F487" s="9" t="s">
        <v>281</v>
      </c>
      <c r="G487" s="9" t="s">
        <v>273</v>
      </c>
      <c r="H487" s="6">
        <v>1133</v>
      </c>
      <c r="I487" s="6">
        <v>808</v>
      </c>
      <c r="J487" s="6">
        <v>738</v>
      </c>
      <c r="K487" s="6">
        <v>325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6</v>
      </c>
      <c r="E488" s="9" t="s">
        <v>226</v>
      </c>
      <c r="F488" s="9" t="s">
        <v>281</v>
      </c>
      <c r="G488" s="9" t="s">
        <v>274</v>
      </c>
      <c r="H488" s="6">
        <v>999</v>
      </c>
      <c r="I488" s="6">
        <v>853</v>
      </c>
      <c r="J488" s="6">
        <v>757</v>
      </c>
      <c r="K488" s="6">
        <v>146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6</v>
      </c>
      <c r="E489" s="9" t="s">
        <v>226</v>
      </c>
      <c r="F489" s="9" t="s">
        <v>281</v>
      </c>
      <c r="G489" s="9" t="s">
        <v>275</v>
      </c>
      <c r="H489" s="6">
        <v>661</v>
      </c>
      <c r="I489" s="6">
        <v>537</v>
      </c>
      <c r="J489" s="6">
        <v>490</v>
      </c>
      <c r="K489" s="6">
        <v>124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6</v>
      </c>
      <c r="E490" s="9" t="s">
        <v>226</v>
      </c>
      <c r="F490" s="9" t="s">
        <v>281</v>
      </c>
      <c r="G490" s="9" t="s">
        <v>276</v>
      </c>
      <c r="H490" s="6">
        <v>600</v>
      </c>
      <c r="I490" s="6">
        <v>479</v>
      </c>
      <c r="J490" s="6">
        <v>449</v>
      </c>
      <c r="K490" s="6">
        <v>116</v>
      </c>
      <c r="L490" s="6">
        <v>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6</v>
      </c>
      <c r="E491" s="9" t="s">
        <v>226</v>
      </c>
      <c r="F491" s="9" t="s">
        <v>281</v>
      </c>
      <c r="G491" s="9" t="s">
        <v>277</v>
      </c>
      <c r="H491" s="6">
        <v>773</v>
      </c>
      <c r="I491" s="6">
        <v>677</v>
      </c>
      <c r="J491" s="6">
        <v>604</v>
      </c>
      <c r="K491" s="6">
        <v>93</v>
      </c>
      <c r="L491" s="6">
        <v>3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6</v>
      </c>
      <c r="E492" s="9" t="s">
        <v>226</v>
      </c>
      <c r="F492" s="9" t="s">
        <v>281</v>
      </c>
      <c r="G492" s="9" t="s">
        <v>278</v>
      </c>
      <c r="H492" s="6">
        <v>1188</v>
      </c>
      <c r="I492" s="6">
        <v>1024</v>
      </c>
      <c r="J492" s="6">
        <v>908</v>
      </c>
      <c r="K492" s="6">
        <v>164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6</v>
      </c>
      <c r="E493" s="9" t="s">
        <v>226</v>
      </c>
      <c r="F493" s="9" t="s">
        <v>281</v>
      </c>
      <c r="G493" s="9" t="s">
        <v>279</v>
      </c>
      <c r="H493" s="6">
        <v>890</v>
      </c>
      <c r="I493" s="6">
        <v>765</v>
      </c>
      <c r="J493" s="6">
        <v>625</v>
      </c>
      <c r="K493" s="6">
        <v>125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6</v>
      </c>
      <c r="E494" s="9" t="s">
        <v>226</v>
      </c>
      <c r="F494" s="9" t="s">
        <v>281</v>
      </c>
      <c r="G494" s="9" t="s">
        <v>280</v>
      </c>
      <c r="H494" s="6">
        <v>9816</v>
      </c>
      <c r="I494" s="6">
        <v>7241</v>
      </c>
      <c r="J494" s="6">
        <v>4750</v>
      </c>
      <c r="K494" s="6">
        <v>2571</v>
      </c>
      <c r="L494" s="6">
        <v>4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6</v>
      </c>
      <c r="E495" s="9" t="s">
        <v>226</v>
      </c>
      <c r="F495" s="9" t="s">
        <v>282</v>
      </c>
      <c r="G495" s="9" t="s">
        <v>6</v>
      </c>
      <c r="H495" s="6">
        <v>18318</v>
      </c>
      <c r="I495" s="6">
        <v>15198</v>
      </c>
      <c r="J495" s="6">
        <v>13005</v>
      </c>
      <c r="K495" s="6">
        <v>3120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6</v>
      </c>
      <c r="E496" s="9" t="s">
        <v>226</v>
      </c>
      <c r="F496" s="9" t="s">
        <v>282</v>
      </c>
      <c r="G496" s="9" t="s">
        <v>272</v>
      </c>
      <c r="H496" s="6">
        <v>1004</v>
      </c>
      <c r="I496" s="6">
        <v>533</v>
      </c>
      <c r="J496" s="6">
        <v>466</v>
      </c>
      <c r="K496" s="6">
        <v>471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6</v>
      </c>
      <c r="E497" s="9" t="s">
        <v>226</v>
      </c>
      <c r="F497" s="9" t="s">
        <v>282</v>
      </c>
      <c r="G497" s="9" t="s">
        <v>273</v>
      </c>
      <c r="H497" s="6">
        <v>2021</v>
      </c>
      <c r="I497" s="6">
        <v>1678</v>
      </c>
      <c r="J497" s="6">
        <v>1492</v>
      </c>
      <c r="K497" s="6">
        <v>343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6</v>
      </c>
      <c r="E498" s="9" t="s">
        <v>226</v>
      </c>
      <c r="F498" s="9" t="s">
        <v>282</v>
      </c>
      <c r="G498" s="9" t="s">
        <v>274</v>
      </c>
      <c r="H498" s="6">
        <v>2421</v>
      </c>
      <c r="I498" s="6">
        <v>2125</v>
      </c>
      <c r="J498" s="6">
        <v>1935</v>
      </c>
      <c r="K498" s="6">
        <v>296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6</v>
      </c>
      <c r="E499" s="9" t="s">
        <v>226</v>
      </c>
      <c r="F499" s="9" t="s">
        <v>282</v>
      </c>
      <c r="G499" s="9" t="s">
        <v>275</v>
      </c>
      <c r="H499" s="6">
        <v>2257</v>
      </c>
      <c r="I499" s="6">
        <v>1990</v>
      </c>
      <c r="J499" s="6">
        <v>1807</v>
      </c>
      <c r="K499" s="6">
        <v>267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6</v>
      </c>
      <c r="E500" s="9" t="s">
        <v>226</v>
      </c>
      <c r="F500" s="9" t="s">
        <v>282</v>
      </c>
      <c r="G500" s="9" t="s">
        <v>276</v>
      </c>
      <c r="H500" s="6">
        <v>2149</v>
      </c>
      <c r="I500" s="6">
        <v>1920</v>
      </c>
      <c r="J500" s="6">
        <v>1695</v>
      </c>
      <c r="K500" s="6">
        <v>229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6</v>
      </c>
      <c r="E501" s="9" t="s">
        <v>226</v>
      </c>
      <c r="F501" s="9" t="s">
        <v>282</v>
      </c>
      <c r="G501" s="9" t="s">
        <v>277</v>
      </c>
      <c r="H501" s="6">
        <v>2376</v>
      </c>
      <c r="I501" s="6">
        <v>2046</v>
      </c>
      <c r="J501" s="6">
        <v>1836</v>
      </c>
      <c r="K501" s="6">
        <v>330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6</v>
      </c>
      <c r="E502" s="9" t="s">
        <v>226</v>
      </c>
      <c r="F502" s="9" t="s">
        <v>282</v>
      </c>
      <c r="G502" s="9" t="s">
        <v>278</v>
      </c>
      <c r="H502" s="6">
        <v>1769</v>
      </c>
      <c r="I502" s="6">
        <v>1559</v>
      </c>
      <c r="J502" s="6">
        <v>1354</v>
      </c>
      <c r="K502" s="6">
        <v>210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6</v>
      </c>
      <c r="E503" s="9" t="s">
        <v>226</v>
      </c>
      <c r="F503" s="9" t="s">
        <v>282</v>
      </c>
      <c r="G503" s="9" t="s">
        <v>279</v>
      </c>
      <c r="H503" s="6">
        <v>837</v>
      </c>
      <c r="I503" s="6">
        <v>750</v>
      </c>
      <c r="J503" s="6">
        <v>624</v>
      </c>
      <c r="K503" s="6">
        <v>87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6</v>
      </c>
      <c r="E504" s="9" t="s">
        <v>226</v>
      </c>
      <c r="F504" s="9" t="s">
        <v>282</v>
      </c>
      <c r="G504" s="9" t="s">
        <v>280</v>
      </c>
      <c r="H504" s="6">
        <v>3484</v>
      </c>
      <c r="I504" s="6">
        <v>2597</v>
      </c>
      <c r="J504" s="6">
        <v>1796</v>
      </c>
      <c r="K504" s="6">
        <v>887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6</v>
      </c>
      <c r="E505" s="9" t="s">
        <v>226</v>
      </c>
      <c r="F505" s="9" t="s">
        <v>283</v>
      </c>
      <c r="G505" s="9" t="s">
        <v>6</v>
      </c>
      <c r="H505" s="6">
        <v>11084</v>
      </c>
      <c r="I505" s="6">
        <v>9468</v>
      </c>
      <c r="J505" s="6">
        <v>8084</v>
      </c>
      <c r="K505" s="6">
        <v>1616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6</v>
      </c>
      <c r="E506" s="9" t="s">
        <v>226</v>
      </c>
      <c r="F506" s="9" t="s">
        <v>283</v>
      </c>
      <c r="G506" s="9" t="s">
        <v>272</v>
      </c>
      <c r="H506" s="6">
        <v>946</v>
      </c>
      <c r="I506" s="6">
        <v>532</v>
      </c>
      <c r="J506" s="6">
        <v>502</v>
      </c>
      <c r="K506" s="6">
        <v>414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6</v>
      </c>
      <c r="E507" s="9" t="s">
        <v>226</v>
      </c>
      <c r="F507" s="9" t="s">
        <v>283</v>
      </c>
      <c r="G507" s="9" t="s">
        <v>273</v>
      </c>
      <c r="H507" s="6">
        <v>1732</v>
      </c>
      <c r="I507" s="6">
        <v>1487</v>
      </c>
      <c r="J507" s="6">
        <v>1328</v>
      </c>
      <c r="K507" s="6">
        <v>245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6</v>
      </c>
      <c r="E508" s="9" t="s">
        <v>226</v>
      </c>
      <c r="F508" s="9" t="s">
        <v>283</v>
      </c>
      <c r="G508" s="9" t="s">
        <v>274</v>
      </c>
      <c r="H508" s="6">
        <v>2292</v>
      </c>
      <c r="I508" s="6">
        <v>2049</v>
      </c>
      <c r="J508" s="6">
        <v>1774</v>
      </c>
      <c r="K508" s="6">
        <v>243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6</v>
      </c>
      <c r="E509" s="9" t="s">
        <v>226</v>
      </c>
      <c r="F509" s="9" t="s">
        <v>283</v>
      </c>
      <c r="G509" s="9" t="s">
        <v>275</v>
      </c>
      <c r="H509" s="6">
        <v>2065</v>
      </c>
      <c r="I509" s="6">
        <v>1821</v>
      </c>
      <c r="J509" s="6">
        <v>1624</v>
      </c>
      <c r="K509" s="6">
        <v>244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6</v>
      </c>
      <c r="E510" s="9" t="s">
        <v>226</v>
      </c>
      <c r="F510" s="9" t="s">
        <v>283</v>
      </c>
      <c r="G510" s="9" t="s">
        <v>276</v>
      </c>
      <c r="H510" s="6">
        <v>1639</v>
      </c>
      <c r="I510" s="6">
        <v>1494</v>
      </c>
      <c r="J510" s="6">
        <v>1245</v>
      </c>
      <c r="K510" s="6">
        <v>145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6</v>
      </c>
      <c r="E511" s="9" t="s">
        <v>226</v>
      </c>
      <c r="F511" s="9" t="s">
        <v>283</v>
      </c>
      <c r="G511" s="9" t="s">
        <v>277</v>
      </c>
      <c r="H511" s="6">
        <v>1043</v>
      </c>
      <c r="I511" s="6">
        <v>941</v>
      </c>
      <c r="J511" s="6">
        <v>815</v>
      </c>
      <c r="K511" s="6">
        <v>102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6</v>
      </c>
      <c r="E512" s="9" t="s">
        <v>226</v>
      </c>
      <c r="F512" s="9" t="s">
        <v>283</v>
      </c>
      <c r="G512" s="9" t="s">
        <v>278</v>
      </c>
      <c r="H512" s="6">
        <v>579</v>
      </c>
      <c r="I512" s="6">
        <v>494</v>
      </c>
      <c r="J512" s="6">
        <v>415</v>
      </c>
      <c r="K512" s="6">
        <v>85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6</v>
      </c>
      <c r="E513" s="9" t="s">
        <v>226</v>
      </c>
      <c r="F513" s="9" t="s">
        <v>283</v>
      </c>
      <c r="G513" s="9" t="s">
        <v>279</v>
      </c>
      <c r="H513" s="6">
        <v>175</v>
      </c>
      <c r="I513" s="6">
        <v>151</v>
      </c>
      <c r="J513" s="6">
        <v>113</v>
      </c>
      <c r="K513" s="6">
        <v>24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6</v>
      </c>
      <c r="E514" s="9" t="s">
        <v>226</v>
      </c>
      <c r="F514" s="9" t="s">
        <v>283</v>
      </c>
      <c r="G514" s="9" t="s">
        <v>280</v>
      </c>
      <c r="H514" s="6">
        <v>613</v>
      </c>
      <c r="I514" s="6">
        <v>499</v>
      </c>
      <c r="J514" s="6">
        <v>268</v>
      </c>
      <c r="K514" s="6">
        <v>114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6</v>
      </c>
      <c r="E515" s="9" t="s">
        <v>227</v>
      </c>
      <c r="F515" s="9" t="s">
        <v>6</v>
      </c>
      <c r="G515" s="9" t="s">
        <v>6</v>
      </c>
      <c r="H515" s="6">
        <v>47218</v>
      </c>
      <c r="I515" s="6">
        <v>36433</v>
      </c>
      <c r="J515" s="6">
        <v>35231</v>
      </c>
      <c r="K515" s="6">
        <v>10781</v>
      </c>
      <c r="L515" s="6">
        <v>4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6</v>
      </c>
      <c r="E516" s="9" t="s">
        <v>227</v>
      </c>
      <c r="F516" s="9" t="s">
        <v>234</v>
      </c>
      <c r="G516" s="9" t="s">
        <v>6</v>
      </c>
      <c r="H516" s="6">
        <v>10803</v>
      </c>
      <c r="I516" s="6">
        <v>7453</v>
      </c>
      <c r="J516" s="6">
        <v>7085</v>
      </c>
      <c r="K516" s="6">
        <v>3346</v>
      </c>
      <c r="L516" s="6">
        <v>4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6</v>
      </c>
      <c r="E517" s="9" t="s">
        <v>227</v>
      </c>
      <c r="F517" s="9" t="s">
        <v>235</v>
      </c>
      <c r="G517" s="9" t="s">
        <v>6</v>
      </c>
      <c r="H517" s="6">
        <v>36415</v>
      </c>
      <c r="I517" s="6">
        <v>28980</v>
      </c>
      <c r="J517" s="6">
        <v>28146</v>
      </c>
      <c r="K517" s="6">
        <v>7435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6</v>
      </c>
      <c r="E518" s="9" t="s">
        <v>227</v>
      </c>
      <c r="F518" s="9" t="s">
        <v>235</v>
      </c>
      <c r="G518" s="9" t="s">
        <v>272</v>
      </c>
      <c r="H518" s="6">
        <v>2335</v>
      </c>
      <c r="I518" s="6">
        <v>1236</v>
      </c>
      <c r="J518" s="6">
        <v>1211</v>
      </c>
      <c r="K518" s="6">
        <v>1099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6</v>
      </c>
      <c r="E519" s="9" t="s">
        <v>227</v>
      </c>
      <c r="F519" s="9" t="s">
        <v>235</v>
      </c>
      <c r="G519" s="9" t="s">
        <v>273</v>
      </c>
      <c r="H519" s="6">
        <v>4142</v>
      </c>
      <c r="I519" s="6">
        <v>3321</v>
      </c>
      <c r="J519" s="6">
        <v>3235</v>
      </c>
      <c r="K519" s="6">
        <v>821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6</v>
      </c>
      <c r="E520" s="9" t="s">
        <v>227</v>
      </c>
      <c r="F520" s="9" t="s">
        <v>235</v>
      </c>
      <c r="G520" s="9" t="s">
        <v>274</v>
      </c>
      <c r="H520" s="6">
        <v>4910</v>
      </c>
      <c r="I520" s="6">
        <v>4290</v>
      </c>
      <c r="J520" s="6">
        <v>4148</v>
      </c>
      <c r="K520" s="6">
        <v>620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6</v>
      </c>
      <c r="E521" s="9" t="s">
        <v>227</v>
      </c>
      <c r="F521" s="9" t="s">
        <v>235</v>
      </c>
      <c r="G521" s="9" t="s">
        <v>275</v>
      </c>
      <c r="H521" s="6">
        <v>4262</v>
      </c>
      <c r="I521" s="6">
        <v>3706</v>
      </c>
      <c r="J521" s="6">
        <v>3641</v>
      </c>
      <c r="K521" s="6">
        <v>556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6</v>
      </c>
      <c r="E522" s="9" t="s">
        <v>227</v>
      </c>
      <c r="F522" s="9" t="s">
        <v>235</v>
      </c>
      <c r="G522" s="9" t="s">
        <v>276</v>
      </c>
      <c r="H522" s="6">
        <v>3709</v>
      </c>
      <c r="I522" s="6">
        <v>3289</v>
      </c>
      <c r="J522" s="6">
        <v>3190</v>
      </c>
      <c r="K522" s="6">
        <v>420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6</v>
      </c>
      <c r="E523" s="9" t="s">
        <v>227</v>
      </c>
      <c r="F523" s="9" t="s">
        <v>235</v>
      </c>
      <c r="G523" s="9" t="s">
        <v>277</v>
      </c>
      <c r="H523" s="6">
        <v>3537</v>
      </c>
      <c r="I523" s="6">
        <v>3052</v>
      </c>
      <c r="J523" s="6">
        <v>3010</v>
      </c>
      <c r="K523" s="6">
        <v>485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6</v>
      </c>
      <c r="E524" s="9" t="s">
        <v>227</v>
      </c>
      <c r="F524" s="9" t="s">
        <v>235</v>
      </c>
      <c r="G524" s="9" t="s">
        <v>278</v>
      </c>
      <c r="H524" s="6">
        <v>2971</v>
      </c>
      <c r="I524" s="6">
        <v>2535</v>
      </c>
      <c r="J524" s="6">
        <v>2473</v>
      </c>
      <c r="K524" s="6">
        <v>436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6</v>
      </c>
      <c r="E525" s="9" t="s">
        <v>227</v>
      </c>
      <c r="F525" s="9" t="s">
        <v>235</v>
      </c>
      <c r="G525" s="9" t="s">
        <v>279</v>
      </c>
      <c r="H525" s="6">
        <v>1516</v>
      </c>
      <c r="I525" s="6">
        <v>1311</v>
      </c>
      <c r="J525" s="6">
        <v>1255</v>
      </c>
      <c r="K525" s="6">
        <v>205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6</v>
      </c>
      <c r="E526" s="9" t="s">
        <v>227</v>
      </c>
      <c r="F526" s="9" t="s">
        <v>235</v>
      </c>
      <c r="G526" s="9" t="s">
        <v>280</v>
      </c>
      <c r="H526" s="6">
        <v>9033</v>
      </c>
      <c r="I526" s="6">
        <v>6240</v>
      </c>
      <c r="J526" s="6">
        <v>5983</v>
      </c>
      <c r="K526" s="6">
        <v>2793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6</v>
      </c>
      <c r="E527" s="9" t="s">
        <v>227</v>
      </c>
      <c r="F527" s="9" t="s">
        <v>281</v>
      </c>
      <c r="G527" s="9" t="s">
        <v>6</v>
      </c>
      <c r="H527" s="6">
        <v>12265</v>
      </c>
      <c r="I527" s="6">
        <v>8998</v>
      </c>
      <c r="J527" s="6">
        <v>8683</v>
      </c>
      <c r="K527" s="6">
        <v>3267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6</v>
      </c>
      <c r="E528" s="9" t="s">
        <v>227</v>
      </c>
      <c r="F528" s="9" t="s">
        <v>281</v>
      </c>
      <c r="G528" s="9" t="s">
        <v>272</v>
      </c>
      <c r="H528" s="6">
        <v>579</v>
      </c>
      <c r="I528" s="6">
        <v>291</v>
      </c>
      <c r="J528" s="6">
        <v>285</v>
      </c>
      <c r="K528" s="6">
        <v>288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6</v>
      </c>
      <c r="E529" s="9" t="s">
        <v>227</v>
      </c>
      <c r="F529" s="9" t="s">
        <v>281</v>
      </c>
      <c r="G529" s="9" t="s">
        <v>273</v>
      </c>
      <c r="H529" s="6">
        <v>976</v>
      </c>
      <c r="I529" s="6">
        <v>680</v>
      </c>
      <c r="J529" s="6">
        <v>666</v>
      </c>
      <c r="K529" s="6">
        <v>296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6</v>
      </c>
      <c r="E530" s="9" t="s">
        <v>227</v>
      </c>
      <c r="F530" s="9" t="s">
        <v>281</v>
      </c>
      <c r="G530" s="9" t="s">
        <v>274</v>
      </c>
      <c r="H530" s="6">
        <v>842</v>
      </c>
      <c r="I530" s="6">
        <v>712</v>
      </c>
      <c r="J530" s="6">
        <v>679</v>
      </c>
      <c r="K530" s="6">
        <v>130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6</v>
      </c>
      <c r="E531" s="9" t="s">
        <v>227</v>
      </c>
      <c r="F531" s="9" t="s">
        <v>281</v>
      </c>
      <c r="G531" s="9" t="s">
        <v>275</v>
      </c>
      <c r="H531" s="6">
        <v>583</v>
      </c>
      <c r="I531" s="6">
        <v>465</v>
      </c>
      <c r="J531" s="6">
        <v>455</v>
      </c>
      <c r="K531" s="6">
        <v>118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6</v>
      </c>
      <c r="E532" s="9" t="s">
        <v>227</v>
      </c>
      <c r="F532" s="9" t="s">
        <v>281</v>
      </c>
      <c r="G532" s="9" t="s">
        <v>276</v>
      </c>
      <c r="H532" s="6">
        <v>531</v>
      </c>
      <c r="I532" s="6">
        <v>424</v>
      </c>
      <c r="J532" s="6">
        <v>420</v>
      </c>
      <c r="K532" s="6">
        <v>107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6</v>
      </c>
      <c r="E533" s="9" t="s">
        <v>227</v>
      </c>
      <c r="F533" s="9" t="s">
        <v>281</v>
      </c>
      <c r="G533" s="9" t="s">
        <v>277</v>
      </c>
      <c r="H533" s="6">
        <v>663</v>
      </c>
      <c r="I533" s="6">
        <v>579</v>
      </c>
      <c r="J533" s="6">
        <v>565</v>
      </c>
      <c r="K533" s="6">
        <v>84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6</v>
      </c>
      <c r="E534" s="9" t="s">
        <v>227</v>
      </c>
      <c r="F534" s="9" t="s">
        <v>281</v>
      </c>
      <c r="G534" s="9" t="s">
        <v>278</v>
      </c>
      <c r="H534" s="6">
        <v>1043</v>
      </c>
      <c r="I534" s="6">
        <v>882</v>
      </c>
      <c r="J534" s="6">
        <v>854</v>
      </c>
      <c r="K534" s="6">
        <v>161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6</v>
      </c>
      <c r="E535" s="9" t="s">
        <v>227</v>
      </c>
      <c r="F535" s="9" t="s">
        <v>281</v>
      </c>
      <c r="G535" s="9" t="s">
        <v>279</v>
      </c>
      <c r="H535" s="6">
        <v>720</v>
      </c>
      <c r="I535" s="6">
        <v>608</v>
      </c>
      <c r="J535" s="6">
        <v>591</v>
      </c>
      <c r="K535" s="6">
        <v>112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6</v>
      </c>
      <c r="E536" s="9" t="s">
        <v>227</v>
      </c>
      <c r="F536" s="9" t="s">
        <v>281</v>
      </c>
      <c r="G536" s="9" t="s">
        <v>280</v>
      </c>
      <c r="H536" s="6">
        <v>6328</v>
      </c>
      <c r="I536" s="6">
        <v>4357</v>
      </c>
      <c r="J536" s="6">
        <v>4168</v>
      </c>
      <c r="K536" s="6">
        <v>1971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6</v>
      </c>
      <c r="E537" s="9" t="s">
        <v>227</v>
      </c>
      <c r="F537" s="9" t="s">
        <v>282</v>
      </c>
      <c r="G537" s="9" t="s">
        <v>6</v>
      </c>
      <c r="H537" s="6">
        <v>15103</v>
      </c>
      <c r="I537" s="6">
        <v>12352</v>
      </c>
      <c r="J537" s="6">
        <v>11989</v>
      </c>
      <c r="K537" s="6">
        <v>2751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6</v>
      </c>
      <c r="E538" s="9" t="s">
        <v>227</v>
      </c>
      <c r="F538" s="9" t="s">
        <v>282</v>
      </c>
      <c r="G538" s="9" t="s">
        <v>272</v>
      </c>
      <c r="H538" s="6">
        <v>909</v>
      </c>
      <c r="I538" s="6">
        <v>465</v>
      </c>
      <c r="J538" s="6">
        <v>446</v>
      </c>
      <c r="K538" s="6">
        <v>444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6</v>
      </c>
      <c r="E539" s="9" t="s">
        <v>227</v>
      </c>
      <c r="F539" s="9" t="s">
        <v>282</v>
      </c>
      <c r="G539" s="9" t="s">
        <v>273</v>
      </c>
      <c r="H539" s="6">
        <v>1735</v>
      </c>
      <c r="I539" s="6">
        <v>1423</v>
      </c>
      <c r="J539" s="6">
        <v>1367</v>
      </c>
      <c r="K539" s="6">
        <v>312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6</v>
      </c>
      <c r="E540" s="9" t="s">
        <v>227</v>
      </c>
      <c r="F540" s="9" t="s">
        <v>282</v>
      </c>
      <c r="G540" s="9" t="s">
        <v>274</v>
      </c>
      <c r="H540" s="6">
        <v>2152</v>
      </c>
      <c r="I540" s="6">
        <v>1879</v>
      </c>
      <c r="J540" s="6">
        <v>1817</v>
      </c>
      <c r="K540" s="6">
        <v>273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6</v>
      </c>
      <c r="E541" s="9" t="s">
        <v>227</v>
      </c>
      <c r="F541" s="9" t="s">
        <v>282</v>
      </c>
      <c r="G541" s="9" t="s">
        <v>275</v>
      </c>
      <c r="H541" s="6">
        <v>1930</v>
      </c>
      <c r="I541" s="6">
        <v>1698</v>
      </c>
      <c r="J541" s="6">
        <v>1674</v>
      </c>
      <c r="K541" s="6">
        <v>232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6</v>
      </c>
      <c r="E542" s="9" t="s">
        <v>227</v>
      </c>
      <c r="F542" s="9" t="s">
        <v>282</v>
      </c>
      <c r="G542" s="9" t="s">
        <v>276</v>
      </c>
      <c r="H542" s="6">
        <v>1863</v>
      </c>
      <c r="I542" s="6">
        <v>1660</v>
      </c>
      <c r="J542" s="6">
        <v>1609</v>
      </c>
      <c r="K542" s="6">
        <v>203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6</v>
      </c>
      <c r="E543" s="9" t="s">
        <v>227</v>
      </c>
      <c r="F543" s="9" t="s">
        <v>282</v>
      </c>
      <c r="G543" s="9" t="s">
        <v>277</v>
      </c>
      <c r="H543" s="6">
        <v>2038</v>
      </c>
      <c r="I543" s="6">
        <v>1734</v>
      </c>
      <c r="J543" s="6">
        <v>1706</v>
      </c>
      <c r="K543" s="6">
        <v>304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6</v>
      </c>
      <c r="E544" s="9" t="s">
        <v>227</v>
      </c>
      <c r="F544" s="9" t="s">
        <v>282</v>
      </c>
      <c r="G544" s="9" t="s">
        <v>278</v>
      </c>
      <c r="H544" s="6">
        <v>1473</v>
      </c>
      <c r="I544" s="6">
        <v>1277</v>
      </c>
      <c r="J544" s="6">
        <v>1243</v>
      </c>
      <c r="K544" s="6">
        <v>196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6</v>
      </c>
      <c r="E545" s="9" t="s">
        <v>227</v>
      </c>
      <c r="F545" s="9" t="s">
        <v>282</v>
      </c>
      <c r="G545" s="9" t="s">
        <v>279</v>
      </c>
      <c r="H545" s="6">
        <v>659</v>
      </c>
      <c r="I545" s="6">
        <v>590</v>
      </c>
      <c r="J545" s="6">
        <v>557</v>
      </c>
      <c r="K545" s="6">
        <v>69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6</v>
      </c>
      <c r="E546" s="9" t="s">
        <v>227</v>
      </c>
      <c r="F546" s="9" t="s">
        <v>282</v>
      </c>
      <c r="G546" s="9" t="s">
        <v>280</v>
      </c>
      <c r="H546" s="6">
        <v>2344</v>
      </c>
      <c r="I546" s="6">
        <v>1626</v>
      </c>
      <c r="J546" s="6">
        <v>1570</v>
      </c>
      <c r="K546" s="6">
        <v>718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6</v>
      </c>
      <c r="E547" s="9" t="s">
        <v>227</v>
      </c>
      <c r="F547" s="9" t="s">
        <v>283</v>
      </c>
      <c r="G547" s="9" t="s">
        <v>6</v>
      </c>
      <c r="H547" s="6">
        <v>9047</v>
      </c>
      <c r="I547" s="6">
        <v>7630</v>
      </c>
      <c r="J547" s="6">
        <v>7474</v>
      </c>
      <c r="K547" s="6">
        <v>1417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6</v>
      </c>
      <c r="E548" s="9" t="s">
        <v>227</v>
      </c>
      <c r="F548" s="9" t="s">
        <v>283</v>
      </c>
      <c r="G548" s="9" t="s">
        <v>272</v>
      </c>
      <c r="H548" s="6">
        <v>847</v>
      </c>
      <c r="I548" s="6">
        <v>480</v>
      </c>
      <c r="J548" s="6">
        <v>480</v>
      </c>
      <c r="K548" s="6">
        <v>367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6</v>
      </c>
      <c r="E549" s="9" t="s">
        <v>227</v>
      </c>
      <c r="F549" s="9" t="s">
        <v>283</v>
      </c>
      <c r="G549" s="9" t="s">
        <v>273</v>
      </c>
      <c r="H549" s="6">
        <v>1431</v>
      </c>
      <c r="I549" s="6">
        <v>1218</v>
      </c>
      <c r="J549" s="6">
        <v>1202</v>
      </c>
      <c r="K549" s="6">
        <v>213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6</v>
      </c>
      <c r="E550" s="9" t="s">
        <v>227</v>
      </c>
      <c r="F550" s="9" t="s">
        <v>283</v>
      </c>
      <c r="G550" s="9" t="s">
        <v>274</v>
      </c>
      <c r="H550" s="6">
        <v>1916</v>
      </c>
      <c r="I550" s="6">
        <v>1699</v>
      </c>
      <c r="J550" s="6">
        <v>1652</v>
      </c>
      <c r="K550" s="6">
        <v>217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6</v>
      </c>
      <c r="E551" s="9" t="s">
        <v>227</v>
      </c>
      <c r="F551" s="9" t="s">
        <v>283</v>
      </c>
      <c r="G551" s="9" t="s">
        <v>275</v>
      </c>
      <c r="H551" s="6">
        <v>1749</v>
      </c>
      <c r="I551" s="6">
        <v>1543</v>
      </c>
      <c r="J551" s="6">
        <v>1512</v>
      </c>
      <c r="K551" s="6">
        <v>206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6</v>
      </c>
      <c r="E552" s="9" t="s">
        <v>227</v>
      </c>
      <c r="F552" s="9" t="s">
        <v>283</v>
      </c>
      <c r="G552" s="9" t="s">
        <v>276</v>
      </c>
      <c r="H552" s="6">
        <v>1315</v>
      </c>
      <c r="I552" s="6">
        <v>1205</v>
      </c>
      <c r="J552" s="6">
        <v>1161</v>
      </c>
      <c r="K552" s="6">
        <v>110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6</v>
      </c>
      <c r="E553" s="9" t="s">
        <v>227</v>
      </c>
      <c r="F553" s="9" t="s">
        <v>283</v>
      </c>
      <c r="G553" s="9" t="s">
        <v>277</v>
      </c>
      <c r="H553" s="6">
        <v>836</v>
      </c>
      <c r="I553" s="6">
        <v>739</v>
      </c>
      <c r="J553" s="6">
        <v>739</v>
      </c>
      <c r="K553" s="6">
        <v>97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6</v>
      </c>
      <c r="E554" s="9" t="s">
        <v>227</v>
      </c>
      <c r="F554" s="9" t="s">
        <v>283</v>
      </c>
      <c r="G554" s="9" t="s">
        <v>278</v>
      </c>
      <c r="H554" s="6">
        <v>455</v>
      </c>
      <c r="I554" s="6">
        <v>376</v>
      </c>
      <c r="J554" s="6">
        <v>376</v>
      </c>
      <c r="K554" s="6">
        <v>79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6</v>
      </c>
      <c r="E555" s="9" t="s">
        <v>227</v>
      </c>
      <c r="F555" s="9" t="s">
        <v>283</v>
      </c>
      <c r="G555" s="9" t="s">
        <v>279</v>
      </c>
      <c r="H555" s="6">
        <v>137</v>
      </c>
      <c r="I555" s="6">
        <v>113</v>
      </c>
      <c r="J555" s="6">
        <v>107</v>
      </c>
      <c r="K555" s="6">
        <v>24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6</v>
      </c>
      <c r="E556" s="9" t="s">
        <v>227</v>
      </c>
      <c r="F556" s="9" t="s">
        <v>283</v>
      </c>
      <c r="G556" s="9" t="s">
        <v>280</v>
      </c>
      <c r="H556" s="6">
        <v>361</v>
      </c>
      <c r="I556" s="6">
        <v>257</v>
      </c>
      <c r="J556" s="6">
        <v>245</v>
      </c>
      <c r="K556" s="6">
        <v>104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6</v>
      </c>
      <c r="E557" s="9" t="s">
        <v>228</v>
      </c>
      <c r="F557" s="9" t="s">
        <v>6</v>
      </c>
      <c r="G557" s="9" t="s">
        <v>6</v>
      </c>
      <c r="H557" s="6">
        <v>19918</v>
      </c>
      <c r="I557" s="6">
        <v>3861</v>
      </c>
      <c r="J557" s="6">
        <v>3449</v>
      </c>
      <c r="K557" s="6">
        <v>16050</v>
      </c>
      <c r="L557" s="6">
        <v>7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6</v>
      </c>
      <c r="E558" s="9" t="s">
        <v>228</v>
      </c>
      <c r="F558" s="9" t="s">
        <v>234</v>
      </c>
      <c r="G558" s="9" t="s">
        <v>6</v>
      </c>
      <c r="H558" s="6">
        <v>11106</v>
      </c>
      <c r="I558" s="6">
        <v>1776</v>
      </c>
      <c r="J558" s="6">
        <v>1631</v>
      </c>
      <c r="K558" s="6">
        <v>9328</v>
      </c>
      <c r="L558" s="6">
        <v>2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6</v>
      </c>
      <c r="E559" s="9" t="s">
        <v>228</v>
      </c>
      <c r="F559" s="9" t="s">
        <v>235</v>
      </c>
      <c r="G559" s="9" t="s">
        <v>6</v>
      </c>
      <c r="H559" s="6">
        <v>8812</v>
      </c>
      <c r="I559" s="6">
        <v>2085</v>
      </c>
      <c r="J559" s="6">
        <v>1818</v>
      </c>
      <c r="K559" s="6">
        <v>6722</v>
      </c>
      <c r="L559" s="6">
        <v>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6</v>
      </c>
      <c r="E560" s="9" t="s">
        <v>228</v>
      </c>
      <c r="F560" s="9" t="s">
        <v>235</v>
      </c>
      <c r="G560" s="9" t="s">
        <v>272</v>
      </c>
      <c r="H560" s="6">
        <v>41</v>
      </c>
      <c r="I560" s="6">
        <v>4</v>
      </c>
      <c r="J560" s="6">
        <v>4</v>
      </c>
      <c r="K560" s="6">
        <v>37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6</v>
      </c>
      <c r="E561" s="9" t="s">
        <v>228</v>
      </c>
      <c r="F561" s="9" t="s">
        <v>235</v>
      </c>
      <c r="G561" s="9" t="s">
        <v>273</v>
      </c>
      <c r="H561" s="6">
        <v>74</v>
      </c>
      <c r="I561" s="6">
        <v>40</v>
      </c>
      <c r="J561" s="6">
        <v>40</v>
      </c>
      <c r="K561" s="6">
        <v>34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6</v>
      </c>
      <c r="E562" s="9" t="s">
        <v>228</v>
      </c>
      <c r="F562" s="9" t="s">
        <v>235</v>
      </c>
      <c r="G562" s="9" t="s">
        <v>274</v>
      </c>
      <c r="H562" s="6">
        <v>101</v>
      </c>
      <c r="I562" s="6">
        <v>88</v>
      </c>
      <c r="J562" s="6">
        <v>71</v>
      </c>
      <c r="K562" s="6">
        <v>13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6</v>
      </c>
      <c r="E563" s="9" t="s">
        <v>228</v>
      </c>
      <c r="F563" s="9" t="s">
        <v>235</v>
      </c>
      <c r="G563" s="9" t="s">
        <v>275</v>
      </c>
      <c r="H563" s="6">
        <v>101</v>
      </c>
      <c r="I563" s="6">
        <v>68</v>
      </c>
      <c r="J563" s="6">
        <v>59</v>
      </c>
      <c r="K563" s="6">
        <v>33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6</v>
      </c>
      <c r="E564" s="9" t="s">
        <v>228</v>
      </c>
      <c r="F564" s="9" t="s">
        <v>235</v>
      </c>
      <c r="G564" s="9" t="s">
        <v>276</v>
      </c>
      <c r="H564" s="6">
        <v>46</v>
      </c>
      <c r="I564" s="6">
        <v>42</v>
      </c>
      <c r="J564" s="6">
        <v>35</v>
      </c>
      <c r="K564" s="6">
        <v>4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6</v>
      </c>
      <c r="E565" s="9" t="s">
        <v>228</v>
      </c>
      <c r="F565" s="9" t="s">
        <v>235</v>
      </c>
      <c r="G565" s="9" t="s">
        <v>277</v>
      </c>
      <c r="H565" s="6">
        <v>81</v>
      </c>
      <c r="I565" s="6">
        <v>63</v>
      </c>
      <c r="J565" s="6">
        <v>63</v>
      </c>
      <c r="K565" s="6">
        <v>18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6</v>
      </c>
      <c r="E566" s="9" t="s">
        <v>228</v>
      </c>
      <c r="F566" s="9" t="s">
        <v>235</v>
      </c>
      <c r="G566" s="9" t="s">
        <v>278</v>
      </c>
      <c r="H566" s="6">
        <v>94</v>
      </c>
      <c r="I566" s="6">
        <v>77</v>
      </c>
      <c r="J566" s="6">
        <v>77</v>
      </c>
      <c r="K566" s="6">
        <v>17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6</v>
      </c>
      <c r="E567" s="9" t="s">
        <v>228</v>
      </c>
      <c r="F567" s="9" t="s">
        <v>235</v>
      </c>
      <c r="G567" s="9" t="s">
        <v>279</v>
      </c>
      <c r="H567" s="6">
        <v>78</v>
      </c>
      <c r="I567" s="6">
        <v>62</v>
      </c>
      <c r="J567" s="6">
        <v>62</v>
      </c>
      <c r="K567" s="6">
        <v>16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6</v>
      </c>
      <c r="E568" s="9" t="s">
        <v>228</v>
      </c>
      <c r="F568" s="9" t="s">
        <v>235</v>
      </c>
      <c r="G568" s="9" t="s">
        <v>280</v>
      </c>
      <c r="H568" s="6">
        <v>8196</v>
      </c>
      <c r="I568" s="6">
        <v>1641</v>
      </c>
      <c r="J568" s="6">
        <v>1407</v>
      </c>
      <c r="K568" s="6">
        <v>6550</v>
      </c>
      <c r="L568" s="6">
        <v>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6</v>
      </c>
      <c r="E569" s="9" t="s">
        <v>228</v>
      </c>
      <c r="F569" s="9" t="s">
        <v>281</v>
      </c>
      <c r="G569" s="9" t="s">
        <v>6</v>
      </c>
      <c r="H569" s="6">
        <v>6729</v>
      </c>
      <c r="I569" s="6">
        <v>1367</v>
      </c>
      <c r="J569" s="6">
        <v>1177</v>
      </c>
      <c r="K569" s="6">
        <v>5357</v>
      </c>
      <c r="L569" s="6">
        <v>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6</v>
      </c>
      <c r="E570" s="9" t="s">
        <v>228</v>
      </c>
      <c r="F570" s="9" t="s">
        <v>281</v>
      </c>
      <c r="G570" s="9" t="s">
        <v>272</v>
      </c>
      <c r="H570" s="6">
        <v>3</v>
      </c>
      <c r="I570" s="10" t="s">
        <v>55</v>
      </c>
      <c r="J570" s="10" t="s">
        <v>55</v>
      </c>
      <c r="K570" s="6">
        <v>3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6</v>
      </c>
      <c r="E571" s="9" t="s">
        <v>228</v>
      </c>
      <c r="F571" s="9" t="s">
        <v>281</v>
      </c>
      <c r="G571" s="9" t="s">
        <v>273</v>
      </c>
      <c r="H571" s="6">
        <v>32</v>
      </c>
      <c r="I571" s="6">
        <v>15</v>
      </c>
      <c r="J571" s="6">
        <v>15</v>
      </c>
      <c r="K571" s="6">
        <v>17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6</v>
      </c>
      <c r="E572" s="9" t="s">
        <v>228</v>
      </c>
      <c r="F572" s="9" t="s">
        <v>281</v>
      </c>
      <c r="G572" s="9" t="s">
        <v>274</v>
      </c>
      <c r="H572" s="6">
        <v>20</v>
      </c>
      <c r="I572" s="6">
        <v>20</v>
      </c>
      <c r="J572" s="6">
        <v>11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6</v>
      </c>
      <c r="E573" s="9" t="s">
        <v>228</v>
      </c>
      <c r="F573" s="9" t="s">
        <v>281</v>
      </c>
      <c r="G573" s="9" t="s">
        <v>275</v>
      </c>
      <c r="H573" s="6">
        <v>22</v>
      </c>
      <c r="I573" s="6">
        <v>22</v>
      </c>
      <c r="J573" s="6">
        <v>22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6</v>
      </c>
      <c r="E574" s="9" t="s">
        <v>228</v>
      </c>
      <c r="F574" s="9" t="s">
        <v>281</v>
      </c>
      <c r="G574" s="9" t="s">
        <v>276</v>
      </c>
      <c r="H574" s="6">
        <v>9</v>
      </c>
      <c r="I574" s="6">
        <v>9</v>
      </c>
      <c r="J574" s="6">
        <v>9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6</v>
      </c>
      <c r="E575" s="9" t="s">
        <v>228</v>
      </c>
      <c r="F575" s="9" t="s">
        <v>281</v>
      </c>
      <c r="G575" s="9" t="s">
        <v>277</v>
      </c>
      <c r="H575" s="6">
        <v>19</v>
      </c>
      <c r="I575" s="6">
        <v>9</v>
      </c>
      <c r="J575" s="6">
        <v>9</v>
      </c>
      <c r="K575" s="6">
        <v>10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6</v>
      </c>
      <c r="E576" s="9" t="s">
        <v>228</v>
      </c>
      <c r="F576" s="9" t="s">
        <v>281</v>
      </c>
      <c r="G576" s="9" t="s">
        <v>278</v>
      </c>
      <c r="H576" s="6">
        <v>37</v>
      </c>
      <c r="I576" s="6">
        <v>33</v>
      </c>
      <c r="J576" s="6">
        <v>33</v>
      </c>
      <c r="K576" s="6">
        <v>4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6</v>
      </c>
      <c r="E577" s="9" t="s">
        <v>228</v>
      </c>
      <c r="F577" s="9" t="s">
        <v>281</v>
      </c>
      <c r="G577" s="9" t="s">
        <v>279</v>
      </c>
      <c r="H577" s="6">
        <v>36</v>
      </c>
      <c r="I577" s="6">
        <v>28</v>
      </c>
      <c r="J577" s="6">
        <v>28</v>
      </c>
      <c r="K577" s="6">
        <v>8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6</v>
      </c>
      <c r="E578" s="9" t="s">
        <v>228</v>
      </c>
      <c r="F578" s="9" t="s">
        <v>281</v>
      </c>
      <c r="G578" s="9" t="s">
        <v>280</v>
      </c>
      <c r="H578" s="6">
        <v>6551</v>
      </c>
      <c r="I578" s="6">
        <v>1231</v>
      </c>
      <c r="J578" s="6">
        <v>1050</v>
      </c>
      <c r="K578" s="6">
        <v>5315</v>
      </c>
      <c r="L578" s="6">
        <v>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6</v>
      </c>
      <c r="E579" s="9" t="s">
        <v>228</v>
      </c>
      <c r="F579" s="9" t="s">
        <v>282</v>
      </c>
      <c r="G579" s="9" t="s">
        <v>6</v>
      </c>
      <c r="H579" s="6">
        <v>1754</v>
      </c>
      <c r="I579" s="6">
        <v>564</v>
      </c>
      <c r="J579" s="6">
        <v>505</v>
      </c>
      <c r="K579" s="6">
        <v>1190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6</v>
      </c>
      <c r="E580" s="9" t="s">
        <v>228</v>
      </c>
      <c r="F580" s="9" t="s">
        <v>282</v>
      </c>
      <c r="G580" s="9" t="s">
        <v>272</v>
      </c>
      <c r="H580" s="6">
        <v>22</v>
      </c>
      <c r="I580" s="6">
        <v>4</v>
      </c>
      <c r="J580" s="6">
        <v>4</v>
      </c>
      <c r="K580" s="6">
        <v>18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6</v>
      </c>
      <c r="E581" s="9" t="s">
        <v>228</v>
      </c>
      <c r="F581" s="9" t="s">
        <v>282</v>
      </c>
      <c r="G581" s="9" t="s">
        <v>273</v>
      </c>
      <c r="H581" s="6">
        <v>29</v>
      </c>
      <c r="I581" s="6">
        <v>12</v>
      </c>
      <c r="J581" s="6">
        <v>12</v>
      </c>
      <c r="K581" s="6">
        <v>17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6</v>
      </c>
      <c r="E582" s="9" t="s">
        <v>228</v>
      </c>
      <c r="F582" s="9" t="s">
        <v>282</v>
      </c>
      <c r="G582" s="9" t="s">
        <v>274</v>
      </c>
      <c r="H582" s="6">
        <v>22</v>
      </c>
      <c r="I582" s="6">
        <v>16</v>
      </c>
      <c r="J582" s="6">
        <v>16</v>
      </c>
      <c r="K582" s="6">
        <v>6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6</v>
      </c>
      <c r="E583" s="9" t="s">
        <v>228</v>
      </c>
      <c r="F583" s="9" t="s">
        <v>282</v>
      </c>
      <c r="G583" s="9" t="s">
        <v>275</v>
      </c>
      <c r="H583" s="6">
        <v>28</v>
      </c>
      <c r="I583" s="6">
        <v>16</v>
      </c>
      <c r="J583" s="6">
        <v>12</v>
      </c>
      <c r="K583" s="6">
        <v>12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6</v>
      </c>
      <c r="E584" s="9" t="s">
        <v>228</v>
      </c>
      <c r="F584" s="9" t="s">
        <v>282</v>
      </c>
      <c r="G584" s="9" t="s">
        <v>276</v>
      </c>
      <c r="H584" s="6">
        <v>27</v>
      </c>
      <c r="I584" s="6">
        <v>23</v>
      </c>
      <c r="J584" s="6">
        <v>16</v>
      </c>
      <c r="K584" s="6">
        <v>4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6</v>
      </c>
      <c r="E585" s="9" t="s">
        <v>228</v>
      </c>
      <c r="F585" s="9" t="s">
        <v>282</v>
      </c>
      <c r="G585" s="9" t="s">
        <v>277</v>
      </c>
      <c r="H585" s="6">
        <v>57</v>
      </c>
      <c r="I585" s="6">
        <v>49</v>
      </c>
      <c r="J585" s="6">
        <v>49</v>
      </c>
      <c r="K585" s="6">
        <v>8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6</v>
      </c>
      <c r="E586" s="9" t="s">
        <v>228</v>
      </c>
      <c r="F586" s="9" t="s">
        <v>282</v>
      </c>
      <c r="G586" s="9" t="s">
        <v>278</v>
      </c>
      <c r="H586" s="6">
        <v>42</v>
      </c>
      <c r="I586" s="6">
        <v>34</v>
      </c>
      <c r="J586" s="6">
        <v>34</v>
      </c>
      <c r="K586" s="6">
        <v>8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6</v>
      </c>
      <c r="E587" s="9" t="s">
        <v>228</v>
      </c>
      <c r="F587" s="9" t="s">
        <v>282</v>
      </c>
      <c r="G587" s="9" t="s">
        <v>279</v>
      </c>
      <c r="H587" s="6">
        <v>31</v>
      </c>
      <c r="I587" s="6">
        <v>23</v>
      </c>
      <c r="J587" s="6">
        <v>23</v>
      </c>
      <c r="K587" s="6">
        <v>8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6</v>
      </c>
      <c r="E588" s="9" t="s">
        <v>228</v>
      </c>
      <c r="F588" s="9" t="s">
        <v>282</v>
      </c>
      <c r="G588" s="9" t="s">
        <v>280</v>
      </c>
      <c r="H588" s="6">
        <v>1496</v>
      </c>
      <c r="I588" s="6">
        <v>387</v>
      </c>
      <c r="J588" s="6">
        <v>339</v>
      </c>
      <c r="K588" s="6">
        <v>1109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6</v>
      </c>
      <c r="E589" s="9" t="s">
        <v>228</v>
      </c>
      <c r="F589" s="9" t="s">
        <v>283</v>
      </c>
      <c r="G589" s="9" t="s">
        <v>6</v>
      </c>
      <c r="H589" s="6">
        <v>329</v>
      </c>
      <c r="I589" s="6">
        <v>154</v>
      </c>
      <c r="J589" s="6">
        <v>136</v>
      </c>
      <c r="K589" s="6">
        <v>175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6</v>
      </c>
      <c r="E590" s="9" t="s">
        <v>228</v>
      </c>
      <c r="F590" s="9" t="s">
        <v>283</v>
      </c>
      <c r="G590" s="9" t="s">
        <v>272</v>
      </c>
      <c r="H590" s="6">
        <v>16</v>
      </c>
      <c r="I590" s="10" t="s">
        <v>55</v>
      </c>
      <c r="J590" s="10" t="s">
        <v>55</v>
      </c>
      <c r="K590" s="6">
        <v>16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6</v>
      </c>
      <c r="E591" s="9" t="s">
        <v>228</v>
      </c>
      <c r="F591" s="9" t="s">
        <v>283</v>
      </c>
      <c r="G591" s="9" t="s">
        <v>273</v>
      </c>
      <c r="H591" s="6">
        <v>13</v>
      </c>
      <c r="I591" s="6">
        <v>13</v>
      </c>
      <c r="J591" s="6">
        <v>13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6</v>
      </c>
      <c r="E592" s="9" t="s">
        <v>228</v>
      </c>
      <c r="F592" s="9" t="s">
        <v>283</v>
      </c>
      <c r="G592" s="9" t="s">
        <v>274</v>
      </c>
      <c r="H592" s="6">
        <v>59</v>
      </c>
      <c r="I592" s="6">
        <v>52</v>
      </c>
      <c r="J592" s="6">
        <v>44</v>
      </c>
      <c r="K592" s="6">
        <v>7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6</v>
      </c>
      <c r="E593" s="9" t="s">
        <v>228</v>
      </c>
      <c r="F593" s="9" t="s">
        <v>283</v>
      </c>
      <c r="G593" s="9" t="s">
        <v>275</v>
      </c>
      <c r="H593" s="6">
        <v>51</v>
      </c>
      <c r="I593" s="6">
        <v>30</v>
      </c>
      <c r="J593" s="6">
        <v>25</v>
      </c>
      <c r="K593" s="6">
        <v>21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6</v>
      </c>
      <c r="E594" s="9" t="s">
        <v>228</v>
      </c>
      <c r="F594" s="9" t="s">
        <v>283</v>
      </c>
      <c r="G594" s="9" t="s">
        <v>276</v>
      </c>
      <c r="H594" s="6">
        <v>10</v>
      </c>
      <c r="I594" s="6">
        <v>10</v>
      </c>
      <c r="J594" s="6">
        <v>10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6</v>
      </c>
      <c r="E595" s="9" t="s">
        <v>228</v>
      </c>
      <c r="F595" s="9" t="s">
        <v>283</v>
      </c>
      <c r="G595" s="9" t="s">
        <v>277</v>
      </c>
      <c r="H595" s="6">
        <v>5</v>
      </c>
      <c r="I595" s="6">
        <v>5</v>
      </c>
      <c r="J595" s="6">
        <v>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6</v>
      </c>
      <c r="E596" s="9" t="s">
        <v>228</v>
      </c>
      <c r="F596" s="9" t="s">
        <v>283</v>
      </c>
      <c r="G596" s="9" t="s">
        <v>278</v>
      </c>
      <c r="H596" s="6">
        <v>15</v>
      </c>
      <c r="I596" s="6">
        <v>10</v>
      </c>
      <c r="J596" s="6">
        <v>10</v>
      </c>
      <c r="K596" s="6">
        <v>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6</v>
      </c>
      <c r="E597" s="9" t="s">
        <v>228</v>
      </c>
      <c r="F597" s="9" t="s">
        <v>283</v>
      </c>
      <c r="G597" s="9" t="s">
        <v>279</v>
      </c>
      <c r="H597" s="6">
        <v>11</v>
      </c>
      <c r="I597" s="6">
        <v>11</v>
      </c>
      <c r="J597" s="6">
        <v>11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6</v>
      </c>
      <c r="E598" s="9" t="s">
        <v>228</v>
      </c>
      <c r="F598" s="9" t="s">
        <v>283</v>
      </c>
      <c r="G598" s="9" t="s">
        <v>280</v>
      </c>
      <c r="H598" s="6">
        <v>149</v>
      </c>
      <c r="I598" s="6">
        <v>23</v>
      </c>
      <c r="J598" s="6">
        <v>18</v>
      </c>
      <c r="K598" s="6">
        <v>126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6</v>
      </c>
      <c r="E599" s="9" t="s">
        <v>18</v>
      </c>
      <c r="F599" s="9" t="s">
        <v>6</v>
      </c>
      <c r="G599" s="9" t="s">
        <v>6</v>
      </c>
      <c r="H599" s="6">
        <v>3685</v>
      </c>
      <c r="I599" s="6">
        <v>22</v>
      </c>
      <c r="J599" s="6">
        <v>22</v>
      </c>
      <c r="K599" s="6">
        <v>5</v>
      </c>
      <c r="L599" s="6">
        <v>3658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6</v>
      </c>
      <c r="E600" s="9" t="s">
        <v>18</v>
      </c>
      <c r="F600" s="9" t="s">
        <v>234</v>
      </c>
      <c r="G600" s="9" t="s">
        <v>6</v>
      </c>
      <c r="H600" s="6">
        <v>614</v>
      </c>
      <c r="I600" s="6">
        <v>7</v>
      </c>
      <c r="J600" s="6">
        <v>7</v>
      </c>
      <c r="K600" s="10" t="s">
        <v>55</v>
      </c>
      <c r="L600" s="6">
        <v>607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6</v>
      </c>
      <c r="E601" s="9" t="s">
        <v>18</v>
      </c>
      <c r="F601" s="9" t="s">
        <v>235</v>
      </c>
      <c r="G601" s="9" t="s">
        <v>6</v>
      </c>
      <c r="H601" s="6">
        <v>3071</v>
      </c>
      <c r="I601" s="6">
        <v>15</v>
      </c>
      <c r="J601" s="6">
        <v>15</v>
      </c>
      <c r="K601" s="6">
        <v>5</v>
      </c>
      <c r="L601" s="6">
        <v>3051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6</v>
      </c>
      <c r="E602" s="9" t="s">
        <v>18</v>
      </c>
      <c r="F602" s="9" t="s">
        <v>235</v>
      </c>
      <c r="G602" s="9" t="s">
        <v>272</v>
      </c>
      <c r="H602" s="6">
        <v>262</v>
      </c>
      <c r="I602" s="10" t="s">
        <v>55</v>
      </c>
      <c r="J602" s="10" t="s">
        <v>55</v>
      </c>
      <c r="K602" s="10" t="s">
        <v>55</v>
      </c>
      <c r="L602" s="6">
        <v>262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6</v>
      </c>
      <c r="E603" s="9" t="s">
        <v>18</v>
      </c>
      <c r="F603" s="9" t="s">
        <v>235</v>
      </c>
      <c r="G603" s="9" t="s">
        <v>273</v>
      </c>
      <c r="H603" s="6">
        <v>495</v>
      </c>
      <c r="I603" s="10" t="s">
        <v>55</v>
      </c>
      <c r="J603" s="10" t="s">
        <v>55</v>
      </c>
      <c r="K603" s="10" t="s">
        <v>55</v>
      </c>
      <c r="L603" s="6">
        <v>495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6</v>
      </c>
      <c r="E604" s="9" t="s">
        <v>18</v>
      </c>
      <c r="F604" s="9" t="s">
        <v>235</v>
      </c>
      <c r="G604" s="9" t="s">
        <v>274</v>
      </c>
      <c r="H604" s="6">
        <v>492</v>
      </c>
      <c r="I604" s="10" t="s">
        <v>55</v>
      </c>
      <c r="J604" s="10" t="s">
        <v>55</v>
      </c>
      <c r="K604" s="10" t="s">
        <v>55</v>
      </c>
      <c r="L604" s="6">
        <v>492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6</v>
      </c>
      <c r="E605" s="9" t="s">
        <v>18</v>
      </c>
      <c r="F605" s="9" t="s">
        <v>235</v>
      </c>
      <c r="G605" s="9" t="s">
        <v>275</v>
      </c>
      <c r="H605" s="6">
        <v>350</v>
      </c>
      <c r="I605" s="6">
        <v>9</v>
      </c>
      <c r="J605" s="6">
        <v>9</v>
      </c>
      <c r="K605" s="10" t="s">
        <v>55</v>
      </c>
      <c r="L605" s="6">
        <v>341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6</v>
      </c>
      <c r="E606" s="9" t="s">
        <v>18</v>
      </c>
      <c r="F606" s="9" t="s">
        <v>235</v>
      </c>
      <c r="G606" s="9" t="s">
        <v>276</v>
      </c>
      <c r="H606" s="6">
        <v>289</v>
      </c>
      <c r="I606" s="10" t="s">
        <v>55</v>
      </c>
      <c r="J606" s="10" t="s">
        <v>55</v>
      </c>
      <c r="K606" s="10" t="s">
        <v>55</v>
      </c>
      <c r="L606" s="6">
        <v>289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6</v>
      </c>
      <c r="E607" s="9" t="s">
        <v>18</v>
      </c>
      <c r="F607" s="9" t="s">
        <v>235</v>
      </c>
      <c r="G607" s="9" t="s">
        <v>277</v>
      </c>
      <c r="H607" s="6">
        <v>290</v>
      </c>
      <c r="I607" s="10" t="s">
        <v>55</v>
      </c>
      <c r="J607" s="10" t="s">
        <v>55</v>
      </c>
      <c r="K607" s="10" t="s">
        <v>55</v>
      </c>
      <c r="L607" s="6">
        <v>290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6</v>
      </c>
      <c r="E608" s="9" t="s">
        <v>18</v>
      </c>
      <c r="F608" s="9" t="s">
        <v>235</v>
      </c>
      <c r="G608" s="9" t="s">
        <v>278</v>
      </c>
      <c r="H608" s="6">
        <v>212</v>
      </c>
      <c r="I608" s="10" t="s">
        <v>55</v>
      </c>
      <c r="J608" s="10" t="s">
        <v>55</v>
      </c>
      <c r="K608" s="10" t="s">
        <v>55</v>
      </c>
      <c r="L608" s="6">
        <v>212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6</v>
      </c>
      <c r="E609" s="9" t="s">
        <v>18</v>
      </c>
      <c r="F609" s="9" t="s">
        <v>235</v>
      </c>
      <c r="G609" s="9" t="s">
        <v>279</v>
      </c>
      <c r="H609" s="6">
        <v>122</v>
      </c>
      <c r="I609" s="6">
        <v>3</v>
      </c>
      <c r="J609" s="6">
        <v>3</v>
      </c>
      <c r="K609" s="10" t="s">
        <v>55</v>
      </c>
      <c r="L609" s="6">
        <v>119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6</v>
      </c>
      <c r="E610" s="9" t="s">
        <v>18</v>
      </c>
      <c r="F610" s="9" t="s">
        <v>235</v>
      </c>
      <c r="G610" s="9" t="s">
        <v>280</v>
      </c>
      <c r="H610" s="6">
        <v>559</v>
      </c>
      <c r="I610" s="6">
        <v>3</v>
      </c>
      <c r="J610" s="6">
        <v>3</v>
      </c>
      <c r="K610" s="6">
        <v>5</v>
      </c>
      <c r="L610" s="6">
        <v>551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6</v>
      </c>
      <c r="E611" s="9" t="s">
        <v>18</v>
      </c>
      <c r="F611" s="9" t="s">
        <v>281</v>
      </c>
      <c r="G611" s="9" t="s">
        <v>6</v>
      </c>
      <c r="H611" s="6">
        <v>944</v>
      </c>
      <c r="I611" s="6">
        <v>6</v>
      </c>
      <c r="J611" s="6">
        <v>6</v>
      </c>
      <c r="K611" s="10" t="s">
        <v>55</v>
      </c>
      <c r="L611" s="6">
        <v>938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6</v>
      </c>
      <c r="E612" s="9" t="s">
        <v>18</v>
      </c>
      <c r="F612" s="9" t="s">
        <v>281</v>
      </c>
      <c r="G612" s="9" t="s">
        <v>272</v>
      </c>
      <c r="H612" s="6">
        <v>68</v>
      </c>
      <c r="I612" s="10" t="s">
        <v>55</v>
      </c>
      <c r="J612" s="10" t="s">
        <v>55</v>
      </c>
      <c r="K612" s="10" t="s">
        <v>55</v>
      </c>
      <c r="L612" s="6">
        <v>68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6</v>
      </c>
      <c r="E613" s="9" t="s">
        <v>18</v>
      </c>
      <c r="F613" s="9" t="s">
        <v>281</v>
      </c>
      <c r="G613" s="9" t="s">
        <v>273</v>
      </c>
      <c r="H613" s="6">
        <v>121</v>
      </c>
      <c r="I613" s="10" t="s">
        <v>55</v>
      </c>
      <c r="J613" s="10" t="s">
        <v>55</v>
      </c>
      <c r="K613" s="10" t="s">
        <v>55</v>
      </c>
      <c r="L613" s="6">
        <v>121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6</v>
      </c>
      <c r="E614" s="9" t="s">
        <v>18</v>
      </c>
      <c r="F614" s="9" t="s">
        <v>281</v>
      </c>
      <c r="G614" s="9" t="s">
        <v>274</v>
      </c>
      <c r="H614" s="6">
        <v>102</v>
      </c>
      <c r="I614" s="10" t="s">
        <v>55</v>
      </c>
      <c r="J614" s="10" t="s">
        <v>55</v>
      </c>
      <c r="K614" s="10" t="s">
        <v>55</v>
      </c>
      <c r="L614" s="6">
        <v>102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6</v>
      </c>
      <c r="E615" s="9" t="s">
        <v>18</v>
      </c>
      <c r="F615" s="9" t="s">
        <v>281</v>
      </c>
      <c r="G615" s="9" t="s">
        <v>275</v>
      </c>
      <c r="H615" s="6">
        <v>60</v>
      </c>
      <c r="I615" s="10" t="s">
        <v>55</v>
      </c>
      <c r="J615" s="10" t="s">
        <v>55</v>
      </c>
      <c r="K615" s="10" t="s">
        <v>55</v>
      </c>
      <c r="L615" s="6">
        <v>60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6</v>
      </c>
      <c r="E616" s="9" t="s">
        <v>18</v>
      </c>
      <c r="F616" s="9" t="s">
        <v>281</v>
      </c>
      <c r="G616" s="9" t="s">
        <v>276</v>
      </c>
      <c r="H616" s="6">
        <v>44</v>
      </c>
      <c r="I616" s="10" t="s">
        <v>55</v>
      </c>
      <c r="J616" s="10" t="s">
        <v>55</v>
      </c>
      <c r="K616" s="10" t="s">
        <v>55</v>
      </c>
      <c r="L616" s="6">
        <v>44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6</v>
      </c>
      <c r="E617" s="9" t="s">
        <v>18</v>
      </c>
      <c r="F617" s="9" t="s">
        <v>281</v>
      </c>
      <c r="G617" s="9" t="s">
        <v>277</v>
      </c>
      <c r="H617" s="6">
        <v>55</v>
      </c>
      <c r="I617" s="10" t="s">
        <v>55</v>
      </c>
      <c r="J617" s="10" t="s">
        <v>55</v>
      </c>
      <c r="K617" s="10" t="s">
        <v>55</v>
      </c>
      <c r="L617" s="6">
        <v>55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6</v>
      </c>
      <c r="E618" s="9" t="s">
        <v>18</v>
      </c>
      <c r="F618" s="9" t="s">
        <v>281</v>
      </c>
      <c r="G618" s="9" t="s">
        <v>278</v>
      </c>
      <c r="H618" s="6">
        <v>59</v>
      </c>
      <c r="I618" s="10" t="s">
        <v>55</v>
      </c>
      <c r="J618" s="10" t="s">
        <v>55</v>
      </c>
      <c r="K618" s="10" t="s">
        <v>55</v>
      </c>
      <c r="L618" s="6">
        <v>59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6</v>
      </c>
      <c r="E619" s="9" t="s">
        <v>18</v>
      </c>
      <c r="F619" s="9" t="s">
        <v>281</v>
      </c>
      <c r="G619" s="9" t="s">
        <v>279</v>
      </c>
      <c r="H619" s="6">
        <v>55</v>
      </c>
      <c r="I619" s="6">
        <v>3</v>
      </c>
      <c r="J619" s="6">
        <v>3</v>
      </c>
      <c r="K619" s="10" t="s">
        <v>55</v>
      </c>
      <c r="L619" s="6">
        <v>52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6</v>
      </c>
      <c r="E620" s="9" t="s">
        <v>18</v>
      </c>
      <c r="F620" s="9" t="s">
        <v>281</v>
      </c>
      <c r="G620" s="9" t="s">
        <v>280</v>
      </c>
      <c r="H620" s="6">
        <v>380</v>
      </c>
      <c r="I620" s="6">
        <v>3</v>
      </c>
      <c r="J620" s="6">
        <v>3</v>
      </c>
      <c r="K620" s="10" t="s">
        <v>55</v>
      </c>
      <c r="L620" s="6">
        <v>377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6</v>
      </c>
      <c r="E621" s="9" t="s">
        <v>18</v>
      </c>
      <c r="F621" s="9" t="s">
        <v>282</v>
      </c>
      <c r="G621" s="9" t="s">
        <v>6</v>
      </c>
      <c r="H621" s="6">
        <v>1135</v>
      </c>
      <c r="I621" s="6">
        <v>4</v>
      </c>
      <c r="J621" s="6">
        <v>4</v>
      </c>
      <c r="K621" s="6">
        <v>5</v>
      </c>
      <c r="L621" s="6">
        <v>1126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6</v>
      </c>
      <c r="E622" s="9" t="s">
        <v>18</v>
      </c>
      <c r="F622" s="9" t="s">
        <v>282</v>
      </c>
      <c r="G622" s="9" t="s">
        <v>272</v>
      </c>
      <c r="H622" s="6">
        <v>76</v>
      </c>
      <c r="I622" s="10" t="s">
        <v>55</v>
      </c>
      <c r="J622" s="10" t="s">
        <v>55</v>
      </c>
      <c r="K622" s="10" t="s">
        <v>55</v>
      </c>
      <c r="L622" s="6">
        <v>76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6</v>
      </c>
      <c r="E623" s="9" t="s">
        <v>18</v>
      </c>
      <c r="F623" s="9" t="s">
        <v>282</v>
      </c>
      <c r="G623" s="9" t="s">
        <v>273</v>
      </c>
      <c r="H623" s="6">
        <v>173</v>
      </c>
      <c r="I623" s="10" t="s">
        <v>55</v>
      </c>
      <c r="J623" s="10" t="s">
        <v>55</v>
      </c>
      <c r="K623" s="10" t="s">
        <v>55</v>
      </c>
      <c r="L623" s="6">
        <v>173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6</v>
      </c>
      <c r="E624" s="9" t="s">
        <v>18</v>
      </c>
      <c r="F624" s="9" t="s">
        <v>282</v>
      </c>
      <c r="G624" s="9" t="s">
        <v>274</v>
      </c>
      <c r="H624" s="6">
        <v>176</v>
      </c>
      <c r="I624" s="10" t="s">
        <v>55</v>
      </c>
      <c r="J624" s="10" t="s">
        <v>55</v>
      </c>
      <c r="K624" s="10" t="s">
        <v>55</v>
      </c>
      <c r="L624" s="6">
        <v>176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6</v>
      </c>
      <c r="E625" s="9" t="s">
        <v>18</v>
      </c>
      <c r="F625" s="9" t="s">
        <v>282</v>
      </c>
      <c r="G625" s="9" t="s">
        <v>275</v>
      </c>
      <c r="H625" s="6">
        <v>155</v>
      </c>
      <c r="I625" s="6">
        <v>4</v>
      </c>
      <c r="J625" s="6">
        <v>4</v>
      </c>
      <c r="K625" s="10" t="s">
        <v>55</v>
      </c>
      <c r="L625" s="6">
        <v>151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6</v>
      </c>
      <c r="E626" s="9" t="s">
        <v>18</v>
      </c>
      <c r="F626" s="9" t="s">
        <v>282</v>
      </c>
      <c r="G626" s="9" t="s">
        <v>276</v>
      </c>
      <c r="H626" s="6">
        <v>130</v>
      </c>
      <c r="I626" s="10" t="s">
        <v>55</v>
      </c>
      <c r="J626" s="10" t="s">
        <v>55</v>
      </c>
      <c r="K626" s="10" t="s">
        <v>55</v>
      </c>
      <c r="L626" s="6">
        <v>130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6</v>
      </c>
      <c r="E627" s="9" t="s">
        <v>18</v>
      </c>
      <c r="F627" s="9" t="s">
        <v>282</v>
      </c>
      <c r="G627" s="9" t="s">
        <v>277</v>
      </c>
      <c r="H627" s="6">
        <v>89</v>
      </c>
      <c r="I627" s="10" t="s">
        <v>55</v>
      </c>
      <c r="J627" s="10" t="s">
        <v>55</v>
      </c>
      <c r="K627" s="10" t="s">
        <v>55</v>
      </c>
      <c r="L627" s="6">
        <v>89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6</v>
      </c>
      <c r="E628" s="9" t="s">
        <v>18</v>
      </c>
      <c r="F628" s="9" t="s">
        <v>282</v>
      </c>
      <c r="G628" s="9" t="s">
        <v>278</v>
      </c>
      <c r="H628" s="6">
        <v>119</v>
      </c>
      <c r="I628" s="10" t="s">
        <v>55</v>
      </c>
      <c r="J628" s="10" t="s">
        <v>55</v>
      </c>
      <c r="K628" s="10" t="s">
        <v>55</v>
      </c>
      <c r="L628" s="6">
        <v>119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6</v>
      </c>
      <c r="E629" s="9" t="s">
        <v>18</v>
      </c>
      <c r="F629" s="9" t="s">
        <v>282</v>
      </c>
      <c r="G629" s="9" t="s">
        <v>279</v>
      </c>
      <c r="H629" s="6">
        <v>56</v>
      </c>
      <c r="I629" s="10" t="s">
        <v>55</v>
      </c>
      <c r="J629" s="10" t="s">
        <v>55</v>
      </c>
      <c r="K629" s="10" t="s">
        <v>55</v>
      </c>
      <c r="L629" s="6">
        <v>56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6</v>
      </c>
      <c r="E630" s="9" t="s">
        <v>18</v>
      </c>
      <c r="F630" s="9" t="s">
        <v>282</v>
      </c>
      <c r="G630" s="9" t="s">
        <v>280</v>
      </c>
      <c r="H630" s="6">
        <v>161</v>
      </c>
      <c r="I630" s="10" t="s">
        <v>55</v>
      </c>
      <c r="J630" s="10" t="s">
        <v>55</v>
      </c>
      <c r="K630" s="6">
        <v>5</v>
      </c>
      <c r="L630" s="6">
        <v>156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6</v>
      </c>
      <c r="E631" s="9" t="s">
        <v>18</v>
      </c>
      <c r="F631" s="9" t="s">
        <v>283</v>
      </c>
      <c r="G631" s="9" t="s">
        <v>6</v>
      </c>
      <c r="H631" s="6">
        <v>992</v>
      </c>
      <c r="I631" s="6">
        <v>5</v>
      </c>
      <c r="J631" s="6">
        <v>5</v>
      </c>
      <c r="K631" s="10" t="s">
        <v>55</v>
      </c>
      <c r="L631" s="6">
        <v>987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6</v>
      </c>
      <c r="E632" s="9" t="s">
        <v>18</v>
      </c>
      <c r="F632" s="9" t="s">
        <v>283</v>
      </c>
      <c r="G632" s="9" t="s">
        <v>272</v>
      </c>
      <c r="H632" s="6">
        <v>118</v>
      </c>
      <c r="I632" s="10" t="s">
        <v>55</v>
      </c>
      <c r="J632" s="10" t="s">
        <v>55</v>
      </c>
      <c r="K632" s="10" t="s">
        <v>55</v>
      </c>
      <c r="L632" s="6">
        <v>118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6</v>
      </c>
      <c r="E633" s="9" t="s">
        <v>18</v>
      </c>
      <c r="F633" s="9" t="s">
        <v>283</v>
      </c>
      <c r="G633" s="9" t="s">
        <v>273</v>
      </c>
      <c r="H633" s="6">
        <v>201</v>
      </c>
      <c r="I633" s="10" t="s">
        <v>55</v>
      </c>
      <c r="J633" s="10" t="s">
        <v>55</v>
      </c>
      <c r="K633" s="10" t="s">
        <v>55</v>
      </c>
      <c r="L633" s="6">
        <v>201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6</v>
      </c>
      <c r="E634" s="9" t="s">
        <v>18</v>
      </c>
      <c r="F634" s="9" t="s">
        <v>283</v>
      </c>
      <c r="G634" s="9" t="s">
        <v>274</v>
      </c>
      <c r="H634" s="6">
        <v>214</v>
      </c>
      <c r="I634" s="10" t="s">
        <v>55</v>
      </c>
      <c r="J634" s="10" t="s">
        <v>55</v>
      </c>
      <c r="K634" s="10" t="s">
        <v>55</v>
      </c>
      <c r="L634" s="6">
        <v>214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6</v>
      </c>
      <c r="E635" s="9" t="s">
        <v>18</v>
      </c>
      <c r="F635" s="9" t="s">
        <v>283</v>
      </c>
      <c r="G635" s="9" t="s">
        <v>275</v>
      </c>
      <c r="H635" s="6">
        <v>135</v>
      </c>
      <c r="I635" s="6">
        <v>5</v>
      </c>
      <c r="J635" s="6">
        <v>5</v>
      </c>
      <c r="K635" s="10" t="s">
        <v>55</v>
      </c>
      <c r="L635" s="6">
        <v>130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6</v>
      </c>
      <c r="E636" s="9" t="s">
        <v>18</v>
      </c>
      <c r="F636" s="9" t="s">
        <v>283</v>
      </c>
      <c r="G636" s="9" t="s">
        <v>276</v>
      </c>
      <c r="H636" s="6">
        <v>115</v>
      </c>
      <c r="I636" s="10" t="s">
        <v>55</v>
      </c>
      <c r="J636" s="10" t="s">
        <v>55</v>
      </c>
      <c r="K636" s="10" t="s">
        <v>55</v>
      </c>
      <c r="L636" s="6">
        <v>115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6</v>
      </c>
      <c r="E637" s="9" t="s">
        <v>18</v>
      </c>
      <c r="F637" s="9" t="s">
        <v>283</v>
      </c>
      <c r="G637" s="9" t="s">
        <v>277</v>
      </c>
      <c r="H637" s="6">
        <v>146</v>
      </c>
      <c r="I637" s="10" t="s">
        <v>55</v>
      </c>
      <c r="J637" s="10" t="s">
        <v>55</v>
      </c>
      <c r="K637" s="10" t="s">
        <v>55</v>
      </c>
      <c r="L637" s="6">
        <v>146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6</v>
      </c>
      <c r="E638" s="9" t="s">
        <v>18</v>
      </c>
      <c r="F638" s="9" t="s">
        <v>283</v>
      </c>
      <c r="G638" s="9" t="s">
        <v>278</v>
      </c>
      <c r="H638" s="6">
        <v>34</v>
      </c>
      <c r="I638" s="10" t="s">
        <v>55</v>
      </c>
      <c r="J638" s="10" t="s">
        <v>55</v>
      </c>
      <c r="K638" s="10" t="s">
        <v>55</v>
      </c>
      <c r="L638" s="6">
        <v>34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6</v>
      </c>
      <c r="E639" s="9" t="s">
        <v>18</v>
      </c>
      <c r="F639" s="9" t="s">
        <v>283</v>
      </c>
      <c r="G639" s="9" t="s">
        <v>279</v>
      </c>
      <c r="H639" s="6">
        <v>11</v>
      </c>
      <c r="I639" s="10" t="s">
        <v>55</v>
      </c>
      <c r="J639" s="10" t="s">
        <v>55</v>
      </c>
      <c r="K639" s="10" t="s">
        <v>55</v>
      </c>
      <c r="L639" s="6">
        <v>11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6</v>
      </c>
      <c r="E640" s="9" t="s">
        <v>18</v>
      </c>
      <c r="F640" s="9" t="s">
        <v>283</v>
      </c>
      <c r="G640" s="9" t="s">
        <v>280</v>
      </c>
      <c r="H640" s="6">
        <v>18</v>
      </c>
      <c r="I640" s="10" t="s">
        <v>55</v>
      </c>
      <c r="J640" s="10" t="s">
        <v>55</v>
      </c>
      <c r="K640" s="10" t="s">
        <v>55</v>
      </c>
      <c r="L640" s="6">
        <v>1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0045F8B-2E55-43A6-BEBB-EE96B074006D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89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58</v>
      </c>
      <c r="E11" s="5" t="s">
        <v>6</v>
      </c>
      <c r="F11" s="5" t="s">
        <v>6</v>
      </c>
      <c r="G11" s="5" t="s">
        <v>6</v>
      </c>
      <c r="H11" s="6">
        <v>72959178</v>
      </c>
      <c r="I11" s="6">
        <v>38273007</v>
      </c>
      <c r="J11" s="6">
        <v>33939952</v>
      </c>
      <c r="K11" s="6">
        <v>27704867</v>
      </c>
      <c r="L11" s="6">
        <v>6981304</v>
      </c>
    </row>
    <row r="12" spans="1:12">
      <c r="A12" s="9" t="s">
        <v>27</v>
      </c>
      <c r="B12" s="9" t="s">
        <v>28</v>
      </c>
      <c r="C12" s="9" t="s">
        <v>29</v>
      </c>
      <c r="D12" s="9" t="s">
        <v>258</v>
      </c>
      <c r="E12" s="9" t="s">
        <v>6</v>
      </c>
      <c r="F12" s="9" t="s">
        <v>234</v>
      </c>
      <c r="G12" s="9" t="s">
        <v>6</v>
      </c>
      <c r="H12" s="6">
        <v>22317680</v>
      </c>
      <c r="I12" s="6">
        <v>9025270</v>
      </c>
      <c r="J12" s="6">
        <v>7505116</v>
      </c>
      <c r="K12" s="6">
        <v>11429474</v>
      </c>
      <c r="L12" s="6">
        <v>1862936</v>
      </c>
    </row>
    <row r="13" spans="1:12">
      <c r="A13" s="9" t="s">
        <v>27</v>
      </c>
      <c r="B13" s="9" t="s">
        <v>28</v>
      </c>
      <c r="C13" s="9" t="s">
        <v>29</v>
      </c>
      <c r="D13" s="9" t="s">
        <v>258</v>
      </c>
      <c r="E13" s="9" t="s">
        <v>6</v>
      </c>
      <c r="F13" s="9" t="s">
        <v>235</v>
      </c>
      <c r="G13" s="9" t="s">
        <v>6</v>
      </c>
      <c r="H13" s="6">
        <v>50641498</v>
      </c>
      <c r="I13" s="6">
        <v>29247737</v>
      </c>
      <c r="J13" s="6">
        <v>26434836</v>
      </c>
      <c r="K13" s="6">
        <v>16275393</v>
      </c>
      <c r="L13" s="6">
        <v>5118368</v>
      </c>
    </row>
    <row r="14" spans="1:12">
      <c r="A14" s="9" t="s">
        <v>27</v>
      </c>
      <c r="B14" s="9" t="s">
        <v>28</v>
      </c>
      <c r="C14" s="9" t="s">
        <v>29</v>
      </c>
      <c r="D14" s="9" t="s">
        <v>258</v>
      </c>
      <c r="E14" s="9" t="s">
        <v>6</v>
      </c>
      <c r="F14" s="9" t="s">
        <v>235</v>
      </c>
      <c r="G14" s="9" t="s">
        <v>272</v>
      </c>
      <c r="H14" s="6">
        <v>2696167</v>
      </c>
      <c r="I14" s="6">
        <v>1095918</v>
      </c>
      <c r="J14" s="6">
        <v>1018763</v>
      </c>
      <c r="K14" s="6">
        <v>1248348</v>
      </c>
      <c r="L14" s="6">
        <v>351901</v>
      </c>
    </row>
    <row r="15" spans="1:12">
      <c r="A15" s="9" t="s">
        <v>27</v>
      </c>
      <c r="B15" s="9" t="s">
        <v>28</v>
      </c>
      <c r="C15" s="9" t="s">
        <v>29</v>
      </c>
      <c r="D15" s="9" t="s">
        <v>258</v>
      </c>
      <c r="E15" s="9" t="s">
        <v>6</v>
      </c>
      <c r="F15" s="9" t="s">
        <v>235</v>
      </c>
      <c r="G15" s="9" t="s">
        <v>273</v>
      </c>
      <c r="H15" s="6">
        <v>5076031</v>
      </c>
      <c r="I15" s="6">
        <v>2662545</v>
      </c>
      <c r="J15" s="6">
        <v>2467752</v>
      </c>
      <c r="K15" s="6">
        <v>1682597</v>
      </c>
      <c r="L15" s="6">
        <v>730889</v>
      </c>
    </row>
    <row r="16" spans="1:12">
      <c r="A16" s="9" t="s">
        <v>27</v>
      </c>
      <c r="B16" s="9" t="s">
        <v>28</v>
      </c>
      <c r="C16" s="9" t="s">
        <v>29</v>
      </c>
      <c r="D16" s="9" t="s">
        <v>258</v>
      </c>
      <c r="E16" s="9" t="s">
        <v>6</v>
      </c>
      <c r="F16" s="9" t="s">
        <v>235</v>
      </c>
      <c r="G16" s="9" t="s">
        <v>274</v>
      </c>
      <c r="H16" s="6">
        <v>5834599</v>
      </c>
      <c r="I16" s="6">
        <v>3529203</v>
      </c>
      <c r="J16" s="6">
        <v>3251828</v>
      </c>
      <c r="K16" s="6">
        <v>1511082</v>
      </c>
      <c r="L16" s="6">
        <v>794314</v>
      </c>
    </row>
    <row r="17" spans="1:12">
      <c r="A17" s="9" t="s">
        <v>27</v>
      </c>
      <c r="B17" s="9" t="s">
        <v>28</v>
      </c>
      <c r="C17" s="9" t="s">
        <v>29</v>
      </c>
      <c r="D17" s="9" t="s">
        <v>258</v>
      </c>
      <c r="E17" s="9" t="s">
        <v>6</v>
      </c>
      <c r="F17" s="9" t="s">
        <v>235</v>
      </c>
      <c r="G17" s="9" t="s">
        <v>275</v>
      </c>
      <c r="H17" s="6">
        <v>5005097</v>
      </c>
      <c r="I17" s="6">
        <v>3304628</v>
      </c>
      <c r="J17" s="6">
        <v>3063379</v>
      </c>
      <c r="K17" s="6">
        <v>1082214</v>
      </c>
      <c r="L17" s="6">
        <v>618255</v>
      </c>
    </row>
    <row r="18" spans="1:12">
      <c r="A18" s="9" t="s">
        <v>27</v>
      </c>
      <c r="B18" s="9" t="s">
        <v>28</v>
      </c>
      <c r="C18" s="9" t="s">
        <v>29</v>
      </c>
      <c r="D18" s="9" t="s">
        <v>258</v>
      </c>
      <c r="E18" s="9" t="s">
        <v>6</v>
      </c>
      <c r="F18" s="9" t="s">
        <v>235</v>
      </c>
      <c r="G18" s="9" t="s">
        <v>276</v>
      </c>
      <c r="H18" s="6">
        <v>4662148</v>
      </c>
      <c r="I18" s="6">
        <v>3261979</v>
      </c>
      <c r="J18" s="6">
        <v>3045283</v>
      </c>
      <c r="K18" s="6">
        <v>855096</v>
      </c>
      <c r="L18" s="6">
        <v>545073</v>
      </c>
    </row>
    <row r="19" spans="1:12">
      <c r="A19" s="9" t="s">
        <v>27</v>
      </c>
      <c r="B19" s="9" t="s">
        <v>28</v>
      </c>
      <c r="C19" s="9" t="s">
        <v>29</v>
      </c>
      <c r="D19" s="9" t="s">
        <v>258</v>
      </c>
      <c r="E19" s="9" t="s">
        <v>6</v>
      </c>
      <c r="F19" s="9" t="s">
        <v>235</v>
      </c>
      <c r="G19" s="9" t="s">
        <v>277</v>
      </c>
      <c r="H19" s="6">
        <v>4293132</v>
      </c>
      <c r="I19" s="6">
        <v>3088715</v>
      </c>
      <c r="J19" s="6">
        <v>2892888</v>
      </c>
      <c r="K19" s="6">
        <v>740786</v>
      </c>
      <c r="L19" s="6">
        <v>463631</v>
      </c>
    </row>
    <row r="20" spans="1:12">
      <c r="A20" s="9" t="s">
        <v>27</v>
      </c>
      <c r="B20" s="9" t="s">
        <v>28</v>
      </c>
      <c r="C20" s="9" t="s">
        <v>29</v>
      </c>
      <c r="D20" s="9" t="s">
        <v>258</v>
      </c>
      <c r="E20" s="9" t="s">
        <v>6</v>
      </c>
      <c r="F20" s="9" t="s">
        <v>235</v>
      </c>
      <c r="G20" s="9" t="s">
        <v>278</v>
      </c>
      <c r="H20" s="6">
        <v>3876722</v>
      </c>
      <c r="I20" s="6">
        <v>2810687</v>
      </c>
      <c r="J20" s="6">
        <v>2633004</v>
      </c>
      <c r="K20" s="6">
        <v>680634</v>
      </c>
      <c r="L20" s="6">
        <v>385401</v>
      </c>
    </row>
    <row r="21" spans="1:12">
      <c r="A21" s="9" t="s">
        <v>27</v>
      </c>
      <c r="B21" s="9" t="s">
        <v>28</v>
      </c>
      <c r="C21" s="9" t="s">
        <v>29</v>
      </c>
      <c r="D21" s="9" t="s">
        <v>258</v>
      </c>
      <c r="E21" s="9" t="s">
        <v>6</v>
      </c>
      <c r="F21" s="9" t="s">
        <v>235</v>
      </c>
      <c r="G21" s="9" t="s">
        <v>279</v>
      </c>
      <c r="H21" s="6">
        <v>2200802</v>
      </c>
      <c r="I21" s="6">
        <v>1555451</v>
      </c>
      <c r="J21" s="6">
        <v>1452611</v>
      </c>
      <c r="K21" s="6">
        <v>423563</v>
      </c>
      <c r="L21" s="6">
        <v>221788</v>
      </c>
    </row>
    <row r="22" spans="1:12">
      <c r="A22" s="9" t="s">
        <v>27</v>
      </c>
      <c r="B22" s="9" t="s">
        <v>28</v>
      </c>
      <c r="C22" s="9" t="s">
        <v>29</v>
      </c>
      <c r="D22" s="9" t="s">
        <v>258</v>
      </c>
      <c r="E22" s="9" t="s">
        <v>6</v>
      </c>
      <c r="F22" s="9" t="s">
        <v>235</v>
      </c>
      <c r="G22" s="9" t="s">
        <v>280</v>
      </c>
      <c r="H22" s="6">
        <v>16996800</v>
      </c>
      <c r="I22" s="6">
        <v>7938611</v>
      </c>
      <c r="J22" s="6">
        <v>6609328</v>
      </c>
      <c r="K22" s="6">
        <v>8051073</v>
      </c>
      <c r="L22" s="6">
        <v>1007116</v>
      </c>
    </row>
    <row r="23" spans="1:12">
      <c r="A23" s="9" t="s">
        <v>27</v>
      </c>
      <c r="B23" s="9" t="s">
        <v>28</v>
      </c>
      <c r="C23" s="9" t="s">
        <v>29</v>
      </c>
      <c r="D23" s="9" t="s">
        <v>258</v>
      </c>
      <c r="E23" s="9" t="s">
        <v>6</v>
      </c>
      <c r="F23" s="9" t="s">
        <v>281</v>
      </c>
      <c r="G23" s="9" t="s">
        <v>6</v>
      </c>
      <c r="H23" s="6">
        <v>21070503</v>
      </c>
      <c r="I23" s="6">
        <v>10621368</v>
      </c>
      <c r="J23" s="6">
        <v>9287421</v>
      </c>
      <c r="K23" s="6">
        <v>8684208</v>
      </c>
      <c r="L23" s="6">
        <v>1764927</v>
      </c>
    </row>
    <row r="24" spans="1:12">
      <c r="A24" s="9" t="s">
        <v>27</v>
      </c>
      <c r="B24" s="9" t="s">
        <v>28</v>
      </c>
      <c r="C24" s="9" t="s">
        <v>29</v>
      </c>
      <c r="D24" s="9" t="s">
        <v>258</v>
      </c>
      <c r="E24" s="9" t="s">
        <v>6</v>
      </c>
      <c r="F24" s="9" t="s">
        <v>281</v>
      </c>
      <c r="G24" s="9" t="s">
        <v>272</v>
      </c>
      <c r="H24" s="6">
        <v>1015278</v>
      </c>
      <c r="I24" s="6">
        <v>434685</v>
      </c>
      <c r="J24" s="6">
        <v>414378</v>
      </c>
      <c r="K24" s="6">
        <v>450795</v>
      </c>
      <c r="L24" s="6">
        <v>129798</v>
      </c>
    </row>
    <row r="25" spans="1:12">
      <c r="A25" s="9" t="s">
        <v>27</v>
      </c>
      <c r="B25" s="9" t="s">
        <v>28</v>
      </c>
      <c r="C25" s="9" t="s">
        <v>29</v>
      </c>
      <c r="D25" s="9" t="s">
        <v>258</v>
      </c>
      <c r="E25" s="9" t="s">
        <v>6</v>
      </c>
      <c r="F25" s="9" t="s">
        <v>281</v>
      </c>
      <c r="G25" s="9" t="s">
        <v>273</v>
      </c>
      <c r="H25" s="6">
        <v>1751382</v>
      </c>
      <c r="I25" s="6">
        <v>918111</v>
      </c>
      <c r="J25" s="6">
        <v>866091</v>
      </c>
      <c r="K25" s="6">
        <v>580872</v>
      </c>
      <c r="L25" s="6">
        <v>252399</v>
      </c>
    </row>
    <row r="26" spans="1:12">
      <c r="A26" s="9" t="s">
        <v>27</v>
      </c>
      <c r="B26" s="9" t="s">
        <v>28</v>
      </c>
      <c r="C26" s="9" t="s">
        <v>29</v>
      </c>
      <c r="D26" s="9" t="s">
        <v>258</v>
      </c>
      <c r="E26" s="9" t="s">
        <v>6</v>
      </c>
      <c r="F26" s="9" t="s">
        <v>281</v>
      </c>
      <c r="G26" s="9" t="s">
        <v>274</v>
      </c>
      <c r="H26" s="6">
        <v>1435083</v>
      </c>
      <c r="I26" s="6">
        <v>827397</v>
      </c>
      <c r="J26" s="6">
        <v>765585</v>
      </c>
      <c r="K26" s="6">
        <v>398154</v>
      </c>
      <c r="L26" s="6">
        <v>209532</v>
      </c>
    </row>
    <row r="27" spans="1:12">
      <c r="A27" s="9" t="s">
        <v>27</v>
      </c>
      <c r="B27" s="9" t="s">
        <v>28</v>
      </c>
      <c r="C27" s="9" t="s">
        <v>29</v>
      </c>
      <c r="D27" s="9" t="s">
        <v>258</v>
      </c>
      <c r="E27" s="9" t="s">
        <v>6</v>
      </c>
      <c r="F27" s="9" t="s">
        <v>281</v>
      </c>
      <c r="G27" s="9" t="s">
        <v>275</v>
      </c>
      <c r="H27" s="6">
        <v>995895</v>
      </c>
      <c r="I27" s="6">
        <v>589827</v>
      </c>
      <c r="J27" s="6">
        <v>542007</v>
      </c>
      <c r="K27" s="6">
        <v>276642</v>
      </c>
      <c r="L27" s="6">
        <v>129426</v>
      </c>
    </row>
    <row r="28" spans="1:12">
      <c r="A28" s="9" t="s">
        <v>27</v>
      </c>
      <c r="B28" s="9" t="s">
        <v>28</v>
      </c>
      <c r="C28" s="9" t="s">
        <v>29</v>
      </c>
      <c r="D28" s="9" t="s">
        <v>258</v>
      </c>
      <c r="E28" s="9" t="s">
        <v>6</v>
      </c>
      <c r="F28" s="9" t="s">
        <v>281</v>
      </c>
      <c r="G28" s="9" t="s">
        <v>276</v>
      </c>
      <c r="H28" s="6">
        <v>928833</v>
      </c>
      <c r="I28" s="6">
        <v>580338</v>
      </c>
      <c r="J28" s="6">
        <v>534921</v>
      </c>
      <c r="K28" s="6">
        <v>237954</v>
      </c>
      <c r="L28" s="6">
        <v>110541</v>
      </c>
    </row>
    <row r="29" spans="1:12">
      <c r="A29" s="9" t="s">
        <v>27</v>
      </c>
      <c r="B29" s="9" t="s">
        <v>28</v>
      </c>
      <c r="C29" s="9" t="s">
        <v>29</v>
      </c>
      <c r="D29" s="9" t="s">
        <v>258</v>
      </c>
      <c r="E29" s="9" t="s">
        <v>6</v>
      </c>
      <c r="F29" s="9" t="s">
        <v>281</v>
      </c>
      <c r="G29" s="9" t="s">
        <v>277</v>
      </c>
      <c r="H29" s="6">
        <v>949155</v>
      </c>
      <c r="I29" s="6">
        <v>622464</v>
      </c>
      <c r="J29" s="6">
        <v>575193</v>
      </c>
      <c r="K29" s="6">
        <v>224685</v>
      </c>
      <c r="L29" s="6">
        <v>102006</v>
      </c>
    </row>
    <row r="30" spans="1:12">
      <c r="A30" s="9" t="s">
        <v>27</v>
      </c>
      <c r="B30" s="9" t="s">
        <v>28</v>
      </c>
      <c r="C30" s="9" t="s">
        <v>29</v>
      </c>
      <c r="D30" s="9" t="s">
        <v>258</v>
      </c>
      <c r="E30" s="9" t="s">
        <v>6</v>
      </c>
      <c r="F30" s="9" t="s">
        <v>281</v>
      </c>
      <c r="G30" s="9" t="s">
        <v>278</v>
      </c>
      <c r="H30" s="6">
        <v>1191429</v>
      </c>
      <c r="I30" s="6">
        <v>834738</v>
      </c>
      <c r="J30" s="6">
        <v>775812</v>
      </c>
      <c r="K30" s="6">
        <v>253998</v>
      </c>
      <c r="L30" s="6">
        <v>102693</v>
      </c>
    </row>
    <row r="31" spans="1:12">
      <c r="A31" s="9" t="s">
        <v>27</v>
      </c>
      <c r="B31" s="9" t="s">
        <v>28</v>
      </c>
      <c r="C31" s="9" t="s">
        <v>29</v>
      </c>
      <c r="D31" s="9" t="s">
        <v>258</v>
      </c>
      <c r="E31" s="9" t="s">
        <v>6</v>
      </c>
      <c r="F31" s="9" t="s">
        <v>281</v>
      </c>
      <c r="G31" s="9" t="s">
        <v>279</v>
      </c>
      <c r="H31" s="6">
        <v>816876</v>
      </c>
      <c r="I31" s="6">
        <v>564183</v>
      </c>
      <c r="J31" s="6">
        <v>523488</v>
      </c>
      <c r="K31" s="6">
        <v>178098</v>
      </c>
      <c r="L31" s="6">
        <v>74595</v>
      </c>
    </row>
    <row r="32" spans="1:12">
      <c r="A32" s="9" t="s">
        <v>27</v>
      </c>
      <c r="B32" s="9" t="s">
        <v>28</v>
      </c>
      <c r="C32" s="9" t="s">
        <v>29</v>
      </c>
      <c r="D32" s="9" t="s">
        <v>258</v>
      </c>
      <c r="E32" s="9" t="s">
        <v>6</v>
      </c>
      <c r="F32" s="9" t="s">
        <v>281</v>
      </c>
      <c r="G32" s="9" t="s">
        <v>280</v>
      </c>
      <c r="H32" s="6">
        <v>11986572</v>
      </c>
      <c r="I32" s="6">
        <v>5249625</v>
      </c>
      <c r="J32" s="6">
        <v>4289946</v>
      </c>
      <c r="K32" s="6">
        <v>6083010</v>
      </c>
      <c r="L32" s="6">
        <v>653937</v>
      </c>
    </row>
    <row r="33" spans="1:12">
      <c r="A33" s="9" t="s">
        <v>27</v>
      </c>
      <c r="B33" s="9" t="s">
        <v>28</v>
      </c>
      <c r="C33" s="9" t="s">
        <v>29</v>
      </c>
      <c r="D33" s="9" t="s">
        <v>258</v>
      </c>
      <c r="E33" s="9" t="s">
        <v>6</v>
      </c>
      <c r="F33" s="9" t="s">
        <v>282</v>
      </c>
      <c r="G33" s="9" t="s">
        <v>6</v>
      </c>
      <c r="H33" s="6">
        <v>21328604</v>
      </c>
      <c r="I33" s="6">
        <v>13407228</v>
      </c>
      <c r="J33" s="6">
        <v>12362524</v>
      </c>
      <c r="K33" s="6">
        <v>5708928</v>
      </c>
      <c r="L33" s="6">
        <v>2212448</v>
      </c>
    </row>
    <row r="34" spans="1:12">
      <c r="A34" s="9" t="s">
        <v>27</v>
      </c>
      <c r="B34" s="9" t="s">
        <v>28</v>
      </c>
      <c r="C34" s="9" t="s">
        <v>29</v>
      </c>
      <c r="D34" s="9" t="s">
        <v>258</v>
      </c>
      <c r="E34" s="9" t="s">
        <v>6</v>
      </c>
      <c r="F34" s="9" t="s">
        <v>282</v>
      </c>
      <c r="G34" s="9" t="s">
        <v>272</v>
      </c>
      <c r="H34" s="6">
        <v>1076012</v>
      </c>
      <c r="I34" s="6">
        <v>431196</v>
      </c>
      <c r="J34" s="6">
        <v>400336</v>
      </c>
      <c r="K34" s="6">
        <v>511196</v>
      </c>
      <c r="L34" s="6">
        <v>133620</v>
      </c>
    </row>
    <row r="35" spans="1:12">
      <c r="A35" s="9" t="s">
        <v>27</v>
      </c>
      <c r="B35" s="9" t="s">
        <v>28</v>
      </c>
      <c r="C35" s="9" t="s">
        <v>29</v>
      </c>
      <c r="D35" s="9" t="s">
        <v>258</v>
      </c>
      <c r="E35" s="9" t="s">
        <v>6</v>
      </c>
      <c r="F35" s="9" t="s">
        <v>282</v>
      </c>
      <c r="G35" s="9" t="s">
        <v>273</v>
      </c>
      <c r="H35" s="6">
        <v>2135232</v>
      </c>
      <c r="I35" s="6">
        <v>1117480</v>
      </c>
      <c r="J35" s="6">
        <v>1035640</v>
      </c>
      <c r="K35" s="6">
        <v>724224</v>
      </c>
      <c r="L35" s="6">
        <v>293528</v>
      </c>
    </row>
    <row r="36" spans="1:12">
      <c r="A36" s="9" t="s">
        <v>27</v>
      </c>
      <c r="B36" s="9" t="s">
        <v>28</v>
      </c>
      <c r="C36" s="9" t="s">
        <v>29</v>
      </c>
      <c r="D36" s="9" t="s">
        <v>258</v>
      </c>
      <c r="E36" s="9" t="s">
        <v>6</v>
      </c>
      <c r="F36" s="9" t="s">
        <v>282</v>
      </c>
      <c r="G36" s="9" t="s">
        <v>274</v>
      </c>
      <c r="H36" s="6">
        <v>2791072</v>
      </c>
      <c r="I36" s="6">
        <v>1691104</v>
      </c>
      <c r="J36" s="6">
        <v>1565160</v>
      </c>
      <c r="K36" s="6">
        <v>748696</v>
      </c>
      <c r="L36" s="6">
        <v>351272</v>
      </c>
    </row>
    <row r="37" spans="1:12">
      <c r="A37" s="9" t="s">
        <v>27</v>
      </c>
      <c r="B37" s="9" t="s">
        <v>28</v>
      </c>
      <c r="C37" s="9" t="s">
        <v>29</v>
      </c>
      <c r="D37" s="9" t="s">
        <v>258</v>
      </c>
      <c r="E37" s="9" t="s">
        <v>6</v>
      </c>
      <c r="F37" s="9" t="s">
        <v>282</v>
      </c>
      <c r="G37" s="9" t="s">
        <v>275</v>
      </c>
      <c r="H37" s="6">
        <v>2561476</v>
      </c>
      <c r="I37" s="6">
        <v>1717160</v>
      </c>
      <c r="J37" s="6">
        <v>1600540</v>
      </c>
      <c r="K37" s="6">
        <v>554256</v>
      </c>
      <c r="L37" s="6">
        <v>290060</v>
      </c>
    </row>
    <row r="38" spans="1:12">
      <c r="A38" s="9" t="s">
        <v>27</v>
      </c>
      <c r="B38" s="9" t="s">
        <v>28</v>
      </c>
      <c r="C38" s="9" t="s">
        <v>29</v>
      </c>
      <c r="D38" s="9" t="s">
        <v>258</v>
      </c>
      <c r="E38" s="9" t="s">
        <v>6</v>
      </c>
      <c r="F38" s="9" t="s">
        <v>282</v>
      </c>
      <c r="G38" s="9" t="s">
        <v>276</v>
      </c>
      <c r="H38" s="6">
        <v>2498820</v>
      </c>
      <c r="I38" s="6">
        <v>1791132</v>
      </c>
      <c r="J38" s="6">
        <v>1681552</v>
      </c>
      <c r="K38" s="6">
        <v>438360</v>
      </c>
      <c r="L38" s="6">
        <v>269328</v>
      </c>
    </row>
    <row r="39" spans="1:12">
      <c r="A39" s="9" t="s">
        <v>27</v>
      </c>
      <c r="B39" s="9" t="s">
        <v>28</v>
      </c>
      <c r="C39" s="9" t="s">
        <v>29</v>
      </c>
      <c r="D39" s="9" t="s">
        <v>258</v>
      </c>
      <c r="E39" s="9" t="s">
        <v>6</v>
      </c>
      <c r="F39" s="9" t="s">
        <v>282</v>
      </c>
      <c r="G39" s="9" t="s">
        <v>277</v>
      </c>
      <c r="H39" s="6">
        <v>2459836</v>
      </c>
      <c r="I39" s="6">
        <v>1823808</v>
      </c>
      <c r="J39" s="6">
        <v>1717232</v>
      </c>
      <c r="K39" s="6">
        <v>391992</v>
      </c>
      <c r="L39" s="6">
        <v>244036</v>
      </c>
    </row>
    <row r="40" spans="1:12">
      <c r="A40" s="9" t="s">
        <v>27</v>
      </c>
      <c r="B40" s="9" t="s">
        <v>28</v>
      </c>
      <c r="C40" s="9" t="s">
        <v>29</v>
      </c>
      <c r="D40" s="9" t="s">
        <v>258</v>
      </c>
      <c r="E40" s="9" t="s">
        <v>6</v>
      </c>
      <c r="F40" s="9" t="s">
        <v>282</v>
      </c>
      <c r="G40" s="9" t="s">
        <v>278</v>
      </c>
      <c r="H40" s="6">
        <v>2151852</v>
      </c>
      <c r="I40" s="6">
        <v>1595612</v>
      </c>
      <c r="J40" s="6">
        <v>1502600</v>
      </c>
      <c r="K40" s="6">
        <v>346000</v>
      </c>
      <c r="L40" s="6">
        <v>210240</v>
      </c>
    </row>
    <row r="41" spans="1:12">
      <c r="A41" s="9" t="s">
        <v>27</v>
      </c>
      <c r="B41" s="9" t="s">
        <v>28</v>
      </c>
      <c r="C41" s="9" t="s">
        <v>29</v>
      </c>
      <c r="D41" s="9" t="s">
        <v>258</v>
      </c>
      <c r="E41" s="9" t="s">
        <v>6</v>
      </c>
      <c r="F41" s="9" t="s">
        <v>282</v>
      </c>
      <c r="G41" s="9" t="s">
        <v>279</v>
      </c>
      <c r="H41" s="6">
        <v>1157912</v>
      </c>
      <c r="I41" s="6">
        <v>834992</v>
      </c>
      <c r="J41" s="6">
        <v>784072</v>
      </c>
      <c r="K41" s="6">
        <v>205976</v>
      </c>
      <c r="L41" s="6">
        <v>116944</v>
      </c>
    </row>
    <row r="42" spans="1:12">
      <c r="A42" s="9" t="s">
        <v>27</v>
      </c>
      <c r="B42" s="9" t="s">
        <v>28</v>
      </c>
      <c r="C42" s="9" t="s">
        <v>29</v>
      </c>
      <c r="D42" s="9" t="s">
        <v>258</v>
      </c>
      <c r="E42" s="9" t="s">
        <v>6</v>
      </c>
      <c r="F42" s="9" t="s">
        <v>282</v>
      </c>
      <c r="G42" s="9" t="s">
        <v>280</v>
      </c>
      <c r="H42" s="6">
        <v>4496392</v>
      </c>
      <c r="I42" s="6">
        <v>2404744</v>
      </c>
      <c r="J42" s="6">
        <v>2075392</v>
      </c>
      <c r="K42" s="6">
        <v>1788228</v>
      </c>
      <c r="L42" s="6">
        <v>303420</v>
      </c>
    </row>
    <row r="43" spans="1:12">
      <c r="A43" s="9" t="s">
        <v>27</v>
      </c>
      <c r="B43" s="9" t="s">
        <v>28</v>
      </c>
      <c r="C43" s="9" t="s">
        <v>29</v>
      </c>
      <c r="D43" s="9" t="s">
        <v>258</v>
      </c>
      <c r="E43" s="9" t="s">
        <v>6</v>
      </c>
      <c r="F43" s="9" t="s">
        <v>283</v>
      </c>
      <c r="G43" s="9" t="s">
        <v>6</v>
      </c>
      <c r="H43" s="6">
        <v>8242391</v>
      </c>
      <c r="I43" s="6">
        <v>5219141</v>
      </c>
      <c r="J43" s="6">
        <v>4784891</v>
      </c>
      <c r="K43" s="6">
        <v>1882257</v>
      </c>
      <c r="L43" s="6">
        <v>1140993</v>
      </c>
    </row>
    <row r="44" spans="1:12">
      <c r="A44" s="9" t="s">
        <v>27</v>
      </c>
      <c r="B44" s="9" t="s">
        <v>28</v>
      </c>
      <c r="C44" s="9" t="s">
        <v>29</v>
      </c>
      <c r="D44" s="9" t="s">
        <v>258</v>
      </c>
      <c r="E44" s="9" t="s">
        <v>6</v>
      </c>
      <c r="F44" s="9" t="s">
        <v>283</v>
      </c>
      <c r="G44" s="9" t="s">
        <v>272</v>
      </c>
      <c r="H44" s="6">
        <v>604877</v>
      </c>
      <c r="I44" s="6">
        <v>230037</v>
      </c>
      <c r="J44" s="6">
        <v>204049</v>
      </c>
      <c r="K44" s="6">
        <v>286357</v>
      </c>
      <c r="L44" s="6">
        <v>88483</v>
      </c>
    </row>
    <row r="45" spans="1:12">
      <c r="A45" s="9" t="s">
        <v>27</v>
      </c>
      <c r="B45" s="9" t="s">
        <v>28</v>
      </c>
      <c r="C45" s="9" t="s">
        <v>29</v>
      </c>
      <c r="D45" s="9" t="s">
        <v>258</v>
      </c>
      <c r="E45" s="9" t="s">
        <v>6</v>
      </c>
      <c r="F45" s="9" t="s">
        <v>283</v>
      </c>
      <c r="G45" s="9" t="s">
        <v>273</v>
      </c>
      <c r="H45" s="6">
        <v>1189417</v>
      </c>
      <c r="I45" s="6">
        <v>626954</v>
      </c>
      <c r="J45" s="6">
        <v>566021</v>
      </c>
      <c r="K45" s="6">
        <v>377501</v>
      </c>
      <c r="L45" s="6">
        <v>184962</v>
      </c>
    </row>
    <row r="46" spans="1:12">
      <c r="A46" s="9" t="s">
        <v>27</v>
      </c>
      <c r="B46" s="9" t="s">
        <v>28</v>
      </c>
      <c r="C46" s="9" t="s">
        <v>29</v>
      </c>
      <c r="D46" s="9" t="s">
        <v>258</v>
      </c>
      <c r="E46" s="9" t="s">
        <v>6</v>
      </c>
      <c r="F46" s="9" t="s">
        <v>283</v>
      </c>
      <c r="G46" s="9" t="s">
        <v>274</v>
      </c>
      <c r="H46" s="6">
        <v>1608444</v>
      </c>
      <c r="I46" s="6">
        <v>1010702</v>
      </c>
      <c r="J46" s="6">
        <v>921083</v>
      </c>
      <c r="K46" s="6">
        <v>364232</v>
      </c>
      <c r="L46" s="6">
        <v>233510</v>
      </c>
    </row>
    <row r="47" spans="1:12">
      <c r="A47" s="9" t="s">
        <v>27</v>
      </c>
      <c r="B47" s="9" t="s">
        <v>28</v>
      </c>
      <c r="C47" s="9" t="s">
        <v>29</v>
      </c>
      <c r="D47" s="9" t="s">
        <v>258</v>
      </c>
      <c r="E47" s="9" t="s">
        <v>6</v>
      </c>
      <c r="F47" s="9" t="s">
        <v>283</v>
      </c>
      <c r="G47" s="9" t="s">
        <v>275</v>
      </c>
      <c r="H47" s="6">
        <v>1447726</v>
      </c>
      <c r="I47" s="6">
        <v>997641</v>
      </c>
      <c r="J47" s="6">
        <v>920832</v>
      </c>
      <c r="K47" s="6">
        <v>251316</v>
      </c>
      <c r="L47" s="6">
        <v>198769</v>
      </c>
    </row>
    <row r="48" spans="1:12">
      <c r="A48" s="9" t="s">
        <v>27</v>
      </c>
      <c r="B48" s="9" t="s">
        <v>28</v>
      </c>
      <c r="C48" s="9" t="s">
        <v>29</v>
      </c>
      <c r="D48" s="9" t="s">
        <v>258</v>
      </c>
      <c r="E48" s="9" t="s">
        <v>6</v>
      </c>
      <c r="F48" s="9" t="s">
        <v>283</v>
      </c>
      <c r="G48" s="9" t="s">
        <v>276</v>
      </c>
      <c r="H48" s="6">
        <v>1234495</v>
      </c>
      <c r="I48" s="6">
        <v>890509</v>
      </c>
      <c r="J48" s="6">
        <v>828810</v>
      </c>
      <c r="K48" s="6">
        <v>178782</v>
      </c>
      <c r="L48" s="6">
        <v>165204</v>
      </c>
    </row>
    <row r="49" spans="1:12">
      <c r="A49" s="9" t="s">
        <v>27</v>
      </c>
      <c r="B49" s="9" t="s">
        <v>28</v>
      </c>
      <c r="C49" s="9" t="s">
        <v>29</v>
      </c>
      <c r="D49" s="9" t="s">
        <v>258</v>
      </c>
      <c r="E49" s="9" t="s">
        <v>6</v>
      </c>
      <c r="F49" s="9" t="s">
        <v>283</v>
      </c>
      <c r="G49" s="9" t="s">
        <v>277</v>
      </c>
      <c r="H49" s="6">
        <v>884141</v>
      </c>
      <c r="I49" s="6">
        <v>642443</v>
      </c>
      <c r="J49" s="6">
        <v>600463</v>
      </c>
      <c r="K49" s="6">
        <v>124109</v>
      </c>
      <c r="L49" s="6">
        <v>117589</v>
      </c>
    </row>
    <row r="50" spans="1:12">
      <c r="A50" s="9" t="s">
        <v>27</v>
      </c>
      <c r="B50" s="9" t="s">
        <v>28</v>
      </c>
      <c r="C50" s="9" t="s">
        <v>29</v>
      </c>
      <c r="D50" s="9" t="s">
        <v>258</v>
      </c>
      <c r="E50" s="9" t="s">
        <v>6</v>
      </c>
      <c r="F50" s="9" t="s">
        <v>283</v>
      </c>
      <c r="G50" s="9" t="s">
        <v>278</v>
      </c>
      <c r="H50" s="6">
        <v>533441</v>
      </c>
      <c r="I50" s="6">
        <v>380337</v>
      </c>
      <c r="J50" s="6">
        <v>354592</v>
      </c>
      <c r="K50" s="6">
        <v>80636</v>
      </c>
      <c r="L50" s="6">
        <v>72468</v>
      </c>
    </row>
    <row r="51" spans="1:12">
      <c r="A51" s="9" t="s">
        <v>27</v>
      </c>
      <c r="B51" s="9" t="s">
        <v>28</v>
      </c>
      <c r="C51" s="9" t="s">
        <v>29</v>
      </c>
      <c r="D51" s="9" t="s">
        <v>258</v>
      </c>
      <c r="E51" s="9" t="s">
        <v>6</v>
      </c>
      <c r="F51" s="9" t="s">
        <v>283</v>
      </c>
      <c r="G51" s="9" t="s">
        <v>279</v>
      </c>
      <c r="H51" s="6">
        <v>226014</v>
      </c>
      <c r="I51" s="6">
        <v>156276</v>
      </c>
      <c r="J51" s="6">
        <v>145051</v>
      </c>
      <c r="K51" s="6">
        <v>39489</v>
      </c>
      <c r="L51" s="6">
        <v>30249</v>
      </c>
    </row>
    <row r="52" spans="1:12">
      <c r="A52" s="9" t="s">
        <v>27</v>
      </c>
      <c r="B52" s="9" t="s">
        <v>28</v>
      </c>
      <c r="C52" s="9" t="s">
        <v>29</v>
      </c>
      <c r="D52" s="9" t="s">
        <v>258</v>
      </c>
      <c r="E52" s="9" t="s">
        <v>6</v>
      </c>
      <c r="F52" s="9" t="s">
        <v>283</v>
      </c>
      <c r="G52" s="9" t="s">
        <v>280</v>
      </c>
      <c r="H52" s="6">
        <v>513836</v>
      </c>
      <c r="I52" s="6">
        <v>284242</v>
      </c>
      <c r="J52" s="6">
        <v>243990</v>
      </c>
      <c r="K52" s="6">
        <v>179835</v>
      </c>
      <c r="L52" s="6">
        <v>49759</v>
      </c>
    </row>
    <row r="53" spans="1:12">
      <c r="A53" s="9" t="s">
        <v>27</v>
      </c>
      <c r="B53" s="9" t="s">
        <v>28</v>
      </c>
      <c r="C53" s="9" t="s">
        <v>29</v>
      </c>
      <c r="D53" s="9" t="s">
        <v>258</v>
      </c>
      <c r="E53" s="9" t="s">
        <v>226</v>
      </c>
      <c r="F53" s="9" t="s">
        <v>6</v>
      </c>
      <c r="G53" s="9" t="s">
        <v>6</v>
      </c>
      <c r="H53" s="6">
        <v>51464226</v>
      </c>
      <c r="I53" s="6">
        <v>35674764</v>
      </c>
      <c r="J53" s="6">
        <v>31621450</v>
      </c>
      <c r="K53" s="6">
        <v>15678760</v>
      </c>
      <c r="L53" s="6">
        <v>110702</v>
      </c>
    </row>
    <row r="54" spans="1:12">
      <c r="A54" s="9" t="s">
        <v>27</v>
      </c>
      <c r="B54" s="9" t="s">
        <v>28</v>
      </c>
      <c r="C54" s="9" t="s">
        <v>29</v>
      </c>
      <c r="D54" s="9" t="s">
        <v>258</v>
      </c>
      <c r="E54" s="9" t="s">
        <v>226</v>
      </c>
      <c r="F54" s="9" t="s">
        <v>234</v>
      </c>
      <c r="G54" s="9" t="s">
        <v>6</v>
      </c>
      <c r="H54" s="6">
        <v>11981002</v>
      </c>
      <c r="I54" s="6">
        <v>7787228</v>
      </c>
      <c r="J54" s="6">
        <v>6410344</v>
      </c>
      <c r="K54" s="6">
        <v>4130042</v>
      </c>
      <c r="L54" s="6">
        <v>63732</v>
      </c>
    </row>
    <row r="55" spans="1:12">
      <c r="A55" s="9" t="s">
        <v>27</v>
      </c>
      <c r="B55" s="9" t="s">
        <v>28</v>
      </c>
      <c r="C55" s="9" t="s">
        <v>29</v>
      </c>
      <c r="D55" s="9" t="s">
        <v>258</v>
      </c>
      <c r="E55" s="9" t="s">
        <v>226</v>
      </c>
      <c r="F55" s="9" t="s">
        <v>235</v>
      </c>
      <c r="G55" s="9" t="s">
        <v>6</v>
      </c>
      <c r="H55" s="6">
        <v>39483224</v>
      </c>
      <c r="I55" s="6">
        <v>27887536</v>
      </c>
      <c r="J55" s="6">
        <v>25211106</v>
      </c>
      <c r="K55" s="6">
        <v>11548718</v>
      </c>
      <c r="L55" s="6">
        <v>46970</v>
      </c>
    </row>
    <row r="56" spans="1:12">
      <c r="A56" s="9" t="s">
        <v>27</v>
      </c>
      <c r="B56" s="9" t="s">
        <v>28</v>
      </c>
      <c r="C56" s="9" t="s">
        <v>29</v>
      </c>
      <c r="D56" s="9" t="s">
        <v>258</v>
      </c>
      <c r="E56" s="9" t="s">
        <v>226</v>
      </c>
      <c r="F56" s="9" t="s">
        <v>235</v>
      </c>
      <c r="G56" s="9" t="s">
        <v>272</v>
      </c>
      <c r="H56" s="6">
        <v>2314882</v>
      </c>
      <c r="I56" s="6">
        <v>1085039</v>
      </c>
      <c r="J56" s="6">
        <v>1008844</v>
      </c>
      <c r="K56" s="6">
        <v>1227994</v>
      </c>
      <c r="L56" s="6">
        <v>1849</v>
      </c>
    </row>
    <row r="57" spans="1:12">
      <c r="A57" s="9" t="s">
        <v>27</v>
      </c>
      <c r="B57" s="9" t="s">
        <v>28</v>
      </c>
      <c r="C57" s="9" t="s">
        <v>29</v>
      </c>
      <c r="D57" s="9" t="s">
        <v>258</v>
      </c>
      <c r="E57" s="9" t="s">
        <v>226</v>
      </c>
      <c r="F57" s="9" t="s">
        <v>235</v>
      </c>
      <c r="G57" s="9" t="s">
        <v>273</v>
      </c>
      <c r="H57" s="6">
        <v>4299536</v>
      </c>
      <c r="I57" s="6">
        <v>2638493</v>
      </c>
      <c r="J57" s="6">
        <v>2445523</v>
      </c>
      <c r="K57" s="6">
        <v>1658012</v>
      </c>
      <c r="L57" s="6">
        <v>3031</v>
      </c>
    </row>
    <row r="58" spans="1:12">
      <c r="A58" s="9" t="s">
        <v>27</v>
      </c>
      <c r="B58" s="9" t="s">
        <v>28</v>
      </c>
      <c r="C58" s="9" t="s">
        <v>29</v>
      </c>
      <c r="D58" s="9" t="s">
        <v>258</v>
      </c>
      <c r="E58" s="9" t="s">
        <v>226</v>
      </c>
      <c r="F58" s="9" t="s">
        <v>235</v>
      </c>
      <c r="G58" s="9" t="s">
        <v>274</v>
      </c>
      <c r="H58" s="6">
        <v>4988845</v>
      </c>
      <c r="I58" s="6">
        <v>3496702</v>
      </c>
      <c r="J58" s="6">
        <v>3221620</v>
      </c>
      <c r="K58" s="6">
        <v>1488779</v>
      </c>
      <c r="L58" s="6">
        <v>3364</v>
      </c>
    </row>
    <row r="59" spans="1:12">
      <c r="A59" s="9" t="s">
        <v>27</v>
      </c>
      <c r="B59" s="9" t="s">
        <v>28</v>
      </c>
      <c r="C59" s="9" t="s">
        <v>29</v>
      </c>
      <c r="D59" s="9" t="s">
        <v>258</v>
      </c>
      <c r="E59" s="9" t="s">
        <v>226</v>
      </c>
      <c r="F59" s="9" t="s">
        <v>235</v>
      </c>
      <c r="G59" s="9" t="s">
        <v>275</v>
      </c>
      <c r="H59" s="6">
        <v>4335796</v>
      </c>
      <c r="I59" s="6">
        <v>3269578</v>
      </c>
      <c r="J59" s="6">
        <v>3030524</v>
      </c>
      <c r="K59" s="6">
        <v>1063065</v>
      </c>
      <c r="L59" s="6">
        <v>3153</v>
      </c>
    </row>
    <row r="60" spans="1:12">
      <c r="A60" s="9" t="s">
        <v>27</v>
      </c>
      <c r="B60" s="9" t="s">
        <v>28</v>
      </c>
      <c r="C60" s="9" t="s">
        <v>29</v>
      </c>
      <c r="D60" s="9" t="s">
        <v>258</v>
      </c>
      <c r="E60" s="9" t="s">
        <v>226</v>
      </c>
      <c r="F60" s="9" t="s">
        <v>235</v>
      </c>
      <c r="G60" s="9" t="s">
        <v>276</v>
      </c>
      <c r="H60" s="6">
        <v>4062807</v>
      </c>
      <c r="I60" s="6">
        <v>3222780</v>
      </c>
      <c r="J60" s="6">
        <v>3008361</v>
      </c>
      <c r="K60" s="6">
        <v>837509</v>
      </c>
      <c r="L60" s="6">
        <v>2518</v>
      </c>
    </row>
    <row r="61" spans="1:12">
      <c r="A61" s="9" t="s">
        <v>27</v>
      </c>
      <c r="B61" s="9" t="s">
        <v>28</v>
      </c>
      <c r="C61" s="9" t="s">
        <v>29</v>
      </c>
      <c r="D61" s="9" t="s">
        <v>258</v>
      </c>
      <c r="E61" s="9" t="s">
        <v>226</v>
      </c>
      <c r="F61" s="9" t="s">
        <v>235</v>
      </c>
      <c r="G61" s="9" t="s">
        <v>277</v>
      </c>
      <c r="H61" s="6">
        <v>3770174</v>
      </c>
      <c r="I61" s="6">
        <v>3045092</v>
      </c>
      <c r="J61" s="6">
        <v>2851723</v>
      </c>
      <c r="K61" s="6">
        <v>722628</v>
      </c>
      <c r="L61" s="6">
        <v>2454</v>
      </c>
    </row>
    <row r="62" spans="1:12">
      <c r="A62" s="9" t="s">
        <v>27</v>
      </c>
      <c r="B62" s="9" t="s">
        <v>28</v>
      </c>
      <c r="C62" s="9" t="s">
        <v>29</v>
      </c>
      <c r="D62" s="9" t="s">
        <v>258</v>
      </c>
      <c r="E62" s="9" t="s">
        <v>226</v>
      </c>
      <c r="F62" s="9" t="s">
        <v>235</v>
      </c>
      <c r="G62" s="9" t="s">
        <v>278</v>
      </c>
      <c r="H62" s="6">
        <v>3422267</v>
      </c>
      <c r="I62" s="6">
        <v>2760404</v>
      </c>
      <c r="J62" s="6">
        <v>2585560</v>
      </c>
      <c r="K62" s="6">
        <v>659677</v>
      </c>
      <c r="L62" s="6">
        <v>2186</v>
      </c>
    </row>
    <row r="63" spans="1:12">
      <c r="A63" s="9" t="s">
        <v>27</v>
      </c>
      <c r="B63" s="9" t="s">
        <v>28</v>
      </c>
      <c r="C63" s="9" t="s">
        <v>29</v>
      </c>
      <c r="D63" s="9" t="s">
        <v>258</v>
      </c>
      <c r="E63" s="9" t="s">
        <v>226</v>
      </c>
      <c r="F63" s="9" t="s">
        <v>235</v>
      </c>
      <c r="G63" s="9" t="s">
        <v>279</v>
      </c>
      <c r="H63" s="6">
        <v>1924362</v>
      </c>
      <c r="I63" s="6">
        <v>1516836</v>
      </c>
      <c r="J63" s="6">
        <v>1415915</v>
      </c>
      <c r="K63" s="6">
        <v>406075</v>
      </c>
      <c r="L63" s="6">
        <v>1451</v>
      </c>
    </row>
    <row r="64" spans="1:12">
      <c r="A64" s="9" t="s">
        <v>27</v>
      </c>
      <c r="B64" s="9" t="s">
        <v>28</v>
      </c>
      <c r="C64" s="9" t="s">
        <v>29</v>
      </c>
      <c r="D64" s="9" t="s">
        <v>258</v>
      </c>
      <c r="E64" s="9" t="s">
        <v>226</v>
      </c>
      <c r="F64" s="9" t="s">
        <v>235</v>
      </c>
      <c r="G64" s="9" t="s">
        <v>280</v>
      </c>
      <c r="H64" s="6">
        <v>10364555</v>
      </c>
      <c r="I64" s="6">
        <v>6852612</v>
      </c>
      <c r="J64" s="6">
        <v>5643036</v>
      </c>
      <c r="K64" s="6">
        <v>3484979</v>
      </c>
      <c r="L64" s="6">
        <v>26964</v>
      </c>
    </row>
    <row r="65" spans="1:12">
      <c r="A65" s="9" t="s">
        <v>27</v>
      </c>
      <c r="B65" s="9" t="s">
        <v>28</v>
      </c>
      <c r="C65" s="9" t="s">
        <v>29</v>
      </c>
      <c r="D65" s="9" t="s">
        <v>258</v>
      </c>
      <c r="E65" s="9" t="s">
        <v>226</v>
      </c>
      <c r="F65" s="9" t="s">
        <v>281</v>
      </c>
      <c r="G65" s="9" t="s">
        <v>6</v>
      </c>
      <c r="H65" s="6">
        <v>14731803</v>
      </c>
      <c r="I65" s="6">
        <v>9737139</v>
      </c>
      <c r="J65" s="6">
        <v>8501097</v>
      </c>
      <c r="K65" s="6">
        <v>4969377</v>
      </c>
      <c r="L65" s="6">
        <v>25287</v>
      </c>
    </row>
    <row r="66" spans="1:12">
      <c r="A66" s="9" t="s">
        <v>27</v>
      </c>
      <c r="B66" s="9" t="s">
        <v>28</v>
      </c>
      <c r="C66" s="9" t="s">
        <v>29</v>
      </c>
      <c r="D66" s="9" t="s">
        <v>258</v>
      </c>
      <c r="E66" s="9" t="s">
        <v>226</v>
      </c>
      <c r="F66" s="9" t="s">
        <v>281</v>
      </c>
      <c r="G66" s="9" t="s">
        <v>272</v>
      </c>
      <c r="H66" s="6">
        <v>873186</v>
      </c>
      <c r="I66" s="6">
        <v>429615</v>
      </c>
      <c r="J66" s="6">
        <v>409638</v>
      </c>
      <c r="K66" s="6">
        <v>442893</v>
      </c>
      <c r="L66" s="6">
        <v>678</v>
      </c>
    </row>
    <row r="67" spans="1:12">
      <c r="A67" s="9" t="s">
        <v>27</v>
      </c>
      <c r="B67" s="9" t="s">
        <v>28</v>
      </c>
      <c r="C67" s="9" t="s">
        <v>29</v>
      </c>
      <c r="D67" s="9" t="s">
        <v>258</v>
      </c>
      <c r="E67" s="9" t="s">
        <v>226</v>
      </c>
      <c r="F67" s="9" t="s">
        <v>281</v>
      </c>
      <c r="G67" s="9" t="s">
        <v>273</v>
      </c>
      <c r="H67" s="6">
        <v>1481871</v>
      </c>
      <c r="I67" s="6">
        <v>908853</v>
      </c>
      <c r="J67" s="6">
        <v>857415</v>
      </c>
      <c r="K67" s="6">
        <v>572055</v>
      </c>
      <c r="L67" s="6">
        <v>963</v>
      </c>
    </row>
    <row r="68" spans="1:12">
      <c r="A68" s="9" t="s">
        <v>27</v>
      </c>
      <c r="B68" s="9" t="s">
        <v>28</v>
      </c>
      <c r="C68" s="9" t="s">
        <v>29</v>
      </c>
      <c r="D68" s="9" t="s">
        <v>258</v>
      </c>
      <c r="E68" s="9" t="s">
        <v>226</v>
      </c>
      <c r="F68" s="9" t="s">
        <v>281</v>
      </c>
      <c r="G68" s="9" t="s">
        <v>274</v>
      </c>
      <c r="H68" s="6">
        <v>1209933</v>
      </c>
      <c r="I68" s="6">
        <v>817401</v>
      </c>
      <c r="J68" s="6">
        <v>756303</v>
      </c>
      <c r="K68" s="6">
        <v>391788</v>
      </c>
      <c r="L68" s="6">
        <v>744</v>
      </c>
    </row>
    <row r="69" spans="1:12">
      <c r="A69" s="9" t="s">
        <v>27</v>
      </c>
      <c r="B69" s="9" t="s">
        <v>28</v>
      </c>
      <c r="C69" s="9" t="s">
        <v>29</v>
      </c>
      <c r="D69" s="9" t="s">
        <v>258</v>
      </c>
      <c r="E69" s="9" t="s">
        <v>226</v>
      </c>
      <c r="F69" s="9" t="s">
        <v>281</v>
      </c>
      <c r="G69" s="9" t="s">
        <v>275</v>
      </c>
      <c r="H69" s="6">
        <v>852075</v>
      </c>
      <c r="I69" s="6">
        <v>580218</v>
      </c>
      <c r="J69" s="6">
        <v>533052</v>
      </c>
      <c r="K69" s="6">
        <v>271338</v>
      </c>
      <c r="L69" s="6">
        <v>519</v>
      </c>
    </row>
    <row r="70" spans="1:12">
      <c r="A70" s="9" t="s">
        <v>27</v>
      </c>
      <c r="B70" s="9" t="s">
        <v>28</v>
      </c>
      <c r="C70" s="9" t="s">
        <v>29</v>
      </c>
      <c r="D70" s="9" t="s">
        <v>258</v>
      </c>
      <c r="E70" s="9" t="s">
        <v>226</v>
      </c>
      <c r="F70" s="9" t="s">
        <v>281</v>
      </c>
      <c r="G70" s="9" t="s">
        <v>276</v>
      </c>
      <c r="H70" s="6">
        <v>802446</v>
      </c>
      <c r="I70" s="6">
        <v>569313</v>
      </c>
      <c r="J70" s="6">
        <v>524538</v>
      </c>
      <c r="K70" s="6">
        <v>232647</v>
      </c>
      <c r="L70" s="6">
        <v>486</v>
      </c>
    </row>
    <row r="71" spans="1:12">
      <c r="A71" s="9" t="s">
        <v>27</v>
      </c>
      <c r="B71" s="9" t="s">
        <v>28</v>
      </c>
      <c r="C71" s="9" t="s">
        <v>29</v>
      </c>
      <c r="D71" s="9" t="s">
        <v>258</v>
      </c>
      <c r="E71" s="9" t="s">
        <v>226</v>
      </c>
      <c r="F71" s="9" t="s">
        <v>281</v>
      </c>
      <c r="G71" s="9" t="s">
        <v>277</v>
      </c>
      <c r="H71" s="6">
        <v>827679</v>
      </c>
      <c r="I71" s="6">
        <v>608994</v>
      </c>
      <c r="J71" s="6">
        <v>562539</v>
      </c>
      <c r="K71" s="6">
        <v>218052</v>
      </c>
      <c r="L71" s="6">
        <v>633</v>
      </c>
    </row>
    <row r="72" spans="1:12">
      <c r="A72" s="9" t="s">
        <v>27</v>
      </c>
      <c r="B72" s="9" t="s">
        <v>28</v>
      </c>
      <c r="C72" s="9" t="s">
        <v>29</v>
      </c>
      <c r="D72" s="9" t="s">
        <v>258</v>
      </c>
      <c r="E72" s="9" t="s">
        <v>226</v>
      </c>
      <c r="F72" s="9" t="s">
        <v>281</v>
      </c>
      <c r="G72" s="9" t="s">
        <v>278</v>
      </c>
      <c r="H72" s="6">
        <v>1060278</v>
      </c>
      <c r="I72" s="6">
        <v>815136</v>
      </c>
      <c r="J72" s="6">
        <v>757422</v>
      </c>
      <c r="K72" s="6">
        <v>244521</v>
      </c>
      <c r="L72" s="6">
        <v>621</v>
      </c>
    </row>
    <row r="73" spans="1:12">
      <c r="A73" s="9" t="s">
        <v>27</v>
      </c>
      <c r="B73" s="9" t="s">
        <v>28</v>
      </c>
      <c r="C73" s="9" t="s">
        <v>29</v>
      </c>
      <c r="D73" s="9" t="s">
        <v>258</v>
      </c>
      <c r="E73" s="9" t="s">
        <v>226</v>
      </c>
      <c r="F73" s="9" t="s">
        <v>281</v>
      </c>
      <c r="G73" s="9" t="s">
        <v>279</v>
      </c>
      <c r="H73" s="6">
        <v>717921</v>
      </c>
      <c r="I73" s="6">
        <v>547563</v>
      </c>
      <c r="J73" s="6">
        <v>507678</v>
      </c>
      <c r="K73" s="6">
        <v>169707</v>
      </c>
      <c r="L73" s="6">
        <v>651</v>
      </c>
    </row>
    <row r="74" spans="1:12">
      <c r="A74" s="9" t="s">
        <v>27</v>
      </c>
      <c r="B74" s="9" t="s">
        <v>28</v>
      </c>
      <c r="C74" s="9" t="s">
        <v>29</v>
      </c>
      <c r="D74" s="9" t="s">
        <v>258</v>
      </c>
      <c r="E74" s="9" t="s">
        <v>226</v>
      </c>
      <c r="F74" s="9" t="s">
        <v>281</v>
      </c>
      <c r="G74" s="9" t="s">
        <v>280</v>
      </c>
      <c r="H74" s="6">
        <v>6906414</v>
      </c>
      <c r="I74" s="6">
        <v>4460046</v>
      </c>
      <c r="J74" s="6">
        <v>3592512</v>
      </c>
      <c r="K74" s="6">
        <v>2426376</v>
      </c>
      <c r="L74" s="6">
        <v>19992</v>
      </c>
    </row>
    <row r="75" spans="1:12">
      <c r="A75" s="9" t="s">
        <v>27</v>
      </c>
      <c r="B75" s="9" t="s">
        <v>28</v>
      </c>
      <c r="C75" s="9" t="s">
        <v>29</v>
      </c>
      <c r="D75" s="9" t="s">
        <v>258</v>
      </c>
      <c r="E75" s="9" t="s">
        <v>226</v>
      </c>
      <c r="F75" s="9" t="s">
        <v>282</v>
      </c>
      <c r="G75" s="9" t="s">
        <v>6</v>
      </c>
      <c r="H75" s="6">
        <v>17847516</v>
      </c>
      <c r="I75" s="6">
        <v>13025532</v>
      </c>
      <c r="J75" s="6">
        <v>12012064</v>
      </c>
      <c r="K75" s="6">
        <v>4808192</v>
      </c>
      <c r="L75" s="6">
        <v>13792</v>
      </c>
    </row>
    <row r="76" spans="1:12">
      <c r="A76" s="9" t="s">
        <v>27</v>
      </c>
      <c r="B76" s="9" t="s">
        <v>28</v>
      </c>
      <c r="C76" s="9" t="s">
        <v>29</v>
      </c>
      <c r="D76" s="9" t="s">
        <v>258</v>
      </c>
      <c r="E76" s="9" t="s">
        <v>226</v>
      </c>
      <c r="F76" s="9" t="s">
        <v>282</v>
      </c>
      <c r="G76" s="9" t="s">
        <v>272</v>
      </c>
      <c r="H76" s="6">
        <v>932796</v>
      </c>
      <c r="I76" s="6">
        <v>427764</v>
      </c>
      <c r="J76" s="6">
        <v>397200</v>
      </c>
      <c r="K76" s="6">
        <v>504300</v>
      </c>
      <c r="L76" s="6">
        <v>732</v>
      </c>
    </row>
    <row r="77" spans="1:12">
      <c r="A77" s="9" t="s">
        <v>27</v>
      </c>
      <c r="B77" s="9" t="s">
        <v>28</v>
      </c>
      <c r="C77" s="9" t="s">
        <v>29</v>
      </c>
      <c r="D77" s="9" t="s">
        <v>258</v>
      </c>
      <c r="E77" s="9" t="s">
        <v>226</v>
      </c>
      <c r="F77" s="9" t="s">
        <v>282</v>
      </c>
      <c r="G77" s="9" t="s">
        <v>273</v>
      </c>
      <c r="H77" s="6">
        <v>1825912</v>
      </c>
      <c r="I77" s="6">
        <v>1109136</v>
      </c>
      <c r="J77" s="6">
        <v>1027912</v>
      </c>
      <c r="K77" s="6">
        <v>715656</v>
      </c>
      <c r="L77" s="6">
        <v>1120</v>
      </c>
    </row>
    <row r="78" spans="1:12">
      <c r="A78" s="9" t="s">
        <v>27</v>
      </c>
      <c r="B78" s="9" t="s">
        <v>28</v>
      </c>
      <c r="C78" s="9" t="s">
        <v>29</v>
      </c>
      <c r="D78" s="9" t="s">
        <v>258</v>
      </c>
      <c r="E78" s="9" t="s">
        <v>226</v>
      </c>
      <c r="F78" s="9" t="s">
        <v>282</v>
      </c>
      <c r="G78" s="9" t="s">
        <v>274</v>
      </c>
      <c r="H78" s="6">
        <v>2420024</v>
      </c>
      <c r="I78" s="6">
        <v>1678632</v>
      </c>
      <c r="J78" s="6">
        <v>1553448</v>
      </c>
      <c r="K78" s="6">
        <v>740008</v>
      </c>
      <c r="L78" s="6">
        <v>1384</v>
      </c>
    </row>
    <row r="79" spans="1:12">
      <c r="A79" s="9" t="s">
        <v>27</v>
      </c>
      <c r="B79" s="9" t="s">
        <v>28</v>
      </c>
      <c r="C79" s="9" t="s">
        <v>29</v>
      </c>
      <c r="D79" s="9" t="s">
        <v>258</v>
      </c>
      <c r="E79" s="9" t="s">
        <v>226</v>
      </c>
      <c r="F79" s="9" t="s">
        <v>282</v>
      </c>
      <c r="G79" s="9" t="s">
        <v>275</v>
      </c>
      <c r="H79" s="6">
        <v>2250364</v>
      </c>
      <c r="I79" s="6">
        <v>1702368</v>
      </c>
      <c r="J79" s="6">
        <v>1586648</v>
      </c>
      <c r="K79" s="6">
        <v>546772</v>
      </c>
      <c r="L79" s="6">
        <v>1224</v>
      </c>
    </row>
    <row r="80" spans="1:12">
      <c r="A80" s="9" t="s">
        <v>27</v>
      </c>
      <c r="B80" s="9" t="s">
        <v>28</v>
      </c>
      <c r="C80" s="9" t="s">
        <v>29</v>
      </c>
      <c r="D80" s="9" t="s">
        <v>258</v>
      </c>
      <c r="E80" s="9" t="s">
        <v>226</v>
      </c>
      <c r="F80" s="9" t="s">
        <v>282</v>
      </c>
      <c r="G80" s="9" t="s">
        <v>276</v>
      </c>
      <c r="H80" s="6">
        <v>2206024</v>
      </c>
      <c r="I80" s="6">
        <v>1774016</v>
      </c>
      <c r="J80" s="6">
        <v>1665336</v>
      </c>
      <c r="K80" s="6">
        <v>431048</v>
      </c>
      <c r="L80" s="6">
        <v>960</v>
      </c>
    </row>
    <row r="81" spans="1:12">
      <c r="A81" s="9" t="s">
        <v>27</v>
      </c>
      <c r="B81" s="9" t="s">
        <v>28</v>
      </c>
      <c r="C81" s="9" t="s">
        <v>29</v>
      </c>
      <c r="D81" s="9" t="s">
        <v>258</v>
      </c>
      <c r="E81" s="9" t="s">
        <v>226</v>
      </c>
      <c r="F81" s="9" t="s">
        <v>282</v>
      </c>
      <c r="G81" s="9" t="s">
        <v>277</v>
      </c>
      <c r="H81" s="6">
        <v>2188124</v>
      </c>
      <c r="I81" s="6">
        <v>1802928</v>
      </c>
      <c r="J81" s="6">
        <v>1697400</v>
      </c>
      <c r="K81" s="6">
        <v>384252</v>
      </c>
      <c r="L81" s="6">
        <v>944</v>
      </c>
    </row>
    <row r="82" spans="1:12">
      <c r="A82" s="9" t="s">
        <v>27</v>
      </c>
      <c r="B82" s="9" t="s">
        <v>28</v>
      </c>
      <c r="C82" s="9" t="s">
        <v>29</v>
      </c>
      <c r="D82" s="9" t="s">
        <v>258</v>
      </c>
      <c r="E82" s="9" t="s">
        <v>226</v>
      </c>
      <c r="F82" s="9" t="s">
        <v>282</v>
      </c>
      <c r="G82" s="9" t="s">
        <v>278</v>
      </c>
      <c r="H82" s="6">
        <v>1911172</v>
      </c>
      <c r="I82" s="6">
        <v>1572732</v>
      </c>
      <c r="J82" s="6">
        <v>1480900</v>
      </c>
      <c r="K82" s="6">
        <v>337480</v>
      </c>
      <c r="L82" s="6">
        <v>960</v>
      </c>
    </row>
    <row r="83" spans="1:12">
      <c r="A83" s="9" t="s">
        <v>27</v>
      </c>
      <c r="B83" s="9" t="s">
        <v>28</v>
      </c>
      <c r="C83" s="9" t="s">
        <v>29</v>
      </c>
      <c r="D83" s="9" t="s">
        <v>258</v>
      </c>
      <c r="E83" s="9" t="s">
        <v>226</v>
      </c>
      <c r="F83" s="9" t="s">
        <v>282</v>
      </c>
      <c r="G83" s="9" t="s">
        <v>279</v>
      </c>
      <c r="H83" s="6">
        <v>1017420</v>
      </c>
      <c r="I83" s="6">
        <v>817784</v>
      </c>
      <c r="J83" s="6">
        <v>767664</v>
      </c>
      <c r="K83" s="6">
        <v>199096</v>
      </c>
      <c r="L83" s="6">
        <v>540</v>
      </c>
    </row>
    <row r="84" spans="1:12">
      <c r="A84" s="9" t="s">
        <v>27</v>
      </c>
      <c r="B84" s="9" t="s">
        <v>28</v>
      </c>
      <c r="C84" s="9" t="s">
        <v>29</v>
      </c>
      <c r="D84" s="9" t="s">
        <v>258</v>
      </c>
      <c r="E84" s="9" t="s">
        <v>226</v>
      </c>
      <c r="F84" s="9" t="s">
        <v>282</v>
      </c>
      <c r="G84" s="9" t="s">
        <v>280</v>
      </c>
      <c r="H84" s="6">
        <v>3095680</v>
      </c>
      <c r="I84" s="6">
        <v>2140172</v>
      </c>
      <c r="J84" s="6">
        <v>1835556</v>
      </c>
      <c r="K84" s="6">
        <v>949580</v>
      </c>
      <c r="L84" s="6">
        <v>5928</v>
      </c>
    </row>
    <row r="85" spans="1:12">
      <c r="A85" s="9" t="s">
        <v>27</v>
      </c>
      <c r="B85" s="9" t="s">
        <v>28</v>
      </c>
      <c r="C85" s="9" t="s">
        <v>29</v>
      </c>
      <c r="D85" s="9" t="s">
        <v>258</v>
      </c>
      <c r="E85" s="9" t="s">
        <v>226</v>
      </c>
      <c r="F85" s="9" t="s">
        <v>283</v>
      </c>
      <c r="G85" s="9" t="s">
        <v>6</v>
      </c>
      <c r="H85" s="6">
        <v>6903905</v>
      </c>
      <c r="I85" s="6">
        <v>5124865</v>
      </c>
      <c r="J85" s="6">
        <v>4697945</v>
      </c>
      <c r="K85" s="6">
        <v>1771149</v>
      </c>
      <c r="L85" s="6">
        <v>7891</v>
      </c>
    </row>
    <row r="86" spans="1:12">
      <c r="A86" s="9" t="s">
        <v>27</v>
      </c>
      <c r="B86" s="9" t="s">
        <v>28</v>
      </c>
      <c r="C86" s="9" t="s">
        <v>29</v>
      </c>
      <c r="D86" s="9" t="s">
        <v>258</v>
      </c>
      <c r="E86" s="9" t="s">
        <v>226</v>
      </c>
      <c r="F86" s="9" t="s">
        <v>283</v>
      </c>
      <c r="G86" s="9" t="s">
        <v>272</v>
      </c>
      <c r="H86" s="6">
        <v>508900</v>
      </c>
      <c r="I86" s="6">
        <v>227660</v>
      </c>
      <c r="J86" s="6">
        <v>202006</v>
      </c>
      <c r="K86" s="6">
        <v>280801</v>
      </c>
      <c r="L86" s="6">
        <v>439</v>
      </c>
    </row>
    <row r="87" spans="1:12">
      <c r="A87" s="9" t="s">
        <v>27</v>
      </c>
      <c r="B87" s="9" t="s">
        <v>28</v>
      </c>
      <c r="C87" s="9" t="s">
        <v>29</v>
      </c>
      <c r="D87" s="9" t="s">
        <v>258</v>
      </c>
      <c r="E87" s="9" t="s">
        <v>226</v>
      </c>
      <c r="F87" s="9" t="s">
        <v>283</v>
      </c>
      <c r="G87" s="9" t="s">
        <v>273</v>
      </c>
      <c r="H87" s="6">
        <v>991753</v>
      </c>
      <c r="I87" s="6">
        <v>620504</v>
      </c>
      <c r="J87" s="6">
        <v>560196</v>
      </c>
      <c r="K87" s="6">
        <v>370301</v>
      </c>
      <c r="L87" s="6">
        <v>948</v>
      </c>
    </row>
    <row r="88" spans="1:12">
      <c r="A88" s="9" t="s">
        <v>27</v>
      </c>
      <c r="B88" s="9" t="s">
        <v>28</v>
      </c>
      <c r="C88" s="9" t="s">
        <v>29</v>
      </c>
      <c r="D88" s="9" t="s">
        <v>258</v>
      </c>
      <c r="E88" s="9" t="s">
        <v>226</v>
      </c>
      <c r="F88" s="9" t="s">
        <v>283</v>
      </c>
      <c r="G88" s="9" t="s">
        <v>274</v>
      </c>
      <c r="H88" s="6">
        <v>1358888</v>
      </c>
      <c r="I88" s="6">
        <v>1000669</v>
      </c>
      <c r="J88" s="6">
        <v>911869</v>
      </c>
      <c r="K88" s="6">
        <v>356983</v>
      </c>
      <c r="L88" s="6">
        <v>1236</v>
      </c>
    </row>
    <row r="89" spans="1:12">
      <c r="A89" s="9" t="s">
        <v>27</v>
      </c>
      <c r="B89" s="9" t="s">
        <v>28</v>
      </c>
      <c r="C89" s="9" t="s">
        <v>29</v>
      </c>
      <c r="D89" s="9" t="s">
        <v>258</v>
      </c>
      <c r="E89" s="9" t="s">
        <v>226</v>
      </c>
      <c r="F89" s="9" t="s">
        <v>283</v>
      </c>
      <c r="G89" s="9" t="s">
        <v>275</v>
      </c>
      <c r="H89" s="6">
        <v>1233357</v>
      </c>
      <c r="I89" s="6">
        <v>986992</v>
      </c>
      <c r="J89" s="6">
        <v>910824</v>
      </c>
      <c r="K89" s="6">
        <v>244955</v>
      </c>
      <c r="L89" s="6">
        <v>1410</v>
      </c>
    </row>
    <row r="90" spans="1:12">
      <c r="A90" s="9" t="s">
        <v>27</v>
      </c>
      <c r="B90" s="9" t="s">
        <v>28</v>
      </c>
      <c r="C90" s="9" t="s">
        <v>29</v>
      </c>
      <c r="D90" s="9" t="s">
        <v>258</v>
      </c>
      <c r="E90" s="9" t="s">
        <v>226</v>
      </c>
      <c r="F90" s="9" t="s">
        <v>283</v>
      </c>
      <c r="G90" s="9" t="s">
        <v>276</v>
      </c>
      <c r="H90" s="6">
        <v>1054337</v>
      </c>
      <c r="I90" s="6">
        <v>879451</v>
      </c>
      <c r="J90" s="6">
        <v>818487</v>
      </c>
      <c r="K90" s="6">
        <v>173814</v>
      </c>
      <c r="L90" s="6">
        <v>1072</v>
      </c>
    </row>
    <row r="91" spans="1:12">
      <c r="A91" s="9" t="s">
        <v>27</v>
      </c>
      <c r="B91" s="9" t="s">
        <v>28</v>
      </c>
      <c r="C91" s="9" t="s">
        <v>29</v>
      </c>
      <c r="D91" s="9" t="s">
        <v>258</v>
      </c>
      <c r="E91" s="9" t="s">
        <v>226</v>
      </c>
      <c r="F91" s="9" t="s">
        <v>283</v>
      </c>
      <c r="G91" s="9" t="s">
        <v>277</v>
      </c>
      <c r="H91" s="6">
        <v>754371</v>
      </c>
      <c r="I91" s="6">
        <v>633170</v>
      </c>
      <c r="J91" s="6">
        <v>591784</v>
      </c>
      <c r="K91" s="6">
        <v>120324</v>
      </c>
      <c r="L91" s="6">
        <v>877</v>
      </c>
    </row>
    <row r="92" spans="1:12">
      <c r="A92" s="9" t="s">
        <v>27</v>
      </c>
      <c r="B92" s="9" t="s">
        <v>28</v>
      </c>
      <c r="C92" s="9" t="s">
        <v>29</v>
      </c>
      <c r="D92" s="9" t="s">
        <v>258</v>
      </c>
      <c r="E92" s="9" t="s">
        <v>226</v>
      </c>
      <c r="F92" s="9" t="s">
        <v>283</v>
      </c>
      <c r="G92" s="9" t="s">
        <v>278</v>
      </c>
      <c r="H92" s="6">
        <v>450817</v>
      </c>
      <c r="I92" s="6">
        <v>372536</v>
      </c>
      <c r="J92" s="6">
        <v>347238</v>
      </c>
      <c r="K92" s="6">
        <v>77676</v>
      </c>
      <c r="L92" s="6">
        <v>605</v>
      </c>
    </row>
    <row r="93" spans="1:12">
      <c r="A93" s="9" t="s">
        <v>27</v>
      </c>
      <c r="B93" s="9" t="s">
        <v>28</v>
      </c>
      <c r="C93" s="9" t="s">
        <v>29</v>
      </c>
      <c r="D93" s="9" t="s">
        <v>258</v>
      </c>
      <c r="E93" s="9" t="s">
        <v>226</v>
      </c>
      <c r="F93" s="9" t="s">
        <v>283</v>
      </c>
      <c r="G93" s="9" t="s">
        <v>279</v>
      </c>
      <c r="H93" s="6">
        <v>189021</v>
      </c>
      <c r="I93" s="6">
        <v>151489</v>
      </c>
      <c r="J93" s="6">
        <v>140573</v>
      </c>
      <c r="K93" s="6">
        <v>37272</v>
      </c>
      <c r="L93" s="6">
        <v>260</v>
      </c>
    </row>
    <row r="94" spans="1:12">
      <c r="A94" s="9" t="s">
        <v>27</v>
      </c>
      <c r="B94" s="9" t="s">
        <v>28</v>
      </c>
      <c r="C94" s="9" t="s">
        <v>29</v>
      </c>
      <c r="D94" s="9" t="s">
        <v>258</v>
      </c>
      <c r="E94" s="9" t="s">
        <v>226</v>
      </c>
      <c r="F94" s="9" t="s">
        <v>283</v>
      </c>
      <c r="G94" s="9" t="s">
        <v>280</v>
      </c>
      <c r="H94" s="6">
        <v>362461</v>
      </c>
      <c r="I94" s="6">
        <v>252394</v>
      </c>
      <c r="J94" s="6">
        <v>214968</v>
      </c>
      <c r="K94" s="6">
        <v>109023</v>
      </c>
      <c r="L94" s="6">
        <v>1044</v>
      </c>
    </row>
    <row r="95" spans="1:12">
      <c r="A95" s="9" t="s">
        <v>27</v>
      </c>
      <c r="B95" s="9" t="s">
        <v>28</v>
      </c>
      <c r="C95" s="9" t="s">
        <v>29</v>
      </c>
      <c r="D95" s="9" t="s">
        <v>258</v>
      </c>
      <c r="E95" s="9" t="s">
        <v>227</v>
      </c>
      <c r="F95" s="9" t="s">
        <v>6</v>
      </c>
      <c r="G95" s="9" t="s">
        <v>6</v>
      </c>
      <c r="H95" s="6">
        <v>44640216</v>
      </c>
      <c r="I95" s="6">
        <v>30663017</v>
      </c>
      <c r="J95" s="6">
        <v>29364466</v>
      </c>
      <c r="K95" s="6">
        <v>13911159</v>
      </c>
      <c r="L95" s="6">
        <v>66040</v>
      </c>
    </row>
    <row r="96" spans="1:12">
      <c r="A96" s="9" t="s">
        <v>27</v>
      </c>
      <c r="B96" s="9" t="s">
        <v>28</v>
      </c>
      <c r="C96" s="9" t="s">
        <v>29</v>
      </c>
      <c r="D96" s="9" t="s">
        <v>258</v>
      </c>
      <c r="E96" s="9" t="s">
        <v>227</v>
      </c>
      <c r="F96" s="9" t="s">
        <v>234</v>
      </c>
      <c r="G96" s="9" t="s">
        <v>6</v>
      </c>
      <c r="H96" s="6">
        <v>9640526</v>
      </c>
      <c r="I96" s="6">
        <v>6156702</v>
      </c>
      <c r="J96" s="6">
        <v>5837608</v>
      </c>
      <c r="K96" s="6">
        <v>3447498</v>
      </c>
      <c r="L96" s="6">
        <v>36326</v>
      </c>
    </row>
    <row r="97" spans="1:12">
      <c r="A97" s="9" t="s">
        <v>27</v>
      </c>
      <c r="B97" s="9" t="s">
        <v>28</v>
      </c>
      <c r="C97" s="9" t="s">
        <v>29</v>
      </c>
      <c r="D97" s="9" t="s">
        <v>258</v>
      </c>
      <c r="E97" s="9" t="s">
        <v>227</v>
      </c>
      <c r="F97" s="9" t="s">
        <v>235</v>
      </c>
      <c r="G97" s="9" t="s">
        <v>6</v>
      </c>
      <c r="H97" s="6">
        <v>34999690</v>
      </c>
      <c r="I97" s="6">
        <v>24506315</v>
      </c>
      <c r="J97" s="6">
        <v>23526858</v>
      </c>
      <c r="K97" s="6">
        <v>10463661</v>
      </c>
      <c r="L97" s="6">
        <v>29714</v>
      </c>
    </row>
    <row r="98" spans="1:12">
      <c r="A98" s="9" t="s">
        <v>27</v>
      </c>
      <c r="B98" s="9" t="s">
        <v>28</v>
      </c>
      <c r="C98" s="9" t="s">
        <v>29</v>
      </c>
      <c r="D98" s="9" t="s">
        <v>258</v>
      </c>
      <c r="E98" s="9" t="s">
        <v>227</v>
      </c>
      <c r="F98" s="9" t="s">
        <v>235</v>
      </c>
      <c r="G98" s="9" t="s">
        <v>272</v>
      </c>
      <c r="H98" s="6">
        <v>2164469</v>
      </c>
      <c r="I98" s="6">
        <v>1008980</v>
      </c>
      <c r="J98" s="6">
        <v>966128</v>
      </c>
      <c r="K98" s="6">
        <v>1154182</v>
      </c>
      <c r="L98" s="6">
        <v>1307</v>
      </c>
    </row>
    <row r="99" spans="1:12">
      <c r="A99" s="9" t="s">
        <v>27</v>
      </c>
      <c r="B99" s="9" t="s">
        <v>28</v>
      </c>
      <c r="C99" s="9" t="s">
        <v>29</v>
      </c>
      <c r="D99" s="9" t="s">
        <v>258</v>
      </c>
      <c r="E99" s="9" t="s">
        <v>227</v>
      </c>
      <c r="F99" s="9" t="s">
        <v>235</v>
      </c>
      <c r="G99" s="9" t="s">
        <v>273</v>
      </c>
      <c r="H99" s="6">
        <v>4002325</v>
      </c>
      <c r="I99" s="6">
        <v>2431744</v>
      </c>
      <c r="J99" s="6">
        <v>2328834</v>
      </c>
      <c r="K99" s="6">
        <v>1568542</v>
      </c>
      <c r="L99" s="6">
        <v>2039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58</v>
      </c>
      <c r="E100" s="9" t="s">
        <v>227</v>
      </c>
      <c r="F100" s="9" t="s">
        <v>235</v>
      </c>
      <c r="G100" s="9" t="s">
        <v>274</v>
      </c>
      <c r="H100" s="6">
        <v>4605281</v>
      </c>
      <c r="I100" s="6">
        <v>3191751</v>
      </c>
      <c r="J100" s="6">
        <v>3048457</v>
      </c>
      <c r="K100" s="6">
        <v>1411109</v>
      </c>
      <c r="L100" s="6">
        <v>2421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58</v>
      </c>
      <c r="E101" s="9" t="s">
        <v>227</v>
      </c>
      <c r="F101" s="9" t="s">
        <v>235</v>
      </c>
      <c r="G101" s="9" t="s">
        <v>275</v>
      </c>
      <c r="H101" s="6">
        <v>3982962</v>
      </c>
      <c r="I101" s="6">
        <v>2981062</v>
      </c>
      <c r="J101" s="6">
        <v>2861536</v>
      </c>
      <c r="K101" s="6">
        <v>999774</v>
      </c>
      <c r="L101" s="6">
        <v>212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58</v>
      </c>
      <c r="E102" s="9" t="s">
        <v>227</v>
      </c>
      <c r="F102" s="9" t="s">
        <v>235</v>
      </c>
      <c r="G102" s="9" t="s">
        <v>276</v>
      </c>
      <c r="H102" s="6">
        <v>3719805</v>
      </c>
      <c r="I102" s="6">
        <v>2935404</v>
      </c>
      <c r="J102" s="6">
        <v>2834160</v>
      </c>
      <c r="K102" s="6">
        <v>782718</v>
      </c>
      <c r="L102" s="6">
        <v>1683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58</v>
      </c>
      <c r="E103" s="9" t="s">
        <v>227</v>
      </c>
      <c r="F103" s="9" t="s">
        <v>235</v>
      </c>
      <c r="G103" s="9" t="s">
        <v>277</v>
      </c>
      <c r="H103" s="6">
        <v>3439075</v>
      </c>
      <c r="I103" s="6">
        <v>2764369</v>
      </c>
      <c r="J103" s="6">
        <v>2676845</v>
      </c>
      <c r="K103" s="6">
        <v>673010</v>
      </c>
      <c r="L103" s="6">
        <v>1696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58</v>
      </c>
      <c r="E104" s="9" t="s">
        <v>227</v>
      </c>
      <c r="F104" s="9" t="s">
        <v>235</v>
      </c>
      <c r="G104" s="9" t="s">
        <v>278</v>
      </c>
      <c r="H104" s="6">
        <v>3113496</v>
      </c>
      <c r="I104" s="6">
        <v>2498853</v>
      </c>
      <c r="J104" s="6">
        <v>2422168</v>
      </c>
      <c r="K104" s="6">
        <v>613105</v>
      </c>
      <c r="L104" s="6">
        <v>1538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58</v>
      </c>
      <c r="E105" s="9" t="s">
        <v>227</v>
      </c>
      <c r="F105" s="9" t="s">
        <v>235</v>
      </c>
      <c r="G105" s="9" t="s">
        <v>279</v>
      </c>
      <c r="H105" s="6">
        <v>1740114</v>
      </c>
      <c r="I105" s="6">
        <v>1362429</v>
      </c>
      <c r="J105" s="6">
        <v>1319488</v>
      </c>
      <c r="K105" s="6">
        <v>376644</v>
      </c>
      <c r="L105" s="6">
        <v>1041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58</v>
      </c>
      <c r="E106" s="9" t="s">
        <v>227</v>
      </c>
      <c r="F106" s="9" t="s">
        <v>235</v>
      </c>
      <c r="G106" s="9" t="s">
        <v>280</v>
      </c>
      <c r="H106" s="6">
        <v>8232163</v>
      </c>
      <c r="I106" s="6">
        <v>5331723</v>
      </c>
      <c r="J106" s="6">
        <v>5069242</v>
      </c>
      <c r="K106" s="6">
        <v>2884577</v>
      </c>
      <c r="L106" s="6">
        <v>15863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58</v>
      </c>
      <c r="E107" s="9" t="s">
        <v>227</v>
      </c>
      <c r="F107" s="9" t="s">
        <v>281</v>
      </c>
      <c r="G107" s="9" t="s">
        <v>6</v>
      </c>
      <c r="H107" s="6">
        <v>12635232</v>
      </c>
      <c r="I107" s="6">
        <v>8223633</v>
      </c>
      <c r="J107" s="6">
        <v>7850898</v>
      </c>
      <c r="K107" s="6">
        <v>4396080</v>
      </c>
      <c r="L107" s="6">
        <v>15519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58</v>
      </c>
      <c r="E108" s="9" t="s">
        <v>227</v>
      </c>
      <c r="F108" s="9" t="s">
        <v>281</v>
      </c>
      <c r="G108" s="9" t="s">
        <v>272</v>
      </c>
      <c r="H108" s="6">
        <v>828327</v>
      </c>
      <c r="I108" s="6">
        <v>408240</v>
      </c>
      <c r="J108" s="6">
        <v>395163</v>
      </c>
      <c r="K108" s="6">
        <v>419553</v>
      </c>
      <c r="L108" s="6">
        <v>534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58</v>
      </c>
      <c r="E109" s="9" t="s">
        <v>227</v>
      </c>
      <c r="F109" s="9" t="s">
        <v>281</v>
      </c>
      <c r="G109" s="9" t="s">
        <v>273</v>
      </c>
      <c r="H109" s="6">
        <v>1397199</v>
      </c>
      <c r="I109" s="6">
        <v>852813</v>
      </c>
      <c r="J109" s="6">
        <v>821949</v>
      </c>
      <c r="K109" s="6">
        <v>543672</v>
      </c>
      <c r="L109" s="6">
        <v>714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58</v>
      </c>
      <c r="E110" s="9" t="s">
        <v>227</v>
      </c>
      <c r="F110" s="9" t="s">
        <v>281</v>
      </c>
      <c r="G110" s="9" t="s">
        <v>274</v>
      </c>
      <c r="H110" s="6">
        <v>1124463</v>
      </c>
      <c r="I110" s="6">
        <v>750948</v>
      </c>
      <c r="J110" s="6">
        <v>716682</v>
      </c>
      <c r="K110" s="6">
        <v>372978</v>
      </c>
      <c r="L110" s="6">
        <v>537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58</v>
      </c>
      <c r="E111" s="9" t="s">
        <v>227</v>
      </c>
      <c r="F111" s="9" t="s">
        <v>281</v>
      </c>
      <c r="G111" s="9" t="s">
        <v>275</v>
      </c>
      <c r="H111" s="6">
        <v>785775</v>
      </c>
      <c r="I111" s="6">
        <v>528258</v>
      </c>
      <c r="J111" s="6">
        <v>502002</v>
      </c>
      <c r="K111" s="6">
        <v>257142</v>
      </c>
      <c r="L111" s="6">
        <v>375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58</v>
      </c>
      <c r="E112" s="9" t="s">
        <v>227</v>
      </c>
      <c r="F112" s="9" t="s">
        <v>281</v>
      </c>
      <c r="G112" s="9" t="s">
        <v>276</v>
      </c>
      <c r="H112" s="6">
        <v>735597</v>
      </c>
      <c r="I112" s="6">
        <v>515433</v>
      </c>
      <c r="J112" s="6">
        <v>492279</v>
      </c>
      <c r="K112" s="6">
        <v>219825</v>
      </c>
      <c r="L112" s="6">
        <v>339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58</v>
      </c>
      <c r="E113" s="9" t="s">
        <v>227</v>
      </c>
      <c r="F113" s="9" t="s">
        <v>281</v>
      </c>
      <c r="G113" s="9" t="s">
        <v>277</v>
      </c>
      <c r="H113" s="6">
        <v>754533</v>
      </c>
      <c r="I113" s="6">
        <v>549294</v>
      </c>
      <c r="J113" s="6">
        <v>526719</v>
      </c>
      <c r="K113" s="6">
        <v>204795</v>
      </c>
      <c r="L113" s="6">
        <v>444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58</v>
      </c>
      <c r="E114" s="9" t="s">
        <v>227</v>
      </c>
      <c r="F114" s="9" t="s">
        <v>281</v>
      </c>
      <c r="G114" s="9" t="s">
        <v>278</v>
      </c>
      <c r="H114" s="6">
        <v>964539</v>
      </c>
      <c r="I114" s="6">
        <v>735261</v>
      </c>
      <c r="J114" s="6">
        <v>708897</v>
      </c>
      <c r="K114" s="6">
        <v>228846</v>
      </c>
      <c r="L114" s="6">
        <v>432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58</v>
      </c>
      <c r="E115" s="9" t="s">
        <v>227</v>
      </c>
      <c r="F115" s="9" t="s">
        <v>281</v>
      </c>
      <c r="G115" s="9" t="s">
        <v>279</v>
      </c>
      <c r="H115" s="6">
        <v>649197</v>
      </c>
      <c r="I115" s="6">
        <v>490392</v>
      </c>
      <c r="J115" s="6">
        <v>473175</v>
      </c>
      <c r="K115" s="6">
        <v>158319</v>
      </c>
      <c r="L115" s="6">
        <v>486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58</v>
      </c>
      <c r="E116" s="9" t="s">
        <v>227</v>
      </c>
      <c r="F116" s="9" t="s">
        <v>281</v>
      </c>
      <c r="G116" s="9" t="s">
        <v>280</v>
      </c>
      <c r="H116" s="6">
        <v>5395602</v>
      </c>
      <c r="I116" s="6">
        <v>3392994</v>
      </c>
      <c r="J116" s="6">
        <v>3214032</v>
      </c>
      <c r="K116" s="6">
        <v>1990950</v>
      </c>
      <c r="L116" s="6">
        <v>11658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58</v>
      </c>
      <c r="E117" s="9" t="s">
        <v>227</v>
      </c>
      <c r="F117" s="9" t="s">
        <v>282</v>
      </c>
      <c r="G117" s="9" t="s">
        <v>6</v>
      </c>
      <c r="H117" s="6">
        <v>16188028</v>
      </c>
      <c r="I117" s="6">
        <v>11730652</v>
      </c>
      <c r="J117" s="6">
        <v>11297928</v>
      </c>
      <c r="K117" s="6">
        <v>4448496</v>
      </c>
      <c r="L117" s="6">
        <v>888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58</v>
      </c>
      <c r="E118" s="9" t="s">
        <v>227</v>
      </c>
      <c r="F118" s="9" t="s">
        <v>282</v>
      </c>
      <c r="G118" s="9" t="s">
        <v>272</v>
      </c>
      <c r="H118" s="6">
        <v>875532</v>
      </c>
      <c r="I118" s="6">
        <v>398584</v>
      </c>
      <c r="J118" s="6">
        <v>380664</v>
      </c>
      <c r="K118" s="6">
        <v>476444</v>
      </c>
      <c r="L118" s="6">
        <v>504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58</v>
      </c>
      <c r="E119" s="9" t="s">
        <v>227</v>
      </c>
      <c r="F119" s="9" t="s">
        <v>282</v>
      </c>
      <c r="G119" s="9" t="s">
        <v>273</v>
      </c>
      <c r="H119" s="6">
        <v>1707400</v>
      </c>
      <c r="I119" s="6">
        <v>1025472</v>
      </c>
      <c r="J119" s="6">
        <v>980568</v>
      </c>
      <c r="K119" s="6">
        <v>681212</v>
      </c>
      <c r="L119" s="6">
        <v>716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58</v>
      </c>
      <c r="E120" s="9" t="s">
        <v>227</v>
      </c>
      <c r="F120" s="9" t="s">
        <v>282</v>
      </c>
      <c r="G120" s="9" t="s">
        <v>274</v>
      </c>
      <c r="H120" s="6">
        <v>2253288</v>
      </c>
      <c r="I120" s="6">
        <v>1546048</v>
      </c>
      <c r="J120" s="6">
        <v>1476824</v>
      </c>
      <c r="K120" s="6">
        <v>706208</v>
      </c>
      <c r="L120" s="6">
        <v>1032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58</v>
      </c>
      <c r="E121" s="9" t="s">
        <v>227</v>
      </c>
      <c r="F121" s="9" t="s">
        <v>282</v>
      </c>
      <c r="G121" s="9" t="s">
        <v>275</v>
      </c>
      <c r="H121" s="6">
        <v>2087668</v>
      </c>
      <c r="I121" s="6">
        <v>1569068</v>
      </c>
      <c r="J121" s="6">
        <v>1508104</v>
      </c>
      <c r="K121" s="6">
        <v>517812</v>
      </c>
      <c r="L121" s="6">
        <v>788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58</v>
      </c>
      <c r="E122" s="9" t="s">
        <v>227</v>
      </c>
      <c r="F122" s="9" t="s">
        <v>282</v>
      </c>
      <c r="G122" s="9" t="s">
        <v>276</v>
      </c>
      <c r="H122" s="6">
        <v>2037412</v>
      </c>
      <c r="I122" s="6">
        <v>1631388</v>
      </c>
      <c r="J122" s="6">
        <v>1577796</v>
      </c>
      <c r="K122" s="6">
        <v>405388</v>
      </c>
      <c r="L122" s="6">
        <v>636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58</v>
      </c>
      <c r="E123" s="9" t="s">
        <v>227</v>
      </c>
      <c r="F123" s="9" t="s">
        <v>282</v>
      </c>
      <c r="G123" s="9" t="s">
        <v>277</v>
      </c>
      <c r="H123" s="6">
        <v>2010284</v>
      </c>
      <c r="I123" s="6">
        <v>1650212</v>
      </c>
      <c r="J123" s="6">
        <v>1601268</v>
      </c>
      <c r="K123" s="6">
        <v>359448</v>
      </c>
      <c r="L123" s="6">
        <v>624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58</v>
      </c>
      <c r="E124" s="9" t="s">
        <v>227</v>
      </c>
      <c r="F124" s="9" t="s">
        <v>282</v>
      </c>
      <c r="G124" s="9" t="s">
        <v>278</v>
      </c>
      <c r="H124" s="6">
        <v>1747920</v>
      </c>
      <c r="I124" s="6">
        <v>1432892</v>
      </c>
      <c r="J124" s="6">
        <v>1392248</v>
      </c>
      <c r="K124" s="6">
        <v>314376</v>
      </c>
      <c r="L124" s="6">
        <v>652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58</v>
      </c>
      <c r="E125" s="9" t="s">
        <v>227</v>
      </c>
      <c r="F125" s="9" t="s">
        <v>282</v>
      </c>
      <c r="G125" s="9" t="s">
        <v>279</v>
      </c>
      <c r="H125" s="6">
        <v>923764</v>
      </c>
      <c r="I125" s="6">
        <v>738780</v>
      </c>
      <c r="J125" s="6">
        <v>717108</v>
      </c>
      <c r="K125" s="6">
        <v>184600</v>
      </c>
      <c r="L125" s="6">
        <v>384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58</v>
      </c>
      <c r="E126" s="9" t="s">
        <v>227</v>
      </c>
      <c r="F126" s="9" t="s">
        <v>282</v>
      </c>
      <c r="G126" s="9" t="s">
        <v>280</v>
      </c>
      <c r="H126" s="6">
        <v>2544760</v>
      </c>
      <c r="I126" s="6">
        <v>1738208</v>
      </c>
      <c r="J126" s="6">
        <v>1663348</v>
      </c>
      <c r="K126" s="6">
        <v>803008</v>
      </c>
      <c r="L126" s="6">
        <v>3544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58</v>
      </c>
      <c r="E127" s="9" t="s">
        <v>227</v>
      </c>
      <c r="F127" s="9" t="s">
        <v>283</v>
      </c>
      <c r="G127" s="9" t="s">
        <v>6</v>
      </c>
      <c r="H127" s="6">
        <v>6176430</v>
      </c>
      <c r="I127" s="6">
        <v>4552030</v>
      </c>
      <c r="J127" s="6">
        <v>4378032</v>
      </c>
      <c r="K127" s="6">
        <v>1619085</v>
      </c>
      <c r="L127" s="6">
        <v>5315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58</v>
      </c>
      <c r="E128" s="9" t="s">
        <v>227</v>
      </c>
      <c r="F128" s="9" t="s">
        <v>283</v>
      </c>
      <c r="G128" s="9" t="s">
        <v>272</v>
      </c>
      <c r="H128" s="6">
        <v>460610</v>
      </c>
      <c r="I128" s="6">
        <v>202156</v>
      </c>
      <c r="J128" s="6">
        <v>190301</v>
      </c>
      <c r="K128" s="6">
        <v>258185</v>
      </c>
      <c r="L128" s="6">
        <v>269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58</v>
      </c>
      <c r="E129" s="9" t="s">
        <v>227</v>
      </c>
      <c r="F129" s="9" t="s">
        <v>283</v>
      </c>
      <c r="G129" s="9" t="s">
        <v>273</v>
      </c>
      <c r="H129" s="6">
        <v>897726</v>
      </c>
      <c r="I129" s="6">
        <v>553459</v>
      </c>
      <c r="J129" s="6">
        <v>526317</v>
      </c>
      <c r="K129" s="6">
        <v>343658</v>
      </c>
      <c r="L129" s="6">
        <v>609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58</v>
      </c>
      <c r="E130" s="9" t="s">
        <v>227</v>
      </c>
      <c r="F130" s="9" t="s">
        <v>283</v>
      </c>
      <c r="G130" s="9" t="s">
        <v>274</v>
      </c>
      <c r="H130" s="6">
        <v>1227530</v>
      </c>
      <c r="I130" s="6">
        <v>894755</v>
      </c>
      <c r="J130" s="6">
        <v>854951</v>
      </c>
      <c r="K130" s="6">
        <v>331923</v>
      </c>
      <c r="L130" s="6">
        <v>852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58</v>
      </c>
      <c r="E131" s="9" t="s">
        <v>227</v>
      </c>
      <c r="F131" s="9" t="s">
        <v>283</v>
      </c>
      <c r="G131" s="9" t="s">
        <v>275</v>
      </c>
      <c r="H131" s="6">
        <v>1109519</v>
      </c>
      <c r="I131" s="6">
        <v>883736</v>
      </c>
      <c r="J131" s="6">
        <v>851430</v>
      </c>
      <c r="K131" s="6">
        <v>224820</v>
      </c>
      <c r="L131" s="6">
        <v>963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58</v>
      </c>
      <c r="E132" s="9" t="s">
        <v>227</v>
      </c>
      <c r="F132" s="9" t="s">
        <v>283</v>
      </c>
      <c r="G132" s="9" t="s">
        <v>276</v>
      </c>
      <c r="H132" s="6">
        <v>946796</v>
      </c>
      <c r="I132" s="6">
        <v>788583</v>
      </c>
      <c r="J132" s="6">
        <v>764085</v>
      </c>
      <c r="K132" s="6">
        <v>157505</v>
      </c>
      <c r="L132" s="6">
        <v>708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58</v>
      </c>
      <c r="E133" s="9" t="s">
        <v>227</v>
      </c>
      <c r="F133" s="9" t="s">
        <v>283</v>
      </c>
      <c r="G133" s="9" t="s">
        <v>277</v>
      </c>
      <c r="H133" s="6">
        <v>674258</v>
      </c>
      <c r="I133" s="6">
        <v>564863</v>
      </c>
      <c r="J133" s="6">
        <v>548858</v>
      </c>
      <c r="K133" s="6">
        <v>108767</v>
      </c>
      <c r="L133" s="6">
        <v>628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58</v>
      </c>
      <c r="E134" s="9" t="s">
        <v>227</v>
      </c>
      <c r="F134" s="9" t="s">
        <v>283</v>
      </c>
      <c r="G134" s="9" t="s">
        <v>278</v>
      </c>
      <c r="H134" s="6">
        <v>401037</v>
      </c>
      <c r="I134" s="6">
        <v>330700</v>
      </c>
      <c r="J134" s="6">
        <v>321023</v>
      </c>
      <c r="K134" s="6">
        <v>69883</v>
      </c>
      <c r="L134" s="6">
        <v>454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58</v>
      </c>
      <c r="E135" s="9" t="s">
        <v>227</v>
      </c>
      <c r="F135" s="9" t="s">
        <v>283</v>
      </c>
      <c r="G135" s="9" t="s">
        <v>279</v>
      </c>
      <c r="H135" s="6">
        <v>167153</v>
      </c>
      <c r="I135" s="6">
        <v>133257</v>
      </c>
      <c r="J135" s="6">
        <v>129205</v>
      </c>
      <c r="K135" s="6">
        <v>33725</v>
      </c>
      <c r="L135" s="6">
        <v>171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58</v>
      </c>
      <c r="E136" s="9" t="s">
        <v>227</v>
      </c>
      <c r="F136" s="9" t="s">
        <v>283</v>
      </c>
      <c r="G136" s="9" t="s">
        <v>280</v>
      </c>
      <c r="H136" s="6">
        <v>291801</v>
      </c>
      <c r="I136" s="6">
        <v>200521</v>
      </c>
      <c r="J136" s="6">
        <v>191862</v>
      </c>
      <c r="K136" s="6">
        <v>90619</v>
      </c>
      <c r="L136" s="6">
        <v>661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58</v>
      </c>
      <c r="E137" s="9" t="s">
        <v>228</v>
      </c>
      <c r="F137" s="9" t="s">
        <v>6</v>
      </c>
      <c r="G137" s="9" t="s">
        <v>6</v>
      </c>
      <c r="H137" s="6">
        <v>14540595</v>
      </c>
      <c r="I137" s="6">
        <v>2531063</v>
      </c>
      <c r="J137" s="6">
        <v>2267841</v>
      </c>
      <c r="K137" s="6">
        <v>11971593</v>
      </c>
      <c r="L137" s="6">
        <v>37939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58</v>
      </c>
      <c r="E138" s="9" t="s">
        <v>228</v>
      </c>
      <c r="F138" s="9" t="s">
        <v>234</v>
      </c>
      <c r="G138" s="9" t="s">
        <v>6</v>
      </c>
      <c r="H138" s="6">
        <v>8506784</v>
      </c>
      <c r="I138" s="6">
        <v>1205968</v>
      </c>
      <c r="J138" s="6">
        <v>1071284</v>
      </c>
      <c r="K138" s="6">
        <v>7272018</v>
      </c>
      <c r="L138" s="6">
        <v>28798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58</v>
      </c>
      <c r="E139" s="9" t="s">
        <v>228</v>
      </c>
      <c r="F139" s="9" t="s">
        <v>235</v>
      </c>
      <c r="G139" s="9" t="s">
        <v>6</v>
      </c>
      <c r="H139" s="6">
        <v>6033811</v>
      </c>
      <c r="I139" s="6">
        <v>1325095</v>
      </c>
      <c r="J139" s="6">
        <v>1196557</v>
      </c>
      <c r="K139" s="6">
        <v>4699575</v>
      </c>
      <c r="L139" s="6">
        <v>9141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58</v>
      </c>
      <c r="E140" s="9" t="s">
        <v>228</v>
      </c>
      <c r="F140" s="9" t="s">
        <v>235</v>
      </c>
      <c r="G140" s="9" t="s">
        <v>272</v>
      </c>
      <c r="H140" s="6">
        <v>30437</v>
      </c>
      <c r="I140" s="6">
        <v>10512</v>
      </c>
      <c r="J140" s="6">
        <v>9661</v>
      </c>
      <c r="K140" s="6">
        <v>19765</v>
      </c>
      <c r="L140" s="6">
        <v>160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58</v>
      </c>
      <c r="E141" s="9" t="s">
        <v>228</v>
      </c>
      <c r="F141" s="9" t="s">
        <v>235</v>
      </c>
      <c r="G141" s="9" t="s">
        <v>273</v>
      </c>
      <c r="H141" s="6">
        <v>46722</v>
      </c>
      <c r="I141" s="6">
        <v>22927</v>
      </c>
      <c r="J141" s="6">
        <v>21351</v>
      </c>
      <c r="K141" s="6">
        <v>23659</v>
      </c>
      <c r="L141" s="6">
        <v>136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58</v>
      </c>
      <c r="E142" s="9" t="s">
        <v>228</v>
      </c>
      <c r="F142" s="9" t="s">
        <v>235</v>
      </c>
      <c r="G142" s="9" t="s">
        <v>274</v>
      </c>
      <c r="H142" s="6">
        <v>52372</v>
      </c>
      <c r="I142" s="6">
        <v>30812</v>
      </c>
      <c r="J142" s="6">
        <v>28786</v>
      </c>
      <c r="K142" s="6">
        <v>21352</v>
      </c>
      <c r="L142" s="6">
        <v>208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58</v>
      </c>
      <c r="E143" s="9" t="s">
        <v>228</v>
      </c>
      <c r="F143" s="9" t="s">
        <v>235</v>
      </c>
      <c r="G143" s="9" t="s">
        <v>275</v>
      </c>
      <c r="H143" s="6">
        <v>51616</v>
      </c>
      <c r="I143" s="6">
        <v>33207</v>
      </c>
      <c r="J143" s="6">
        <v>31180</v>
      </c>
      <c r="K143" s="6">
        <v>18262</v>
      </c>
      <c r="L143" s="6">
        <v>147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58</v>
      </c>
      <c r="E144" s="9" t="s">
        <v>228</v>
      </c>
      <c r="F144" s="9" t="s">
        <v>235</v>
      </c>
      <c r="G144" s="9" t="s">
        <v>276</v>
      </c>
      <c r="H144" s="6">
        <v>53835</v>
      </c>
      <c r="I144" s="6">
        <v>36760</v>
      </c>
      <c r="J144" s="6">
        <v>34760</v>
      </c>
      <c r="K144" s="6">
        <v>16874</v>
      </c>
      <c r="L144" s="6">
        <v>201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58</v>
      </c>
      <c r="E145" s="9" t="s">
        <v>228</v>
      </c>
      <c r="F145" s="9" t="s">
        <v>235</v>
      </c>
      <c r="G145" s="9" t="s">
        <v>277</v>
      </c>
      <c r="H145" s="6">
        <v>58978</v>
      </c>
      <c r="I145" s="6">
        <v>41431</v>
      </c>
      <c r="J145" s="6">
        <v>39277</v>
      </c>
      <c r="K145" s="6">
        <v>17346</v>
      </c>
      <c r="L145" s="6">
        <v>201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58</v>
      </c>
      <c r="E146" s="9" t="s">
        <v>228</v>
      </c>
      <c r="F146" s="9" t="s">
        <v>235</v>
      </c>
      <c r="G146" s="9" t="s">
        <v>278</v>
      </c>
      <c r="H146" s="6">
        <v>68734</v>
      </c>
      <c r="I146" s="6">
        <v>48161</v>
      </c>
      <c r="J146" s="6">
        <v>45577</v>
      </c>
      <c r="K146" s="6">
        <v>20402</v>
      </c>
      <c r="L146" s="6">
        <v>171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58</v>
      </c>
      <c r="E147" s="9" t="s">
        <v>228</v>
      </c>
      <c r="F147" s="9" t="s">
        <v>235</v>
      </c>
      <c r="G147" s="9" t="s">
        <v>279</v>
      </c>
      <c r="H147" s="6">
        <v>54595</v>
      </c>
      <c r="I147" s="6">
        <v>37347</v>
      </c>
      <c r="J147" s="6">
        <v>35545</v>
      </c>
      <c r="K147" s="6">
        <v>17119</v>
      </c>
      <c r="L147" s="6">
        <v>129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58</v>
      </c>
      <c r="E148" s="9" t="s">
        <v>228</v>
      </c>
      <c r="F148" s="9" t="s">
        <v>235</v>
      </c>
      <c r="G148" s="9" t="s">
        <v>280</v>
      </c>
      <c r="H148" s="6">
        <v>5616522</v>
      </c>
      <c r="I148" s="6">
        <v>1063938</v>
      </c>
      <c r="J148" s="6">
        <v>950420</v>
      </c>
      <c r="K148" s="6">
        <v>4544796</v>
      </c>
      <c r="L148" s="6">
        <v>7788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58</v>
      </c>
      <c r="E149" s="9" t="s">
        <v>228</v>
      </c>
      <c r="F149" s="9" t="s">
        <v>281</v>
      </c>
      <c r="G149" s="9" t="s">
        <v>6</v>
      </c>
      <c r="H149" s="6">
        <v>4571508</v>
      </c>
      <c r="I149" s="6">
        <v>867150</v>
      </c>
      <c r="J149" s="6">
        <v>774069</v>
      </c>
      <c r="K149" s="6">
        <v>3697803</v>
      </c>
      <c r="L149" s="6">
        <v>6555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58</v>
      </c>
      <c r="E150" s="9" t="s">
        <v>228</v>
      </c>
      <c r="F150" s="9" t="s">
        <v>281</v>
      </c>
      <c r="G150" s="9" t="s">
        <v>272</v>
      </c>
      <c r="H150" s="6">
        <v>12861</v>
      </c>
      <c r="I150" s="6">
        <v>5025</v>
      </c>
      <c r="J150" s="6">
        <v>4713</v>
      </c>
      <c r="K150" s="6">
        <v>7797</v>
      </c>
      <c r="L150" s="6">
        <v>39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58</v>
      </c>
      <c r="E151" s="9" t="s">
        <v>228</v>
      </c>
      <c r="F151" s="9" t="s">
        <v>281</v>
      </c>
      <c r="G151" s="9" t="s">
        <v>273</v>
      </c>
      <c r="H151" s="6">
        <v>17880</v>
      </c>
      <c r="I151" s="6">
        <v>9144</v>
      </c>
      <c r="J151" s="6">
        <v>8607</v>
      </c>
      <c r="K151" s="6">
        <v>8694</v>
      </c>
      <c r="L151" s="6">
        <v>42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58</v>
      </c>
      <c r="E152" s="9" t="s">
        <v>228</v>
      </c>
      <c r="F152" s="9" t="s">
        <v>281</v>
      </c>
      <c r="G152" s="9" t="s">
        <v>274</v>
      </c>
      <c r="H152" s="6">
        <v>16167</v>
      </c>
      <c r="I152" s="6">
        <v>9858</v>
      </c>
      <c r="J152" s="6">
        <v>9180</v>
      </c>
      <c r="K152" s="6">
        <v>6276</v>
      </c>
      <c r="L152" s="6">
        <v>33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58</v>
      </c>
      <c r="E153" s="9" t="s">
        <v>228</v>
      </c>
      <c r="F153" s="9" t="s">
        <v>281</v>
      </c>
      <c r="G153" s="9" t="s">
        <v>275</v>
      </c>
      <c r="H153" s="6">
        <v>14769</v>
      </c>
      <c r="I153" s="6">
        <v>9501</v>
      </c>
      <c r="J153" s="6">
        <v>8880</v>
      </c>
      <c r="K153" s="6">
        <v>5232</v>
      </c>
      <c r="L153" s="6">
        <v>36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58</v>
      </c>
      <c r="E154" s="9" t="s">
        <v>228</v>
      </c>
      <c r="F154" s="9" t="s">
        <v>281</v>
      </c>
      <c r="G154" s="9" t="s">
        <v>276</v>
      </c>
      <c r="H154" s="6">
        <v>16137</v>
      </c>
      <c r="I154" s="6">
        <v>10872</v>
      </c>
      <c r="J154" s="6">
        <v>10248</v>
      </c>
      <c r="K154" s="6">
        <v>5223</v>
      </c>
      <c r="L154" s="6">
        <v>42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58</v>
      </c>
      <c r="E155" s="9" t="s">
        <v>228</v>
      </c>
      <c r="F155" s="9" t="s">
        <v>281</v>
      </c>
      <c r="G155" s="9" t="s">
        <v>277</v>
      </c>
      <c r="H155" s="6">
        <v>19887</v>
      </c>
      <c r="I155" s="6">
        <v>13290</v>
      </c>
      <c r="J155" s="6">
        <v>12510</v>
      </c>
      <c r="K155" s="6">
        <v>6537</v>
      </c>
      <c r="L155" s="6">
        <v>60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58</v>
      </c>
      <c r="E156" s="9" t="s">
        <v>228</v>
      </c>
      <c r="F156" s="9" t="s">
        <v>281</v>
      </c>
      <c r="G156" s="9" t="s">
        <v>278</v>
      </c>
      <c r="H156" s="6">
        <v>28683</v>
      </c>
      <c r="I156" s="6">
        <v>19266</v>
      </c>
      <c r="J156" s="6">
        <v>18096</v>
      </c>
      <c r="K156" s="6">
        <v>9333</v>
      </c>
      <c r="L156" s="6">
        <v>84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58</v>
      </c>
      <c r="E157" s="9" t="s">
        <v>228</v>
      </c>
      <c r="F157" s="9" t="s">
        <v>281</v>
      </c>
      <c r="G157" s="9" t="s">
        <v>279</v>
      </c>
      <c r="H157" s="6">
        <v>24690</v>
      </c>
      <c r="I157" s="6">
        <v>16335</v>
      </c>
      <c r="J157" s="6">
        <v>15561</v>
      </c>
      <c r="K157" s="6">
        <v>8295</v>
      </c>
      <c r="L157" s="6">
        <v>60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58</v>
      </c>
      <c r="E158" s="9" t="s">
        <v>228</v>
      </c>
      <c r="F158" s="9" t="s">
        <v>281</v>
      </c>
      <c r="G158" s="9" t="s">
        <v>280</v>
      </c>
      <c r="H158" s="6">
        <v>4420434</v>
      </c>
      <c r="I158" s="6">
        <v>773859</v>
      </c>
      <c r="J158" s="6">
        <v>686274</v>
      </c>
      <c r="K158" s="6">
        <v>3640416</v>
      </c>
      <c r="L158" s="6">
        <v>6159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58</v>
      </c>
      <c r="E159" s="9" t="s">
        <v>228</v>
      </c>
      <c r="F159" s="9" t="s">
        <v>282</v>
      </c>
      <c r="G159" s="9" t="s">
        <v>6</v>
      </c>
      <c r="H159" s="6">
        <v>1271140</v>
      </c>
      <c r="I159" s="6">
        <v>374228</v>
      </c>
      <c r="J159" s="6">
        <v>344588</v>
      </c>
      <c r="K159" s="6">
        <v>895128</v>
      </c>
      <c r="L159" s="6">
        <v>1784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58</v>
      </c>
      <c r="E160" s="9" t="s">
        <v>228</v>
      </c>
      <c r="F160" s="9" t="s">
        <v>282</v>
      </c>
      <c r="G160" s="9" t="s">
        <v>272</v>
      </c>
      <c r="H160" s="6">
        <v>10148</v>
      </c>
      <c r="I160" s="6">
        <v>3356</v>
      </c>
      <c r="J160" s="6">
        <v>3084</v>
      </c>
      <c r="K160" s="6">
        <v>6736</v>
      </c>
      <c r="L160" s="6">
        <v>56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58</v>
      </c>
      <c r="E161" s="9" t="s">
        <v>228</v>
      </c>
      <c r="F161" s="9" t="s">
        <v>282</v>
      </c>
      <c r="G161" s="9" t="s">
        <v>273</v>
      </c>
      <c r="H161" s="6">
        <v>16604</v>
      </c>
      <c r="I161" s="6">
        <v>8152</v>
      </c>
      <c r="J161" s="6">
        <v>7572</v>
      </c>
      <c r="K161" s="6">
        <v>8396</v>
      </c>
      <c r="L161" s="6">
        <v>56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58</v>
      </c>
      <c r="E162" s="9" t="s">
        <v>228</v>
      </c>
      <c r="F162" s="9" t="s">
        <v>282</v>
      </c>
      <c r="G162" s="9" t="s">
        <v>274</v>
      </c>
      <c r="H162" s="6">
        <v>20860</v>
      </c>
      <c r="I162" s="6">
        <v>12272</v>
      </c>
      <c r="J162" s="6">
        <v>11552</v>
      </c>
      <c r="K162" s="6">
        <v>8504</v>
      </c>
      <c r="L162" s="6">
        <v>84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58</v>
      </c>
      <c r="E163" s="9" t="s">
        <v>228</v>
      </c>
      <c r="F163" s="9" t="s">
        <v>282</v>
      </c>
      <c r="G163" s="9" t="s">
        <v>275</v>
      </c>
      <c r="H163" s="6">
        <v>21936</v>
      </c>
      <c r="I163" s="6">
        <v>14572</v>
      </c>
      <c r="J163" s="6">
        <v>13696</v>
      </c>
      <c r="K163" s="6">
        <v>7304</v>
      </c>
      <c r="L163" s="6">
        <v>60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58</v>
      </c>
      <c r="E164" s="9" t="s">
        <v>228</v>
      </c>
      <c r="F164" s="9" t="s">
        <v>282</v>
      </c>
      <c r="G164" s="9" t="s">
        <v>276</v>
      </c>
      <c r="H164" s="6">
        <v>23936</v>
      </c>
      <c r="I164" s="6">
        <v>16712</v>
      </c>
      <c r="J164" s="6">
        <v>15856</v>
      </c>
      <c r="K164" s="6">
        <v>7160</v>
      </c>
      <c r="L164" s="6">
        <v>64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58</v>
      </c>
      <c r="E165" s="9" t="s">
        <v>228</v>
      </c>
      <c r="F165" s="9" t="s">
        <v>282</v>
      </c>
      <c r="G165" s="9" t="s">
        <v>277</v>
      </c>
      <c r="H165" s="6">
        <v>27924</v>
      </c>
      <c r="I165" s="6">
        <v>20412</v>
      </c>
      <c r="J165" s="6">
        <v>19428</v>
      </c>
      <c r="K165" s="6">
        <v>7452</v>
      </c>
      <c r="L165" s="6">
        <v>60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58</v>
      </c>
      <c r="E166" s="9" t="s">
        <v>228</v>
      </c>
      <c r="F166" s="9" t="s">
        <v>282</v>
      </c>
      <c r="G166" s="9" t="s">
        <v>278</v>
      </c>
      <c r="H166" s="6">
        <v>30676</v>
      </c>
      <c r="I166" s="6">
        <v>22296</v>
      </c>
      <c r="J166" s="6">
        <v>21184</v>
      </c>
      <c r="K166" s="6">
        <v>8328</v>
      </c>
      <c r="L166" s="6">
        <v>52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58</v>
      </c>
      <c r="E167" s="9" t="s">
        <v>228</v>
      </c>
      <c r="F167" s="9" t="s">
        <v>282</v>
      </c>
      <c r="G167" s="9" t="s">
        <v>279</v>
      </c>
      <c r="H167" s="6">
        <v>23544</v>
      </c>
      <c r="I167" s="6">
        <v>16764</v>
      </c>
      <c r="J167" s="6">
        <v>15984</v>
      </c>
      <c r="K167" s="6">
        <v>6752</v>
      </c>
      <c r="L167" s="6">
        <v>28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58</v>
      </c>
      <c r="E168" s="9" t="s">
        <v>228</v>
      </c>
      <c r="F168" s="9" t="s">
        <v>282</v>
      </c>
      <c r="G168" s="9" t="s">
        <v>280</v>
      </c>
      <c r="H168" s="6">
        <v>1095512</v>
      </c>
      <c r="I168" s="6">
        <v>259692</v>
      </c>
      <c r="J168" s="6">
        <v>236232</v>
      </c>
      <c r="K168" s="6">
        <v>834496</v>
      </c>
      <c r="L168" s="6">
        <v>1324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58</v>
      </c>
      <c r="E169" s="9" t="s">
        <v>228</v>
      </c>
      <c r="F169" s="9" t="s">
        <v>283</v>
      </c>
      <c r="G169" s="9" t="s">
        <v>6</v>
      </c>
      <c r="H169" s="6">
        <v>191163</v>
      </c>
      <c r="I169" s="6">
        <v>83717</v>
      </c>
      <c r="J169" s="6">
        <v>77900</v>
      </c>
      <c r="K169" s="6">
        <v>106644</v>
      </c>
      <c r="L169" s="6">
        <v>802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58</v>
      </c>
      <c r="E170" s="9" t="s">
        <v>228</v>
      </c>
      <c r="F170" s="9" t="s">
        <v>283</v>
      </c>
      <c r="G170" s="9" t="s">
        <v>272</v>
      </c>
      <c r="H170" s="6">
        <v>7428</v>
      </c>
      <c r="I170" s="6">
        <v>2131</v>
      </c>
      <c r="J170" s="6">
        <v>1864</v>
      </c>
      <c r="K170" s="6">
        <v>5232</v>
      </c>
      <c r="L170" s="6">
        <v>65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58</v>
      </c>
      <c r="E171" s="9" t="s">
        <v>228</v>
      </c>
      <c r="F171" s="9" t="s">
        <v>283</v>
      </c>
      <c r="G171" s="9" t="s">
        <v>273</v>
      </c>
      <c r="H171" s="6">
        <v>12238</v>
      </c>
      <c r="I171" s="6">
        <v>5631</v>
      </c>
      <c r="J171" s="6">
        <v>5172</v>
      </c>
      <c r="K171" s="6">
        <v>6569</v>
      </c>
      <c r="L171" s="6">
        <v>38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58</v>
      </c>
      <c r="E172" s="9" t="s">
        <v>228</v>
      </c>
      <c r="F172" s="9" t="s">
        <v>283</v>
      </c>
      <c r="G172" s="9" t="s">
        <v>274</v>
      </c>
      <c r="H172" s="6">
        <v>15345</v>
      </c>
      <c r="I172" s="6">
        <v>8682</v>
      </c>
      <c r="J172" s="6">
        <v>8054</v>
      </c>
      <c r="K172" s="6">
        <v>6572</v>
      </c>
      <c r="L172" s="6">
        <v>91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58</v>
      </c>
      <c r="E173" s="9" t="s">
        <v>228</v>
      </c>
      <c r="F173" s="9" t="s">
        <v>283</v>
      </c>
      <c r="G173" s="9" t="s">
        <v>275</v>
      </c>
      <c r="H173" s="6">
        <v>14911</v>
      </c>
      <c r="I173" s="6">
        <v>9134</v>
      </c>
      <c r="J173" s="6">
        <v>8604</v>
      </c>
      <c r="K173" s="6">
        <v>5726</v>
      </c>
      <c r="L173" s="6">
        <v>51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58</v>
      </c>
      <c r="E174" s="9" t="s">
        <v>228</v>
      </c>
      <c r="F174" s="9" t="s">
        <v>283</v>
      </c>
      <c r="G174" s="9" t="s">
        <v>276</v>
      </c>
      <c r="H174" s="6">
        <v>13762</v>
      </c>
      <c r="I174" s="6">
        <v>9176</v>
      </c>
      <c r="J174" s="6">
        <v>8656</v>
      </c>
      <c r="K174" s="6">
        <v>4491</v>
      </c>
      <c r="L174" s="6">
        <v>95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58</v>
      </c>
      <c r="E175" s="9" t="s">
        <v>228</v>
      </c>
      <c r="F175" s="9" t="s">
        <v>283</v>
      </c>
      <c r="G175" s="9" t="s">
        <v>277</v>
      </c>
      <c r="H175" s="6">
        <v>11167</v>
      </c>
      <c r="I175" s="6">
        <v>7729</v>
      </c>
      <c r="J175" s="6">
        <v>7339</v>
      </c>
      <c r="K175" s="6">
        <v>3357</v>
      </c>
      <c r="L175" s="6">
        <v>81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58</v>
      </c>
      <c r="E176" s="9" t="s">
        <v>228</v>
      </c>
      <c r="F176" s="9" t="s">
        <v>283</v>
      </c>
      <c r="G176" s="9" t="s">
        <v>278</v>
      </c>
      <c r="H176" s="6">
        <v>9375</v>
      </c>
      <c r="I176" s="6">
        <v>6599</v>
      </c>
      <c r="J176" s="6">
        <v>6297</v>
      </c>
      <c r="K176" s="6">
        <v>2741</v>
      </c>
      <c r="L176" s="6">
        <v>35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58</v>
      </c>
      <c r="E177" s="9" t="s">
        <v>228</v>
      </c>
      <c r="F177" s="9" t="s">
        <v>283</v>
      </c>
      <c r="G177" s="9" t="s">
        <v>279</v>
      </c>
      <c r="H177" s="6">
        <v>6361</v>
      </c>
      <c r="I177" s="6">
        <v>4248</v>
      </c>
      <c r="J177" s="6">
        <v>4000</v>
      </c>
      <c r="K177" s="6">
        <v>2072</v>
      </c>
      <c r="L177" s="6">
        <v>41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58</v>
      </c>
      <c r="E178" s="9" t="s">
        <v>228</v>
      </c>
      <c r="F178" s="9" t="s">
        <v>283</v>
      </c>
      <c r="G178" s="9" t="s">
        <v>280</v>
      </c>
      <c r="H178" s="6">
        <v>100576</v>
      </c>
      <c r="I178" s="6">
        <v>30387</v>
      </c>
      <c r="J178" s="6">
        <v>27914</v>
      </c>
      <c r="K178" s="6">
        <v>69884</v>
      </c>
      <c r="L178" s="6">
        <v>305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58</v>
      </c>
      <c r="E179" s="9" t="s">
        <v>18</v>
      </c>
      <c r="F179" s="9" t="s">
        <v>6</v>
      </c>
      <c r="G179" s="9" t="s">
        <v>6</v>
      </c>
      <c r="H179" s="6">
        <v>6954357</v>
      </c>
      <c r="I179" s="6">
        <v>67180</v>
      </c>
      <c r="J179" s="6">
        <v>50661</v>
      </c>
      <c r="K179" s="6">
        <v>54514</v>
      </c>
      <c r="L179" s="6">
        <v>6832663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58</v>
      </c>
      <c r="E180" s="9" t="s">
        <v>18</v>
      </c>
      <c r="F180" s="9" t="s">
        <v>234</v>
      </c>
      <c r="G180" s="9" t="s">
        <v>6</v>
      </c>
      <c r="H180" s="6">
        <v>1829894</v>
      </c>
      <c r="I180" s="6">
        <v>32074</v>
      </c>
      <c r="J180" s="6">
        <v>23488</v>
      </c>
      <c r="K180" s="6">
        <v>27414</v>
      </c>
      <c r="L180" s="6">
        <v>1770406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58</v>
      </c>
      <c r="E181" s="9" t="s">
        <v>18</v>
      </c>
      <c r="F181" s="9" t="s">
        <v>235</v>
      </c>
      <c r="G181" s="9" t="s">
        <v>6</v>
      </c>
      <c r="H181" s="6">
        <v>5124463</v>
      </c>
      <c r="I181" s="6">
        <v>35106</v>
      </c>
      <c r="J181" s="6">
        <v>27173</v>
      </c>
      <c r="K181" s="6">
        <v>27100</v>
      </c>
      <c r="L181" s="6">
        <v>5062257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58</v>
      </c>
      <c r="E182" s="9" t="s">
        <v>18</v>
      </c>
      <c r="F182" s="9" t="s">
        <v>235</v>
      </c>
      <c r="G182" s="9" t="s">
        <v>272</v>
      </c>
      <c r="H182" s="6">
        <v>350848</v>
      </c>
      <c r="I182" s="6">
        <v>367</v>
      </c>
      <c r="J182" s="6">
        <v>258</v>
      </c>
      <c r="K182" s="6">
        <v>589</v>
      </c>
      <c r="L182" s="6">
        <v>349892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58</v>
      </c>
      <c r="E183" s="9" t="s">
        <v>18</v>
      </c>
      <c r="F183" s="9" t="s">
        <v>235</v>
      </c>
      <c r="G183" s="9" t="s">
        <v>273</v>
      </c>
      <c r="H183" s="6">
        <v>729773</v>
      </c>
      <c r="I183" s="6">
        <v>1125</v>
      </c>
      <c r="J183" s="6">
        <v>878</v>
      </c>
      <c r="K183" s="6">
        <v>926</v>
      </c>
      <c r="L183" s="6">
        <v>727722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58</v>
      </c>
      <c r="E184" s="9" t="s">
        <v>18</v>
      </c>
      <c r="F184" s="9" t="s">
        <v>235</v>
      </c>
      <c r="G184" s="9" t="s">
        <v>274</v>
      </c>
      <c r="H184" s="6">
        <v>793382</v>
      </c>
      <c r="I184" s="6">
        <v>1689</v>
      </c>
      <c r="J184" s="6">
        <v>1422</v>
      </c>
      <c r="K184" s="6">
        <v>951</v>
      </c>
      <c r="L184" s="6">
        <v>790742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58</v>
      </c>
      <c r="E185" s="9" t="s">
        <v>18</v>
      </c>
      <c r="F185" s="9" t="s">
        <v>235</v>
      </c>
      <c r="G185" s="9" t="s">
        <v>275</v>
      </c>
      <c r="H185" s="6">
        <v>617685</v>
      </c>
      <c r="I185" s="6">
        <v>1843</v>
      </c>
      <c r="J185" s="6">
        <v>1675</v>
      </c>
      <c r="K185" s="6">
        <v>887</v>
      </c>
      <c r="L185" s="6">
        <v>614955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58</v>
      </c>
      <c r="E186" s="9" t="s">
        <v>18</v>
      </c>
      <c r="F186" s="9" t="s">
        <v>235</v>
      </c>
      <c r="G186" s="9" t="s">
        <v>276</v>
      </c>
      <c r="H186" s="6">
        <v>545506</v>
      </c>
      <c r="I186" s="6">
        <v>2439</v>
      </c>
      <c r="J186" s="6">
        <v>2162</v>
      </c>
      <c r="K186" s="6">
        <v>713</v>
      </c>
      <c r="L186" s="6">
        <v>542354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58</v>
      </c>
      <c r="E187" s="9" t="s">
        <v>18</v>
      </c>
      <c r="F187" s="9" t="s">
        <v>235</v>
      </c>
      <c r="G187" s="9" t="s">
        <v>277</v>
      </c>
      <c r="H187" s="6">
        <v>463980</v>
      </c>
      <c r="I187" s="6">
        <v>2192</v>
      </c>
      <c r="J187" s="6">
        <v>1888</v>
      </c>
      <c r="K187" s="6">
        <v>812</v>
      </c>
      <c r="L187" s="6">
        <v>460976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58</v>
      </c>
      <c r="E188" s="9" t="s">
        <v>18</v>
      </c>
      <c r="F188" s="9" t="s">
        <v>235</v>
      </c>
      <c r="G188" s="9" t="s">
        <v>278</v>
      </c>
      <c r="H188" s="6">
        <v>385721</v>
      </c>
      <c r="I188" s="6">
        <v>2122</v>
      </c>
      <c r="J188" s="6">
        <v>1867</v>
      </c>
      <c r="K188" s="6">
        <v>555</v>
      </c>
      <c r="L188" s="6">
        <v>383044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58</v>
      </c>
      <c r="E189" s="9" t="s">
        <v>18</v>
      </c>
      <c r="F189" s="9" t="s">
        <v>235</v>
      </c>
      <c r="G189" s="9" t="s">
        <v>279</v>
      </c>
      <c r="H189" s="6">
        <v>221845</v>
      </c>
      <c r="I189" s="6">
        <v>1268</v>
      </c>
      <c r="J189" s="6">
        <v>1151</v>
      </c>
      <c r="K189" s="6">
        <v>369</v>
      </c>
      <c r="L189" s="6">
        <v>220208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58</v>
      </c>
      <c r="E190" s="9" t="s">
        <v>18</v>
      </c>
      <c r="F190" s="9" t="s">
        <v>235</v>
      </c>
      <c r="G190" s="9" t="s">
        <v>280</v>
      </c>
      <c r="H190" s="6">
        <v>1015723</v>
      </c>
      <c r="I190" s="6">
        <v>22061</v>
      </c>
      <c r="J190" s="6">
        <v>15872</v>
      </c>
      <c r="K190" s="6">
        <v>21298</v>
      </c>
      <c r="L190" s="6">
        <v>972364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58</v>
      </c>
      <c r="E191" s="9" t="s">
        <v>18</v>
      </c>
      <c r="F191" s="9" t="s">
        <v>281</v>
      </c>
      <c r="G191" s="9" t="s">
        <v>6</v>
      </c>
      <c r="H191" s="6">
        <v>1767192</v>
      </c>
      <c r="I191" s="6">
        <v>17079</v>
      </c>
      <c r="J191" s="6">
        <v>12255</v>
      </c>
      <c r="K191" s="6">
        <v>17028</v>
      </c>
      <c r="L191" s="6">
        <v>1733085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58</v>
      </c>
      <c r="E192" s="9" t="s">
        <v>18</v>
      </c>
      <c r="F192" s="9" t="s">
        <v>281</v>
      </c>
      <c r="G192" s="9" t="s">
        <v>272</v>
      </c>
      <c r="H192" s="6">
        <v>129231</v>
      </c>
      <c r="I192" s="6">
        <v>45</v>
      </c>
      <c r="J192" s="6">
        <v>27</v>
      </c>
      <c r="K192" s="6">
        <v>105</v>
      </c>
      <c r="L192" s="6">
        <v>129081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58</v>
      </c>
      <c r="E193" s="9" t="s">
        <v>18</v>
      </c>
      <c r="F193" s="9" t="s">
        <v>281</v>
      </c>
      <c r="G193" s="9" t="s">
        <v>273</v>
      </c>
      <c r="H193" s="6">
        <v>251631</v>
      </c>
      <c r="I193" s="6">
        <v>114</v>
      </c>
      <c r="J193" s="6">
        <v>69</v>
      </c>
      <c r="K193" s="6">
        <v>123</v>
      </c>
      <c r="L193" s="6">
        <v>251394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58</v>
      </c>
      <c r="E194" s="9" t="s">
        <v>18</v>
      </c>
      <c r="F194" s="9" t="s">
        <v>281</v>
      </c>
      <c r="G194" s="9" t="s">
        <v>274</v>
      </c>
      <c r="H194" s="6">
        <v>208983</v>
      </c>
      <c r="I194" s="6">
        <v>138</v>
      </c>
      <c r="J194" s="6">
        <v>102</v>
      </c>
      <c r="K194" s="6">
        <v>90</v>
      </c>
      <c r="L194" s="6">
        <v>208755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58</v>
      </c>
      <c r="E195" s="9" t="s">
        <v>18</v>
      </c>
      <c r="F195" s="9" t="s">
        <v>281</v>
      </c>
      <c r="G195" s="9" t="s">
        <v>275</v>
      </c>
      <c r="H195" s="6">
        <v>129051</v>
      </c>
      <c r="I195" s="6">
        <v>108</v>
      </c>
      <c r="J195" s="6">
        <v>75</v>
      </c>
      <c r="K195" s="6">
        <v>72</v>
      </c>
      <c r="L195" s="6">
        <v>128871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58</v>
      </c>
      <c r="E196" s="9" t="s">
        <v>18</v>
      </c>
      <c r="F196" s="9" t="s">
        <v>281</v>
      </c>
      <c r="G196" s="9" t="s">
        <v>276</v>
      </c>
      <c r="H196" s="6">
        <v>110250</v>
      </c>
      <c r="I196" s="6">
        <v>153</v>
      </c>
      <c r="J196" s="6">
        <v>135</v>
      </c>
      <c r="K196" s="6">
        <v>84</v>
      </c>
      <c r="L196" s="6">
        <v>110013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58</v>
      </c>
      <c r="E197" s="9" t="s">
        <v>18</v>
      </c>
      <c r="F197" s="9" t="s">
        <v>281</v>
      </c>
      <c r="G197" s="9" t="s">
        <v>277</v>
      </c>
      <c r="H197" s="6">
        <v>101589</v>
      </c>
      <c r="I197" s="6">
        <v>180</v>
      </c>
      <c r="J197" s="6">
        <v>144</v>
      </c>
      <c r="K197" s="6">
        <v>96</v>
      </c>
      <c r="L197" s="6">
        <v>101313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58</v>
      </c>
      <c r="E198" s="9" t="s">
        <v>18</v>
      </c>
      <c r="F198" s="9" t="s">
        <v>281</v>
      </c>
      <c r="G198" s="9" t="s">
        <v>278</v>
      </c>
      <c r="H198" s="6">
        <v>102468</v>
      </c>
      <c r="I198" s="6">
        <v>336</v>
      </c>
      <c r="J198" s="6">
        <v>294</v>
      </c>
      <c r="K198" s="6">
        <v>144</v>
      </c>
      <c r="L198" s="6">
        <v>101988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58</v>
      </c>
      <c r="E199" s="9" t="s">
        <v>18</v>
      </c>
      <c r="F199" s="9" t="s">
        <v>281</v>
      </c>
      <c r="G199" s="9" t="s">
        <v>279</v>
      </c>
      <c r="H199" s="6">
        <v>74265</v>
      </c>
      <c r="I199" s="6">
        <v>285</v>
      </c>
      <c r="J199" s="6">
        <v>249</v>
      </c>
      <c r="K199" s="6">
        <v>96</v>
      </c>
      <c r="L199" s="6">
        <v>73884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58</v>
      </c>
      <c r="E200" s="9" t="s">
        <v>18</v>
      </c>
      <c r="F200" s="9" t="s">
        <v>281</v>
      </c>
      <c r="G200" s="9" t="s">
        <v>280</v>
      </c>
      <c r="H200" s="6">
        <v>659724</v>
      </c>
      <c r="I200" s="6">
        <v>15720</v>
      </c>
      <c r="J200" s="6">
        <v>11160</v>
      </c>
      <c r="K200" s="6">
        <v>16218</v>
      </c>
      <c r="L200" s="6">
        <v>627786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58</v>
      </c>
      <c r="E201" s="9" t="s">
        <v>18</v>
      </c>
      <c r="F201" s="9" t="s">
        <v>282</v>
      </c>
      <c r="G201" s="9" t="s">
        <v>6</v>
      </c>
      <c r="H201" s="6">
        <v>2209948</v>
      </c>
      <c r="I201" s="6">
        <v>7468</v>
      </c>
      <c r="J201" s="6">
        <v>5872</v>
      </c>
      <c r="K201" s="6">
        <v>5608</v>
      </c>
      <c r="L201" s="6">
        <v>2196872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58</v>
      </c>
      <c r="E202" s="9" t="s">
        <v>18</v>
      </c>
      <c r="F202" s="9" t="s">
        <v>282</v>
      </c>
      <c r="G202" s="9" t="s">
        <v>272</v>
      </c>
      <c r="H202" s="6">
        <v>133068</v>
      </c>
      <c r="I202" s="6">
        <v>76</v>
      </c>
      <c r="J202" s="6">
        <v>52</v>
      </c>
      <c r="K202" s="6">
        <v>160</v>
      </c>
      <c r="L202" s="6">
        <v>132832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58</v>
      </c>
      <c r="E203" s="9" t="s">
        <v>18</v>
      </c>
      <c r="F203" s="9" t="s">
        <v>282</v>
      </c>
      <c r="G203" s="9" t="s">
        <v>273</v>
      </c>
      <c r="H203" s="6">
        <v>292716</v>
      </c>
      <c r="I203" s="6">
        <v>192</v>
      </c>
      <c r="J203" s="6">
        <v>156</v>
      </c>
      <c r="K203" s="6">
        <v>172</v>
      </c>
      <c r="L203" s="6">
        <v>292352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58</v>
      </c>
      <c r="E204" s="9" t="s">
        <v>18</v>
      </c>
      <c r="F204" s="9" t="s">
        <v>282</v>
      </c>
      <c r="G204" s="9" t="s">
        <v>274</v>
      </c>
      <c r="H204" s="6">
        <v>350188</v>
      </c>
      <c r="I204" s="6">
        <v>200</v>
      </c>
      <c r="J204" s="6">
        <v>160</v>
      </c>
      <c r="K204" s="6">
        <v>184</v>
      </c>
      <c r="L204" s="6">
        <v>349804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58</v>
      </c>
      <c r="E205" s="9" t="s">
        <v>18</v>
      </c>
      <c r="F205" s="9" t="s">
        <v>282</v>
      </c>
      <c r="G205" s="9" t="s">
        <v>275</v>
      </c>
      <c r="H205" s="6">
        <v>289176</v>
      </c>
      <c r="I205" s="6">
        <v>220</v>
      </c>
      <c r="J205" s="6">
        <v>196</v>
      </c>
      <c r="K205" s="6">
        <v>180</v>
      </c>
      <c r="L205" s="6">
        <v>288776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58</v>
      </c>
      <c r="E206" s="9" t="s">
        <v>18</v>
      </c>
      <c r="F206" s="9" t="s">
        <v>282</v>
      </c>
      <c r="G206" s="9" t="s">
        <v>276</v>
      </c>
      <c r="H206" s="6">
        <v>268860</v>
      </c>
      <c r="I206" s="6">
        <v>404</v>
      </c>
      <c r="J206" s="6">
        <v>360</v>
      </c>
      <c r="K206" s="6">
        <v>152</v>
      </c>
      <c r="L206" s="6">
        <v>268304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58</v>
      </c>
      <c r="E207" s="9" t="s">
        <v>18</v>
      </c>
      <c r="F207" s="9" t="s">
        <v>282</v>
      </c>
      <c r="G207" s="9" t="s">
        <v>277</v>
      </c>
      <c r="H207" s="6">
        <v>243788</v>
      </c>
      <c r="I207" s="6">
        <v>468</v>
      </c>
      <c r="J207" s="6">
        <v>404</v>
      </c>
      <c r="K207" s="6">
        <v>288</v>
      </c>
      <c r="L207" s="6">
        <v>243032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58</v>
      </c>
      <c r="E208" s="9" t="s">
        <v>18</v>
      </c>
      <c r="F208" s="9" t="s">
        <v>282</v>
      </c>
      <c r="G208" s="9" t="s">
        <v>278</v>
      </c>
      <c r="H208" s="6">
        <v>210004</v>
      </c>
      <c r="I208" s="6">
        <v>584</v>
      </c>
      <c r="J208" s="6">
        <v>516</v>
      </c>
      <c r="K208" s="6">
        <v>192</v>
      </c>
      <c r="L208" s="6">
        <v>209228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58</v>
      </c>
      <c r="E209" s="9" t="s">
        <v>18</v>
      </c>
      <c r="F209" s="9" t="s">
        <v>282</v>
      </c>
      <c r="G209" s="9" t="s">
        <v>279</v>
      </c>
      <c r="H209" s="6">
        <v>116948</v>
      </c>
      <c r="I209" s="6">
        <v>444</v>
      </c>
      <c r="J209" s="6">
        <v>424</v>
      </c>
      <c r="K209" s="6">
        <v>128</v>
      </c>
      <c r="L209" s="6">
        <v>116376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58</v>
      </c>
      <c r="E210" s="9" t="s">
        <v>18</v>
      </c>
      <c r="F210" s="9" t="s">
        <v>282</v>
      </c>
      <c r="G210" s="9" t="s">
        <v>280</v>
      </c>
      <c r="H210" s="6">
        <v>305200</v>
      </c>
      <c r="I210" s="6">
        <v>4880</v>
      </c>
      <c r="J210" s="6">
        <v>3604</v>
      </c>
      <c r="K210" s="6">
        <v>4152</v>
      </c>
      <c r="L210" s="6">
        <v>296168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58</v>
      </c>
      <c r="E211" s="9" t="s">
        <v>18</v>
      </c>
      <c r="F211" s="9" t="s">
        <v>283</v>
      </c>
      <c r="G211" s="9" t="s">
        <v>6</v>
      </c>
      <c r="H211" s="6">
        <v>1147323</v>
      </c>
      <c r="I211" s="6">
        <v>10559</v>
      </c>
      <c r="J211" s="6">
        <v>9046</v>
      </c>
      <c r="K211" s="6">
        <v>4464</v>
      </c>
      <c r="L211" s="6">
        <v>1132300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58</v>
      </c>
      <c r="E212" s="9" t="s">
        <v>18</v>
      </c>
      <c r="F212" s="9" t="s">
        <v>283</v>
      </c>
      <c r="G212" s="9" t="s">
        <v>272</v>
      </c>
      <c r="H212" s="6">
        <v>88549</v>
      </c>
      <c r="I212" s="6">
        <v>246</v>
      </c>
      <c r="J212" s="6">
        <v>179</v>
      </c>
      <c r="K212" s="6">
        <v>324</v>
      </c>
      <c r="L212" s="6">
        <v>87979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58</v>
      </c>
      <c r="E213" s="9" t="s">
        <v>18</v>
      </c>
      <c r="F213" s="9" t="s">
        <v>283</v>
      </c>
      <c r="G213" s="9" t="s">
        <v>273</v>
      </c>
      <c r="H213" s="6">
        <v>185426</v>
      </c>
      <c r="I213" s="6">
        <v>819</v>
      </c>
      <c r="J213" s="6">
        <v>653</v>
      </c>
      <c r="K213" s="6">
        <v>631</v>
      </c>
      <c r="L213" s="6">
        <v>183976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58</v>
      </c>
      <c r="E214" s="9" t="s">
        <v>18</v>
      </c>
      <c r="F214" s="9" t="s">
        <v>283</v>
      </c>
      <c r="G214" s="9" t="s">
        <v>274</v>
      </c>
      <c r="H214" s="6">
        <v>234211</v>
      </c>
      <c r="I214" s="6">
        <v>1351</v>
      </c>
      <c r="J214" s="6">
        <v>1160</v>
      </c>
      <c r="K214" s="6">
        <v>677</v>
      </c>
      <c r="L214" s="6">
        <v>232183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58</v>
      </c>
      <c r="E215" s="9" t="s">
        <v>18</v>
      </c>
      <c r="F215" s="9" t="s">
        <v>283</v>
      </c>
      <c r="G215" s="9" t="s">
        <v>275</v>
      </c>
      <c r="H215" s="6">
        <v>199458</v>
      </c>
      <c r="I215" s="6">
        <v>1515</v>
      </c>
      <c r="J215" s="6">
        <v>1404</v>
      </c>
      <c r="K215" s="6">
        <v>635</v>
      </c>
      <c r="L215" s="6">
        <v>197308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58</v>
      </c>
      <c r="E216" s="9" t="s">
        <v>18</v>
      </c>
      <c r="F216" s="9" t="s">
        <v>283</v>
      </c>
      <c r="G216" s="9" t="s">
        <v>276</v>
      </c>
      <c r="H216" s="6">
        <v>166396</v>
      </c>
      <c r="I216" s="6">
        <v>1882</v>
      </c>
      <c r="J216" s="6">
        <v>1667</v>
      </c>
      <c r="K216" s="6">
        <v>477</v>
      </c>
      <c r="L216" s="6">
        <v>164037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58</v>
      </c>
      <c r="E217" s="9" t="s">
        <v>18</v>
      </c>
      <c r="F217" s="9" t="s">
        <v>283</v>
      </c>
      <c r="G217" s="9" t="s">
        <v>277</v>
      </c>
      <c r="H217" s="6">
        <v>118603</v>
      </c>
      <c r="I217" s="6">
        <v>1544</v>
      </c>
      <c r="J217" s="6">
        <v>1340</v>
      </c>
      <c r="K217" s="6">
        <v>428</v>
      </c>
      <c r="L217" s="6">
        <v>116631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58</v>
      </c>
      <c r="E218" s="9" t="s">
        <v>18</v>
      </c>
      <c r="F218" s="9" t="s">
        <v>283</v>
      </c>
      <c r="G218" s="9" t="s">
        <v>278</v>
      </c>
      <c r="H218" s="6">
        <v>73249</v>
      </c>
      <c r="I218" s="6">
        <v>1202</v>
      </c>
      <c r="J218" s="6">
        <v>1057</v>
      </c>
      <c r="K218" s="6">
        <v>219</v>
      </c>
      <c r="L218" s="6">
        <v>71828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58</v>
      </c>
      <c r="E219" s="9" t="s">
        <v>18</v>
      </c>
      <c r="F219" s="9" t="s">
        <v>283</v>
      </c>
      <c r="G219" s="9" t="s">
        <v>279</v>
      </c>
      <c r="H219" s="6">
        <v>30632</v>
      </c>
      <c r="I219" s="6">
        <v>539</v>
      </c>
      <c r="J219" s="6">
        <v>478</v>
      </c>
      <c r="K219" s="6">
        <v>145</v>
      </c>
      <c r="L219" s="6">
        <v>29948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58</v>
      </c>
      <c r="E220" s="9" t="s">
        <v>18</v>
      </c>
      <c r="F220" s="9" t="s">
        <v>283</v>
      </c>
      <c r="G220" s="9" t="s">
        <v>280</v>
      </c>
      <c r="H220" s="6">
        <v>50799</v>
      </c>
      <c r="I220" s="6">
        <v>1461</v>
      </c>
      <c r="J220" s="6">
        <v>1108</v>
      </c>
      <c r="K220" s="6">
        <v>928</v>
      </c>
      <c r="L220" s="6">
        <v>48410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58</v>
      </c>
      <c r="E221" s="9" t="s">
        <v>6</v>
      </c>
      <c r="F221" s="9" t="s">
        <v>6</v>
      </c>
      <c r="G221" s="9" t="s">
        <v>6</v>
      </c>
      <c r="H221" s="6">
        <v>947029</v>
      </c>
      <c r="I221" s="6">
        <v>551368</v>
      </c>
      <c r="J221" s="6">
        <v>477651</v>
      </c>
      <c r="K221" s="6">
        <v>343688</v>
      </c>
      <c r="L221" s="6">
        <v>51973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58</v>
      </c>
      <c r="E222" s="9" t="s">
        <v>6</v>
      </c>
      <c r="F222" s="9" t="s">
        <v>234</v>
      </c>
      <c r="G222" s="9" t="s">
        <v>6</v>
      </c>
      <c r="H222" s="6">
        <v>298656</v>
      </c>
      <c r="I222" s="6">
        <v>127136</v>
      </c>
      <c r="J222" s="6">
        <v>99870</v>
      </c>
      <c r="K222" s="6">
        <v>157314</v>
      </c>
      <c r="L222" s="6">
        <v>14206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58</v>
      </c>
      <c r="E223" s="9" t="s">
        <v>6</v>
      </c>
      <c r="F223" s="9" t="s">
        <v>235</v>
      </c>
      <c r="G223" s="9" t="s">
        <v>6</v>
      </c>
      <c r="H223" s="6">
        <v>648373</v>
      </c>
      <c r="I223" s="6">
        <v>424232</v>
      </c>
      <c r="J223" s="6">
        <v>377781</v>
      </c>
      <c r="K223" s="6">
        <v>186374</v>
      </c>
      <c r="L223" s="6">
        <v>37767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58</v>
      </c>
      <c r="E224" s="9" t="s">
        <v>6</v>
      </c>
      <c r="F224" s="9" t="s">
        <v>235</v>
      </c>
      <c r="G224" s="9" t="s">
        <v>272</v>
      </c>
      <c r="H224" s="6">
        <v>39814</v>
      </c>
      <c r="I224" s="6">
        <v>19348</v>
      </c>
      <c r="J224" s="6">
        <v>18164</v>
      </c>
      <c r="K224" s="6">
        <v>17173</v>
      </c>
      <c r="L224" s="6">
        <v>3293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58</v>
      </c>
      <c r="E225" s="9" t="s">
        <v>6</v>
      </c>
      <c r="F225" s="9" t="s">
        <v>235</v>
      </c>
      <c r="G225" s="9" t="s">
        <v>273</v>
      </c>
      <c r="H225" s="6">
        <v>74529</v>
      </c>
      <c r="I225" s="6">
        <v>50731</v>
      </c>
      <c r="J225" s="6">
        <v>47321</v>
      </c>
      <c r="K225" s="6">
        <v>17397</v>
      </c>
      <c r="L225" s="6">
        <v>6401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58</v>
      </c>
      <c r="E226" s="9" t="s">
        <v>6</v>
      </c>
      <c r="F226" s="9" t="s">
        <v>235</v>
      </c>
      <c r="G226" s="9" t="s">
        <v>274</v>
      </c>
      <c r="H226" s="6">
        <v>79844</v>
      </c>
      <c r="I226" s="6">
        <v>59975</v>
      </c>
      <c r="J226" s="6">
        <v>55587</v>
      </c>
      <c r="K226" s="6">
        <v>13960</v>
      </c>
      <c r="L226" s="6">
        <v>5909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58</v>
      </c>
      <c r="E227" s="9" t="s">
        <v>6</v>
      </c>
      <c r="F227" s="9" t="s">
        <v>235</v>
      </c>
      <c r="G227" s="9" t="s">
        <v>275</v>
      </c>
      <c r="H227" s="6">
        <v>66185</v>
      </c>
      <c r="I227" s="6">
        <v>50698</v>
      </c>
      <c r="J227" s="6">
        <v>46887</v>
      </c>
      <c r="K227" s="6">
        <v>10856</v>
      </c>
      <c r="L227" s="6">
        <v>4631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58</v>
      </c>
      <c r="E228" s="9" t="s">
        <v>6</v>
      </c>
      <c r="F228" s="9" t="s">
        <v>235</v>
      </c>
      <c r="G228" s="9" t="s">
        <v>276</v>
      </c>
      <c r="H228" s="6">
        <v>58468</v>
      </c>
      <c r="I228" s="6">
        <v>46406</v>
      </c>
      <c r="J228" s="6">
        <v>43024</v>
      </c>
      <c r="K228" s="6">
        <v>8314</v>
      </c>
      <c r="L228" s="6">
        <v>3748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58</v>
      </c>
      <c r="E229" s="9" t="s">
        <v>6</v>
      </c>
      <c r="F229" s="9" t="s">
        <v>235</v>
      </c>
      <c r="G229" s="9" t="s">
        <v>277</v>
      </c>
      <c r="H229" s="6">
        <v>51986</v>
      </c>
      <c r="I229" s="6">
        <v>41582</v>
      </c>
      <c r="J229" s="6">
        <v>38724</v>
      </c>
      <c r="K229" s="6">
        <v>7185</v>
      </c>
      <c r="L229" s="6">
        <v>3219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58</v>
      </c>
      <c r="E230" s="9" t="s">
        <v>6</v>
      </c>
      <c r="F230" s="9" t="s">
        <v>235</v>
      </c>
      <c r="G230" s="9" t="s">
        <v>278</v>
      </c>
      <c r="H230" s="6">
        <v>44311</v>
      </c>
      <c r="I230" s="6">
        <v>34964</v>
      </c>
      <c r="J230" s="6">
        <v>32394</v>
      </c>
      <c r="K230" s="6">
        <v>6903</v>
      </c>
      <c r="L230" s="6">
        <v>2444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58</v>
      </c>
      <c r="E231" s="9" t="s">
        <v>6</v>
      </c>
      <c r="F231" s="9" t="s">
        <v>235</v>
      </c>
      <c r="G231" s="9" t="s">
        <v>279</v>
      </c>
      <c r="H231" s="6">
        <v>21764</v>
      </c>
      <c r="I231" s="6">
        <v>16910</v>
      </c>
      <c r="J231" s="6">
        <v>15572</v>
      </c>
      <c r="K231" s="6">
        <v>3729</v>
      </c>
      <c r="L231" s="6">
        <v>112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58</v>
      </c>
      <c r="E232" s="9" t="s">
        <v>6</v>
      </c>
      <c r="F232" s="9" t="s">
        <v>235</v>
      </c>
      <c r="G232" s="9" t="s">
        <v>280</v>
      </c>
      <c r="H232" s="6">
        <v>211472</v>
      </c>
      <c r="I232" s="6">
        <v>103618</v>
      </c>
      <c r="J232" s="6">
        <v>80108</v>
      </c>
      <c r="K232" s="6">
        <v>100857</v>
      </c>
      <c r="L232" s="6">
        <v>6997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58</v>
      </c>
      <c r="E233" s="9" t="s">
        <v>6</v>
      </c>
      <c r="F233" s="9" t="s">
        <v>281</v>
      </c>
      <c r="G233" s="9" t="s">
        <v>6</v>
      </c>
      <c r="H233" s="6">
        <v>256683</v>
      </c>
      <c r="I233" s="6">
        <v>141807</v>
      </c>
      <c r="J233" s="6">
        <v>119100</v>
      </c>
      <c r="K233" s="6">
        <v>103134</v>
      </c>
      <c r="L233" s="6">
        <v>11742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58</v>
      </c>
      <c r="E234" s="9" t="s">
        <v>6</v>
      </c>
      <c r="F234" s="9" t="s">
        <v>281</v>
      </c>
      <c r="G234" s="9" t="s">
        <v>272</v>
      </c>
      <c r="H234" s="6">
        <v>12510</v>
      </c>
      <c r="I234" s="6">
        <v>6024</v>
      </c>
      <c r="J234" s="6">
        <v>5802</v>
      </c>
      <c r="K234" s="6">
        <v>5457</v>
      </c>
      <c r="L234" s="6">
        <v>1029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58</v>
      </c>
      <c r="E235" s="9" t="s">
        <v>6</v>
      </c>
      <c r="F235" s="9" t="s">
        <v>281</v>
      </c>
      <c r="G235" s="9" t="s">
        <v>273</v>
      </c>
      <c r="H235" s="6">
        <v>20289</v>
      </c>
      <c r="I235" s="6">
        <v>13125</v>
      </c>
      <c r="J235" s="6">
        <v>12501</v>
      </c>
      <c r="K235" s="6">
        <v>5385</v>
      </c>
      <c r="L235" s="6">
        <v>1779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58</v>
      </c>
      <c r="E236" s="9" t="s">
        <v>6</v>
      </c>
      <c r="F236" s="9" t="s">
        <v>281</v>
      </c>
      <c r="G236" s="9" t="s">
        <v>274</v>
      </c>
      <c r="H236" s="6">
        <v>14253</v>
      </c>
      <c r="I236" s="6">
        <v>10098</v>
      </c>
      <c r="J236" s="6">
        <v>9345</v>
      </c>
      <c r="K236" s="6">
        <v>2964</v>
      </c>
      <c r="L236" s="6">
        <v>1191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58</v>
      </c>
      <c r="E237" s="9" t="s">
        <v>6</v>
      </c>
      <c r="F237" s="9" t="s">
        <v>281</v>
      </c>
      <c r="G237" s="9" t="s">
        <v>275</v>
      </c>
      <c r="H237" s="6">
        <v>9462</v>
      </c>
      <c r="I237" s="6">
        <v>6612</v>
      </c>
      <c r="J237" s="6">
        <v>6036</v>
      </c>
      <c r="K237" s="6">
        <v>2133</v>
      </c>
      <c r="L237" s="6">
        <v>717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58</v>
      </c>
      <c r="E238" s="9" t="s">
        <v>6</v>
      </c>
      <c r="F238" s="9" t="s">
        <v>281</v>
      </c>
      <c r="G238" s="9" t="s">
        <v>276</v>
      </c>
      <c r="H238" s="6">
        <v>8769</v>
      </c>
      <c r="I238" s="6">
        <v>6288</v>
      </c>
      <c r="J238" s="6">
        <v>5799</v>
      </c>
      <c r="K238" s="6">
        <v>1938</v>
      </c>
      <c r="L238" s="6">
        <v>543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58</v>
      </c>
      <c r="E239" s="9" t="s">
        <v>6</v>
      </c>
      <c r="F239" s="9" t="s">
        <v>281</v>
      </c>
      <c r="G239" s="9" t="s">
        <v>277</v>
      </c>
      <c r="H239" s="6">
        <v>10161</v>
      </c>
      <c r="I239" s="6">
        <v>7704</v>
      </c>
      <c r="J239" s="6">
        <v>6966</v>
      </c>
      <c r="K239" s="6">
        <v>1914</v>
      </c>
      <c r="L239" s="6">
        <v>543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58</v>
      </c>
      <c r="E240" s="9" t="s">
        <v>6</v>
      </c>
      <c r="F240" s="9" t="s">
        <v>281</v>
      </c>
      <c r="G240" s="9" t="s">
        <v>278</v>
      </c>
      <c r="H240" s="6">
        <v>14739</v>
      </c>
      <c r="I240" s="6">
        <v>11421</v>
      </c>
      <c r="J240" s="6">
        <v>10578</v>
      </c>
      <c r="K240" s="6">
        <v>2643</v>
      </c>
      <c r="L240" s="6">
        <v>675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58</v>
      </c>
      <c r="E241" s="9" t="s">
        <v>6</v>
      </c>
      <c r="F241" s="9" t="s">
        <v>281</v>
      </c>
      <c r="G241" s="9" t="s">
        <v>279</v>
      </c>
      <c r="H241" s="6">
        <v>9129</v>
      </c>
      <c r="I241" s="6">
        <v>6942</v>
      </c>
      <c r="J241" s="6">
        <v>6387</v>
      </c>
      <c r="K241" s="6">
        <v>1758</v>
      </c>
      <c r="L241" s="6">
        <v>429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58</v>
      </c>
      <c r="E242" s="9" t="s">
        <v>6</v>
      </c>
      <c r="F242" s="9" t="s">
        <v>281</v>
      </c>
      <c r="G242" s="9" t="s">
        <v>280</v>
      </c>
      <c r="H242" s="6">
        <v>157371</v>
      </c>
      <c r="I242" s="6">
        <v>73593</v>
      </c>
      <c r="J242" s="6">
        <v>55686</v>
      </c>
      <c r="K242" s="6">
        <v>78942</v>
      </c>
      <c r="L242" s="6">
        <v>4836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58</v>
      </c>
      <c r="E243" s="9" t="s">
        <v>6</v>
      </c>
      <c r="F243" s="9" t="s">
        <v>282</v>
      </c>
      <c r="G243" s="9" t="s">
        <v>6</v>
      </c>
      <c r="H243" s="6">
        <v>248464</v>
      </c>
      <c r="I243" s="6">
        <v>176440</v>
      </c>
      <c r="J243" s="6">
        <v>161376</v>
      </c>
      <c r="K243" s="6">
        <v>57456</v>
      </c>
      <c r="L243" s="6">
        <v>14568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58</v>
      </c>
      <c r="E244" s="9" t="s">
        <v>6</v>
      </c>
      <c r="F244" s="9" t="s">
        <v>282</v>
      </c>
      <c r="G244" s="9" t="s">
        <v>272</v>
      </c>
      <c r="H244" s="6">
        <v>14868</v>
      </c>
      <c r="I244" s="6">
        <v>7288</v>
      </c>
      <c r="J244" s="6">
        <v>6864</v>
      </c>
      <c r="K244" s="6">
        <v>6476</v>
      </c>
      <c r="L244" s="6">
        <v>1104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58</v>
      </c>
      <c r="E245" s="9" t="s">
        <v>6</v>
      </c>
      <c r="F245" s="9" t="s">
        <v>282</v>
      </c>
      <c r="G245" s="9" t="s">
        <v>273</v>
      </c>
      <c r="H245" s="6">
        <v>29304</v>
      </c>
      <c r="I245" s="6">
        <v>20072</v>
      </c>
      <c r="J245" s="6">
        <v>18780</v>
      </c>
      <c r="K245" s="6">
        <v>6856</v>
      </c>
      <c r="L245" s="6">
        <v>2376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58</v>
      </c>
      <c r="E246" s="9" t="s">
        <v>6</v>
      </c>
      <c r="F246" s="9" t="s">
        <v>282</v>
      </c>
      <c r="G246" s="9" t="s">
        <v>274</v>
      </c>
      <c r="H246" s="6">
        <v>33724</v>
      </c>
      <c r="I246" s="6">
        <v>25192</v>
      </c>
      <c r="J246" s="6">
        <v>23468</v>
      </c>
      <c r="K246" s="6">
        <v>6368</v>
      </c>
      <c r="L246" s="6">
        <v>2164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58</v>
      </c>
      <c r="E247" s="9" t="s">
        <v>6</v>
      </c>
      <c r="F247" s="9" t="s">
        <v>282</v>
      </c>
      <c r="G247" s="9" t="s">
        <v>275</v>
      </c>
      <c r="H247" s="6">
        <v>30044</v>
      </c>
      <c r="I247" s="6">
        <v>23072</v>
      </c>
      <c r="J247" s="6">
        <v>21520</v>
      </c>
      <c r="K247" s="6">
        <v>5092</v>
      </c>
      <c r="L247" s="6">
        <v>1880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58</v>
      </c>
      <c r="E248" s="9" t="s">
        <v>6</v>
      </c>
      <c r="F248" s="9" t="s">
        <v>282</v>
      </c>
      <c r="G248" s="9" t="s">
        <v>276</v>
      </c>
      <c r="H248" s="6">
        <v>29408</v>
      </c>
      <c r="I248" s="6">
        <v>23624</v>
      </c>
      <c r="J248" s="6">
        <v>22056</v>
      </c>
      <c r="K248" s="6">
        <v>4004</v>
      </c>
      <c r="L248" s="6">
        <v>1780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58</v>
      </c>
      <c r="E249" s="9" t="s">
        <v>6</v>
      </c>
      <c r="F249" s="9" t="s">
        <v>282</v>
      </c>
      <c r="G249" s="9" t="s">
        <v>277</v>
      </c>
      <c r="H249" s="6">
        <v>28612</v>
      </c>
      <c r="I249" s="6">
        <v>23364</v>
      </c>
      <c r="J249" s="6">
        <v>21832</v>
      </c>
      <c r="K249" s="6">
        <v>3716</v>
      </c>
      <c r="L249" s="6">
        <v>1532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58</v>
      </c>
      <c r="E250" s="9" t="s">
        <v>6</v>
      </c>
      <c r="F250" s="9" t="s">
        <v>282</v>
      </c>
      <c r="G250" s="9" t="s">
        <v>278</v>
      </c>
      <c r="H250" s="6">
        <v>23388</v>
      </c>
      <c r="I250" s="6">
        <v>18612</v>
      </c>
      <c r="J250" s="6">
        <v>17244</v>
      </c>
      <c r="K250" s="6">
        <v>3384</v>
      </c>
      <c r="L250" s="6">
        <v>1392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58</v>
      </c>
      <c r="E251" s="9" t="s">
        <v>6</v>
      </c>
      <c r="F251" s="9" t="s">
        <v>282</v>
      </c>
      <c r="G251" s="9" t="s">
        <v>279</v>
      </c>
      <c r="H251" s="6">
        <v>10572</v>
      </c>
      <c r="I251" s="6">
        <v>8392</v>
      </c>
      <c r="J251" s="6">
        <v>7780</v>
      </c>
      <c r="K251" s="6">
        <v>1628</v>
      </c>
      <c r="L251" s="6">
        <v>552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58</v>
      </c>
      <c r="E252" s="9" t="s">
        <v>6</v>
      </c>
      <c r="F252" s="9" t="s">
        <v>282</v>
      </c>
      <c r="G252" s="9" t="s">
        <v>280</v>
      </c>
      <c r="H252" s="6">
        <v>48544</v>
      </c>
      <c r="I252" s="6">
        <v>26824</v>
      </c>
      <c r="J252" s="6">
        <v>21832</v>
      </c>
      <c r="K252" s="6">
        <v>19932</v>
      </c>
      <c r="L252" s="6">
        <v>1788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58</v>
      </c>
      <c r="E253" s="9" t="s">
        <v>6</v>
      </c>
      <c r="F253" s="9" t="s">
        <v>283</v>
      </c>
      <c r="G253" s="9" t="s">
        <v>6</v>
      </c>
      <c r="H253" s="6">
        <v>143226</v>
      </c>
      <c r="I253" s="6">
        <v>105985</v>
      </c>
      <c r="J253" s="6">
        <v>97305</v>
      </c>
      <c r="K253" s="6">
        <v>25784</v>
      </c>
      <c r="L253" s="6">
        <v>11457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58</v>
      </c>
      <c r="E254" s="9" t="s">
        <v>6</v>
      </c>
      <c r="F254" s="9" t="s">
        <v>283</v>
      </c>
      <c r="G254" s="9" t="s">
        <v>272</v>
      </c>
      <c r="H254" s="6">
        <v>12436</v>
      </c>
      <c r="I254" s="6">
        <v>6036</v>
      </c>
      <c r="J254" s="6">
        <v>5498</v>
      </c>
      <c r="K254" s="6">
        <v>5240</v>
      </c>
      <c r="L254" s="6">
        <v>1160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58</v>
      </c>
      <c r="E255" s="9" t="s">
        <v>6</v>
      </c>
      <c r="F255" s="9" t="s">
        <v>283</v>
      </c>
      <c r="G255" s="9" t="s">
        <v>273</v>
      </c>
      <c r="H255" s="6">
        <v>24936</v>
      </c>
      <c r="I255" s="6">
        <v>17534</v>
      </c>
      <c r="J255" s="6">
        <v>16040</v>
      </c>
      <c r="K255" s="6">
        <v>5156</v>
      </c>
      <c r="L255" s="6">
        <v>2246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58</v>
      </c>
      <c r="E256" s="9" t="s">
        <v>6</v>
      </c>
      <c r="F256" s="9" t="s">
        <v>283</v>
      </c>
      <c r="G256" s="9" t="s">
        <v>274</v>
      </c>
      <c r="H256" s="6">
        <v>31867</v>
      </c>
      <c r="I256" s="6">
        <v>24685</v>
      </c>
      <c r="J256" s="6">
        <v>22774</v>
      </c>
      <c r="K256" s="6">
        <v>4628</v>
      </c>
      <c r="L256" s="6">
        <v>2554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58</v>
      </c>
      <c r="E257" s="9" t="s">
        <v>6</v>
      </c>
      <c r="F257" s="9" t="s">
        <v>283</v>
      </c>
      <c r="G257" s="9" t="s">
        <v>275</v>
      </c>
      <c r="H257" s="6">
        <v>26679</v>
      </c>
      <c r="I257" s="6">
        <v>21014</v>
      </c>
      <c r="J257" s="6">
        <v>19331</v>
      </c>
      <c r="K257" s="6">
        <v>3631</v>
      </c>
      <c r="L257" s="6">
        <v>2034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58</v>
      </c>
      <c r="E258" s="9" t="s">
        <v>6</v>
      </c>
      <c r="F258" s="9" t="s">
        <v>283</v>
      </c>
      <c r="G258" s="9" t="s">
        <v>276</v>
      </c>
      <c r="H258" s="6">
        <v>20291</v>
      </c>
      <c r="I258" s="6">
        <v>16494</v>
      </c>
      <c r="J258" s="6">
        <v>15169</v>
      </c>
      <c r="K258" s="6">
        <v>2372</v>
      </c>
      <c r="L258" s="6">
        <v>1425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58</v>
      </c>
      <c r="E259" s="9" t="s">
        <v>6</v>
      </c>
      <c r="F259" s="9" t="s">
        <v>283</v>
      </c>
      <c r="G259" s="9" t="s">
        <v>277</v>
      </c>
      <c r="H259" s="6">
        <v>13213</v>
      </c>
      <c r="I259" s="6">
        <v>10514</v>
      </c>
      <c r="J259" s="6">
        <v>9926</v>
      </c>
      <c r="K259" s="6">
        <v>1555</v>
      </c>
      <c r="L259" s="6">
        <v>1144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58</v>
      </c>
      <c r="E260" s="9" t="s">
        <v>6</v>
      </c>
      <c r="F260" s="9" t="s">
        <v>283</v>
      </c>
      <c r="G260" s="9" t="s">
        <v>278</v>
      </c>
      <c r="H260" s="6">
        <v>6184</v>
      </c>
      <c r="I260" s="6">
        <v>4931</v>
      </c>
      <c r="J260" s="6">
        <v>4572</v>
      </c>
      <c r="K260" s="6">
        <v>876</v>
      </c>
      <c r="L260" s="6">
        <v>377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58</v>
      </c>
      <c r="E261" s="9" t="s">
        <v>6</v>
      </c>
      <c r="F261" s="9" t="s">
        <v>283</v>
      </c>
      <c r="G261" s="9" t="s">
        <v>279</v>
      </c>
      <c r="H261" s="6">
        <v>2063</v>
      </c>
      <c r="I261" s="6">
        <v>1576</v>
      </c>
      <c r="J261" s="6">
        <v>1405</v>
      </c>
      <c r="K261" s="6">
        <v>343</v>
      </c>
      <c r="L261" s="6">
        <v>144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58</v>
      </c>
      <c r="E262" s="9" t="s">
        <v>6</v>
      </c>
      <c r="F262" s="9" t="s">
        <v>283</v>
      </c>
      <c r="G262" s="9" t="s">
        <v>280</v>
      </c>
      <c r="H262" s="6">
        <v>5557</v>
      </c>
      <c r="I262" s="6">
        <v>3201</v>
      </c>
      <c r="J262" s="6">
        <v>2590</v>
      </c>
      <c r="K262" s="6">
        <v>1983</v>
      </c>
      <c r="L262" s="6">
        <v>373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58</v>
      </c>
      <c r="E263" s="9" t="s">
        <v>226</v>
      </c>
      <c r="F263" s="9" t="s">
        <v>6</v>
      </c>
      <c r="G263" s="9" t="s">
        <v>6</v>
      </c>
      <c r="H263" s="6">
        <v>687784</v>
      </c>
      <c r="I263" s="6">
        <v>512799</v>
      </c>
      <c r="J263" s="6">
        <v>443315</v>
      </c>
      <c r="K263" s="6">
        <v>173831</v>
      </c>
      <c r="L263" s="6">
        <v>1154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58</v>
      </c>
      <c r="E264" s="9" t="s">
        <v>226</v>
      </c>
      <c r="F264" s="9" t="s">
        <v>234</v>
      </c>
      <c r="G264" s="9" t="s">
        <v>6</v>
      </c>
      <c r="H264" s="6">
        <v>159398</v>
      </c>
      <c r="I264" s="6">
        <v>107878</v>
      </c>
      <c r="J264" s="6">
        <v>82766</v>
      </c>
      <c r="K264" s="6">
        <v>50858</v>
      </c>
      <c r="L264" s="6">
        <v>662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58</v>
      </c>
      <c r="E265" s="9" t="s">
        <v>226</v>
      </c>
      <c r="F265" s="9" t="s">
        <v>235</v>
      </c>
      <c r="G265" s="9" t="s">
        <v>6</v>
      </c>
      <c r="H265" s="6">
        <v>528386</v>
      </c>
      <c r="I265" s="6">
        <v>404921</v>
      </c>
      <c r="J265" s="6">
        <v>360549</v>
      </c>
      <c r="K265" s="6">
        <v>122973</v>
      </c>
      <c r="L265" s="6">
        <v>492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58</v>
      </c>
      <c r="E266" s="9" t="s">
        <v>226</v>
      </c>
      <c r="F266" s="9" t="s">
        <v>235</v>
      </c>
      <c r="G266" s="9" t="s">
        <v>272</v>
      </c>
      <c r="H266" s="6">
        <v>36073</v>
      </c>
      <c r="I266" s="6">
        <v>19167</v>
      </c>
      <c r="J266" s="6">
        <v>17983</v>
      </c>
      <c r="K266" s="6">
        <v>16891</v>
      </c>
      <c r="L266" s="6">
        <v>1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58</v>
      </c>
      <c r="E267" s="9" t="s">
        <v>226</v>
      </c>
      <c r="F267" s="9" t="s">
        <v>235</v>
      </c>
      <c r="G267" s="9" t="s">
        <v>273</v>
      </c>
      <c r="H267" s="6">
        <v>67420</v>
      </c>
      <c r="I267" s="6">
        <v>50305</v>
      </c>
      <c r="J267" s="6">
        <v>46907</v>
      </c>
      <c r="K267" s="6">
        <v>17078</v>
      </c>
      <c r="L267" s="6">
        <v>37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58</v>
      </c>
      <c r="E268" s="9" t="s">
        <v>226</v>
      </c>
      <c r="F268" s="9" t="s">
        <v>235</v>
      </c>
      <c r="G268" s="9" t="s">
        <v>274</v>
      </c>
      <c r="H268" s="6">
        <v>73155</v>
      </c>
      <c r="I268" s="6">
        <v>59414</v>
      </c>
      <c r="J268" s="6">
        <v>55065</v>
      </c>
      <c r="K268" s="6">
        <v>13699</v>
      </c>
      <c r="L268" s="6">
        <v>42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58</v>
      </c>
      <c r="E269" s="9" t="s">
        <v>226</v>
      </c>
      <c r="F269" s="9" t="s">
        <v>235</v>
      </c>
      <c r="G269" s="9" t="s">
        <v>275</v>
      </c>
      <c r="H269" s="6">
        <v>60680</v>
      </c>
      <c r="I269" s="6">
        <v>50047</v>
      </c>
      <c r="J269" s="6">
        <v>46299</v>
      </c>
      <c r="K269" s="6">
        <v>10588</v>
      </c>
      <c r="L269" s="6">
        <v>45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58</v>
      </c>
      <c r="E270" s="9" t="s">
        <v>226</v>
      </c>
      <c r="F270" s="9" t="s">
        <v>235</v>
      </c>
      <c r="G270" s="9" t="s">
        <v>276</v>
      </c>
      <c r="H270" s="6">
        <v>53931</v>
      </c>
      <c r="I270" s="6">
        <v>45821</v>
      </c>
      <c r="J270" s="6">
        <v>42472</v>
      </c>
      <c r="K270" s="6">
        <v>8079</v>
      </c>
      <c r="L270" s="6">
        <v>31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58</v>
      </c>
      <c r="E271" s="9" t="s">
        <v>226</v>
      </c>
      <c r="F271" s="9" t="s">
        <v>235</v>
      </c>
      <c r="G271" s="9" t="s">
        <v>277</v>
      </c>
      <c r="H271" s="6">
        <v>47856</v>
      </c>
      <c r="I271" s="6">
        <v>40815</v>
      </c>
      <c r="J271" s="6">
        <v>37993</v>
      </c>
      <c r="K271" s="6">
        <v>7007</v>
      </c>
      <c r="L271" s="6">
        <v>34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58</v>
      </c>
      <c r="E272" s="9" t="s">
        <v>226</v>
      </c>
      <c r="F272" s="9" t="s">
        <v>235</v>
      </c>
      <c r="G272" s="9" t="s">
        <v>278</v>
      </c>
      <c r="H272" s="6">
        <v>40849</v>
      </c>
      <c r="I272" s="6">
        <v>34176</v>
      </c>
      <c r="J272" s="6">
        <v>31641</v>
      </c>
      <c r="K272" s="6">
        <v>6661</v>
      </c>
      <c r="L272" s="6">
        <v>12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58</v>
      </c>
      <c r="E273" s="9" t="s">
        <v>226</v>
      </c>
      <c r="F273" s="9" t="s">
        <v>235</v>
      </c>
      <c r="G273" s="9" t="s">
        <v>279</v>
      </c>
      <c r="H273" s="6">
        <v>19864</v>
      </c>
      <c r="I273" s="6">
        <v>16327</v>
      </c>
      <c r="J273" s="6">
        <v>14996</v>
      </c>
      <c r="K273" s="6">
        <v>3521</v>
      </c>
      <c r="L273" s="6">
        <v>16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58</v>
      </c>
      <c r="E274" s="9" t="s">
        <v>226</v>
      </c>
      <c r="F274" s="9" t="s">
        <v>235</v>
      </c>
      <c r="G274" s="9" t="s">
        <v>280</v>
      </c>
      <c r="H274" s="6">
        <v>128558</v>
      </c>
      <c r="I274" s="6">
        <v>88849</v>
      </c>
      <c r="J274" s="6">
        <v>67193</v>
      </c>
      <c r="K274" s="6">
        <v>39449</v>
      </c>
      <c r="L274" s="6">
        <v>260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58</v>
      </c>
      <c r="E275" s="9" t="s">
        <v>226</v>
      </c>
      <c r="F275" s="9" t="s">
        <v>281</v>
      </c>
      <c r="G275" s="9" t="s">
        <v>6</v>
      </c>
      <c r="H275" s="6">
        <v>181989</v>
      </c>
      <c r="I275" s="6">
        <v>129297</v>
      </c>
      <c r="J275" s="6">
        <v>108126</v>
      </c>
      <c r="K275" s="6">
        <v>52446</v>
      </c>
      <c r="L275" s="6">
        <v>246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58</v>
      </c>
      <c r="E276" s="9" t="s">
        <v>226</v>
      </c>
      <c r="F276" s="9" t="s">
        <v>281</v>
      </c>
      <c r="G276" s="9" t="s">
        <v>272</v>
      </c>
      <c r="H276" s="6">
        <v>11334</v>
      </c>
      <c r="I276" s="6">
        <v>5955</v>
      </c>
      <c r="J276" s="6">
        <v>5733</v>
      </c>
      <c r="K276" s="6">
        <v>5376</v>
      </c>
      <c r="L276" s="6">
        <v>3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58</v>
      </c>
      <c r="E277" s="9" t="s">
        <v>226</v>
      </c>
      <c r="F277" s="9" t="s">
        <v>281</v>
      </c>
      <c r="G277" s="9" t="s">
        <v>273</v>
      </c>
      <c r="H277" s="6">
        <v>18318</v>
      </c>
      <c r="I277" s="6">
        <v>13005</v>
      </c>
      <c r="J277" s="6">
        <v>12387</v>
      </c>
      <c r="K277" s="6">
        <v>5307</v>
      </c>
      <c r="L277" s="6">
        <v>6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58</v>
      </c>
      <c r="E278" s="9" t="s">
        <v>226</v>
      </c>
      <c r="F278" s="9" t="s">
        <v>281</v>
      </c>
      <c r="G278" s="9" t="s">
        <v>274</v>
      </c>
      <c r="H278" s="6">
        <v>12849</v>
      </c>
      <c r="I278" s="6">
        <v>9936</v>
      </c>
      <c r="J278" s="6">
        <v>9189</v>
      </c>
      <c r="K278" s="6">
        <v>2907</v>
      </c>
      <c r="L278" s="6">
        <v>6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58</v>
      </c>
      <c r="E279" s="9" t="s">
        <v>226</v>
      </c>
      <c r="F279" s="9" t="s">
        <v>281</v>
      </c>
      <c r="G279" s="9" t="s">
        <v>275</v>
      </c>
      <c r="H279" s="6">
        <v>8592</v>
      </c>
      <c r="I279" s="6">
        <v>6501</v>
      </c>
      <c r="J279" s="6">
        <v>5937</v>
      </c>
      <c r="K279" s="6">
        <v>2088</v>
      </c>
      <c r="L279" s="6">
        <v>3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58</v>
      </c>
      <c r="E280" s="9" t="s">
        <v>226</v>
      </c>
      <c r="F280" s="9" t="s">
        <v>281</v>
      </c>
      <c r="G280" s="9" t="s">
        <v>276</v>
      </c>
      <c r="H280" s="6">
        <v>8037</v>
      </c>
      <c r="I280" s="6">
        <v>6165</v>
      </c>
      <c r="J280" s="6">
        <v>5682</v>
      </c>
      <c r="K280" s="6">
        <v>1866</v>
      </c>
      <c r="L280" s="6">
        <v>6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58</v>
      </c>
      <c r="E281" s="9" t="s">
        <v>226</v>
      </c>
      <c r="F281" s="9" t="s">
        <v>281</v>
      </c>
      <c r="G281" s="9" t="s">
        <v>277</v>
      </c>
      <c r="H281" s="6">
        <v>9375</v>
      </c>
      <c r="I281" s="6">
        <v>7515</v>
      </c>
      <c r="J281" s="6">
        <v>6786</v>
      </c>
      <c r="K281" s="6">
        <v>1851</v>
      </c>
      <c r="L281" s="6">
        <v>9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58</v>
      </c>
      <c r="E282" s="9" t="s">
        <v>226</v>
      </c>
      <c r="F282" s="9" t="s">
        <v>281</v>
      </c>
      <c r="G282" s="9" t="s">
        <v>278</v>
      </c>
      <c r="H282" s="6">
        <v>13659</v>
      </c>
      <c r="I282" s="6">
        <v>11118</v>
      </c>
      <c r="J282" s="6">
        <v>10290</v>
      </c>
      <c r="K282" s="6">
        <v>2541</v>
      </c>
      <c r="L282" s="10" t="s">
        <v>5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58</v>
      </c>
      <c r="E283" s="9" t="s">
        <v>226</v>
      </c>
      <c r="F283" s="9" t="s">
        <v>281</v>
      </c>
      <c r="G283" s="9" t="s">
        <v>279</v>
      </c>
      <c r="H283" s="6">
        <v>8373</v>
      </c>
      <c r="I283" s="6">
        <v>6693</v>
      </c>
      <c r="J283" s="6">
        <v>6141</v>
      </c>
      <c r="K283" s="6">
        <v>1668</v>
      </c>
      <c r="L283" s="6">
        <v>12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58</v>
      </c>
      <c r="E284" s="9" t="s">
        <v>226</v>
      </c>
      <c r="F284" s="9" t="s">
        <v>281</v>
      </c>
      <c r="G284" s="9" t="s">
        <v>280</v>
      </c>
      <c r="H284" s="6">
        <v>91452</v>
      </c>
      <c r="I284" s="6">
        <v>62409</v>
      </c>
      <c r="J284" s="6">
        <v>45981</v>
      </c>
      <c r="K284" s="6">
        <v>28842</v>
      </c>
      <c r="L284" s="6">
        <v>201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58</v>
      </c>
      <c r="E285" s="9" t="s">
        <v>226</v>
      </c>
      <c r="F285" s="9" t="s">
        <v>282</v>
      </c>
      <c r="G285" s="9" t="s">
        <v>6</v>
      </c>
      <c r="H285" s="6">
        <v>217516</v>
      </c>
      <c r="I285" s="6">
        <v>171260</v>
      </c>
      <c r="J285" s="6">
        <v>156620</v>
      </c>
      <c r="K285" s="6">
        <v>46100</v>
      </c>
      <c r="L285" s="6">
        <v>156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58</v>
      </c>
      <c r="E286" s="9" t="s">
        <v>226</v>
      </c>
      <c r="F286" s="9" t="s">
        <v>282</v>
      </c>
      <c r="G286" s="9" t="s">
        <v>272</v>
      </c>
      <c r="H286" s="6">
        <v>13620</v>
      </c>
      <c r="I286" s="6">
        <v>7236</v>
      </c>
      <c r="J286" s="6">
        <v>6812</v>
      </c>
      <c r="K286" s="6">
        <v>6372</v>
      </c>
      <c r="L286" s="6">
        <v>12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58</v>
      </c>
      <c r="E287" s="9" t="s">
        <v>226</v>
      </c>
      <c r="F287" s="9" t="s">
        <v>282</v>
      </c>
      <c r="G287" s="9" t="s">
        <v>273</v>
      </c>
      <c r="H287" s="6">
        <v>26656</v>
      </c>
      <c r="I287" s="6">
        <v>19924</v>
      </c>
      <c r="J287" s="6">
        <v>18632</v>
      </c>
      <c r="K287" s="6">
        <v>6708</v>
      </c>
      <c r="L287" s="6">
        <v>24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58</v>
      </c>
      <c r="E288" s="9" t="s">
        <v>226</v>
      </c>
      <c r="F288" s="9" t="s">
        <v>282</v>
      </c>
      <c r="G288" s="9" t="s">
        <v>274</v>
      </c>
      <c r="H288" s="6">
        <v>31284</v>
      </c>
      <c r="I288" s="6">
        <v>25020</v>
      </c>
      <c r="J288" s="6">
        <v>23300</v>
      </c>
      <c r="K288" s="6">
        <v>6260</v>
      </c>
      <c r="L288" s="6">
        <v>4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58</v>
      </c>
      <c r="E289" s="9" t="s">
        <v>226</v>
      </c>
      <c r="F289" s="9" t="s">
        <v>282</v>
      </c>
      <c r="G289" s="9" t="s">
        <v>275</v>
      </c>
      <c r="H289" s="6">
        <v>27808</v>
      </c>
      <c r="I289" s="6">
        <v>22808</v>
      </c>
      <c r="J289" s="6">
        <v>21280</v>
      </c>
      <c r="K289" s="6">
        <v>4976</v>
      </c>
      <c r="L289" s="6">
        <v>24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58</v>
      </c>
      <c r="E290" s="9" t="s">
        <v>226</v>
      </c>
      <c r="F290" s="9" t="s">
        <v>282</v>
      </c>
      <c r="G290" s="9" t="s">
        <v>276</v>
      </c>
      <c r="H290" s="6">
        <v>27244</v>
      </c>
      <c r="I290" s="6">
        <v>23316</v>
      </c>
      <c r="J290" s="6">
        <v>21764</v>
      </c>
      <c r="K290" s="6">
        <v>3908</v>
      </c>
      <c r="L290" s="6">
        <v>20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58</v>
      </c>
      <c r="E291" s="9" t="s">
        <v>226</v>
      </c>
      <c r="F291" s="9" t="s">
        <v>282</v>
      </c>
      <c r="G291" s="9" t="s">
        <v>277</v>
      </c>
      <c r="H291" s="6">
        <v>26596</v>
      </c>
      <c r="I291" s="6">
        <v>22972</v>
      </c>
      <c r="J291" s="6">
        <v>21456</v>
      </c>
      <c r="K291" s="6">
        <v>3616</v>
      </c>
      <c r="L291" s="6">
        <v>8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58</v>
      </c>
      <c r="E292" s="9" t="s">
        <v>226</v>
      </c>
      <c r="F292" s="9" t="s">
        <v>282</v>
      </c>
      <c r="G292" s="9" t="s">
        <v>278</v>
      </c>
      <c r="H292" s="6">
        <v>21536</v>
      </c>
      <c r="I292" s="6">
        <v>18244</v>
      </c>
      <c r="J292" s="6">
        <v>16896</v>
      </c>
      <c r="K292" s="6">
        <v>3280</v>
      </c>
      <c r="L292" s="6">
        <v>12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58</v>
      </c>
      <c r="E293" s="9" t="s">
        <v>226</v>
      </c>
      <c r="F293" s="9" t="s">
        <v>282</v>
      </c>
      <c r="G293" s="9" t="s">
        <v>279</v>
      </c>
      <c r="H293" s="6">
        <v>9672</v>
      </c>
      <c r="I293" s="6">
        <v>8124</v>
      </c>
      <c r="J293" s="6">
        <v>7516</v>
      </c>
      <c r="K293" s="6">
        <v>1544</v>
      </c>
      <c r="L293" s="6">
        <v>4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58</v>
      </c>
      <c r="E294" s="9" t="s">
        <v>226</v>
      </c>
      <c r="F294" s="9" t="s">
        <v>282</v>
      </c>
      <c r="G294" s="9" t="s">
        <v>280</v>
      </c>
      <c r="H294" s="6">
        <v>33100</v>
      </c>
      <c r="I294" s="6">
        <v>23616</v>
      </c>
      <c r="J294" s="6">
        <v>18964</v>
      </c>
      <c r="K294" s="6">
        <v>9436</v>
      </c>
      <c r="L294" s="6">
        <v>48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58</v>
      </c>
      <c r="E295" s="9" t="s">
        <v>226</v>
      </c>
      <c r="F295" s="9" t="s">
        <v>283</v>
      </c>
      <c r="G295" s="9" t="s">
        <v>6</v>
      </c>
      <c r="H295" s="6">
        <v>128881</v>
      </c>
      <c r="I295" s="6">
        <v>104364</v>
      </c>
      <c r="J295" s="6">
        <v>95803</v>
      </c>
      <c r="K295" s="6">
        <v>24427</v>
      </c>
      <c r="L295" s="6">
        <v>90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58</v>
      </c>
      <c r="E296" s="9" t="s">
        <v>226</v>
      </c>
      <c r="F296" s="9" t="s">
        <v>283</v>
      </c>
      <c r="G296" s="9" t="s">
        <v>272</v>
      </c>
      <c r="H296" s="6">
        <v>11119</v>
      </c>
      <c r="I296" s="6">
        <v>5976</v>
      </c>
      <c r="J296" s="6">
        <v>5438</v>
      </c>
      <c r="K296" s="6">
        <v>5143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58</v>
      </c>
      <c r="E297" s="9" t="s">
        <v>226</v>
      </c>
      <c r="F297" s="9" t="s">
        <v>283</v>
      </c>
      <c r="G297" s="9" t="s">
        <v>273</v>
      </c>
      <c r="H297" s="6">
        <v>22446</v>
      </c>
      <c r="I297" s="6">
        <v>17376</v>
      </c>
      <c r="J297" s="6">
        <v>15888</v>
      </c>
      <c r="K297" s="6">
        <v>5063</v>
      </c>
      <c r="L297" s="6">
        <v>7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58</v>
      </c>
      <c r="E298" s="9" t="s">
        <v>226</v>
      </c>
      <c r="F298" s="9" t="s">
        <v>283</v>
      </c>
      <c r="G298" s="9" t="s">
        <v>274</v>
      </c>
      <c r="H298" s="6">
        <v>29022</v>
      </c>
      <c r="I298" s="6">
        <v>24458</v>
      </c>
      <c r="J298" s="6">
        <v>22576</v>
      </c>
      <c r="K298" s="6">
        <v>4532</v>
      </c>
      <c r="L298" s="6">
        <v>32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58</v>
      </c>
      <c r="E299" s="9" t="s">
        <v>226</v>
      </c>
      <c r="F299" s="9" t="s">
        <v>283</v>
      </c>
      <c r="G299" s="9" t="s">
        <v>275</v>
      </c>
      <c r="H299" s="6">
        <v>24280</v>
      </c>
      <c r="I299" s="6">
        <v>20738</v>
      </c>
      <c r="J299" s="6">
        <v>19082</v>
      </c>
      <c r="K299" s="6">
        <v>3524</v>
      </c>
      <c r="L299" s="6">
        <v>18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58</v>
      </c>
      <c r="E300" s="9" t="s">
        <v>226</v>
      </c>
      <c r="F300" s="9" t="s">
        <v>283</v>
      </c>
      <c r="G300" s="9" t="s">
        <v>276</v>
      </c>
      <c r="H300" s="6">
        <v>18650</v>
      </c>
      <c r="I300" s="6">
        <v>16340</v>
      </c>
      <c r="J300" s="6">
        <v>15026</v>
      </c>
      <c r="K300" s="6">
        <v>2305</v>
      </c>
      <c r="L300" s="6">
        <v>5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58</v>
      </c>
      <c r="E301" s="9" t="s">
        <v>226</v>
      </c>
      <c r="F301" s="9" t="s">
        <v>283</v>
      </c>
      <c r="G301" s="9" t="s">
        <v>277</v>
      </c>
      <c r="H301" s="6">
        <v>11885</v>
      </c>
      <c r="I301" s="6">
        <v>10328</v>
      </c>
      <c r="J301" s="6">
        <v>9751</v>
      </c>
      <c r="K301" s="6">
        <v>1540</v>
      </c>
      <c r="L301" s="6">
        <v>17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58</v>
      </c>
      <c r="E302" s="9" t="s">
        <v>226</v>
      </c>
      <c r="F302" s="9" t="s">
        <v>283</v>
      </c>
      <c r="G302" s="9" t="s">
        <v>278</v>
      </c>
      <c r="H302" s="6">
        <v>5654</v>
      </c>
      <c r="I302" s="6">
        <v>4814</v>
      </c>
      <c r="J302" s="6">
        <v>4455</v>
      </c>
      <c r="K302" s="6">
        <v>840</v>
      </c>
      <c r="L302" s="10" t="s">
        <v>55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58</v>
      </c>
      <c r="E303" s="9" t="s">
        <v>226</v>
      </c>
      <c r="F303" s="9" t="s">
        <v>283</v>
      </c>
      <c r="G303" s="9" t="s">
        <v>279</v>
      </c>
      <c r="H303" s="6">
        <v>1819</v>
      </c>
      <c r="I303" s="6">
        <v>1510</v>
      </c>
      <c r="J303" s="6">
        <v>1339</v>
      </c>
      <c r="K303" s="6">
        <v>309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58</v>
      </c>
      <c r="E304" s="9" t="s">
        <v>226</v>
      </c>
      <c r="F304" s="9" t="s">
        <v>283</v>
      </c>
      <c r="G304" s="9" t="s">
        <v>280</v>
      </c>
      <c r="H304" s="6">
        <v>4006</v>
      </c>
      <c r="I304" s="6">
        <v>2824</v>
      </c>
      <c r="J304" s="6">
        <v>2248</v>
      </c>
      <c r="K304" s="6">
        <v>1171</v>
      </c>
      <c r="L304" s="6">
        <v>11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58</v>
      </c>
      <c r="E305" s="9" t="s">
        <v>227</v>
      </c>
      <c r="F305" s="9" t="s">
        <v>6</v>
      </c>
      <c r="G305" s="9" t="s">
        <v>6</v>
      </c>
      <c r="H305" s="6">
        <v>570632</v>
      </c>
      <c r="I305" s="6">
        <v>421762</v>
      </c>
      <c r="J305" s="6">
        <v>405956</v>
      </c>
      <c r="K305" s="6">
        <v>148237</v>
      </c>
      <c r="L305" s="6">
        <v>633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58</v>
      </c>
      <c r="E306" s="9" t="s">
        <v>227</v>
      </c>
      <c r="F306" s="9" t="s">
        <v>234</v>
      </c>
      <c r="G306" s="9" t="s">
        <v>6</v>
      </c>
      <c r="H306" s="6">
        <v>117140</v>
      </c>
      <c r="I306" s="6">
        <v>76900</v>
      </c>
      <c r="J306" s="6">
        <v>73162</v>
      </c>
      <c r="K306" s="6">
        <v>39894</v>
      </c>
      <c r="L306" s="6">
        <v>346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58</v>
      </c>
      <c r="E307" s="9" t="s">
        <v>227</v>
      </c>
      <c r="F307" s="9" t="s">
        <v>235</v>
      </c>
      <c r="G307" s="9" t="s">
        <v>6</v>
      </c>
      <c r="H307" s="6">
        <v>453492</v>
      </c>
      <c r="I307" s="6">
        <v>344862</v>
      </c>
      <c r="J307" s="6">
        <v>332794</v>
      </c>
      <c r="K307" s="6">
        <v>108343</v>
      </c>
      <c r="L307" s="6">
        <v>287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58</v>
      </c>
      <c r="E308" s="9" t="s">
        <v>227</v>
      </c>
      <c r="F308" s="9" t="s">
        <v>235</v>
      </c>
      <c r="G308" s="9" t="s">
        <v>272</v>
      </c>
      <c r="H308" s="6">
        <v>32995</v>
      </c>
      <c r="I308" s="6">
        <v>17392</v>
      </c>
      <c r="J308" s="6">
        <v>16904</v>
      </c>
      <c r="K308" s="6">
        <v>15588</v>
      </c>
      <c r="L308" s="6">
        <v>1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58</v>
      </c>
      <c r="E309" s="9" t="s">
        <v>227</v>
      </c>
      <c r="F309" s="9" t="s">
        <v>235</v>
      </c>
      <c r="G309" s="9" t="s">
        <v>273</v>
      </c>
      <c r="H309" s="6">
        <v>61187</v>
      </c>
      <c r="I309" s="6">
        <v>45161</v>
      </c>
      <c r="J309" s="6">
        <v>43871</v>
      </c>
      <c r="K309" s="6">
        <v>16008</v>
      </c>
      <c r="L309" s="6">
        <v>18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58</v>
      </c>
      <c r="E310" s="9" t="s">
        <v>227</v>
      </c>
      <c r="F310" s="9" t="s">
        <v>235</v>
      </c>
      <c r="G310" s="9" t="s">
        <v>274</v>
      </c>
      <c r="H310" s="6">
        <v>66286</v>
      </c>
      <c r="I310" s="6">
        <v>53361</v>
      </c>
      <c r="J310" s="6">
        <v>51524</v>
      </c>
      <c r="K310" s="6">
        <v>12903</v>
      </c>
      <c r="L310" s="6">
        <v>22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58</v>
      </c>
      <c r="E311" s="9" t="s">
        <v>227</v>
      </c>
      <c r="F311" s="9" t="s">
        <v>235</v>
      </c>
      <c r="G311" s="9" t="s">
        <v>275</v>
      </c>
      <c r="H311" s="6">
        <v>54497</v>
      </c>
      <c r="I311" s="6">
        <v>44562</v>
      </c>
      <c r="J311" s="6">
        <v>43059</v>
      </c>
      <c r="K311" s="6">
        <v>9906</v>
      </c>
      <c r="L311" s="6">
        <v>29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58</v>
      </c>
      <c r="E312" s="9" t="s">
        <v>227</v>
      </c>
      <c r="F312" s="9" t="s">
        <v>235</v>
      </c>
      <c r="G312" s="9" t="s">
        <v>276</v>
      </c>
      <c r="H312" s="6">
        <v>48601</v>
      </c>
      <c r="I312" s="6">
        <v>41139</v>
      </c>
      <c r="J312" s="6">
        <v>39772</v>
      </c>
      <c r="K312" s="6">
        <v>7444</v>
      </c>
      <c r="L312" s="6">
        <v>18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58</v>
      </c>
      <c r="E313" s="9" t="s">
        <v>227</v>
      </c>
      <c r="F313" s="9" t="s">
        <v>235</v>
      </c>
      <c r="G313" s="9" t="s">
        <v>277</v>
      </c>
      <c r="H313" s="6">
        <v>43129</v>
      </c>
      <c r="I313" s="6">
        <v>36601</v>
      </c>
      <c r="J313" s="6">
        <v>35410</v>
      </c>
      <c r="K313" s="6">
        <v>6513</v>
      </c>
      <c r="L313" s="6">
        <v>15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58</v>
      </c>
      <c r="E314" s="9" t="s">
        <v>227</v>
      </c>
      <c r="F314" s="9" t="s">
        <v>235</v>
      </c>
      <c r="G314" s="9" t="s">
        <v>278</v>
      </c>
      <c r="H314" s="6">
        <v>36624</v>
      </c>
      <c r="I314" s="6">
        <v>30373</v>
      </c>
      <c r="J314" s="6">
        <v>29392</v>
      </c>
      <c r="K314" s="6">
        <v>6247</v>
      </c>
      <c r="L314" s="6">
        <v>4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58</v>
      </c>
      <c r="E315" s="9" t="s">
        <v>227</v>
      </c>
      <c r="F315" s="9" t="s">
        <v>235</v>
      </c>
      <c r="G315" s="9" t="s">
        <v>279</v>
      </c>
      <c r="H315" s="6">
        <v>17442</v>
      </c>
      <c r="I315" s="6">
        <v>14254</v>
      </c>
      <c r="J315" s="6">
        <v>13776</v>
      </c>
      <c r="K315" s="6">
        <v>3175</v>
      </c>
      <c r="L315" s="6">
        <v>13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58</v>
      </c>
      <c r="E316" s="9" t="s">
        <v>227</v>
      </c>
      <c r="F316" s="9" t="s">
        <v>235</v>
      </c>
      <c r="G316" s="9" t="s">
        <v>280</v>
      </c>
      <c r="H316" s="6">
        <v>92731</v>
      </c>
      <c r="I316" s="6">
        <v>62019</v>
      </c>
      <c r="J316" s="6">
        <v>59086</v>
      </c>
      <c r="K316" s="6">
        <v>30559</v>
      </c>
      <c r="L316" s="6">
        <v>153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58</v>
      </c>
      <c r="E317" s="9" t="s">
        <v>227</v>
      </c>
      <c r="F317" s="9" t="s">
        <v>281</v>
      </c>
      <c r="G317" s="9" t="s">
        <v>6</v>
      </c>
      <c r="H317" s="6">
        <v>146568</v>
      </c>
      <c r="I317" s="6">
        <v>102243</v>
      </c>
      <c r="J317" s="6">
        <v>98094</v>
      </c>
      <c r="K317" s="6">
        <v>44169</v>
      </c>
      <c r="L317" s="6">
        <v>156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58</v>
      </c>
      <c r="E318" s="9" t="s">
        <v>227</v>
      </c>
      <c r="F318" s="9" t="s">
        <v>281</v>
      </c>
      <c r="G318" s="9" t="s">
        <v>272</v>
      </c>
      <c r="H318" s="6">
        <v>10572</v>
      </c>
      <c r="I318" s="6">
        <v>5559</v>
      </c>
      <c r="J318" s="6">
        <v>5421</v>
      </c>
      <c r="K318" s="6">
        <v>5010</v>
      </c>
      <c r="L318" s="6">
        <v>3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58</v>
      </c>
      <c r="E319" s="9" t="s">
        <v>227</v>
      </c>
      <c r="F319" s="9" t="s">
        <v>281</v>
      </c>
      <c r="G319" s="9" t="s">
        <v>273</v>
      </c>
      <c r="H319" s="6">
        <v>16860</v>
      </c>
      <c r="I319" s="6">
        <v>11886</v>
      </c>
      <c r="J319" s="6">
        <v>11595</v>
      </c>
      <c r="K319" s="6">
        <v>4968</v>
      </c>
      <c r="L319" s="6">
        <v>6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58</v>
      </c>
      <c r="E320" s="9" t="s">
        <v>227</v>
      </c>
      <c r="F320" s="9" t="s">
        <v>281</v>
      </c>
      <c r="G320" s="9" t="s">
        <v>274</v>
      </c>
      <c r="H320" s="6">
        <v>11703</v>
      </c>
      <c r="I320" s="6">
        <v>8958</v>
      </c>
      <c r="J320" s="6">
        <v>8616</v>
      </c>
      <c r="K320" s="6">
        <v>2742</v>
      </c>
      <c r="L320" s="6">
        <v>3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58</v>
      </c>
      <c r="E321" s="9" t="s">
        <v>227</v>
      </c>
      <c r="F321" s="9" t="s">
        <v>281</v>
      </c>
      <c r="G321" s="9" t="s">
        <v>275</v>
      </c>
      <c r="H321" s="6">
        <v>7698</v>
      </c>
      <c r="I321" s="6">
        <v>5733</v>
      </c>
      <c r="J321" s="6">
        <v>5490</v>
      </c>
      <c r="K321" s="6">
        <v>1962</v>
      </c>
      <c r="L321" s="6">
        <v>3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58</v>
      </c>
      <c r="E322" s="9" t="s">
        <v>227</v>
      </c>
      <c r="F322" s="9" t="s">
        <v>281</v>
      </c>
      <c r="G322" s="9" t="s">
        <v>276</v>
      </c>
      <c r="H322" s="6">
        <v>7257</v>
      </c>
      <c r="I322" s="6">
        <v>5523</v>
      </c>
      <c r="J322" s="6">
        <v>5295</v>
      </c>
      <c r="K322" s="6">
        <v>1728</v>
      </c>
      <c r="L322" s="6">
        <v>6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58</v>
      </c>
      <c r="E323" s="9" t="s">
        <v>227</v>
      </c>
      <c r="F323" s="9" t="s">
        <v>281</v>
      </c>
      <c r="G323" s="9" t="s">
        <v>277</v>
      </c>
      <c r="H323" s="6">
        <v>8253</v>
      </c>
      <c r="I323" s="6">
        <v>6531</v>
      </c>
      <c r="J323" s="6">
        <v>6222</v>
      </c>
      <c r="K323" s="6">
        <v>1716</v>
      </c>
      <c r="L323" s="6">
        <v>6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58</v>
      </c>
      <c r="E324" s="9" t="s">
        <v>227</v>
      </c>
      <c r="F324" s="9" t="s">
        <v>281</v>
      </c>
      <c r="G324" s="9" t="s">
        <v>278</v>
      </c>
      <c r="H324" s="6">
        <v>12198</v>
      </c>
      <c r="I324" s="6">
        <v>9813</v>
      </c>
      <c r="J324" s="6">
        <v>9522</v>
      </c>
      <c r="K324" s="6">
        <v>2385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58</v>
      </c>
      <c r="E325" s="9" t="s">
        <v>227</v>
      </c>
      <c r="F325" s="9" t="s">
        <v>281</v>
      </c>
      <c r="G325" s="9" t="s">
        <v>279</v>
      </c>
      <c r="H325" s="6">
        <v>7410</v>
      </c>
      <c r="I325" s="6">
        <v>5883</v>
      </c>
      <c r="J325" s="6">
        <v>5688</v>
      </c>
      <c r="K325" s="6">
        <v>1518</v>
      </c>
      <c r="L325" s="6">
        <v>9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58</v>
      </c>
      <c r="E326" s="9" t="s">
        <v>227</v>
      </c>
      <c r="F326" s="9" t="s">
        <v>281</v>
      </c>
      <c r="G326" s="9" t="s">
        <v>280</v>
      </c>
      <c r="H326" s="6">
        <v>64617</v>
      </c>
      <c r="I326" s="6">
        <v>42357</v>
      </c>
      <c r="J326" s="6">
        <v>40245</v>
      </c>
      <c r="K326" s="6">
        <v>22140</v>
      </c>
      <c r="L326" s="6">
        <v>120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58</v>
      </c>
      <c r="E327" s="9" t="s">
        <v>227</v>
      </c>
      <c r="F327" s="9" t="s">
        <v>282</v>
      </c>
      <c r="G327" s="9" t="s">
        <v>6</v>
      </c>
      <c r="H327" s="6">
        <v>192836</v>
      </c>
      <c r="I327" s="6">
        <v>150812</v>
      </c>
      <c r="J327" s="6">
        <v>145804</v>
      </c>
      <c r="K327" s="6">
        <v>41936</v>
      </c>
      <c r="L327" s="6">
        <v>88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58</v>
      </c>
      <c r="E328" s="9" t="s">
        <v>227</v>
      </c>
      <c r="F328" s="9" t="s">
        <v>282</v>
      </c>
      <c r="G328" s="9" t="s">
        <v>272</v>
      </c>
      <c r="H328" s="6">
        <v>12552</v>
      </c>
      <c r="I328" s="6">
        <v>6596</v>
      </c>
      <c r="J328" s="6">
        <v>6424</v>
      </c>
      <c r="K328" s="6">
        <v>5944</v>
      </c>
      <c r="L328" s="6">
        <v>12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58</v>
      </c>
      <c r="E329" s="9" t="s">
        <v>227</v>
      </c>
      <c r="F329" s="9" t="s">
        <v>282</v>
      </c>
      <c r="G329" s="9" t="s">
        <v>273</v>
      </c>
      <c r="H329" s="6">
        <v>24388</v>
      </c>
      <c r="I329" s="6">
        <v>18036</v>
      </c>
      <c r="J329" s="6">
        <v>17500</v>
      </c>
      <c r="K329" s="6">
        <v>6340</v>
      </c>
      <c r="L329" s="6">
        <v>12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58</v>
      </c>
      <c r="E330" s="9" t="s">
        <v>227</v>
      </c>
      <c r="F330" s="9" t="s">
        <v>282</v>
      </c>
      <c r="G330" s="9" t="s">
        <v>274</v>
      </c>
      <c r="H330" s="6">
        <v>28564</v>
      </c>
      <c r="I330" s="6">
        <v>22628</v>
      </c>
      <c r="J330" s="6">
        <v>21876</v>
      </c>
      <c r="K330" s="6">
        <v>5932</v>
      </c>
      <c r="L330" s="6">
        <v>4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58</v>
      </c>
      <c r="E331" s="9" t="s">
        <v>227</v>
      </c>
      <c r="F331" s="9" t="s">
        <v>282</v>
      </c>
      <c r="G331" s="9" t="s">
        <v>275</v>
      </c>
      <c r="H331" s="6">
        <v>25400</v>
      </c>
      <c r="I331" s="6">
        <v>20680</v>
      </c>
      <c r="J331" s="6">
        <v>19968</v>
      </c>
      <c r="K331" s="6">
        <v>4712</v>
      </c>
      <c r="L331" s="6">
        <v>8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58</v>
      </c>
      <c r="E332" s="9" t="s">
        <v>227</v>
      </c>
      <c r="F332" s="9" t="s">
        <v>282</v>
      </c>
      <c r="G332" s="9" t="s">
        <v>276</v>
      </c>
      <c r="H332" s="6">
        <v>24808</v>
      </c>
      <c r="I332" s="6">
        <v>21160</v>
      </c>
      <c r="J332" s="6">
        <v>20460</v>
      </c>
      <c r="K332" s="6">
        <v>3636</v>
      </c>
      <c r="L332" s="6">
        <v>12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58</v>
      </c>
      <c r="E333" s="9" t="s">
        <v>227</v>
      </c>
      <c r="F333" s="9" t="s">
        <v>282</v>
      </c>
      <c r="G333" s="9" t="s">
        <v>277</v>
      </c>
      <c r="H333" s="6">
        <v>24072</v>
      </c>
      <c r="I333" s="6">
        <v>20696</v>
      </c>
      <c r="J333" s="6">
        <v>20076</v>
      </c>
      <c r="K333" s="6">
        <v>3372</v>
      </c>
      <c r="L333" s="6">
        <v>4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58</v>
      </c>
      <c r="E334" s="9" t="s">
        <v>227</v>
      </c>
      <c r="F334" s="9" t="s">
        <v>282</v>
      </c>
      <c r="G334" s="9" t="s">
        <v>278</v>
      </c>
      <c r="H334" s="6">
        <v>19376</v>
      </c>
      <c r="I334" s="6">
        <v>16304</v>
      </c>
      <c r="J334" s="6">
        <v>15776</v>
      </c>
      <c r="K334" s="6">
        <v>3068</v>
      </c>
      <c r="L334" s="6">
        <v>4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58</v>
      </c>
      <c r="E335" s="9" t="s">
        <v>227</v>
      </c>
      <c r="F335" s="9" t="s">
        <v>282</v>
      </c>
      <c r="G335" s="9" t="s">
        <v>279</v>
      </c>
      <c r="H335" s="6">
        <v>8496</v>
      </c>
      <c r="I335" s="6">
        <v>7092</v>
      </c>
      <c r="J335" s="6">
        <v>6860</v>
      </c>
      <c r="K335" s="6">
        <v>1400</v>
      </c>
      <c r="L335" s="6">
        <v>4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58</v>
      </c>
      <c r="E336" s="9" t="s">
        <v>227</v>
      </c>
      <c r="F336" s="9" t="s">
        <v>282</v>
      </c>
      <c r="G336" s="9" t="s">
        <v>280</v>
      </c>
      <c r="H336" s="6">
        <v>25180</v>
      </c>
      <c r="I336" s="6">
        <v>17620</v>
      </c>
      <c r="J336" s="6">
        <v>16864</v>
      </c>
      <c r="K336" s="6">
        <v>7532</v>
      </c>
      <c r="L336" s="6">
        <v>28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58</v>
      </c>
      <c r="E337" s="9" t="s">
        <v>227</v>
      </c>
      <c r="F337" s="9" t="s">
        <v>283</v>
      </c>
      <c r="G337" s="9" t="s">
        <v>6</v>
      </c>
      <c r="H337" s="6">
        <v>114088</v>
      </c>
      <c r="I337" s="6">
        <v>91807</v>
      </c>
      <c r="J337" s="6">
        <v>88896</v>
      </c>
      <c r="K337" s="6">
        <v>22238</v>
      </c>
      <c r="L337" s="6">
        <v>43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58</v>
      </c>
      <c r="E338" s="9" t="s">
        <v>227</v>
      </c>
      <c r="F338" s="9" t="s">
        <v>283</v>
      </c>
      <c r="G338" s="9" t="s">
        <v>272</v>
      </c>
      <c r="H338" s="6">
        <v>9871</v>
      </c>
      <c r="I338" s="6">
        <v>5237</v>
      </c>
      <c r="J338" s="6">
        <v>5059</v>
      </c>
      <c r="K338" s="6">
        <v>4634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58</v>
      </c>
      <c r="E339" s="9" t="s">
        <v>227</v>
      </c>
      <c r="F339" s="9" t="s">
        <v>283</v>
      </c>
      <c r="G339" s="9" t="s">
        <v>273</v>
      </c>
      <c r="H339" s="6">
        <v>19939</v>
      </c>
      <c r="I339" s="6">
        <v>15239</v>
      </c>
      <c r="J339" s="6">
        <v>14776</v>
      </c>
      <c r="K339" s="6">
        <v>4700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58</v>
      </c>
      <c r="E340" s="9" t="s">
        <v>227</v>
      </c>
      <c r="F340" s="9" t="s">
        <v>283</v>
      </c>
      <c r="G340" s="9" t="s">
        <v>274</v>
      </c>
      <c r="H340" s="6">
        <v>26019</v>
      </c>
      <c r="I340" s="6">
        <v>21775</v>
      </c>
      <c r="J340" s="6">
        <v>21032</v>
      </c>
      <c r="K340" s="6">
        <v>4229</v>
      </c>
      <c r="L340" s="6">
        <v>1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58</v>
      </c>
      <c r="E341" s="9" t="s">
        <v>227</v>
      </c>
      <c r="F341" s="9" t="s">
        <v>283</v>
      </c>
      <c r="G341" s="9" t="s">
        <v>275</v>
      </c>
      <c r="H341" s="6">
        <v>21399</v>
      </c>
      <c r="I341" s="6">
        <v>18149</v>
      </c>
      <c r="J341" s="6">
        <v>17601</v>
      </c>
      <c r="K341" s="6">
        <v>3232</v>
      </c>
      <c r="L341" s="6">
        <v>18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58</v>
      </c>
      <c r="E342" s="9" t="s">
        <v>227</v>
      </c>
      <c r="F342" s="9" t="s">
        <v>283</v>
      </c>
      <c r="G342" s="9" t="s">
        <v>276</v>
      </c>
      <c r="H342" s="6">
        <v>16536</v>
      </c>
      <c r="I342" s="6">
        <v>14456</v>
      </c>
      <c r="J342" s="6">
        <v>14017</v>
      </c>
      <c r="K342" s="6">
        <v>2080</v>
      </c>
      <c r="L342" s="10" t="s">
        <v>55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58</v>
      </c>
      <c r="E343" s="9" t="s">
        <v>227</v>
      </c>
      <c r="F343" s="9" t="s">
        <v>283</v>
      </c>
      <c r="G343" s="9" t="s">
        <v>277</v>
      </c>
      <c r="H343" s="6">
        <v>10804</v>
      </c>
      <c r="I343" s="6">
        <v>9374</v>
      </c>
      <c r="J343" s="6">
        <v>9112</v>
      </c>
      <c r="K343" s="6">
        <v>1425</v>
      </c>
      <c r="L343" s="6">
        <v>5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58</v>
      </c>
      <c r="E344" s="9" t="s">
        <v>227</v>
      </c>
      <c r="F344" s="9" t="s">
        <v>283</v>
      </c>
      <c r="G344" s="9" t="s">
        <v>278</v>
      </c>
      <c r="H344" s="6">
        <v>5050</v>
      </c>
      <c r="I344" s="6">
        <v>4256</v>
      </c>
      <c r="J344" s="6">
        <v>4094</v>
      </c>
      <c r="K344" s="6">
        <v>794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58</v>
      </c>
      <c r="E345" s="9" t="s">
        <v>227</v>
      </c>
      <c r="F345" s="9" t="s">
        <v>283</v>
      </c>
      <c r="G345" s="9" t="s">
        <v>279</v>
      </c>
      <c r="H345" s="6">
        <v>1536</v>
      </c>
      <c r="I345" s="6">
        <v>1279</v>
      </c>
      <c r="J345" s="6">
        <v>1228</v>
      </c>
      <c r="K345" s="6">
        <v>257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58</v>
      </c>
      <c r="E346" s="9" t="s">
        <v>227</v>
      </c>
      <c r="F346" s="9" t="s">
        <v>283</v>
      </c>
      <c r="G346" s="9" t="s">
        <v>280</v>
      </c>
      <c r="H346" s="6">
        <v>2934</v>
      </c>
      <c r="I346" s="6">
        <v>2042</v>
      </c>
      <c r="J346" s="6">
        <v>1977</v>
      </c>
      <c r="K346" s="6">
        <v>887</v>
      </c>
      <c r="L346" s="6">
        <v>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58</v>
      </c>
      <c r="E347" s="9" t="s">
        <v>228</v>
      </c>
      <c r="F347" s="9" t="s">
        <v>6</v>
      </c>
      <c r="G347" s="9" t="s">
        <v>6</v>
      </c>
      <c r="H347" s="6">
        <v>207493</v>
      </c>
      <c r="I347" s="6">
        <v>37797</v>
      </c>
      <c r="J347" s="6">
        <v>33760</v>
      </c>
      <c r="K347" s="6">
        <v>169272</v>
      </c>
      <c r="L347" s="6">
        <v>424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58</v>
      </c>
      <c r="E348" s="9" t="s">
        <v>228</v>
      </c>
      <c r="F348" s="9" t="s">
        <v>234</v>
      </c>
      <c r="G348" s="9" t="s">
        <v>6</v>
      </c>
      <c r="H348" s="6">
        <v>125300</v>
      </c>
      <c r="I348" s="6">
        <v>18860</v>
      </c>
      <c r="J348" s="6">
        <v>16806</v>
      </c>
      <c r="K348" s="6">
        <v>106126</v>
      </c>
      <c r="L348" s="6">
        <v>314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58</v>
      </c>
      <c r="E349" s="9" t="s">
        <v>228</v>
      </c>
      <c r="F349" s="9" t="s">
        <v>235</v>
      </c>
      <c r="G349" s="9" t="s">
        <v>6</v>
      </c>
      <c r="H349" s="6">
        <v>82193</v>
      </c>
      <c r="I349" s="6">
        <v>18937</v>
      </c>
      <c r="J349" s="6">
        <v>16954</v>
      </c>
      <c r="K349" s="6">
        <v>63146</v>
      </c>
      <c r="L349" s="6">
        <v>110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58</v>
      </c>
      <c r="E350" s="9" t="s">
        <v>228</v>
      </c>
      <c r="F350" s="9" t="s">
        <v>235</v>
      </c>
      <c r="G350" s="9" t="s">
        <v>272</v>
      </c>
      <c r="H350" s="6">
        <v>470</v>
      </c>
      <c r="I350" s="6">
        <v>181</v>
      </c>
      <c r="J350" s="6">
        <v>181</v>
      </c>
      <c r="K350" s="6">
        <v>282</v>
      </c>
      <c r="L350" s="6">
        <v>7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58</v>
      </c>
      <c r="E351" s="9" t="s">
        <v>228</v>
      </c>
      <c r="F351" s="9" t="s">
        <v>235</v>
      </c>
      <c r="G351" s="9" t="s">
        <v>273</v>
      </c>
      <c r="H351" s="6">
        <v>717</v>
      </c>
      <c r="I351" s="6">
        <v>403</v>
      </c>
      <c r="J351" s="6">
        <v>394</v>
      </c>
      <c r="K351" s="6">
        <v>309</v>
      </c>
      <c r="L351" s="6">
        <v>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58</v>
      </c>
      <c r="E352" s="9" t="s">
        <v>228</v>
      </c>
      <c r="F352" s="9" t="s">
        <v>235</v>
      </c>
      <c r="G352" s="9" t="s">
        <v>274</v>
      </c>
      <c r="H352" s="6">
        <v>809</v>
      </c>
      <c r="I352" s="6">
        <v>548</v>
      </c>
      <c r="J352" s="6">
        <v>517</v>
      </c>
      <c r="K352" s="6">
        <v>261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58</v>
      </c>
      <c r="E353" s="9" t="s">
        <v>228</v>
      </c>
      <c r="F353" s="9" t="s">
        <v>235</v>
      </c>
      <c r="G353" s="9" t="s">
        <v>275</v>
      </c>
      <c r="H353" s="6">
        <v>899</v>
      </c>
      <c r="I353" s="6">
        <v>622</v>
      </c>
      <c r="J353" s="6">
        <v>559</v>
      </c>
      <c r="K353" s="6">
        <v>268</v>
      </c>
      <c r="L353" s="6">
        <v>9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58</v>
      </c>
      <c r="E354" s="9" t="s">
        <v>228</v>
      </c>
      <c r="F354" s="9" t="s">
        <v>235</v>
      </c>
      <c r="G354" s="9" t="s">
        <v>276</v>
      </c>
      <c r="H354" s="6">
        <v>777</v>
      </c>
      <c r="I354" s="6">
        <v>552</v>
      </c>
      <c r="J354" s="6">
        <v>524</v>
      </c>
      <c r="K354" s="6">
        <v>225</v>
      </c>
      <c r="L354" s="10" t="s">
        <v>55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58</v>
      </c>
      <c r="E355" s="9" t="s">
        <v>228</v>
      </c>
      <c r="F355" s="9" t="s">
        <v>235</v>
      </c>
      <c r="G355" s="9" t="s">
        <v>277</v>
      </c>
      <c r="H355" s="6">
        <v>906</v>
      </c>
      <c r="I355" s="6">
        <v>736</v>
      </c>
      <c r="J355" s="6">
        <v>704</v>
      </c>
      <c r="K355" s="6">
        <v>170</v>
      </c>
      <c r="L355" s="10" t="s">
        <v>55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58</v>
      </c>
      <c r="E356" s="9" t="s">
        <v>228</v>
      </c>
      <c r="F356" s="9" t="s">
        <v>235</v>
      </c>
      <c r="G356" s="9" t="s">
        <v>278</v>
      </c>
      <c r="H356" s="6">
        <v>1007</v>
      </c>
      <c r="I356" s="6">
        <v>771</v>
      </c>
      <c r="J356" s="6">
        <v>736</v>
      </c>
      <c r="K356" s="6">
        <v>236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58</v>
      </c>
      <c r="E357" s="9" t="s">
        <v>228</v>
      </c>
      <c r="F357" s="9" t="s">
        <v>235</v>
      </c>
      <c r="G357" s="9" t="s">
        <v>279</v>
      </c>
      <c r="H357" s="6">
        <v>781</v>
      </c>
      <c r="I357" s="6">
        <v>573</v>
      </c>
      <c r="J357" s="6">
        <v>566</v>
      </c>
      <c r="K357" s="6">
        <v>208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58</v>
      </c>
      <c r="E358" s="9" t="s">
        <v>228</v>
      </c>
      <c r="F358" s="9" t="s">
        <v>235</v>
      </c>
      <c r="G358" s="9" t="s">
        <v>280</v>
      </c>
      <c r="H358" s="6">
        <v>75827</v>
      </c>
      <c r="I358" s="6">
        <v>14551</v>
      </c>
      <c r="J358" s="6">
        <v>12773</v>
      </c>
      <c r="K358" s="6">
        <v>61187</v>
      </c>
      <c r="L358" s="6">
        <v>89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58</v>
      </c>
      <c r="E359" s="9" t="s">
        <v>228</v>
      </c>
      <c r="F359" s="9" t="s">
        <v>281</v>
      </c>
      <c r="G359" s="9" t="s">
        <v>6</v>
      </c>
      <c r="H359" s="6">
        <v>62922</v>
      </c>
      <c r="I359" s="6">
        <v>12324</v>
      </c>
      <c r="J359" s="6">
        <v>10842</v>
      </c>
      <c r="K359" s="6">
        <v>50526</v>
      </c>
      <c r="L359" s="6">
        <v>72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58</v>
      </c>
      <c r="E360" s="9" t="s">
        <v>228</v>
      </c>
      <c r="F360" s="9" t="s">
        <v>281</v>
      </c>
      <c r="G360" s="9" t="s">
        <v>272</v>
      </c>
      <c r="H360" s="6">
        <v>153</v>
      </c>
      <c r="I360" s="6">
        <v>69</v>
      </c>
      <c r="J360" s="6">
        <v>69</v>
      </c>
      <c r="K360" s="6">
        <v>81</v>
      </c>
      <c r="L360" s="6">
        <v>3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58</v>
      </c>
      <c r="E361" s="9" t="s">
        <v>228</v>
      </c>
      <c r="F361" s="9" t="s">
        <v>281</v>
      </c>
      <c r="G361" s="9" t="s">
        <v>273</v>
      </c>
      <c r="H361" s="6">
        <v>192</v>
      </c>
      <c r="I361" s="6">
        <v>114</v>
      </c>
      <c r="J361" s="6">
        <v>111</v>
      </c>
      <c r="K361" s="6">
        <v>78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58</v>
      </c>
      <c r="E362" s="9" t="s">
        <v>228</v>
      </c>
      <c r="F362" s="9" t="s">
        <v>281</v>
      </c>
      <c r="G362" s="9" t="s">
        <v>274</v>
      </c>
      <c r="H362" s="6">
        <v>216</v>
      </c>
      <c r="I362" s="6">
        <v>159</v>
      </c>
      <c r="J362" s="6">
        <v>156</v>
      </c>
      <c r="K362" s="6">
        <v>57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58</v>
      </c>
      <c r="E363" s="9" t="s">
        <v>228</v>
      </c>
      <c r="F363" s="9" t="s">
        <v>281</v>
      </c>
      <c r="G363" s="9" t="s">
        <v>275</v>
      </c>
      <c r="H363" s="6">
        <v>156</v>
      </c>
      <c r="I363" s="6">
        <v>111</v>
      </c>
      <c r="J363" s="6">
        <v>99</v>
      </c>
      <c r="K363" s="6">
        <v>45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58</v>
      </c>
      <c r="E364" s="9" t="s">
        <v>228</v>
      </c>
      <c r="F364" s="9" t="s">
        <v>281</v>
      </c>
      <c r="G364" s="9" t="s">
        <v>276</v>
      </c>
      <c r="H364" s="6">
        <v>195</v>
      </c>
      <c r="I364" s="6">
        <v>123</v>
      </c>
      <c r="J364" s="6">
        <v>117</v>
      </c>
      <c r="K364" s="6">
        <v>72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58</v>
      </c>
      <c r="E365" s="9" t="s">
        <v>228</v>
      </c>
      <c r="F365" s="9" t="s">
        <v>281</v>
      </c>
      <c r="G365" s="9" t="s">
        <v>277</v>
      </c>
      <c r="H365" s="6">
        <v>249</v>
      </c>
      <c r="I365" s="6">
        <v>186</v>
      </c>
      <c r="J365" s="6">
        <v>177</v>
      </c>
      <c r="K365" s="6">
        <v>63</v>
      </c>
      <c r="L365" s="10" t="s">
        <v>55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58</v>
      </c>
      <c r="E366" s="9" t="s">
        <v>228</v>
      </c>
      <c r="F366" s="9" t="s">
        <v>281</v>
      </c>
      <c r="G366" s="9" t="s">
        <v>278</v>
      </c>
      <c r="H366" s="6">
        <v>396</v>
      </c>
      <c r="I366" s="6">
        <v>300</v>
      </c>
      <c r="J366" s="6">
        <v>285</v>
      </c>
      <c r="K366" s="6">
        <v>96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58</v>
      </c>
      <c r="E367" s="9" t="s">
        <v>228</v>
      </c>
      <c r="F367" s="9" t="s">
        <v>281</v>
      </c>
      <c r="G367" s="9" t="s">
        <v>279</v>
      </c>
      <c r="H367" s="6">
        <v>333</v>
      </c>
      <c r="I367" s="6">
        <v>243</v>
      </c>
      <c r="J367" s="6">
        <v>240</v>
      </c>
      <c r="K367" s="6">
        <v>90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58</v>
      </c>
      <c r="E368" s="9" t="s">
        <v>228</v>
      </c>
      <c r="F368" s="9" t="s">
        <v>281</v>
      </c>
      <c r="G368" s="9" t="s">
        <v>280</v>
      </c>
      <c r="H368" s="6">
        <v>61032</v>
      </c>
      <c r="I368" s="6">
        <v>11019</v>
      </c>
      <c r="J368" s="6">
        <v>9588</v>
      </c>
      <c r="K368" s="6">
        <v>49944</v>
      </c>
      <c r="L368" s="6">
        <v>69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58</v>
      </c>
      <c r="E369" s="9" t="s">
        <v>228</v>
      </c>
      <c r="F369" s="9" t="s">
        <v>282</v>
      </c>
      <c r="G369" s="9" t="s">
        <v>6</v>
      </c>
      <c r="H369" s="6">
        <v>16412</v>
      </c>
      <c r="I369" s="6">
        <v>5096</v>
      </c>
      <c r="J369" s="6">
        <v>4704</v>
      </c>
      <c r="K369" s="6">
        <v>11288</v>
      </c>
      <c r="L369" s="6">
        <v>28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58</v>
      </c>
      <c r="E370" s="9" t="s">
        <v>228</v>
      </c>
      <c r="F370" s="9" t="s">
        <v>282</v>
      </c>
      <c r="G370" s="9" t="s">
        <v>272</v>
      </c>
      <c r="H370" s="6">
        <v>160</v>
      </c>
      <c r="I370" s="6">
        <v>52</v>
      </c>
      <c r="J370" s="6">
        <v>52</v>
      </c>
      <c r="K370" s="6">
        <v>104</v>
      </c>
      <c r="L370" s="6">
        <v>4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58</v>
      </c>
      <c r="E371" s="9" t="s">
        <v>228</v>
      </c>
      <c r="F371" s="9" t="s">
        <v>282</v>
      </c>
      <c r="G371" s="9" t="s">
        <v>273</v>
      </c>
      <c r="H371" s="6">
        <v>292</v>
      </c>
      <c r="I371" s="6">
        <v>144</v>
      </c>
      <c r="J371" s="6">
        <v>144</v>
      </c>
      <c r="K371" s="6">
        <v>148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58</v>
      </c>
      <c r="E372" s="9" t="s">
        <v>228</v>
      </c>
      <c r="F372" s="9" t="s">
        <v>282</v>
      </c>
      <c r="G372" s="9" t="s">
        <v>274</v>
      </c>
      <c r="H372" s="6">
        <v>280</v>
      </c>
      <c r="I372" s="6">
        <v>172</v>
      </c>
      <c r="J372" s="6">
        <v>168</v>
      </c>
      <c r="K372" s="6">
        <v>108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58</v>
      </c>
      <c r="E373" s="9" t="s">
        <v>228</v>
      </c>
      <c r="F373" s="9" t="s">
        <v>282</v>
      </c>
      <c r="G373" s="9" t="s">
        <v>275</v>
      </c>
      <c r="H373" s="6">
        <v>380</v>
      </c>
      <c r="I373" s="6">
        <v>260</v>
      </c>
      <c r="J373" s="6">
        <v>236</v>
      </c>
      <c r="K373" s="6">
        <v>116</v>
      </c>
      <c r="L373" s="6">
        <v>4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58</v>
      </c>
      <c r="E374" s="9" t="s">
        <v>228</v>
      </c>
      <c r="F374" s="9" t="s">
        <v>282</v>
      </c>
      <c r="G374" s="9" t="s">
        <v>276</v>
      </c>
      <c r="H374" s="6">
        <v>396</v>
      </c>
      <c r="I374" s="6">
        <v>300</v>
      </c>
      <c r="J374" s="6">
        <v>284</v>
      </c>
      <c r="K374" s="6">
        <v>96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58</v>
      </c>
      <c r="E375" s="9" t="s">
        <v>228</v>
      </c>
      <c r="F375" s="9" t="s">
        <v>282</v>
      </c>
      <c r="G375" s="9" t="s">
        <v>277</v>
      </c>
      <c r="H375" s="6">
        <v>472</v>
      </c>
      <c r="I375" s="6">
        <v>380</v>
      </c>
      <c r="J375" s="6">
        <v>368</v>
      </c>
      <c r="K375" s="6">
        <v>92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58</v>
      </c>
      <c r="E376" s="9" t="s">
        <v>228</v>
      </c>
      <c r="F376" s="9" t="s">
        <v>282</v>
      </c>
      <c r="G376" s="9" t="s">
        <v>278</v>
      </c>
      <c r="H376" s="6">
        <v>468</v>
      </c>
      <c r="I376" s="6">
        <v>364</v>
      </c>
      <c r="J376" s="6">
        <v>344</v>
      </c>
      <c r="K376" s="6">
        <v>104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58</v>
      </c>
      <c r="E377" s="9" t="s">
        <v>228</v>
      </c>
      <c r="F377" s="9" t="s">
        <v>282</v>
      </c>
      <c r="G377" s="9" t="s">
        <v>279</v>
      </c>
      <c r="H377" s="6">
        <v>348</v>
      </c>
      <c r="I377" s="6">
        <v>264</v>
      </c>
      <c r="J377" s="6">
        <v>260</v>
      </c>
      <c r="K377" s="6">
        <v>84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58</v>
      </c>
      <c r="E378" s="9" t="s">
        <v>228</v>
      </c>
      <c r="F378" s="9" t="s">
        <v>282</v>
      </c>
      <c r="G378" s="9" t="s">
        <v>280</v>
      </c>
      <c r="H378" s="6">
        <v>13616</v>
      </c>
      <c r="I378" s="6">
        <v>3160</v>
      </c>
      <c r="J378" s="6">
        <v>2848</v>
      </c>
      <c r="K378" s="6">
        <v>10436</v>
      </c>
      <c r="L378" s="6">
        <v>20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58</v>
      </c>
      <c r="E379" s="9" t="s">
        <v>228</v>
      </c>
      <c r="F379" s="9" t="s">
        <v>283</v>
      </c>
      <c r="G379" s="9" t="s">
        <v>6</v>
      </c>
      <c r="H379" s="6">
        <v>2859</v>
      </c>
      <c r="I379" s="6">
        <v>1517</v>
      </c>
      <c r="J379" s="6">
        <v>1408</v>
      </c>
      <c r="K379" s="6">
        <v>1332</v>
      </c>
      <c r="L379" s="6">
        <v>10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58</v>
      </c>
      <c r="E380" s="9" t="s">
        <v>228</v>
      </c>
      <c r="F380" s="9" t="s">
        <v>283</v>
      </c>
      <c r="G380" s="9" t="s">
        <v>272</v>
      </c>
      <c r="H380" s="6">
        <v>157</v>
      </c>
      <c r="I380" s="6">
        <v>60</v>
      </c>
      <c r="J380" s="6">
        <v>60</v>
      </c>
      <c r="K380" s="6">
        <v>97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58</v>
      </c>
      <c r="E381" s="9" t="s">
        <v>228</v>
      </c>
      <c r="F381" s="9" t="s">
        <v>283</v>
      </c>
      <c r="G381" s="9" t="s">
        <v>273</v>
      </c>
      <c r="H381" s="6">
        <v>233</v>
      </c>
      <c r="I381" s="6">
        <v>145</v>
      </c>
      <c r="J381" s="6">
        <v>139</v>
      </c>
      <c r="K381" s="6">
        <v>83</v>
      </c>
      <c r="L381" s="6">
        <v>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58</v>
      </c>
      <c r="E382" s="9" t="s">
        <v>228</v>
      </c>
      <c r="F382" s="9" t="s">
        <v>283</v>
      </c>
      <c r="G382" s="9" t="s">
        <v>274</v>
      </c>
      <c r="H382" s="6">
        <v>313</v>
      </c>
      <c r="I382" s="6">
        <v>217</v>
      </c>
      <c r="J382" s="6">
        <v>193</v>
      </c>
      <c r="K382" s="6">
        <v>96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58</v>
      </c>
      <c r="E383" s="9" t="s">
        <v>228</v>
      </c>
      <c r="F383" s="9" t="s">
        <v>283</v>
      </c>
      <c r="G383" s="9" t="s">
        <v>275</v>
      </c>
      <c r="H383" s="6">
        <v>363</v>
      </c>
      <c r="I383" s="6">
        <v>251</v>
      </c>
      <c r="J383" s="6">
        <v>224</v>
      </c>
      <c r="K383" s="6">
        <v>107</v>
      </c>
      <c r="L383" s="6">
        <v>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58</v>
      </c>
      <c r="E384" s="9" t="s">
        <v>228</v>
      </c>
      <c r="F384" s="9" t="s">
        <v>283</v>
      </c>
      <c r="G384" s="9" t="s">
        <v>276</v>
      </c>
      <c r="H384" s="6">
        <v>186</v>
      </c>
      <c r="I384" s="6">
        <v>129</v>
      </c>
      <c r="J384" s="6">
        <v>123</v>
      </c>
      <c r="K384" s="6">
        <v>57</v>
      </c>
      <c r="L384" s="10" t="s">
        <v>55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58</v>
      </c>
      <c r="E385" s="9" t="s">
        <v>228</v>
      </c>
      <c r="F385" s="9" t="s">
        <v>283</v>
      </c>
      <c r="G385" s="9" t="s">
        <v>277</v>
      </c>
      <c r="H385" s="6">
        <v>185</v>
      </c>
      <c r="I385" s="6">
        <v>170</v>
      </c>
      <c r="J385" s="6">
        <v>159</v>
      </c>
      <c r="K385" s="6">
        <v>1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58</v>
      </c>
      <c r="E386" s="9" t="s">
        <v>228</v>
      </c>
      <c r="F386" s="9" t="s">
        <v>283</v>
      </c>
      <c r="G386" s="9" t="s">
        <v>278</v>
      </c>
      <c r="H386" s="6">
        <v>143</v>
      </c>
      <c r="I386" s="6">
        <v>107</v>
      </c>
      <c r="J386" s="6">
        <v>107</v>
      </c>
      <c r="K386" s="6">
        <v>36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58</v>
      </c>
      <c r="E387" s="9" t="s">
        <v>228</v>
      </c>
      <c r="F387" s="9" t="s">
        <v>283</v>
      </c>
      <c r="G387" s="9" t="s">
        <v>279</v>
      </c>
      <c r="H387" s="6">
        <v>100</v>
      </c>
      <c r="I387" s="6">
        <v>66</v>
      </c>
      <c r="J387" s="6">
        <v>66</v>
      </c>
      <c r="K387" s="6">
        <v>34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58</v>
      </c>
      <c r="E388" s="9" t="s">
        <v>228</v>
      </c>
      <c r="F388" s="9" t="s">
        <v>283</v>
      </c>
      <c r="G388" s="9" t="s">
        <v>280</v>
      </c>
      <c r="H388" s="6">
        <v>1179</v>
      </c>
      <c r="I388" s="6">
        <v>372</v>
      </c>
      <c r="J388" s="6">
        <v>337</v>
      </c>
      <c r="K388" s="6">
        <v>807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58</v>
      </c>
      <c r="E389" s="9" t="s">
        <v>18</v>
      </c>
      <c r="F389" s="9" t="s">
        <v>6</v>
      </c>
      <c r="G389" s="9" t="s">
        <v>6</v>
      </c>
      <c r="H389" s="6">
        <v>51752</v>
      </c>
      <c r="I389" s="6">
        <v>772</v>
      </c>
      <c r="J389" s="6">
        <v>576</v>
      </c>
      <c r="K389" s="6">
        <v>585</v>
      </c>
      <c r="L389" s="6">
        <v>50395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58</v>
      </c>
      <c r="E390" s="9" t="s">
        <v>18</v>
      </c>
      <c r="F390" s="9" t="s">
        <v>234</v>
      </c>
      <c r="G390" s="9" t="s">
        <v>6</v>
      </c>
      <c r="H390" s="6">
        <v>13958</v>
      </c>
      <c r="I390" s="6">
        <v>398</v>
      </c>
      <c r="J390" s="6">
        <v>298</v>
      </c>
      <c r="K390" s="6">
        <v>330</v>
      </c>
      <c r="L390" s="6">
        <v>13230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58</v>
      </c>
      <c r="E391" s="9" t="s">
        <v>18</v>
      </c>
      <c r="F391" s="9" t="s">
        <v>235</v>
      </c>
      <c r="G391" s="9" t="s">
        <v>6</v>
      </c>
      <c r="H391" s="6">
        <v>37794</v>
      </c>
      <c r="I391" s="6">
        <v>374</v>
      </c>
      <c r="J391" s="6">
        <v>278</v>
      </c>
      <c r="K391" s="6">
        <v>255</v>
      </c>
      <c r="L391" s="6">
        <v>37165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58</v>
      </c>
      <c r="E392" s="9" t="s">
        <v>18</v>
      </c>
      <c r="F392" s="9" t="s">
        <v>235</v>
      </c>
      <c r="G392" s="9" t="s">
        <v>272</v>
      </c>
      <c r="H392" s="6">
        <v>3271</v>
      </c>
      <c r="I392" s="10" t="s">
        <v>55</v>
      </c>
      <c r="J392" s="10" t="s">
        <v>55</v>
      </c>
      <c r="K392" s="10" t="s">
        <v>55</v>
      </c>
      <c r="L392" s="6">
        <v>3271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58</v>
      </c>
      <c r="E393" s="9" t="s">
        <v>18</v>
      </c>
      <c r="F393" s="9" t="s">
        <v>235</v>
      </c>
      <c r="G393" s="9" t="s">
        <v>273</v>
      </c>
      <c r="H393" s="6">
        <v>6392</v>
      </c>
      <c r="I393" s="6">
        <v>23</v>
      </c>
      <c r="J393" s="6">
        <v>20</v>
      </c>
      <c r="K393" s="6">
        <v>10</v>
      </c>
      <c r="L393" s="6">
        <v>6359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58</v>
      </c>
      <c r="E394" s="9" t="s">
        <v>18</v>
      </c>
      <c r="F394" s="9" t="s">
        <v>235</v>
      </c>
      <c r="G394" s="9" t="s">
        <v>274</v>
      </c>
      <c r="H394" s="6">
        <v>5880</v>
      </c>
      <c r="I394" s="6">
        <v>13</v>
      </c>
      <c r="J394" s="6">
        <v>5</v>
      </c>
      <c r="K394" s="10" t="s">
        <v>55</v>
      </c>
      <c r="L394" s="6">
        <v>5867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58</v>
      </c>
      <c r="E395" s="9" t="s">
        <v>18</v>
      </c>
      <c r="F395" s="9" t="s">
        <v>235</v>
      </c>
      <c r="G395" s="9" t="s">
        <v>275</v>
      </c>
      <c r="H395" s="6">
        <v>4606</v>
      </c>
      <c r="I395" s="6">
        <v>29</v>
      </c>
      <c r="J395" s="6">
        <v>29</v>
      </c>
      <c r="K395" s="10" t="s">
        <v>55</v>
      </c>
      <c r="L395" s="6">
        <v>4577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58</v>
      </c>
      <c r="E396" s="9" t="s">
        <v>18</v>
      </c>
      <c r="F396" s="9" t="s">
        <v>235</v>
      </c>
      <c r="G396" s="9" t="s">
        <v>276</v>
      </c>
      <c r="H396" s="6">
        <v>3760</v>
      </c>
      <c r="I396" s="6">
        <v>33</v>
      </c>
      <c r="J396" s="6">
        <v>28</v>
      </c>
      <c r="K396" s="6">
        <v>10</v>
      </c>
      <c r="L396" s="6">
        <v>3717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58</v>
      </c>
      <c r="E397" s="9" t="s">
        <v>18</v>
      </c>
      <c r="F397" s="9" t="s">
        <v>235</v>
      </c>
      <c r="G397" s="9" t="s">
        <v>277</v>
      </c>
      <c r="H397" s="6">
        <v>3224</v>
      </c>
      <c r="I397" s="6">
        <v>31</v>
      </c>
      <c r="J397" s="6">
        <v>27</v>
      </c>
      <c r="K397" s="6">
        <v>8</v>
      </c>
      <c r="L397" s="6">
        <v>3185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58</v>
      </c>
      <c r="E398" s="9" t="s">
        <v>18</v>
      </c>
      <c r="F398" s="9" t="s">
        <v>235</v>
      </c>
      <c r="G398" s="9" t="s">
        <v>278</v>
      </c>
      <c r="H398" s="6">
        <v>2455</v>
      </c>
      <c r="I398" s="6">
        <v>17</v>
      </c>
      <c r="J398" s="6">
        <v>17</v>
      </c>
      <c r="K398" s="6">
        <v>6</v>
      </c>
      <c r="L398" s="6">
        <v>2432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58</v>
      </c>
      <c r="E399" s="9" t="s">
        <v>18</v>
      </c>
      <c r="F399" s="9" t="s">
        <v>235</v>
      </c>
      <c r="G399" s="9" t="s">
        <v>279</v>
      </c>
      <c r="H399" s="6">
        <v>1119</v>
      </c>
      <c r="I399" s="6">
        <v>10</v>
      </c>
      <c r="J399" s="6">
        <v>10</v>
      </c>
      <c r="K399" s="10" t="s">
        <v>55</v>
      </c>
      <c r="L399" s="6">
        <v>1109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58</v>
      </c>
      <c r="E400" s="9" t="s">
        <v>18</v>
      </c>
      <c r="F400" s="9" t="s">
        <v>235</v>
      </c>
      <c r="G400" s="9" t="s">
        <v>280</v>
      </c>
      <c r="H400" s="6">
        <v>7087</v>
      </c>
      <c r="I400" s="6">
        <v>218</v>
      </c>
      <c r="J400" s="6">
        <v>142</v>
      </c>
      <c r="K400" s="6">
        <v>221</v>
      </c>
      <c r="L400" s="6">
        <v>6648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58</v>
      </c>
      <c r="E401" s="9" t="s">
        <v>18</v>
      </c>
      <c r="F401" s="9" t="s">
        <v>281</v>
      </c>
      <c r="G401" s="9" t="s">
        <v>6</v>
      </c>
      <c r="H401" s="6">
        <v>11772</v>
      </c>
      <c r="I401" s="6">
        <v>186</v>
      </c>
      <c r="J401" s="6">
        <v>132</v>
      </c>
      <c r="K401" s="6">
        <v>162</v>
      </c>
      <c r="L401" s="6">
        <v>11424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58</v>
      </c>
      <c r="E402" s="9" t="s">
        <v>18</v>
      </c>
      <c r="F402" s="9" t="s">
        <v>281</v>
      </c>
      <c r="G402" s="9" t="s">
        <v>272</v>
      </c>
      <c r="H402" s="6">
        <v>1023</v>
      </c>
      <c r="I402" s="10" t="s">
        <v>55</v>
      </c>
      <c r="J402" s="10" t="s">
        <v>55</v>
      </c>
      <c r="K402" s="10" t="s">
        <v>55</v>
      </c>
      <c r="L402" s="6">
        <v>1023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58</v>
      </c>
      <c r="E403" s="9" t="s">
        <v>18</v>
      </c>
      <c r="F403" s="9" t="s">
        <v>281</v>
      </c>
      <c r="G403" s="9" t="s">
        <v>273</v>
      </c>
      <c r="H403" s="6">
        <v>1779</v>
      </c>
      <c r="I403" s="6">
        <v>6</v>
      </c>
      <c r="J403" s="6">
        <v>3</v>
      </c>
      <c r="K403" s="10" t="s">
        <v>55</v>
      </c>
      <c r="L403" s="6">
        <v>1773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58</v>
      </c>
      <c r="E404" s="9" t="s">
        <v>18</v>
      </c>
      <c r="F404" s="9" t="s">
        <v>281</v>
      </c>
      <c r="G404" s="9" t="s">
        <v>274</v>
      </c>
      <c r="H404" s="6">
        <v>1188</v>
      </c>
      <c r="I404" s="6">
        <v>3</v>
      </c>
      <c r="J404" s="10" t="s">
        <v>55</v>
      </c>
      <c r="K404" s="10" t="s">
        <v>55</v>
      </c>
      <c r="L404" s="6">
        <v>1185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58</v>
      </c>
      <c r="E405" s="9" t="s">
        <v>18</v>
      </c>
      <c r="F405" s="9" t="s">
        <v>281</v>
      </c>
      <c r="G405" s="9" t="s">
        <v>275</v>
      </c>
      <c r="H405" s="6">
        <v>714</v>
      </c>
      <c r="I405" s="10" t="s">
        <v>55</v>
      </c>
      <c r="J405" s="10" t="s">
        <v>55</v>
      </c>
      <c r="K405" s="10" t="s">
        <v>55</v>
      </c>
      <c r="L405" s="6">
        <v>714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58</v>
      </c>
      <c r="E406" s="9" t="s">
        <v>18</v>
      </c>
      <c r="F406" s="9" t="s">
        <v>281</v>
      </c>
      <c r="G406" s="9" t="s">
        <v>276</v>
      </c>
      <c r="H406" s="6">
        <v>537</v>
      </c>
      <c r="I406" s="10" t="s">
        <v>55</v>
      </c>
      <c r="J406" s="10" t="s">
        <v>55</v>
      </c>
      <c r="K406" s="10" t="s">
        <v>55</v>
      </c>
      <c r="L406" s="6">
        <v>537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58</v>
      </c>
      <c r="E407" s="9" t="s">
        <v>18</v>
      </c>
      <c r="F407" s="9" t="s">
        <v>281</v>
      </c>
      <c r="G407" s="9" t="s">
        <v>277</v>
      </c>
      <c r="H407" s="6">
        <v>537</v>
      </c>
      <c r="I407" s="6">
        <v>3</v>
      </c>
      <c r="J407" s="6">
        <v>3</v>
      </c>
      <c r="K407" s="10" t="s">
        <v>55</v>
      </c>
      <c r="L407" s="6">
        <v>534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58</v>
      </c>
      <c r="E408" s="9" t="s">
        <v>18</v>
      </c>
      <c r="F408" s="9" t="s">
        <v>281</v>
      </c>
      <c r="G408" s="9" t="s">
        <v>278</v>
      </c>
      <c r="H408" s="6">
        <v>684</v>
      </c>
      <c r="I408" s="6">
        <v>3</v>
      </c>
      <c r="J408" s="6">
        <v>3</v>
      </c>
      <c r="K408" s="6">
        <v>6</v>
      </c>
      <c r="L408" s="6">
        <v>675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58</v>
      </c>
      <c r="E409" s="9" t="s">
        <v>18</v>
      </c>
      <c r="F409" s="9" t="s">
        <v>281</v>
      </c>
      <c r="G409" s="9" t="s">
        <v>279</v>
      </c>
      <c r="H409" s="6">
        <v>423</v>
      </c>
      <c r="I409" s="6">
        <v>6</v>
      </c>
      <c r="J409" s="6">
        <v>6</v>
      </c>
      <c r="K409" s="10" t="s">
        <v>55</v>
      </c>
      <c r="L409" s="6">
        <v>417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58</v>
      </c>
      <c r="E410" s="9" t="s">
        <v>18</v>
      </c>
      <c r="F410" s="9" t="s">
        <v>281</v>
      </c>
      <c r="G410" s="9" t="s">
        <v>280</v>
      </c>
      <c r="H410" s="6">
        <v>4887</v>
      </c>
      <c r="I410" s="6">
        <v>165</v>
      </c>
      <c r="J410" s="6">
        <v>117</v>
      </c>
      <c r="K410" s="6">
        <v>156</v>
      </c>
      <c r="L410" s="6">
        <v>4566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58</v>
      </c>
      <c r="E411" s="9" t="s">
        <v>18</v>
      </c>
      <c r="F411" s="9" t="s">
        <v>282</v>
      </c>
      <c r="G411" s="9" t="s">
        <v>6</v>
      </c>
      <c r="H411" s="6">
        <v>14536</v>
      </c>
      <c r="I411" s="6">
        <v>84</v>
      </c>
      <c r="J411" s="6">
        <v>52</v>
      </c>
      <c r="K411" s="6">
        <v>68</v>
      </c>
      <c r="L411" s="6">
        <v>14384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58</v>
      </c>
      <c r="E412" s="9" t="s">
        <v>18</v>
      </c>
      <c r="F412" s="9" t="s">
        <v>282</v>
      </c>
      <c r="G412" s="9" t="s">
        <v>272</v>
      </c>
      <c r="H412" s="6">
        <v>1088</v>
      </c>
      <c r="I412" s="10" t="s">
        <v>55</v>
      </c>
      <c r="J412" s="10" t="s">
        <v>55</v>
      </c>
      <c r="K412" s="10" t="s">
        <v>55</v>
      </c>
      <c r="L412" s="6">
        <v>1088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58</v>
      </c>
      <c r="E413" s="9" t="s">
        <v>18</v>
      </c>
      <c r="F413" s="9" t="s">
        <v>282</v>
      </c>
      <c r="G413" s="9" t="s">
        <v>273</v>
      </c>
      <c r="H413" s="6">
        <v>2356</v>
      </c>
      <c r="I413" s="6">
        <v>4</v>
      </c>
      <c r="J413" s="6">
        <v>4</v>
      </c>
      <c r="K413" s="10" t="s">
        <v>55</v>
      </c>
      <c r="L413" s="6">
        <v>2352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58</v>
      </c>
      <c r="E414" s="9" t="s">
        <v>18</v>
      </c>
      <c r="F414" s="9" t="s">
        <v>282</v>
      </c>
      <c r="G414" s="9" t="s">
        <v>274</v>
      </c>
      <c r="H414" s="6">
        <v>2160</v>
      </c>
      <c r="I414" s="10" t="s">
        <v>55</v>
      </c>
      <c r="J414" s="10" t="s">
        <v>55</v>
      </c>
      <c r="K414" s="10" t="s">
        <v>55</v>
      </c>
      <c r="L414" s="6">
        <v>2160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58</v>
      </c>
      <c r="E415" s="9" t="s">
        <v>18</v>
      </c>
      <c r="F415" s="9" t="s">
        <v>282</v>
      </c>
      <c r="G415" s="9" t="s">
        <v>275</v>
      </c>
      <c r="H415" s="6">
        <v>1856</v>
      </c>
      <c r="I415" s="6">
        <v>4</v>
      </c>
      <c r="J415" s="6">
        <v>4</v>
      </c>
      <c r="K415" s="10" t="s">
        <v>55</v>
      </c>
      <c r="L415" s="6">
        <v>1852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58</v>
      </c>
      <c r="E416" s="9" t="s">
        <v>18</v>
      </c>
      <c r="F416" s="9" t="s">
        <v>282</v>
      </c>
      <c r="G416" s="9" t="s">
        <v>276</v>
      </c>
      <c r="H416" s="6">
        <v>1768</v>
      </c>
      <c r="I416" s="6">
        <v>8</v>
      </c>
      <c r="J416" s="6">
        <v>8</v>
      </c>
      <c r="K416" s="10" t="s">
        <v>55</v>
      </c>
      <c r="L416" s="6">
        <v>1760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58</v>
      </c>
      <c r="E417" s="9" t="s">
        <v>18</v>
      </c>
      <c r="F417" s="9" t="s">
        <v>282</v>
      </c>
      <c r="G417" s="9" t="s">
        <v>277</v>
      </c>
      <c r="H417" s="6">
        <v>1544</v>
      </c>
      <c r="I417" s="6">
        <v>12</v>
      </c>
      <c r="J417" s="6">
        <v>8</v>
      </c>
      <c r="K417" s="6">
        <v>8</v>
      </c>
      <c r="L417" s="6">
        <v>1524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58</v>
      </c>
      <c r="E418" s="9" t="s">
        <v>18</v>
      </c>
      <c r="F418" s="9" t="s">
        <v>282</v>
      </c>
      <c r="G418" s="9" t="s">
        <v>278</v>
      </c>
      <c r="H418" s="6">
        <v>1384</v>
      </c>
      <c r="I418" s="6">
        <v>4</v>
      </c>
      <c r="J418" s="6">
        <v>4</v>
      </c>
      <c r="K418" s="10" t="s">
        <v>55</v>
      </c>
      <c r="L418" s="6">
        <v>1380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58</v>
      </c>
      <c r="E419" s="9" t="s">
        <v>18</v>
      </c>
      <c r="F419" s="9" t="s">
        <v>282</v>
      </c>
      <c r="G419" s="9" t="s">
        <v>279</v>
      </c>
      <c r="H419" s="6">
        <v>552</v>
      </c>
      <c r="I419" s="6">
        <v>4</v>
      </c>
      <c r="J419" s="6">
        <v>4</v>
      </c>
      <c r="K419" s="10" t="s">
        <v>55</v>
      </c>
      <c r="L419" s="6">
        <v>548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58</v>
      </c>
      <c r="E420" s="9" t="s">
        <v>18</v>
      </c>
      <c r="F420" s="9" t="s">
        <v>282</v>
      </c>
      <c r="G420" s="9" t="s">
        <v>280</v>
      </c>
      <c r="H420" s="6">
        <v>1828</v>
      </c>
      <c r="I420" s="6">
        <v>48</v>
      </c>
      <c r="J420" s="6">
        <v>20</v>
      </c>
      <c r="K420" s="6">
        <v>60</v>
      </c>
      <c r="L420" s="6">
        <v>1720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58</v>
      </c>
      <c r="E421" s="9" t="s">
        <v>18</v>
      </c>
      <c r="F421" s="9" t="s">
        <v>283</v>
      </c>
      <c r="G421" s="9" t="s">
        <v>6</v>
      </c>
      <c r="H421" s="6">
        <v>11486</v>
      </c>
      <c r="I421" s="6">
        <v>104</v>
      </c>
      <c r="J421" s="6">
        <v>94</v>
      </c>
      <c r="K421" s="6">
        <v>25</v>
      </c>
      <c r="L421" s="6">
        <v>11357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58</v>
      </c>
      <c r="E422" s="9" t="s">
        <v>18</v>
      </c>
      <c r="F422" s="9" t="s">
        <v>283</v>
      </c>
      <c r="G422" s="9" t="s">
        <v>272</v>
      </c>
      <c r="H422" s="6">
        <v>1160</v>
      </c>
      <c r="I422" s="10" t="s">
        <v>55</v>
      </c>
      <c r="J422" s="10" t="s">
        <v>55</v>
      </c>
      <c r="K422" s="10" t="s">
        <v>55</v>
      </c>
      <c r="L422" s="6">
        <v>1160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58</v>
      </c>
      <c r="E423" s="9" t="s">
        <v>18</v>
      </c>
      <c r="F423" s="9" t="s">
        <v>283</v>
      </c>
      <c r="G423" s="9" t="s">
        <v>273</v>
      </c>
      <c r="H423" s="6">
        <v>2257</v>
      </c>
      <c r="I423" s="6">
        <v>13</v>
      </c>
      <c r="J423" s="6">
        <v>13</v>
      </c>
      <c r="K423" s="6">
        <v>10</v>
      </c>
      <c r="L423" s="6">
        <v>2234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58</v>
      </c>
      <c r="E424" s="9" t="s">
        <v>18</v>
      </c>
      <c r="F424" s="9" t="s">
        <v>283</v>
      </c>
      <c r="G424" s="9" t="s">
        <v>274</v>
      </c>
      <c r="H424" s="6">
        <v>2532</v>
      </c>
      <c r="I424" s="6">
        <v>10</v>
      </c>
      <c r="J424" s="6">
        <v>5</v>
      </c>
      <c r="K424" s="10" t="s">
        <v>55</v>
      </c>
      <c r="L424" s="6">
        <v>2522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58</v>
      </c>
      <c r="E425" s="9" t="s">
        <v>18</v>
      </c>
      <c r="F425" s="9" t="s">
        <v>283</v>
      </c>
      <c r="G425" s="9" t="s">
        <v>275</v>
      </c>
      <c r="H425" s="6">
        <v>2036</v>
      </c>
      <c r="I425" s="6">
        <v>25</v>
      </c>
      <c r="J425" s="6">
        <v>25</v>
      </c>
      <c r="K425" s="10" t="s">
        <v>55</v>
      </c>
      <c r="L425" s="6">
        <v>2011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58</v>
      </c>
      <c r="E426" s="9" t="s">
        <v>18</v>
      </c>
      <c r="F426" s="9" t="s">
        <v>283</v>
      </c>
      <c r="G426" s="9" t="s">
        <v>276</v>
      </c>
      <c r="H426" s="6">
        <v>1455</v>
      </c>
      <c r="I426" s="6">
        <v>25</v>
      </c>
      <c r="J426" s="6">
        <v>20</v>
      </c>
      <c r="K426" s="6">
        <v>10</v>
      </c>
      <c r="L426" s="6">
        <v>1420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58</v>
      </c>
      <c r="E427" s="9" t="s">
        <v>18</v>
      </c>
      <c r="F427" s="9" t="s">
        <v>283</v>
      </c>
      <c r="G427" s="9" t="s">
        <v>277</v>
      </c>
      <c r="H427" s="6">
        <v>1143</v>
      </c>
      <c r="I427" s="6">
        <v>16</v>
      </c>
      <c r="J427" s="6">
        <v>16</v>
      </c>
      <c r="K427" s="10" t="s">
        <v>55</v>
      </c>
      <c r="L427" s="6">
        <v>1127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58</v>
      </c>
      <c r="E428" s="9" t="s">
        <v>18</v>
      </c>
      <c r="F428" s="9" t="s">
        <v>283</v>
      </c>
      <c r="G428" s="9" t="s">
        <v>278</v>
      </c>
      <c r="H428" s="6">
        <v>387</v>
      </c>
      <c r="I428" s="6">
        <v>10</v>
      </c>
      <c r="J428" s="6">
        <v>10</v>
      </c>
      <c r="K428" s="10" t="s">
        <v>55</v>
      </c>
      <c r="L428" s="6">
        <v>377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58</v>
      </c>
      <c r="E429" s="9" t="s">
        <v>18</v>
      </c>
      <c r="F429" s="9" t="s">
        <v>283</v>
      </c>
      <c r="G429" s="9" t="s">
        <v>279</v>
      </c>
      <c r="H429" s="6">
        <v>144</v>
      </c>
      <c r="I429" s="10" t="s">
        <v>55</v>
      </c>
      <c r="J429" s="10" t="s">
        <v>55</v>
      </c>
      <c r="K429" s="10" t="s">
        <v>55</v>
      </c>
      <c r="L429" s="6">
        <v>144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58</v>
      </c>
      <c r="E430" s="9" t="s">
        <v>18</v>
      </c>
      <c r="F430" s="9" t="s">
        <v>283</v>
      </c>
      <c r="G430" s="9" t="s">
        <v>280</v>
      </c>
      <c r="H430" s="6">
        <v>372</v>
      </c>
      <c r="I430" s="6">
        <v>5</v>
      </c>
      <c r="J430" s="6">
        <v>5</v>
      </c>
      <c r="K430" s="6">
        <v>5</v>
      </c>
      <c r="L430" s="6">
        <v>362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58</v>
      </c>
      <c r="E431" s="9" t="s">
        <v>6</v>
      </c>
      <c r="F431" s="9" t="s">
        <v>6</v>
      </c>
      <c r="G431" s="9" t="s">
        <v>6</v>
      </c>
      <c r="H431" s="6">
        <v>60000</v>
      </c>
      <c r="I431" s="6">
        <v>33671</v>
      </c>
      <c r="J431" s="6">
        <v>29052</v>
      </c>
      <c r="K431" s="6">
        <v>23403</v>
      </c>
      <c r="L431" s="6">
        <v>2926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58</v>
      </c>
      <c r="E432" s="9" t="s">
        <v>6</v>
      </c>
      <c r="F432" s="9" t="s">
        <v>234</v>
      </c>
      <c r="G432" s="9" t="s">
        <v>6</v>
      </c>
      <c r="H432" s="6">
        <v>20490</v>
      </c>
      <c r="I432" s="6">
        <v>8252</v>
      </c>
      <c r="J432" s="6">
        <v>6452</v>
      </c>
      <c r="K432" s="6">
        <v>11730</v>
      </c>
      <c r="L432" s="6">
        <v>508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58</v>
      </c>
      <c r="E433" s="9" t="s">
        <v>6</v>
      </c>
      <c r="F433" s="9" t="s">
        <v>235</v>
      </c>
      <c r="G433" s="9" t="s">
        <v>6</v>
      </c>
      <c r="H433" s="6">
        <v>39510</v>
      </c>
      <c r="I433" s="6">
        <v>25419</v>
      </c>
      <c r="J433" s="6">
        <v>22600</v>
      </c>
      <c r="K433" s="6">
        <v>11673</v>
      </c>
      <c r="L433" s="6">
        <v>2418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58</v>
      </c>
      <c r="E434" s="9" t="s">
        <v>6</v>
      </c>
      <c r="F434" s="9" t="s">
        <v>235</v>
      </c>
      <c r="G434" s="9" t="s">
        <v>272</v>
      </c>
      <c r="H434" s="6">
        <v>2319</v>
      </c>
      <c r="I434" s="6">
        <v>1080</v>
      </c>
      <c r="J434" s="6">
        <v>1039</v>
      </c>
      <c r="K434" s="6">
        <v>1014</v>
      </c>
      <c r="L434" s="6">
        <v>225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58</v>
      </c>
      <c r="E435" s="9" t="s">
        <v>6</v>
      </c>
      <c r="F435" s="9" t="s">
        <v>235</v>
      </c>
      <c r="G435" s="9" t="s">
        <v>273</v>
      </c>
      <c r="H435" s="6">
        <v>3960</v>
      </c>
      <c r="I435" s="6">
        <v>2812</v>
      </c>
      <c r="J435" s="6">
        <v>2652</v>
      </c>
      <c r="K435" s="6">
        <v>717</v>
      </c>
      <c r="L435" s="6">
        <v>431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58</v>
      </c>
      <c r="E436" s="9" t="s">
        <v>6</v>
      </c>
      <c r="F436" s="9" t="s">
        <v>235</v>
      </c>
      <c r="G436" s="9" t="s">
        <v>274</v>
      </c>
      <c r="H436" s="6">
        <v>4597</v>
      </c>
      <c r="I436" s="6">
        <v>3654</v>
      </c>
      <c r="J436" s="6">
        <v>3416</v>
      </c>
      <c r="K436" s="6">
        <v>531</v>
      </c>
      <c r="L436" s="6">
        <v>412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58</v>
      </c>
      <c r="E437" s="9" t="s">
        <v>6</v>
      </c>
      <c r="F437" s="9" t="s">
        <v>235</v>
      </c>
      <c r="G437" s="9" t="s">
        <v>275</v>
      </c>
      <c r="H437" s="6">
        <v>3862</v>
      </c>
      <c r="I437" s="6">
        <v>3023</v>
      </c>
      <c r="J437" s="6">
        <v>2831</v>
      </c>
      <c r="K437" s="6">
        <v>527</v>
      </c>
      <c r="L437" s="6">
        <v>312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58</v>
      </c>
      <c r="E438" s="9" t="s">
        <v>6</v>
      </c>
      <c r="F438" s="9" t="s">
        <v>235</v>
      </c>
      <c r="G438" s="9" t="s">
        <v>276</v>
      </c>
      <c r="H438" s="6">
        <v>3074</v>
      </c>
      <c r="I438" s="6">
        <v>2477</v>
      </c>
      <c r="J438" s="6">
        <v>2329</v>
      </c>
      <c r="K438" s="6">
        <v>379</v>
      </c>
      <c r="L438" s="6">
        <v>218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58</v>
      </c>
      <c r="E439" s="9" t="s">
        <v>6</v>
      </c>
      <c r="F439" s="9" t="s">
        <v>235</v>
      </c>
      <c r="G439" s="9" t="s">
        <v>277</v>
      </c>
      <c r="H439" s="6">
        <v>3069</v>
      </c>
      <c r="I439" s="6">
        <v>2427</v>
      </c>
      <c r="J439" s="6">
        <v>2316</v>
      </c>
      <c r="K439" s="6">
        <v>432</v>
      </c>
      <c r="L439" s="6">
        <v>210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58</v>
      </c>
      <c r="E440" s="9" t="s">
        <v>6</v>
      </c>
      <c r="F440" s="9" t="s">
        <v>235</v>
      </c>
      <c r="G440" s="9" t="s">
        <v>278</v>
      </c>
      <c r="H440" s="6">
        <v>2511</v>
      </c>
      <c r="I440" s="6">
        <v>1995</v>
      </c>
      <c r="J440" s="6">
        <v>1895</v>
      </c>
      <c r="K440" s="6">
        <v>370</v>
      </c>
      <c r="L440" s="6">
        <v>146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58</v>
      </c>
      <c r="E441" s="9" t="s">
        <v>6</v>
      </c>
      <c r="F441" s="9" t="s">
        <v>235</v>
      </c>
      <c r="G441" s="9" t="s">
        <v>279</v>
      </c>
      <c r="H441" s="6">
        <v>1286</v>
      </c>
      <c r="I441" s="6">
        <v>1027</v>
      </c>
      <c r="J441" s="6">
        <v>955</v>
      </c>
      <c r="K441" s="6">
        <v>178</v>
      </c>
      <c r="L441" s="6">
        <v>81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58</v>
      </c>
      <c r="E442" s="9" t="s">
        <v>6</v>
      </c>
      <c r="F442" s="9" t="s">
        <v>235</v>
      </c>
      <c r="G442" s="9" t="s">
        <v>280</v>
      </c>
      <c r="H442" s="6">
        <v>14832</v>
      </c>
      <c r="I442" s="6">
        <v>6924</v>
      </c>
      <c r="J442" s="6">
        <v>5167</v>
      </c>
      <c r="K442" s="6">
        <v>7525</v>
      </c>
      <c r="L442" s="6">
        <v>383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58</v>
      </c>
      <c r="E443" s="9" t="s">
        <v>6</v>
      </c>
      <c r="F443" s="9" t="s">
        <v>281</v>
      </c>
      <c r="G443" s="9" t="s">
        <v>6</v>
      </c>
      <c r="H443" s="6">
        <v>16656</v>
      </c>
      <c r="I443" s="6">
        <v>8778</v>
      </c>
      <c r="J443" s="6">
        <v>7278</v>
      </c>
      <c r="K443" s="6">
        <v>7161</v>
      </c>
      <c r="L443" s="6">
        <v>717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58</v>
      </c>
      <c r="E444" s="9" t="s">
        <v>6</v>
      </c>
      <c r="F444" s="9" t="s">
        <v>281</v>
      </c>
      <c r="G444" s="9" t="s">
        <v>272</v>
      </c>
      <c r="H444" s="6">
        <v>600</v>
      </c>
      <c r="I444" s="6">
        <v>276</v>
      </c>
      <c r="J444" s="6">
        <v>267</v>
      </c>
      <c r="K444" s="6">
        <v>261</v>
      </c>
      <c r="L444" s="6">
        <v>63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58</v>
      </c>
      <c r="E445" s="9" t="s">
        <v>6</v>
      </c>
      <c r="F445" s="9" t="s">
        <v>281</v>
      </c>
      <c r="G445" s="9" t="s">
        <v>273</v>
      </c>
      <c r="H445" s="6">
        <v>1002</v>
      </c>
      <c r="I445" s="6">
        <v>618</v>
      </c>
      <c r="J445" s="6">
        <v>591</v>
      </c>
      <c r="K445" s="6">
        <v>276</v>
      </c>
      <c r="L445" s="6">
        <v>108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58</v>
      </c>
      <c r="E446" s="9" t="s">
        <v>6</v>
      </c>
      <c r="F446" s="9" t="s">
        <v>281</v>
      </c>
      <c r="G446" s="9" t="s">
        <v>274</v>
      </c>
      <c r="H446" s="6">
        <v>828</v>
      </c>
      <c r="I446" s="6">
        <v>618</v>
      </c>
      <c r="J446" s="6">
        <v>558</v>
      </c>
      <c r="K446" s="6">
        <v>126</v>
      </c>
      <c r="L446" s="6">
        <v>84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58</v>
      </c>
      <c r="E447" s="9" t="s">
        <v>6</v>
      </c>
      <c r="F447" s="9" t="s">
        <v>281</v>
      </c>
      <c r="G447" s="9" t="s">
        <v>275</v>
      </c>
      <c r="H447" s="6">
        <v>531</v>
      </c>
      <c r="I447" s="6">
        <v>393</v>
      </c>
      <c r="J447" s="6">
        <v>372</v>
      </c>
      <c r="K447" s="6">
        <v>87</v>
      </c>
      <c r="L447" s="6">
        <v>51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58</v>
      </c>
      <c r="E448" s="9" t="s">
        <v>6</v>
      </c>
      <c r="F448" s="9" t="s">
        <v>281</v>
      </c>
      <c r="G448" s="9" t="s">
        <v>276</v>
      </c>
      <c r="H448" s="6">
        <v>477</v>
      </c>
      <c r="I448" s="6">
        <v>336</v>
      </c>
      <c r="J448" s="6">
        <v>333</v>
      </c>
      <c r="K448" s="6">
        <v>102</v>
      </c>
      <c r="L448" s="6">
        <v>39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58</v>
      </c>
      <c r="E449" s="9" t="s">
        <v>6</v>
      </c>
      <c r="F449" s="9" t="s">
        <v>281</v>
      </c>
      <c r="G449" s="9" t="s">
        <v>277</v>
      </c>
      <c r="H449" s="6">
        <v>561</v>
      </c>
      <c r="I449" s="6">
        <v>426</v>
      </c>
      <c r="J449" s="6">
        <v>399</v>
      </c>
      <c r="K449" s="6">
        <v>81</v>
      </c>
      <c r="L449" s="6">
        <v>54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58</v>
      </c>
      <c r="E450" s="9" t="s">
        <v>6</v>
      </c>
      <c r="F450" s="9" t="s">
        <v>281</v>
      </c>
      <c r="G450" s="9" t="s">
        <v>278</v>
      </c>
      <c r="H450" s="6">
        <v>849</v>
      </c>
      <c r="I450" s="6">
        <v>684</v>
      </c>
      <c r="J450" s="6">
        <v>660</v>
      </c>
      <c r="K450" s="6">
        <v>135</v>
      </c>
      <c r="L450" s="6">
        <v>30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58</v>
      </c>
      <c r="E451" s="9" t="s">
        <v>6</v>
      </c>
      <c r="F451" s="9" t="s">
        <v>281</v>
      </c>
      <c r="G451" s="9" t="s">
        <v>279</v>
      </c>
      <c r="H451" s="6">
        <v>621</v>
      </c>
      <c r="I451" s="6">
        <v>477</v>
      </c>
      <c r="J451" s="6">
        <v>450</v>
      </c>
      <c r="K451" s="6">
        <v>108</v>
      </c>
      <c r="L451" s="6">
        <v>36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58</v>
      </c>
      <c r="E452" s="9" t="s">
        <v>6</v>
      </c>
      <c r="F452" s="9" t="s">
        <v>281</v>
      </c>
      <c r="G452" s="9" t="s">
        <v>280</v>
      </c>
      <c r="H452" s="6">
        <v>11187</v>
      </c>
      <c r="I452" s="6">
        <v>4950</v>
      </c>
      <c r="J452" s="6">
        <v>3648</v>
      </c>
      <c r="K452" s="6">
        <v>5985</v>
      </c>
      <c r="L452" s="6">
        <v>252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58</v>
      </c>
      <c r="E453" s="9" t="s">
        <v>6</v>
      </c>
      <c r="F453" s="9" t="s">
        <v>282</v>
      </c>
      <c r="G453" s="9" t="s">
        <v>6</v>
      </c>
      <c r="H453" s="6">
        <v>14532</v>
      </c>
      <c r="I453" s="6">
        <v>10448</v>
      </c>
      <c r="J453" s="6">
        <v>9540</v>
      </c>
      <c r="K453" s="6">
        <v>3160</v>
      </c>
      <c r="L453" s="6">
        <v>924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58</v>
      </c>
      <c r="E454" s="9" t="s">
        <v>6</v>
      </c>
      <c r="F454" s="9" t="s">
        <v>282</v>
      </c>
      <c r="G454" s="9" t="s">
        <v>272</v>
      </c>
      <c r="H454" s="6">
        <v>852</v>
      </c>
      <c r="I454" s="6">
        <v>404</v>
      </c>
      <c r="J454" s="6">
        <v>388</v>
      </c>
      <c r="K454" s="6">
        <v>384</v>
      </c>
      <c r="L454" s="6">
        <v>64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58</v>
      </c>
      <c r="E455" s="9" t="s">
        <v>6</v>
      </c>
      <c r="F455" s="9" t="s">
        <v>282</v>
      </c>
      <c r="G455" s="9" t="s">
        <v>273</v>
      </c>
      <c r="H455" s="6">
        <v>1596</v>
      </c>
      <c r="I455" s="6">
        <v>1168</v>
      </c>
      <c r="J455" s="6">
        <v>1092</v>
      </c>
      <c r="K455" s="6">
        <v>284</v>
      </c>
      <c r="L455" s="6">
        <v>144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58</v>
      </c>
      <c r="E456" s="9" t="s">
        <v>6</v>
      </c>
      <c r="F456" s="9" t="s">
        <v>282</v>
      </c>
      <c r="G456" s="9" t="s">
        <v>274</v>
      </c>
      <c r="H456" s="6">
        <v>1928</v>
      </c>
      <c r="I456" s="6">
        <v>1556</v>
      </c>
      <c r="J456" s="6">
        <v>1468</v>
      </c>
      <c r="K456" s="6">
        <v>224</v>
      </c>
      <c r="L456" s="6">
        <v>148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58</v>
      </c>
      <c r="E457" s="9" t="s">
        <v>6</v>
      </c>
      <c r="F457" s="9" t="s">
        <v>282</v>
      </c>
      <c r="G457" s="9" t="s">
        <v>275</v>
      </c>
      <c r="H457" s="6">
        <v>1756</v>
      </c>
      <c r="I457" s="6">
        <v>1392</v>
      </c>
      <c r="J457" s="6">
        <v>1296</v>
      </c>
      <c r="K457" s="6">
        <v>220</v>
      </c>
      <c r="L457" s="6">
        <v>144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58</v>
      </c>
      <c r="E458" s="9" t="s">
        <v>6</v>
      </c>
      <c r="F458" s="9" t="s">
        <v>282</v>
      </c>
      <c r="G458" s="9" t="s">
        <v>276</v>
      </c>
      <c r="H458" s="6">
        <v>1524</v>
      </c>
      <c r="I458" s="6">
        <v>1252</v>
      </c>
      <c r="J458" s="6">
        <v>1184</v>
      </c>
      <c r="K458" s="6">
        <v>172</v>
      </c>
      <c r="L458" s="6">
        <v>100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58</v>
      </c>
      <c r="E459" s="9" t="s">
        <v>6</v>
      </c>
      <c r="F459" s="9" t="s">
        <v>282</v>
      </c>
      <c r="G459" s="9" t="s">
        <v>277</v>
      </c>
      <c r="H459" s="6">
        <v>1772</v>
      </c>
      <c r="I459" s="6">
        <v>1436</v>
      </c>
      <c r="J459" s="6">
        <v>1352</v>
      </c>
      <c r="K459" s="6">
        <v>268</v>
      </c>
      <c r="L459" s="6">
        <v>68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58</v>
      </c>
      <c r="E460" s="9" t="s">
        <v>6</v>
      </c>
      <c r="F460" s="9" t="s">
        <v>282</v>
      </c>
      <c r="G460" s="9" t="s">
        <v>278</v>
      </c>
      <c r="H460" s="6">
        <v>1252</v>
      </c>
      <c r="I460" s="6">
        <v>992</v>
      </c>
      <c r="J460" s="6">
        <v>932</v>
      </c>
      <c r="K460" s="6">
        <v>164</v>
      </c>
      <c r="L460" s="6">
        <v>96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58</v>
      </c>
      <c r="E461" s="9" t="s">
        <v>6</v>
      </c>
      <c r="F461" s="9" t="s">
        <v>282</v>
      </c>
      <c r="G461" s="9" t="s">
        <v>279</v>
      </c>
      <c r="H461" s="6">
        <v>584</v>
      </c>
      <c r="I461" s="6">
        <v>484</v>
      </c>
      <c r="J461" s="6">
        <v>444</v>
      </c>
      <c r="K461" s="6">
        <v>60</v>
      </c>
      <c r="L461" s="6">
        <v>40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58</v>
      </c>
      <c r="E462" s="9" t="s">
        <v>6</v>
      </c>
      <c r="F462" s="9" t="s">
        <v>282</v>
      </c>
      <c r="G462" s="9" t="s">
        <v>280</v>
      </c>
      <c r="H462" s="6">
        <v>3268</v>
      </c>
      <c r="I462" s="6">
        <v>1764</v>
      </c>
      <c r="J462" s="6">
        <v>1384</v>
      </c>
      <c r="K462" s="6">
        <v>1384</v>
      </c>
      <c r="L462" s="6">
        <v>120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58</v>
      </c>
      <c r="E463" s="9" t="s">
        <v>6</v>
      </c>
      <c r="F463" s="9" t="s">
        <v>283</v>
      </c>
      <c r="G463" s="9" t="s">
        <v>6</v>
      </c>
      <c r="H463" s="6">
        <v>8322</v>
      </c>
      <c r="I463" s="6">
        <v>6193</v>
      </c>
      <c r="J463" s="6">
        <v>5782</v>
      </c>
      <c r="K463" s="6">
        <v>1352</v>
      </c>
      <c r="L463" s="6">
        <v>777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58</v>
      </c>
      <c r="E464" s="9" t="s">
        <v>6</v>
      </c>
      <c r="F464" s="9" t="s">
        <v>283</v>
      </c>
      <c r="G464" s="9" t="s">
        <v>272</v>
      </c>
      <c r="H464" s="6">
        <v>867</v>
      </c>
      <c r="I464" s="6">
        <v>400</v>
      </c>
      <c r="J464" s="6">
        <v>384</v>
      </c>
      <c r="K464" s="6">
        <v>369</v>
      </c>
      <c r="L464" s="6">
        <v>98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58</v>
      </c>
      <c r="E465" s="9" t="s">
        <v>6</v>
      </c>
      <c r="F465" s="9" t="s">
        <v>283</v>
      </c>
      <c r="G465" s="9" t="s">
        <v>273</v>
      </c>
      <c r="H465" s="6">
        <v>1362</v>
      </c>
      <c r="I465" s="6">
        <v>1026</v>
      </c>
      <c r="J465" s="6">
        <v>969</v>
      </c>
      <c r="K465" s="6">
        <v>157</v>
      </c>
      <c r="L465" s="6">
        <v>179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58</v>
      </c>
      <c r="E466" s="9" t="s">
        <v>6</v>
      </c>
      <c r="F466" s="9" t="s">
        <v>283</v>
      </c>
      <c r="G466" s="9" t="s">
        <v>274</v>
      </c>
      <c r="H466" s="6">
        <v>1841</v>
      </c>
      <c r="I466" s="6">
        <v>1480</v>
      </c>
      <c r="J466" s="6">
        <v>1390</v>
      </c>
      <c r="K466" s="6">
        <v>181</v>
      </c>
      <c r="L466" s="6">
        <v>180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58</v>
      </c>
      <c r="E467" s="9" t="s">
        <v>6</v>
      </c>
      <c r="F467" s="9" t="s">
        <v>283</v>
      </c>
      <c r="G467" s="9" t="s">
        <v>275</v>
      </c>
      <c r="H467" s="6">
        <v>1575</v>
      </c>
      <c r="I467" s="6">
        <v>1238</v>
      </c>
      <c r="J467" s="6">
        <v>1163</v>
      </c>
      <c r="K467" s="6">
        <v>220</v>
      </c>
      <c r="L467" s="6">
        <v>117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58</v>
      </c>
      <c r="E468" s="9" t="s">
        <v>6</v>
      </c>
      <c r="F468" s="9" t="s">
        <v>283</v>
      </c>
      <c r="G468" s="9" t="s">
        <v>276</v>
      </c>
      <c r="H468" s="6">
        <v>1073</v>
      </c>
      <c r="I468" s="6">
        <v>889</v>
      </c>
      <c r="J468" s="6">
        <v>812</v>
      </c>
      <c r="K468" s="6">
        <v>105</v>
      </c>
      <c r="L468" s="6">
        <v>79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58</v>
      </c>
      <c r="E469" s="9" t="s">
        <v>6</v>
      </c>
      <c r="F469" s="9" t="s">
        <v>283</v>
      </c>
      <c r="G469" s="9" t="s">
        <v>277</v>
      </c>
      <c r="H469" s="6">
        <v>736</v>
      </c>
      <c r="I469" s="6">
        <v>565</v>
      </c>
      <c r="J469" s="6">
        <v>565</v>
      </c>
      <c r="K469" s="6">
        <v>83</v>
      </c>
      <c r="L469" s="6">
        <v>88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58</v>
      </c>
      <c r="E470" s="9" t="s">
        <v>6</v>
      </c>
      <c r="F470" s="9" t="s">
        <v>283</v>
      </c>
      <c r="G470" s="9" t="s">
        <v>278</v>
      </c>
      <c r="H470" s="6">
        <v>410</v>
      </c>
      <c r="I470" s="6">
        <v>319</v>
      </c>
      <c r="J470" s="6">
        <v>303</v>
      </c>
      <c r="K470" s="6">
        <v>71</v>
      </c>
      <c r="L470" s="6">
        <v>20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58</v>
      </c>
      <c r="E471" s="9" t="s">
        <v>6</v>
      </c>
      <c r="F471" s="9" t="s">
        <v>283</v>
      </c>
      <c r="G471" s="9" t="s">
        <v>279</v>
      </c>
      <c r="H471" s="6">
        <v>81</v>
      </c>
      <c r="I471" s="6">
        <v>66</v>
      </c>
      <c r="J471" s="6">
        <v>61</v>
      </c>
      <c r="K471" s="6">
        <v>10</v>
      </c>
      <c r="L471" s="6">
        <v>5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58</v>
      </c>
      <c r="E472" s="9" t="s">
        <v>6</v>
      </c>
      <c r="F472" s="9" t="s">
        <v>283</v>
      </c>
      <c r="G472" s="9" t="s">
        <v>280</v>
      </c>
      <c r="H472" s="6">
        <v>377</v>
      </c>
      <c r="I472" s="6">
        <v>210</v>
      </c>
      <c r="J472" s="6">
        <v>135</v>
      </c>
      <c r="K472" s="6">
        <v>156</v>
      </c>
      <c r="L472" s="6">
        <v>11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58</v>
      </c>
      <c r="E473" s="9" t="s">
        <v>226</v>
      </c>
      <c r="F473" s="9" t="s">
        <v>6</v>
      </c>
      <c r="G473" s="9" t="s">
        <v>6</v>
      </c>
      <c r="H473" s="6">
        <v>40442</v>
      </c>
      <c r="I473" s="6">
        <v>30757</v>
      </c>
      <c r="J473" s="6">
        <v>26446</v>
      </c>
      <c r="K473" s="6">
        <v>9672</v>
      </c>
      <c r="L473" s="6">
        <v>13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58</v>
      </c>
      <c r="E474" s="9" t="s">
        <v>226</v>
      </c>
      <c r="F474" s="9" t="s">
        <v>234</v>
      </c>
      <c r="G474" s="9" t="s">
        <v>6</v>
      </c>
      <c r="H474" s="6">
        <v>10008</v>
      </c>
      <c r="I474" s="6">
        <v>6814</v>
      </c>
      <c r="J474" s="6">
        <v>5144</v>
      </c>
      <c r="K474" s="6">
        <v>3184</v>
      </c>
      <c r="L474" s="6">
        <v>10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58</v>
      </c>
      <c r="E475" s="9" t="s">
        <v>226</v>
      </c>
      <c r="F475" s="9" t="s">
        <v>235</v>
      </c>
      <c r="G475" s="9" t="s">
        <v>6</v>
      </c>
      <c r="H475" s="6">
        <v>30434</v>
      </c>
      <c r="I475" s="6">
        <v>23943</v>
      </c>
      <c r="J475" s="6">
        <v>21302</v>
      </c>
      <c r="K475" s="6">
        <v>6488</v>
      </c>
      <c r="L475" s="6">
        <v>3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58</v>
      </c>
      <c r="E476" s="9" t="s">
        <v>226</v>
      </c>
      <c r="F476" s="9" t="s">
        <v>235</v>
      </c>
      <c r="G476" s="9" t="s">
        <v>272</v>
      </c>
      <c r="H476" s="6">
        <v>2059</v>
      </c>
      <c r="I476" s="6">
        <v>1076</v>
      </c>
      <c r="J476" s="6">
        <v>1035</v>
      </c>
      <c r="K476" s="6">
        <v>983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58</v>
      </c>
      <c r="E477" s="9" t="s">
        <v>226</v>
      </c>
      <c r="F477" s="9" t="s">
        <v>235</v>
      </c>
      <c r="G477" s="9" t="s">
        <v>273</v>
      </c>
      <c r="H477" s="6">
        <v>3499</v>
      </c>
      <c r="I477" s="6">
        <v>2789</v>
      </c>
      <c r="J477" s="6">
        <v>2629</v>
      </c>
      <c r="K477" s="6">
        <v>710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58</v>
      </c>
      <c r="E478" s="9" t="s">
        <v>226</v>
      </c>
      <c r="F478" s="9" t="s">
        <v>235</v>
      </c>
      <c r="G478" s="9" t="s">
        <v>274</v>
      </c>
      <c r="H478" s="6">
        <v>4132</v>
      </c>
      <c r="I478" s="6">
        <v>3601</v>
      </c>
      <c r="J478" s="6">
        <v>3366</v>
      </c>
      <c r="K478" s="6">
        <v>531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58</v>
      </c>
      <c r="E479" s="9" t="s">
        <v>226</v>
      </c>
      <c r="F479" s="9" t="s">
        <v>235</v>
      </c>
      <c r="G479" s="9" t="s">
        <v>275</v>
      </c>
      <c r="H479" s="6">
        <v>3444</v>
      </c>
      <c r="I479" s="6">
        <v>2950</v>
      </c>
      <c r="J479" s="6">
        <v>2767</v>
      </c>
      <c r="K479" s="6">
        <v>494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58</v>
      </c>
      <c r="E480" s="9" t="s">
        <v>226</v>
      </c>
      <c r="F480" s="9" t="s">
        <v>235</v>
      </c>
      <c r="G480" s="9" t="s">
        <v>276</v>
      </c>
      <c r="H480" s="6">
        <v>2817</v>
      </c>
      <c r="I480" s="6">
        <v>2442</v>
      </c>
      <c r="J480" s="6">
        <v>2294</v>
      </c>
      <c r="K480" s="6">
        <v>375</v>
      </c>
      <c r="L480" s="10" t="s">
        <v>5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58</v>
      </c>
      <c r="E481" s="9" t="s">
        <v>226</v>
      </c>
      <c r="F481" s="9" t="s">
        <v>235</v>
      </c>
      <c r="G481" s="9" t="s">
        <v>277</v>
      </c>
      <c r="H481" s="6">
        <v>2790</v>
      </c>
      <c r="I481" s="6">
        <v>2369</v>
      </c>
      <c r="J481" s="6">
        <v>2258</v>
      </c>
      <c r="K481" s="6">
        <v>418</v>
      </c>
      <c r="L481" s="6">
        <v>3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58</v>
      </c>
      <c r="E482" s="9" t="s">
        <v>226</v>
      </c>
      <c r="F482" s="9" t="s">
        <v>235</v>
      </c>
      <c r="G482" s="9" t="s">
        <v>278</v>
      </c>
      <c r="H482" s="6">
        <v>2294</v>
      </c>
      <c r="I482" s="6">
        <v>1937</v>
      </c>
      <c r="J482" s="6">
        <v>1837</v>
      </c>
      <c r="K482" s="6">
        <v>357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58</v>
      </c>
      <c r="E483" s="9" t="s">
        <v>226</v>
      </c>
      <c r="F483" s="9" t="s">
        <v>235</v>
      </c>
      <c r="G483" s="9" t="s">
        <v>279</v>
      </c>
      <c r="H483" s="6">
        <v>1153</v>
      </c>
      <c r="I483" s="6">
        <v>983</v>
      </c>
      <c r="J483" s="6">
        <v>911</v>
      </c>
      <c r="K483" s="6">
        <v>170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58</v>
      </c>
      <c r="E484" s="9" t="s">
        <v>226</v>
      </c>
      <c r="F484" s="9" t="s">
        <v>235</v>
      </c>
      <c r="G484" s="9" t="s">
        <v>280</v>
      </c>
      <c r="H484" s="6">
        <v>8246</v>
      </c>
      <c r="I484" s="6">
        <v>5796</v>
      </c>
      <c r="J484" s="6">
        <v>4205</v>
      </c>
      <c r="K484" s="6">
        <v>2450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58</v>
      </c>
      <c r="E485" s="9" t="s">
        <v>226</v>
      </c>
      <c r="F485" s="9" t="s">
        <v>281</v>
      </c>
      <c r="G485" s="9" t="s">
        <v>6</v>
      </c>
      <c r="H485" s="6">
        <v>10812</v>
      </c>
      <c r="I485" s="6">
        <v>7833</v>
      </c>
      <c r="J485" s="6">
        <v>6465</v>
      </c>
      <c r="K485" s="6">
        <v>2976</v>
      </c>
      <c r="L485" s="6">
        <v>3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58</v>
      </c>
      <c r="E486" s="9" t="s">
        <v>226</v>
      </c>
      <c r="F486" s="9" t="s">
        <v>281</v>
      </c>
      <c r="G486" s="9" t="s">
        <v>272</v>
      </c>
      <c r="H486" s="6">
        <v>534</v>
      </c>
      <c r="I486" s="6">
        <v>276</v>
      </c>
      <c r="J486" s="6">
        <v>267</v>
      </c>
      <c r="K486" s="6">
        <v>258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58</v>
      </c>
      <c r="E487" s="9" t="s">
        <v>226</v>
      </c>
      <c r="F487" s="9" t="s">
        <v>281</v>
      </c>
      <c r="G487" s="9" t="s">
        <v>273</v>
      </c>
      <c r="H487" s="6">
        <v>885</v>
      </c>
      <c r="I487" s="6">
        <v>612</v>
      </c>
      <c r="J487" s="6">
        <v>585</v>
      </c>
      <c r="K487" s="6">
        <v>273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58</v>
      </c>
      <c r="E488" s="9" t="s">
        <v>226</v>
      </c>
      <c r="F488" s="9" t="s">
        <v>281</v>
      </c>
      <c r="G488" s="9" t="s">
        <v>274</v>
      </c>
      <c r="H488" s="6">
        <v>738</v>
      </c>
      <c r="I488" s="6">
        <v>612</v>
      </c>
      <c r="J488" s="6">
        <v>555</v>
      </c>
      <c r="K488" s="6">
        <v>126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58</v>
      </c>
      <c r="E489" s="9" t="s">
        <v>226</v>
      </c>
      <c r="F489" s="9" t="s">
        <v>281</v>
      </c>
      <c r="G489" s="9" t="s">
        <v>275</v>
      </c>
      <c r="H489" s="6">
        <v>462</v>
      </c>
      <c r="I489" s="6">
        <v>375</v>
      </c>
      <c r="J489" s="6">
        <v>354</v>
      </c>
      <c r="K489" s="6">
        <v>87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58</v>
      </c>
      <c r="E490" s="9" t="s">
        <v>226</v>
      </c>
      <c r="F490" s="9" t="s">
        <v>281</v>
      </c>
      <c r="G490" s="9" t="s">
        <v>276</v>
      </c>
      <c r="H490" s="6">
        <v>429</v>
      </c>
      <c r="I490" s="6">
        <v>327</v>
      </c>
      <c r="J490" s="6">
        <v>324</v>
      </c>
      <c r="K490" s="6">
        <v>102</v>
      </c>
      <c r="L490" s="10" t="s">
        <v>5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58</v>
      </c>
      <c r="E491" s="9" t="s">
        <v>226</v>
      </c>
      <c r="F491" s="9" t="s">
        <v>281</v>
      </c>
      <c r="G491" s="9" t="s">
        <v>277</v>
      </c>
      <c r="H491" s="6">
        <v>495</v>
      </c>
      <c r="I491" s="6">
        <v>417</v>
      </c>
      <c r="J491" s="6">
        <v>390</v>
      </c>
      <c r="K491" s="6">
        <v>75</v>
      </c>
      <c r="L491" s="6">
        <v>3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58</v>
      </c>
      <c r="E492" s="9" t="s">
        <v>226</v>
      </c>
      <c r="F492" s="9" t="s">
        <v>281</v>
      </c>
      <c r="G492" s="9" t="s">
        <v>278</v>
      </c>
      <c r="H492" s="6">
        <v>795</v>
      </c>
      <c r="I492" s="6">
        <v>660</v>
      </c>
      <c r="J492" s="6">
        <v>636</v>
      </c>
      <c r="K492" s="6">
        <v>135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58</v>
      </c>
      <c r="E493" s="9" t="s">
        <v>226</v>
      </c>
      <c r="F493" s="9" t="s">
        <v>281</v>
      </c>
      <c r="G493" s="9" t="s">
        <v>279</v>
      </c>
      <c r="H493" s="6">
        <v>558</v>
      </c>
      <c r="I493" s="6">
        <v>450</v>
      </c>
      <c r="J493" s="6">
        <v>423</v>
      </c>
      <c r="K493" s="6">
        <v>108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58</v>
      </c>
      <c r="E494" s="9" t="s">
        <v>226</v>
      </c>
      <c r="F494" s="9" t="s">
        <v>281</v>
      </c>
      <c r="G494" s="9" t="s">
        <v>280</v>
      </c>
      <c r="H494" s="6">
        <v>5916</v>
      </c>
      <c r="I494" s="6">
        <v>4104</v>
      </c>
      <c r="J494" s="6">
        <v>2931</v>
      </c>
      <c r="K494" s="6">
        <v>1812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58</v>
      </c>
      <c r="E495" s="9" t="s">
        <v>226</v>
      </c>
      <c r="F495" s="9" t="s">
        <v>282</v>
      </c>
      <c r="G495" s="9" t="s">
        <v>6</v>
      </c>
      <c r="H495" s="6">
        <v>12320</v>
      </c>
      <c r="I495" s="6">
        <v>10028</v>
      </c>
      <c r="J495" s="6">
        <v>9156</v>
      </c>
      <c r="K495" s="6">
        <v>2292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58</v>
      </c>
      <c r="E496" s="9" t="s">
        <v>226</v>
      </c>
      <c r="F496" s="9" t="s">
        <v>282</v>
      </c>
      <c r="G496" s="9" t="s">
        <v>272</v>
      </c>
      <c r="H496" s="6">
        <v>772</v>
      </c>
      <c r="I496" s="6">
        <v>400</v>
      </c>
      <c r="J496" s="6">
        <v>384</v>
      </c>
      <c r="K496" s="6">
        <v>372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58</v>
      </c>
      <c r="E497" s="9" t="s">
        <v>226</v>
      </c>
      <c r="F497" s="9" t="s">
        <v>282</v>
      </c>
      <c r="G497" s="9" t="s">
        <v>273</v>
      </c>
      <c r="H497" s="6">
        <v>1436</v>
      </c>
      <c r="I497" s="6">
        <v>1156</v>
      </c>
      <c r="J497" s="6">
        <v>1080</v>
      </c>
      <c r="K497" s="6">
        <v>280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58</v>
      </c>
      <c r="E498" s="9" t="s">
        <v>226</v>
      </c>
      <c r="F498" s="9" t="s">
        <v>282</v>
      </c>
      <c r="G498" s="9" t="s">
        <v>274</v>
      </c>
      <c r="H498" s="6">
        <v>1764</v>
      </c>
      <c r="I498" s="6">
        <v>1540</v>
      </c>
      <c r="J498" s="6">
        <v>1452</v>
      </c>
      <c r="K498" s="6">
        <v>224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58</v>
      </c>
      <c r="E499" s="9" t="s">
        <v>226</v>
      </c>
      <c r="F499" s="9" t="s">
        <v>282</v>
      </c>
      <c r="G499" s="9" t="s">
        <v>275</v>
      </c>
      <c r="H499" s="6">
        <v>1580</v>
      </c>
      <c r="I499" s="6">
        <v>1372</v>
      </c>
      <c r="J499" s="6">
        <v>1280</v>
      </c>
      <c r="K499" s="6">
        <v>208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58</v>
      </c>
      <c r="E500" s="9" t="s">
        <v>226</v>
      </c>
      <c r="F500" s="9" t="s">
        <v>282</v>
      </c>
      <c r="G500" s="9" t="s">
        <v>276</v>
      </c>
      <c r="H500" s="6">
        <v>1404</v>
      </c>
      <c r="I500" s="6">
        <v>1236</v>
      </c>
      <c r="J500" s="6">
        <v>1168</v>
      </c>
      <c r="K500" s="6">
        <v>168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58</v>
      </c>
      <c r="E501" s="9" t="s">
        <v>226</v>
      </c>
      <c r="F501" s="9" t="s">
        <v>282</v>
      </c>
      <c r="G501" s="9" t="s">
        <v>277</v>
      </c>
      <c r="H501" s="6">
        <v>1652</v>
      </c>
      <c r="I501" s="6">
        <v>1392</v>
      </c>
      <c r="J501" s="6">
        <v>1308</v>
      </c>
      <c r="K501" s="6">
        <v>260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58</v>
      </c>
      <c r="E502" s="9" t="s">
        <v>226</v>
      </c>
      <c r="F502" s="9" t="s">
        <v>282</v>
      </c>
      <c r="G502" s="9" t="s">
        <v>278</v>
      </c>
      <c r="H502" s="6">
        <v>1124</v>
      </c>
      <c r="I502" s="6">
        <v>968</v>
      </c>
      <c r="J502" s="6">
        <v>908</v>
      </c>
      <c r="K502" s="6">
        <v>156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58</v>
      </c>
      <c r="E503" s="9" t="s">
        <v>226</v>
      </c>
      <c r="F503" s="9" t="s">
        <v>282</v>
      </c>
      <c r="G503" s="9" t="s">
        <v>279</v>
      </c>
      <c r="H503" s="6">
        <v>524</v>
      </c>
      <c r="I503" s="6">
        <v>472</v>
      </c>
      <c r="J503" s="6">
        <v>432</v>
      </c>
      <c r="K503" s="6">
        <v>52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58</v>
      </c>
      <c r="E504" s="9" t="s">
        <v>226</v>
      </c>
      <c r="F504" s="9" t="s">
        <v>282</v>
      </c>
      <c r="G504" s="9" t="s">
        <v>280</v>
      </c>
      <c r="H504" s="6">
        <v>2064</v>
      </c>
      <c r="I504" s="6">
        <v>1492</v>
      </c>
      <c r="J504" s="6">
        <v>1144</v>
      </c>
      <c r="K504" s="6">
        <v>572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58</v>
      </c>
      <c r="E505" s="9" t="s">
        <v>226</v>
      </c>
      <c r="F505" s="9" t="s">
        <v>283</v>
      </c>
      <c r="G505" s="9" t="s">
        <v>6</v>
      </c>
      <c r="H505" s="6">
        <v>7302</v>
      </c>
      <c r="I505" s="6">
        <v>6082</v>
      </c>
      <c r="J505" s="6">
        <v>5681</v>
      </c>
      <c r="K505" s="6">
        <v>1220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58</v>
      </c>
      <c r="E506" s="9" t="s">
        <v>226</v>
      </c>
      <c r="F506" s="9" t="s">
        <v>283</v>
      </c>
      <c r="G506" s="9" t="s">
        <v>272</v>
      </c>
      <c r="H506" s="6">
        <v>753</v>
      </c>
      <c r="I506" s="6">
        <v>400</v>
      </c>
      <c r="J506" s="6">
        <v>384</v>
      </c>
      <c r="K506" s="6">
        <v>353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58</v>
      </c>
      <c r="E507" s="9" t="s">
        <v>226</v>
      </c>
      <c r="F507" s="9" t="s">
        <v>283</v>
      </c>
      <c r="G507" s="9" t="s">
        <v>273</v>
      </c>
      <c r="H507" s="6">
        <v>1178</v>
      </c>
      <c r="I507" s="6">
        <v>1021</v>
      </c>
      <c r="J507" s="6">
        <v>964</v>
      </c>
      <c r="K507" s="6">
        <v>157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58</v>
      </c>
      <c r="E508" s="9" t="s">
        <v>226</v>
      </c>
      <c r="F508" s="9" t="s">
        <v>283</v>
      </c>
      <c r="G508" s="9" t="s">
        <v>274</v>
      </c>
      <c r="H508" s="6">
        <v>1630</v>
      </c>
      <c r="I508" s="6">
        <v>1449</v>
      </c>
      <c r="J508" s="6">
        <v>1359</v>
      </c>
      <c r="K508" s="6">
        <v>181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58</v>
      </c>
      <c r="E509" s="9" t="s">
        <v>226</v>
      </c>
      <c r="F509" s="9" t="s">
        <v>283</v>
      </c>
      <c r="G509" s="9" t="s">
        <v>275</v>
      </c>
      <c r="H509" s="6">
        <v>1402</v>
      </c>
      <c r="I509" s="6">
        <v>1203</v>
      </c>
      <c r="J509" s="6">
        <v>1133</v>
      </c>
      <c r="K509" s="6">
        <v>199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58</v>
      </c>
      <c r="E510" s="9" t="s">
        <v>226</v>
      </c>
      <c r="F510" s="9" t="s">
        <v>283</v>
      </c>
      <c r="G510" s="9" t="s">
        <v>276</v>
      </c>
      <c r="H510" s="6">
        <v>984</v>
      </c>
      <c r="I510" s="6">
        <v>879</v>
      </c>
      <c r="J510" s="6">
        <v>802</v>
      </c>
      <c r="K510" s="6">
        <v>105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58</v>
      </c>
      <c r="E511" s="9" t="s">
        <v>226</v>
      </c>
      <c r="F511" s="9" t="s">
        <v>283</v>
      </c>
      <c r="G511" s="9" t="s">
        <v>277</v>
      </c>
      <c r="H511" s="6">
        <v>643</v>
      </c>
      <c r="I511" s="6">
        <v>560</v>
      </c>
      <c r="J511" s="6">
        <v>560</v>
      </c>
      <c r="K511" s="6">
        <v>83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58</v>
      </c>
      <c r="E512" s="9" t="s">
        <v>226</v>
      </c>
      <c r="F512" s="9" t="s">
        <v>283</v>
      </c>
      <c r="G512" s="9" t="s">
        <v>278</v>
      </c>
      <c r="H512" s="6">
        <v>375</v>
      </c>
      <c r="I512" s="6">
        <v>309</v>
      </c>
      <c r="J512" s="6">
        <v>293</v>
      </c>
      <c r="K512" s="6">
        <v>66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58</v>
      </c>
      <c r="E513" s="9" t="s">
        <v>226</v>
      </c>
      <c r="F513" s="9" t="s">
        <v>283</v>
      </c>
      <c r="G513" s="9" t="s">
        <v>279</v>
      </c>
      <c r="H513" s="6">
        <v>71</v>
      </c>
      <c r="I513" s="6">
        <v>61</v>
      </c>
      <c r="J513" s="6">
        <v>56</v>
      </c>
      <c r="K513" s="6">
        <v>10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58</v>
      </c>
      <c r="E514" s="9" t="s">
        <v>226</v>
      </c>
      <c r="F514" s="9" t="s">
        <v>283</v>
      </c>
      <c r="G514" s="9" t="s">
        <v>280</v>
      </c>
      <c r="H514" s="6">
        <v>266</v>
      </c>
      <c r="I514" s="6">
        <v>200</v>
      </c>
      <c r="J514" s="6">
        <v>130</v>
      </c>
      <c r="K514" s="6">
        <v>66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58</v>
      </c>
      <c r="E515" s="9" t="s">
        <v>227</v>
      </c>
      <c r="F515" s="9" t="s">
        <v>6</v>
      </c>
      <c r="G515" s="9" t="s">
        <v>6</v>
      </c>
      <c r="H515" s="6">
        <v>33284</v>
      </c>
      <c r="I515" s="6">
        <v>25154</v>
      </c>
      <c r="J515" s="6">
        <v>24450</v>
      </c>
      <c r="K515" s="6">
        <v>8126</v>
      </c>
      <c r="L515" s="6">
        <v>4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58</v>
      </c>
      <c r="E516" s="9" t="s">
        <v>227</v>
      </c>
      <c r="F516" s="9" t="s">
        <v>234</v>
      </c>
      <c r="G516" s="9" t="s">
        <v>6</v>
      </c>
      <c r="H516" s="6">
        <v>7290</v>
      </c>
      <c r="I516" s="6">
        <v>4816</v>
      </c>
      <c r="J516" s="6">
        <v>4620</v>
      </c>
      <c r="K516" s="6">
        <v>2470</v>
      </c>
      <c r="L516" s="6">
        <v>4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58</v>
      </c>
      <c r="E517" s="9" t="s">
        <v>227</v>
      </c>
      <c r="F517" s="9" t="s">
        <v>235</v>
      </c>
      <c r="G517" s="9" t="s">
        <v>6</v>
      </c>
      <c r="H517" s="6">
        <v>25994</v>
      </c>
      <c r="I517" s="6">
        <v>20338</v>
      </c>
      <c r="J517" s="6">
        <v>19830</v>
      </c>
      <c r="K517" s="6">
        <v>5656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58</v>
      </c>
      <c r="E518" s="9" t="s">
        <v>227</v>
      </c>
      <c r="F518" s="9" t="s">
        <v>235</v>
      </c>
      <c r="G518" s="9" t="s">
        <v>272</v>
      </c>
      <c r="H518" s="6">
        <v>1929</v>
      </c>
      <c r="I518" s="6">
        <v>1018</v>
      </c>
      <c r="J518" s="6">
        <v>1000</v>
      </c>
      <c r="K518" s="6">
        <v>911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58</v>
      </c>
      <c r="E519" s="9" t="s">
        <v>227</v>
      </c>
      <c r="F519" s="9" t="s">
        <v>235</v>
      </c>
      <c r="G519" s="9" t="s">
        <v>273</v>
      </c>
      <c r="H519" s="6">
        <v>3172</v>
      </c>
      <c r="I519" s="6">
        <v>2489</v>
      </c>
      <c r="J519" s="6">
        <v>2438</v>
      </c>
      <c r="K519" s="6">
        <v>683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58</v>
      </c>
      <c r="E520" s="9" t="s">
        <v>227</v>
      </c>
      <c r="F520" s="9" t="s">
        <v>235</v>
      </c>
      <c r="G520" s="9" t="s">
        <v>274</v>
      </c>
      <c r="H520" s="6">
        <v>3765</v>
      </c>
      <c r="I520" s="6">
        <v>3272</v>
      </c>
      <c r="J520" s="6">
        <v>3177</v>
      </c>
      <c r="K520" s="6">
        <v>493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58</v>
      </c>
      <c r="E521" s="9" t="s">
        <v>227</v>
      </c>
      <c r="F521" s="9" t="s">
        <v>235</v>
      </c>
      <c r="G521" s="9" t="s">
        <v>275</v>
      </c>
      <c r="H521" s="6">
        <v>3061</v>
      </c>
      <c r="I521" s="6">
        <v>2608</v>
      </c>
      <c r="J521" s="6">
        <v>2561</v>
      </c>
      <c r="K521" s="6">
        <v>453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58</v>
      </c>
      <c r="E522" s="9" t="s">
        <v>227</v>
      </c>
      <c r="F522" s="9" t="s">
        <v>235</v>
      </c>
      <c r="G522" s="9" t="s">
        <v>276</v>
      </c>
      <c r="H522" s="6">
        <v>2568</v>
      </c>
      <c r="I522" s="6">
        <v>2243</v>
      </c>
      <c r="J522" s="6">
        <v>2166</v>
      </c>
      <c r="K522" s="6">
        <v>325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58</v>
      </c>
      <c r="E523" s="9" t="s">
        <v>227</v>
      </c>
      <c r="F523" s="9" t="s">
        <v>235</v>
      </c>
      <c r="G523" s="9" t="s">
        <v>277</v>
      </c>
      <c r="H523" s="6">
        <v>2558</v>
      </c>
      <c r="I523" s="6">
        <v>2153</v>
      </c>
      <c r="J523" s="6">
        <v>2119</v>
      </c>
      <c r="K523" s="6">
        <v>405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58</v>
      </c>
      <c r="E524" s="9" t="s">
        <v>227</v>
      </c>
      <c r="F524" s="9" t="s">
        <v>235</v>
      </c>
      <c r="G524" s="9" t="s">
        <v>278</v>
      </c>
      <c r="H524" s="6">
        <v>2122</v>
      </c>
      <c r="I524" s="6">
        <v>1776</v>
      </c>
      <c r="J524" s="6">
        <v>1755</v>
      </c>
      <c r="K524" s="6">
        <v>346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58</v>
      </c>
      <c r="E525" s="9" t="s">
        <v>227</v>
      </c>
      <c r="F525" s="9" t="s">
        <v>235</v>
      </c>
      <c r="G525" s="9" t="s">
        <v>279</v>
      </c>
      <c r="H525" s="6">
        <v>1026</v>
      </c>
      <c r="I525" s="6">
        <v>877</v>
      </c>
      <c r="J525" s="6">
        <v>840</v>
      </c>
      <c r="K525" s="6">
        <v>149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58</v>
      </c>
      <c r="E526" s="9" t="s">
        <v>227</v>
      </c>
      <c r="F526" s="9" t="s">
        <v>235</v>
      </c>
      <c r="G526" s="9" t="s">
        <v>280</v>
      </c>
      <c r="H526" s="6">
        <v>5793</v>
      </c>
      <c r="I526" s="6">
        <v>3902</v>
      </c>
      <c r="J526" s="6">
        <v>3774</v>
      </c>
      <c r="K526" s="6">
        <v>1891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58</v>
      </c>
      <c r="E527" s="9" t="s">
        <v>227</v>
      </c>
      <c r="F527" s="9" t="s">
        <v>281</v>
      </c>
      <c r="G527" s="9" t="s">
        <v>6</v>
      </c>
      <c r="H527" s="6">
        <v>8574</v>
      </c>
      <c r="I527" s="6">
        <v>6102</v>
      </c>
      <c r="J527" s="6">
        <v>5946</v>
      </c>
      <c r="K527" s="6">
        <v>2472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58</v>
      </c>
      <c r="E528" s="9" t="s">
        <v>227</v>
      </c>
      <c r="F528" s="9" t="s">
        <v>281</v>
      </c>
      <c r="G528" s="9" t="s">
        <v>272</v>
      </c>
      <c r="H528" s="6">
        <v>492</v>
      </c>
      <c r="I528" s="6">
        <v>261</v>
      </c>
      <c r="J528" s="6">
        <v>255</v>
      </c>
      <c r="K528" s="6">
        <v>231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58</v>
      </c>
      <c r="E529" s="9" t="s">
        <v>227</v>
      </c>
      <c r="F529" s="9" t="s">
        <v>281</v>
      </c>
      <c r="G529" s="9" t="s">
        <v>273</v>
      </c>
      <c r="H529" s="6">
        <v>810</v>
      </c>
      <c r="I529" s="6">
        <v>552</v>
      </c>
      <c r="J529" s="6">
        <v>543</v>
      </c>
      <c r="K529" s="6">
        <v>258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58</v>
      </c>
      <c r="E530" s="9" t="s">
        <v>227</v>
      </c>
      <c r="F530" s="9" t="s">
        <v>281</v>
      </c>
      <c r="G530" s="9" t="s">
        <v>274</v>
      </c>
      <c r="H530" s="6">
        <v>660</v>
      </c>
      <c r="I530" s="6">
        <v>546</v>
      </c>
      <c r="J530" s="6">
        <v>522</v>
      </c>
      <c r="K530" s="6">
        <v>114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58</v>
      </c>
      <c r="E531" s="9" t="s">
        <v>227</v>
      </c>
      <c r="F531" s="9" t="s">
        <v>281</v>
      </c>
      <c r="G531" s="9" t="s">
        <v>275</v>
      </c>
      <c r="H531" s="6">
        <v>417</v>
      </c>
      <c r="I531" s="6">
        <v>330</v>
      </c>
      <c r="J531" s="6">
        <v>324</v>
      </c>
      <c r="K531" s="6">
        <v>87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58</v>
      </c>
      <c r="E532" s="9" t="s">
        <v>227</v>
      </c>
      <c r="F532" s="9" t="s">
        <v>281</v>
      </c>
      <c r="G532" s="9" t="s">
        <v>276</v>
      </c>
      <c r="H532" s="6">
        <v>402</v>
      </c>
      <c r="I532" s="6">
        <v>309</v>
      </c>
      <c r="J532" s="6">
        <v>309</v>
      </c>
      <c r="K532" s="6">
        <v>93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58</v>
      </c>
      <c r="E533" s="9" t="s">
        <v>227</v>
      </c>
      <c r="F533" s="9" t="s">
        <v>281</v>
      </c>
      <c r="G533" s="9" t="s">
        <v>277</v>
      </c>
      <c r="H533" s="6">
        <v>441</v>
      </c>
      <c r="I533" s="6">
        <v>366</v>
      </c>
      <c r="J533" s="6">
        <v>360</v>
      </c>
      <c r="K533" s="6">
        <v>75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58</v>
      </c>
      <c r="E534" s="9" t="s">
        <v>227</v>
      </c>
      <c r="F534" s="9" t="s">
        <v>281</v>
      </c>
      <c r="G534" s="9" t="s">
        <v>278</v>
      </c>
      <c r="H534" s="6">
        <v>744</v>
      </c>
      <c r="I534" s="6">
        <v>612</v>
      </c>
      <c r="J534" s="6">
        <v>603</v>
      </c>
      <c r="K534" s="6">
        <v>132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58</v>
      </c>
      <c r="E535" s="9" t="s">
        <v>227</v>
      </c>
      <c r="F535" s="9" t="s">
        <v>281</v>
      </c>
      <c r="G535" s="9" t="s">
        <v>279</v>
      </c>
      <c r="H535" s="6">
        <v>516</v>
      </c>
      <c r="I535" s="6">
        <v>417</v>
      </c>
      <c r="J535" s="6">
        <v>408</v>
      </c>
      <c r="K535" s="6">
        <v>99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58</v>
      </c>
      <c r="E536" s="9" t="s">
        <v>227</v>
      </c>
      <c r="F536" s="9" t="s">
        <v>281</v>
      </c>
      <c r="G536" s="9" t="s">
        <v>280</v>
      </c>
      <c r="H536" s="6">
        <v>4092</v>
      </c>
      <c r="I536" s="6">
        <v>2709</v>
      </c>
      <c r="J536" s="6">
        <v>2622</v>
      </c>
      <c r="K536" s="6">
        <v>1383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58</v>
      </c>
      <c r="E537" s="9" t="s">
        <v>227</v>
      </c>
      <c r="F537" s="9" t="s">
        <v>282</v>
      </c>
      <c r="G537" s="9" t="s">
        <v>6</v>
      </c>
      <c r="H537" s="6">
        <v>10864</v>
      </c>
      <c r="I537" s="6">
        <v>8800</v>
      </c>
      <c r="J537" s="6">
        <v>8544</v>
      </c>
      <c r="K537" s="6">
        <v>2064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58</v>
      </c>
      <c r="E538" s="9" t="s">
        <v>227</v>
      </c>
      <c r="F538" s="9" t="s">
        <v>282</v>
      </c>
      <c r="G538" s="9" t="s">
        <v>272</v>
      </c>
      <c r="H538" s="6">
        <v>744</v>
      </c>
      <c r="I538" s="6">
        <v>388</v>
      </c>
      <c r="J538" s="6">
        <v>376</v>
      </c>
      <c r="K538" s="6">
        <v>356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58</v>
      </c>
      <c r="E539" s="9" t="s">
        <v>227</v>
      </c>
      <c r="F539" s="9" t="s">
        <v>282</v>
      </c>
      <c r="G539" s="9" t="s">
        <v>273</v>
      </c>
      <c r="H539" s="6">
        <v>1284</v>
      </c>
      <c r="I539" s="6">
        <v>1016</v>
      </c>
      <c r="J539" s="6">
        <v>984</v>
      </c>
      <c r="K539" s="6">
        <v>268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58</v>
      </c>
      <c r="E540" s="9" t="s">
        <v>227</v>
      </c>
      <c r="F540" s="9" t="s">
        <v>282</v>
      </c>
      <c r="G540" s="9" t="s">
        <v>274</v>
      </c>
      <c r="H540" s="6">
        <v>1616</v>
      </c>
      <c r="I540" s="6">
        <v>1408</v>
      </c>
      <c r="J540" s="6">
        <v>1364</v>
      </c>
      <c r="K540" s="6">
        <v>208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58</v>
      </c>
      <c r="E541" s="9" t="s">
        <v>227</v>
      </c>
      <c r="F541" s="9" t="s">
        <v>282</v>
      </c>
      <c r="G541" s="9" t="s">
        <v>275</v>
      </c>
      <c r="H541" s="6">
        <v>1404</v>
      </c>
      <c r="I541" s="6">
        <v>1212</v>
      </c>
      <c r="J541" s="6">
        <v>1188</v>
      </c>
      <c r="K541" s="6">
        <v>192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58</v>
      </c>
      <c r="E542" s="9" t="s">
        <v>227</v>
      </c>
      <c r="F542" s="9" t="s">
        <v>282</v>
      </c>
      <c r="G542" s="9" t="s">
        <v>276</v>
      </c>
      <c r="H542" s="6">
        <v>1304</v>
      </c>
      <c r="I542" s="6">
        <v>1156</v>
      </c>
      <c r="J542" s="6">
        <v>1116</v>
      </c>
      <c r="K542" s="6">
        <v>148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58</v>
      </c>
      <c r="E543" s="9" t="s">
        <v>227</v>
      </c>
      <c r="F543" s="9" t="s">
        <v>282</v>
      </c>
      <c r="G543" s="9" t="s">
        <v>277</v>
      </c>
      <c r="H543" s="6">
        <v>1504</v>
      </c>
      <c r="I543" s="6">
        <v>1252</v>
      </c>
      <c r="J543" s="6">
        <v>1224</v>
      </c>
      <c r="K543" s="6">
        <v>252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58</v>
      </c>
      <c r="E544" s="9" t="s">
        <v>227</v>
      </c>
      <c r="F544" s="9" t="s">
        <v>282</v>
      </c>
      <c r="G544" s="9" t="s">
        <v>278</v>
      </c>
      <c r="H544" s="6">
        <v>1044</v>
      </c>
      <c r="I544" s="6">
        <v>896</v>
      </c>
      <c r="J544" s="6">
        <v>884</v>
      </c>
      <c r="K544" s="6">
        <v>148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58</v>
      </c>
      <c r="E545" s="9" t="s">
        <v>227</v>
      </c>
      <c r="F545" s="9" t="s">
        <v>282</v>
      </c>
      <c r="G545" s="9" t="s">
        <v>279</v>
      </c>
      <c r="H545" s="6">
        <v>444</v>
      </c>
      <c r="I545" s="6">
        <v>404</v>
      </c>
      <c r="J545" s="6">
        <v>376</v>
      </c>
      <c r="K545" s="6">
        <v>40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58</v>
      </c>
      <c r="E546" s="9" t="s">
        <v>227</v>
      </c>
      <c r="F546" s="9" t="s">
        <v>282</v>
      </c>
      <c r="G546" s="9" t="s">
        <v>280</v>
      </c>
      <c r="H546" s="6">
        <v>1520</v>
      </c>
      <c r="I546" s="6">
        <v>1068</v>
      </c>
      <c r="J546" s="6">
        <v>1032</v>
      </c>
      <c r="K546" s="6">
        <v>452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58</v>
      </c>
      <c r="E547" s="9" t="s">
        <v>227</v>
      </c>
      <c r="F547" s="9" t="s">
        <v>283</v>
      </c>
      <c r="G547" s="9" t="s">
        <v>6</v>
      </c>
      <c r="H547" s="6">
        <v>6556</v>
      </c>
      <c r="I547" s="6">
        <v>5436</v>
      </c>
      <c r="J547" s="6">
        <v>5340</v>
      </c>
      <c r="K547" s="6">
        <v>1120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58</v>
      </c>
      <c r="E548" s="9" t="s">
        <v>227</v>
      </c>
      <c r="F548" s="9" t="s">
        <v>283</v>
      </c>
      <c r="G548" s="9" t="s">
        <v>272</v>
      </c>
      <c r="H548" s="6">
        <v>693</v>
      </c>
      <c r="I548" s="6">
        <v>369</v>
      </c>
      <c r="J548" s="6">
        <v>369</v>
      </c>
      <c r="K548" s="6">
        <v>324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58</v>
      </c>
      <c r="E549" s="9" t="s">
        <v>227</v>
      </c>
      <c r="F549" s="9" t="s">
        <v>283</v>
      </c>
      <c r="G549" s="9" t="s">
        <v>273</v>
      </c>
      <c r="H549" s="6">
        <v>1078</v>
      </c>
      <c r="I549" s="6">
        <v>921</v>
      </c>
      <c r="J549" s="6">
        <v>911</v>
      </c>
      <c r="K549" s="6">
        <v>157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58</v>
      </c>
      <c r="E550" s="9" t="s">
        <v>227</v>
      </c>
      <c r="F550" s="9" t="s">
        <v>283</v>
      </c>
      <c r="G550" s="9" t="s">
        <v>274</v>
      </c>
      <c r="H550" s="6">
        <v>1489</v>
      </c>
      <c r="I550" s="6">
        <v>1318</v>
      </c>
      <c r="J550" s="6">
        <v>1291</v>
      </c>
      <c r="K550" s="6">
        <v>171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58</v>
      </c>
      <c r="E551" s="9" t="s">
        <v>227</v>
      </c>
      <c r="F551" s="9" t="s">
        <v>283</v>
      </c>
      <c r="G551" s="9" t="s">
        <v>275</v>
      </c>
      <c r="H551" s="6">
        <v>1240</v>
      </c>
      <c r="I551" s="6">
        <v>1066</v>
      </c>
      <c r="J551" s="6">
        <v>1049</v>
      </c>
      <c r="K551" s="6">
        <v>174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58</v>
      </c>
      <c r="E552" s="9" t="s">
        <v>227</v>
      </c>
      <c r="F552" s="9" t="s">
        <v>283</v>
      </c>
      <c r="G552" s="9" t="s">
        <v>276</v>
      </c>
      <c r="H552" s="6">
        <v>862</v>
      </c>
      <c r="I552" s="6">
        <v>778</v>
      </c>
      <c r="J552" s="6">
        <v>741</v>
      </c>
      <c r="K552" s="6">
        <v>84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58</v>
      </c>
      <c r="E553" s="9" t="s">
        <v>227</v>
      </c>
      <c r="F553" s="9" t="s">
        <v>283</v>
      </c>
      <c r="G553" s="9" t="s">
        <v>277</v>
      </c>
      <c r="H553" s="6">
        <v>613</v>
      </c>
      <c r="I553" s="6">
        <v>535</v>
      </c>
      <c r="J553" s="6">
        <v>535</v>
      </c>
      <c r="K553" s="6">
        <v>78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58</v>
      </c>
      <c r="E554" s="9" t="s">
        <v>227</v>
      </c>
      <c r="F554" s="9" t="s">
        <v>283</v>
      </c>
      <c r="G554" s="9" t="s">
        <v>278</v>
      </c>
      <c r="H554" s="6">
        <v>334</v>
      </c>
      <c r="I554" s="6">
        <v>268</v>
      </c>
      <c r="J554" s="6">
        <v>268</v>
      </c>
      <c r="K554" s="6">
        <v>66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58</v>
      </c>
      <c r="E555" s="9" t="s">
        <v>227</v>
      </c>
      <c r="F555" s="9" t="s">
        <v>283</v>
      </c>
      <c r="G555" s="9" t="s">
        <v>279</v>
      </c>
      <c r="H555" s="6">
        <v>66</v>
      </c>
      <c r="I555" s="6">
        <v>56</v>
      </c>
      <c r="J555" s="6">
        <v>56</v>
      </c>
      <c r="K555" s="6">
        <v>10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58</v>
      </c>
      <c r="E556" s="9" t="s">
        <v>227</v>
      </c>
      <c r="F556" s="9" t="s">
        <v>283</v>
      </c>
      <c r="G556" s="9" t="s">
        <v>280</v>
      </c>
      <c r="H556" s="6">
        <v>181</v>
      </c>
      <c r="I556" s="6">
        <v>125</v>
      </c>
      <c r="J556" s="6">
        <v>120</v>
      </c>
      <c r="K556" s="6">
        <v>56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58</v>
      </c>
      <c r="E557" s="9" t="s">
        <v>228</v>
      </c>
      <c r="F557" s="9" t="s">
        <v>6</v>
      </c>
      <c r="G557" s="9" t="s">
        <v>6</v>
      </c>
      <c r="H557" s="6">
        <v>16632</v>
      </c>
      <c r="I557" s="6">
        <v>2899</v>
      </c>
      <c r="J557" s="6">
        <v>2591</v>
      </c>
      <c r="K557" s="6">
        <v>13731</v>
      </c>
      <c r="L557" s="6">
        <v>2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58</v>
      </c>
      <c r="E558" s="9" t="s">
        <v>228</v>
      </c>
      <c r="F558" s="9" t="s">
        <v>234</v>
      </c>
      <c r="G558" s="9" t="s">
        <v>6</v>
      </c>
      <c r="H558" s="6">
        <v>9986</v>
      </c>
      <c r="I558" s="6">
        <v>1438</v>
      </c>
      <c r="J558" s="6">
        <v>1308</v>
      </c>
      <c r="K558" s="6">
        <v>8546</v>
      </c>
      <c r="L558" s="6">
        <v>2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58</v>
      </c>
      <c r="E559" s="9" t="s">
        <v>228</v>
      </c>
      <c r="F559" s="9" t="s">
        <v>235</v>
      </c>
      <c r="G559" s="9" t="s">
        <v>6</v>
      </c>
      <c r="H559" s="6">
        <v>6646</v>
      </c>
      <c r="I559" s="6">
        <v>1461</v>
      </c>
      <c r="J559" s="6">
        <v>1283</v>
      </c>
      <c r="K559" s="6">
        <v>5185</v>
      </c>
      <c r="L559" s="10" t="s">
        <v>5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58</v>
      </c>
      <c r="E560" s="9" t="s">
        <v>228</v>
      </c>
      <c r="F560" s="9" t="s">
        <v>235</v>
      </c>
      <c r="G560" s="9" t="s">
        <v>272</v>
      </c>
      <c r="H560" s="6">
        <v>35</v>
      </c>
      <c r="I560" s="6">
        <v>4</v>
      </c>
      <c r="J560" s="6">
        <v>4</v>
      </c>
      <c r="K560" s="6">
        <v>31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58</v>
      </c>
      <c r="E561" s="9" t="s">
        <v>228</v>
      </c>
      <c r="F561" s="9" t="s">
        <v>235</v>
      </c>
      <c r="G561" s="9" t="s">
        <v>273</v>
      </c>
      <c r="H561" s="6">
        <v>30</v>
      </c>
      <c r="I561" s="6">
        <v>23</v>
      </c>
      <c r="J561" s="6">
        <v>23</v>
      </c>
      <c r="K561" s="6">
        <v>7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58</v>
      </c>
      <c r="E562" s="9" t="s">
        <v>228</v>
      </c>
      <c r="F562" s="9" t="s">
        <v>235</v>
      </c>
      <c r="G562" s="9" t="s">
        <v>274</v>
      </c>
      <c r="H562" s="6">
        <v>53</v>
      </c>
      <c r="I562" s="6">
        <v>53</v>
      </c>
      <c r="J562" s="6">
        <v>50</v>
      </c>
      <c r="K562" s="10" t="s">
        <v>55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58</v>
      </c>
      <c r="E563" s="9" t="s">
        <v>228</v>
      </c>
      <c r="F563" s="9" t="s">
        <v>235</v>
      </c>
      <c r="G563" s="9" t="s">
        <v>275</v>
      </c>
      <c r="H563" s="6">
        <v>97</v>
      </c>
      <c r="I563" s="6">
        <v>64</v>
      </c>
      <c r="J563" s="6">
        <v>55</v>
      </c>
      <c r="K563" s="6">
        <v>33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58</v>
      </c>
      <c r="E564" s="9" t="s">
        <v>228</v>
      </c>
      <c r="F564" s="9" t="s">
        <v>235</v>
      </c>
      <c r="G564" s="9" t="s">
        <v>276</v>
      </c>
      <c r="H564" s="6">
        <v>39</v>
      </c>
      <c r="I564" s="6">
        <v>35</v>
      </c>
      <c r="J564" s="6">
        <v>35</v>
      </c>
      <c r="K564" s="6">
        <v>4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58</v>
      </c>
      <c r="E565" s="9" t="s">
        <v>228</v>
      </c>
      <c r="F565" s="9" t="s">
        <v>235</v>
      </c>
      <c r="G565" s="9" t="s">
        <v>277</v>
      </c>
      <c r="H565" s="6">
        <v>72</v>
      </c>
      <c r="I565" s="6">
        <v>58</v>
      </c>
      <c r="J565" s="6">
        <v>58</v>
      </c>
      <c r="K565" s="6">
        <v>14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58</v>
      </c>
      <c r="E566" s="9" t="s">
        <v>228</v>
      </c>
      <c r="F566" s="9" t="s">
        <v>235</v>
      </c>
      <c r="G566" s="9" t="s">
        <v>278</v>
      </c>
      <c r="H566" s="6">
        <v>71</v>
      </c>
      <c r="I566" s="6">
        <v>58</v>
      </c>
      <c r="J566" s="6">
        <v>58</v>
      </c>
      <c r="K566" s="6">
        <v>13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58</v>
      </c>
      <c r="E567" s="9" t="s">
        <v>228</v>
      </c>
      <c r="F567" s="9" t="s">
        <v>235</v>
      </c>
      <c r="G567" s="9" t="s">
        <v>279</v>
      </c>
      <c r="H567" s="6">
        <v>49</v>
      </c>
      <c r="I567" s="6">
        <v>41</v>
      </c>
      <c r="J567" s="6">
        <v>41</v>
      </c>
      <c r="K567" s="6">
        <v>8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58</v>
      </c>
      <c r="E568" s="9" t="s">
        <v>228</v>
      </c>
      <c r="F568" s="9" t="s">
        <v>235</v>
      </c>
      <c r="G568" s="9" t="s">
        <v>280</v>
      </c>
      <c r="H568" s="6">
        <v>6200</v>
      </c>
      <c r="I568" s="6">
        <v>1125</v>
      </c>
      <c r="J568" s="6">
        <v>959</v>
      </c>
      <c r="K568" s="6">
        <v>5075</v>
      </c>
      <c r="L568" s="10" t="s">
        <v>5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58</v>
      </c>
      <c r="E569" s="9" t="s">
        <v>228</v>
      </c>
      <c r="F569" s="9" t="s">
        <v>281</v>
      </c>
      <c r="G569" s="9" t="s">
        <v>6</v>
      </c>
      <c r="H569" s="6">
        <v>5124</v>
      </c>
      <c r="I569" s="6">
        <v>939</v>
      </c>
      <c r="J569" s="6">
        <v>807</v>
      </c>
      <c r="K569" s="6">
        <v>4185</v>
      </c>
      <c r="L569" s="10" t="s">
        <v>5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58</v>
      </c>
      <c r="E570" s="9" t="s">
        <v>228</v>
      </c>
      <c r="F570" s="9" t="s">
        <v>281</v>
      </c>
      <c r="G570" s="9" t="s">
        <v>272</v>
      </c>
      <c r="H570" s="6">
        <v>3</v>
      </c>
      <c r="I570" s="10" t="s">
        <v>55</v>
      </c>
      <c r="J570" s="10" t="s">
        <v>55</v>
      </c>
      <c r="K570" s="6">
        <v>3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58</v>
      </c>
      <c r="E571" s="9" t="s">
        <v>228</v>
      </c>
      <c r="F571" s="9" t="s">
        <v>281</v>
      </c>
      <c r="G571" s="9" t="s">
        <v>273</v>
      </c>
      <c r="H571" s="6">
        <v>9</v>
      </c>
      <c r="I571" s="6">
        <v>6</v>
      </c>
      <c r="J571" s="6">
        <v>6</v>
      </c>
      <c r="K571" s="6">
        <v>3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58</v>
      </c>
      <c r="E572" s="9" t="s">
        <v>228</v>
      </c>
      <c r="F572" s="9" t="s">
        <v>281</v>
      </c>
      <c r="G572" s="9" t="s">
        <v>274</v>
      </c>
      <c r="H572" s="6">
        <v>6</v>
      </c>
      <c r="I572" s="6">
        <v>6</v>
      </c>
      <c r="J572" s="6">
        <v>3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58</v>
      </c>
      <c r="E573" s="9" t="s">
        <v>228</v>
      </c>
      <c r="F573" s="9" t="s">
        <v>281</v>
      </c>
      <c r="G573" s="9" t="s">
        <v>275</v>
      </c>
      <c r="H573" s="6">
        <v>18</v>
      </c>
      <c r="I573" s="6">
        <v>18</v>
      </c>
      <c r="J573" s="6">
        <v>18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58</v>
      </c>
      <c r="E574" s="9" t="s">
        <v>228</v>
      </c>
      <c r="F574" s="9" t="s">
        <v>281</v>
      </c>
      <c r="G574" s="9" t="s">
        <v>276</v>
      </c>
      <c r="H574" s="6">
        <v>9</v>
      </c>
      <c r="I574" s="6">
        <v>9</v>
      </c>
      <c r="J574" s="6">
        <v>9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58</v>
      </c>
      <c r="E575" s="9" t="s">
        <v>228</v>
      </c>
      <c r="F575" s="9" t="s">
        <v>281</v>
      </c>
      <c r="G575" s="9" t="s">
        <v>277</v>
      </c>
      <c r="H575" s="6">
        <v>15</v>
      </c>
      <c r="I575" s="6">
        <v>9</v>
      </c>
      <c r="J575" s="6">
        <v>9</v>
      </c>
      <c r="K575" s="6">
        <v>6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58</v>
      </c>
      <c r="E576" s="9" t="s">
        <v>228</v>
      </c>
      <c r="F576" s="9" t="s">
        <v>281</v>
      </c>
      <c r="G576" s="9" t="s">
        <v>278</v>
      </c>
      <c r="H576" s="6">
        <v>24</v>
      </c>
      <c r="I576" s="6">
        <v>24</v>
      </c>
      <c r="J576" s="6">
        <v>24</v>
      </c>
      <c r="K576" s="10" t="s">
        <v>55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58</v>
      </c>
      <c r="E577" s="9" t="s">
        <v>228</v>
      </c>
      <c r="F577" s="9" t="s">
        <v>281</v>
      </c>
      <c r="G577" s="9" t="s">
        <v>279</v>
      </c>
      <c r="H577" s="6">
        <v>24</v>
      </c>
      <c r="I577" s="6">
        <v>24</v>
      </c>
      <c r="J577" s="6">
        <v>24</v>
      </c>
      <c r="K577" s="10" t="s">
        <v>55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58</v>
      </c>
      <c r="E578" s="9" t="s">
        <v>228</v>
      </c>
      <c r="F578" s="9" t="s">
        <v>281</v>
      </c>
      <c r="G578" s="9" t="s">
        <v>280</v>
      </c>
      <c r="H578" s="6">
        <v>5016</v>
      </c>
      <c r="I578" s="6">
        <v>843</v>
      </c>
      <c r="J578" s="6">
        <v>714</v>
      </c>
      <c r="K578" s="6">
        <v>4173</v>
      </c>
      <c r="L578" s="10" t="s">
        <v>5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58</v>
      </c>
      <c r="E579" s="9" t="s">
        <v>228</v>
      </c>
      <c r="F579" s="9" t="s">
        <v>282</v>
      </c>
      <c r="G579" s="9" t="s">
        <v>6</v>
      </c>
      <c r="H579" s="6">
        <v>1284</v>
      </c>
      <c r="I579" s="6">
        <v>416</v>
      </c>
      <c r="J579" s="6">
        <v>380</v>
      </c>
      <c r="K579" s="6">
        <v>868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58</v>
      </c>
      <c r="E580" s="9" t="s">
        <v>228</v>
      </c>
      <c r="F580" s="9" t="s">
        <v>282</v>
      </c>
      <c r="G580" s="9" t="s">
        <v>272</v>
      </c>
      <c r="H580" s="6">
        <v>16</v>
      </c>
      <c r="I580" s="6">
        <v>4</v>
      </c>
      <c r="J580" s="6">
        <v>4</v>
      </c>
      <c r="K580" s="6">
        <v>12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58</v>
      </c>
      <c r="E581" s="9" t="s">
        <v>228</v>
      </c>
      <c r="F581" s="9" t="s">
        <v>282</v>
      </c>
      <c r="G581" s="9" t="s">
        <v>273</v>
      </c>
      <c r="H581" s="6">
        <v>16</v>
      </c>
      <c r="I581" s="6">
        <v>12</v>
      </c>
      <c r="J581" s="6">
        <v>12</v>
      </c>
      <c r="K581" s="6">
        <v>4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58</v>
      </c>
      <c r="E582" s="9" t="s">
        <v>228</v>
      </c>
      <c r="F582" s="9" t="s">
        <v>282</v>
      </c>
      <c r="G582" s="9" t="s">
        <v>274</v>
      </c>
      <c r="H582" s="6">
        <v>16</v>
      </c>
      <c r="I582" s="6">
        <v>16</v>
      </c>
      <c r="J582" s="6">
        <v>16</v>
      </c>
      <c r="K582" s="10" t="s">
        <v>55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58</v>
      </c>
      <c r="E583" s="9" t="s">
        <v>228</v>
      </c>
      <c r="F583" s="9" t="s">
        <v>282</v>
      </c>
      <c r="G583" s="9" t="s">
        <v>275</v>
      </c>
      <c r="H583" s="6">
        <v>28</v>
      </c>
      <c r="I583" s="6">
        <v>16</v>
      </c>
      <c r="J583" s="6">
        <v>12</v>
      </c>
      <c r="K583" s="6">
        <v>12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58</v>
      </c>
      <c r="E584" s="9" t="s">
        <v>228</v>
      </c>
      <c r="F584" s="9" t="s">
        <v>282</v>
      </c>
      <c r="G584" s="9" t="s">
        <v>276</v>
      </c>
      <c r="H584" s="6">
        <v>20</v>
      </c>
      <c r="I584" s="6">
        <v>16</v>
      </c>
      <c r="J584" s="6">
        <v>16</v>
      </c>
      <c r="K584" s="6">
        <v>4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58</v>
      </c>
      <c r="E585" s="9" t="s">
        <v>228</v>
      </c>
      <c r="F585" s="9" t="s">
        <v>282</v>
      </c>
      <c r="G585" s="9" t="s">
        <v>277</v>
      </c>
      <c r="H585" s="6">
        <v>52</v>
      </c>
      <c r="I585" s="6">
        <v>44</v>
      </c>
      <c r="J585" s="6">
        <v>44</v>
      </c>
      <c r="K585" s="6">
        <v>8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58</v>
      </c>
      <c r="E586" s="9" t="s">
        <v>228</v>
      </c>
      <c r="F586" s="9" t="s">
        <v>282</v>
      </c>
      <c r="G586" s="9" t="s">
        <v>278</v>
      </c>
      <c r="H586" s="6">
        <v>32</v>
      </c>
      <c r="I586" s="6">
        <v>24</v>
      </c>
      <c r="J586" s="6">
        <v>24</v>
      </c>
      <c r="K586" s="6">
        <v>8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58</v>
      </c>
      <c r="E587" s="9" t="s">
        <v>228</v>
      </c>
      <c r="F587" s="9" t="s">
        <v>282</v>
      </c>
      <c r="G587" s="9" t="s">
        <v>279</v>
      </c>
      <c r="H587" s="6">
        <v>20</v>
      </c>
      <c r="I587" s="6">
        <v>12</v>
      </c>
      <c r="J587" s="6">
        <v>12</v>
      </c>
      <c r="K587" s="6">
        <v>8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58</v>
      </c>
      <c r="E588" s="9" t="s">
        <v>228</v>
      </c>
      <c r="F588" s="9" t="s">
        <v>282</v>
      </c>
      <c r="G588" s="9" t="s">
        <v>280</v>
      </c>
      <c r="H588" s="6">
        <v>1084</v>
      </c>
      <c r="I588" s="6">
        <v>272</v>
      </c>
      <c r="J588" s="6">
        <v>240</v>
      </c>
      <c r="K588" s="6">
        <v>812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58</v>
      </c>
      <c r="E589" s="9" t="s">
        <v>228</v>
      </c>
      <c r="F589" s="9" t="s">
        <v>283</v>
      </c>
      <c r="G589" s="9" t="s">
        <v>6</v>
      </c>
      <c r="H589" s="6">
        <v>238</v>
      </c>
      <c r="I589" s="6">
        <v>106</v>
      </c>
      <c r="J589" s="6">
        <v>96</v>
      </c>
      <c r="K589" s="6">
        <v>132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58</v>
      </c>
      <c r="E590" s="9" t="s">
        <v>228</v>
      </c>
      <c r="F590" s="9" t="s">
        <v>283</v>
      </c>
      <c r="G590" s="9" t="s">
        <v>272</v>
      </c>
      <c r="H590" s="6">
        <v>16</v>
      </c>
      <c r="I590" s="10" t="s">
        <v>55</v>
      </c>
      <c r="J590" s="10" t="s">
        <v>55</v>
      </c>
      <c r="K590" s="6">
        <v>16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58</v>
      </c>
      <c r="E591" s="9" t="s">
        <v>228</v>
      </c>
      <c r="F591" s="9" t="s">
        <v>283</v>
      </c>
      <c r="G591" s="9" t="s">
        <v>273</v>
      </c>
      <c r="H591" s="6">
        <v>5</v>
      </c>
      <c r="I591" s="6">
        <v>5</v>
      </c>
      <c r="J591" s="6">
        <v>5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58</v>
      </c>
      <c r="E592" s="9" t="s">
        <v>228</v>
      </c>
      <c r="F592" s="9" t="s">
        <v>283</v>
      </c>
      <c r="G592" s="9" t="s">
        <v>274</v>
      </c>
      <c r="H592" s="6">
        <v>31</v>
      </c>
      <c r="I592" s="6">
        <v>31</v>
      </c>
      <c r="J592" s="6">
        <v>31</v>
      </c>
      <c r="K592" s="10" t="s">
        <v>55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58</v>
      </c>
      <c r="E593" s="9" t="s">
        <v>228</v>
      </c>
      <c r="F593" s="9" t="s">
        <v>283</v>
      </c>
      <c r="G593" s="9" t="s">
        <v>275</v>
      </c>
      <c r="H593" s="6">
        <v>51</v>
      </c>
      <c r="I593" s="6">
        <v>30</v>
      </c>
      <c r="J593" s="6">
        <v>25</v>
      </c>
      <c r="K593" s="6">
        <v>21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58</v>
      </c>
      <c r="E594" s="9" t="s">
        <v>228</v>
      </c>
      <c r="F594" s="9" t="s">
        <v>283</v>
      </c>
      <c r="G594" s="9" t="s">
        <v>276</v>
      </c>
      <c r="H594" s="6">
        <v>10</v>
      </c>
      <c r="I594" s="6">
        <v>10</v>
      </c>
      <c r="J594" s="6">
        <v>10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58</v>
      </c>
      <c r="E595" s="9" t="s">
        <v>228</v>
      </c>
      <c r="F595" s="9" t="s">
        <v>283</v>
      </c>
      <c r="G595" s="9" t="s">
        <v>277</v>
      </c>
      <c r="H595" s="6">
        <v>5</v>
      </c>
      <c r="I595" s="6">
        <v>5</v>
      </c>
      <c r="J595" s="6">
        <v>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58</v>
      </c>
      <c r="E596" s="9" t="s">
        <v>228</v>
      </c>
      <c r="F596" s="9" t="s">
        <v>283</v>
      </c>
      <c r="G596" s="9" t="s">
        <v>278</v>
      </c>
      <c r="H596" s="6">
        <v>15</v>
      </c>
      <c r="I596" s="6">
        <v>10</v>
      </c>
      <c r="J596" s="6">
        <v>10</v>
      </c>
      <c r="K596" s="6">
        <v>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58</v>
      </c>
      <c r="E597" s="9" t="s">
        <v>228</v>
      </c>
      <c r="F597" s="9" t="s">
        <v>283</v>
      </c>
      <c r="G597" s="9" t="s">
        <v>279</v>
      </c>
      <c r="H597" s="6">
        <v>5</v>
      </c>
      <c r="I597" s="6">
        <v>5</v>
      </c>
      <c r="J597" s="6">
        <v>5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58</v>
      </c>
      <c r="E598" s="9" t="s">
        <v>228</v>
      </c>
      <c r="F598" s="9" t="s">
        <v>283</v>
      </c>
      <c r="G598" s="9" t="s">
        <v>280</v>
      </c>
      <c r="H598" s="6">
        <v>100</v>
      </c>
      <c r="I598" s="6">
        <v>10</v>
      </c>
      <c r="J598" s="6">
        <v>5</v>
      </c>
      <c r="K598" s="6">
        <v>90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58</v>
      </c>
      <c r="E599" s="9" t="s">
        <v>18</v>
      </c>
      <c r="F599" s="9" t="s">
        <v>6</v>
      </c>
      <c r="G599" s="9" t="s">
        <v>6</v>
      </c>
      <c r="H599" s="6">
        <v>2926</v>
      </c>
      <c r="I599" s="6">
        <v>15</v>
      </c>
      <c r="J599" s="6">
        <v>15</v>
      </c>
      <c r="K599" s="10" t="s">
        <v>55</v>
      </c>
      <c r="L599" s="6">
        <v>2911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58</v>
      </c>
      <c r="E600" s="9" t="s">
        <v>18</v>
      </c>
      <c r="F600" s="9" t="s">
        <v>234</v>
      </c>
      <c r="G600" s="9" t="s">
        <v>6</v>
      </c>
      <c r="H600" s="6">
        <v>496</v>
      </c>
      <c r="I600" s="10" t="s">
        <v>55</v>
      </c>
      <c r="J600" s="10" t="s">
        <v>55</v>
      </c>
      <c r="K600" s="10" t="s">
        <v>55</v>
      </c>
      <c r="L600" s="6">
        <v>496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58</v>
      </c>
      <c r="E601" s="9" t="s">
        <v>18</v>
      </c>
      <c r="F601" s="9" t="s">
        <v>235</v>
      </c>
      <c r="G601" s="9" t="s">
        <v>6</v>
      </c>
      <c r="H601" s="6">
        <v>2430</v>
      </c>
      <c r="I601" s="6">
        <v>15</v>
      </c>
      <c r="J601" s="6">
        <v>15</v>
      </c>
      <c r="K601" s="10" t="s">
        <v>55</v>
      </c>
      <c r="L601" s="6">
        <v>2415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58</v>
      </c>
      <c r="E602" s="9" t="s">
        <v>18</v>
      </c>
      <c r="F602" s="9" t="s">
        <v>235</v>
      </c>
      <c r="G602" s="9" t="s">
        <v>272</v>
      </c>
      <c r="H602" s="6">
        <v>225</v>
      </c>
      <c r="I602" s="10" t="s">
        <v>55</v>
      </c>
      <c r="J602" s="10" t="s">
        <v>55</v>
      </c>
      <c r="K602" s="10" t="s">
        <v>55</v>
      </c>
      <c r="L602" s="6">
        <v>225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58</v>
      </c>
      <c r="E603" s="9" t="s">
        <v>18</v>
      </c>
      <c r="F603" s="9" t="s">
        <v>235</v>
      </c>
      <c r="G603" s="9" t="s">
        <v>273</v>
      </c>
      <c r="H603" s="6">
        <v>431</v>
      </c>
      <c r="I603" s="10" t="s">
        <v>55</v>
      </c>
      <c r="J603" s="10" t="s">
        <v>55</v>
      </c>
      <c r="K603" s="10" t="s">
        <v>55</v>
      </c>
      <c r="L603" s="6">
        <v>431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58</v>
      </c>
      <c r="E604" s="9" t="s">
        <v>18</v>
      </c>
      <c r="F604" s="9" t="s">
        <v>235</v>
      </c>
      <c r="G604" s="9" t="s">
        <v>274</v>
      </c>
      <c r="H604" s="6">
        <v>412</v>
      </c>
      <c r="I604" s="10" t="s">
        <v>55</v>
      </c>
      <c r="J604" s="10" t="s">
        <v>55</v>
      </c>
      <c r="K604" s="10" t="s">
        <v>55</v>
      </c>
      <c r="L604" s="6">
        <v>412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58</v>
      </c>
      <c r="E605" s="9" t="s">
        <v>18</v>
      </c>
      <c r="F605" s="9" t="s">
        <v>235</v>
      </c>
      <c r="G605" s="9" t="s">
        <v>275</v>
      </c>
      <c r="H605" s="6">
        <v>321</v>
      </c>
      <c r="I605" s="6">
        <v>9</v>
      </c>
      <c r="J605" s="6">
        <v>9</v>
      </c>
      <c r="K605" s="10" t="s">
        <v>55</v>
      </c>
      <c r="L605" s="6">
        <v>312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58</v>
      </c>
      <c r="E606" s="9" t="s">
        <v>18</v>
      </c>
      <c r="F606" s="9" t="s">
        <v>235</v>
      </c>
      <c r="G606" s="9" t="s">
        <v>276</v>
      </c>
      <c r="H606" s="6">
        <v>218</v>
      </c>
      <c r="I606" s="10" t="s">
        <v>55</v>
      </c>
      <c r="J606" s="10" t="s">
        <v>55</v>
      </c>
      <c r="K606" s="10" t="s">
        <v>55</v>
      </c>
      <c r="L606" s="6">
        <v>218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58</v>
      </c>
      <c r="E607" s="9" t="s">
        <v>18</v>
      </c>
      <c r="F607" s="9" t="s">
        <v>235</v>
      </c>
      <c r="G607" s="9" t="s">
        <v>277</v>
      </c>
      <c r="H607" s="6">
        <v>207</v>
      </c>
      <c r="I607" s="10" t="s">
        <v>55</v>
      </c>
      <c r="J607" s="10" t="s">
        <v>55</v>
      </c>
      <c r="K607" s="10" t="s">
        <v>55</v>
      </c>
      <c r="L607" s="6">
        <v>207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58</v>
      </c>
      <c r="E608" s="9" t="s">
        <v>18</v>
      </c>
      <c r="F608" s="9" t="s">
        <v>235</v>
      </c>
      <c r="G608" s="9" t="s">
        <v>278</v>
      </c>
      <c r="H608" s="6">
        <v>146</v>
      </c>
      <c r="I608" s="10" t="s">
        <v>55</v>
      </c>
      <c r="J608" s="10" t="s">
        <v>55</v>
      </c>
      <c r="K608" s="10" t="s">
        <v>55</v>
      </c>
      <c r="L608" s="6">
        <v>146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58</v>
      </c>
      <c r="E609" s="9" t="s">
        <v>18</v>
      </c>
      <c r="F609" s="9" t="s">
        <v>235</v>
      </c>
      <c r="G609" s="9" t="s">
        <v>279</v>
      </c>
      <c r="H609" s="6">
        <v>84</v>
      </c>
      <c r="I609" s="6">
        <v>3</v>
      </c>
      <c r="J609" s="6">
        <v>3</v>
      </c>
      <c r="K609" s="10" t="s">
        <v>55</v>
      </c>
      <c r="L609" s="6">
        <v>81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58</v>
      </c>
      <c r="E610" s="9" t="s">
        <v>18</v>
      </c>
      <c r="F610" s="9" t="s">
        <v>235</v>
      </c>
      <c r="G610" s="9" t="s">
        <v>280</v>
      </c>
      <c r="H610" s="6">
        <v>386</v>
      </c>
      <c r="I610" s="6">
        <v>3</v>
      </c>
      <c r="J610" s="6">
        <v>3</v>
      </c>
      <c r="K610" s="10" t="s">
        <v>55</v>
      </c>
      <c r="L610" s="6">
        <v>383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58</v>
      </c>
      <c r="E611" s="9" t="s">
        <v>18</v>
      </c>
      <c r="F611" s="9" t="s">
        <v>281</v>
      </c>
      <c r="G611" s="9" t="s">
        <v>6</v>
      </c>
      <c r="H611" s="6">
        <v>720</v>
      </c>
      <c r="I611" s="6">
        <v>6</v>
      </c>
      <c r="J611" s="6">
        <v>6</v>
      </c>
      <c r="K611" s="10" t="s">
        <v>55</v>
      </c>
      <c r="L611" s="6">
        <v>714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58</v>
      </c>
      <c r="E612" s="9" t="s">
        <v>18</v>
      </c>
      <c r="F612" s="9" t="s">
        <v>281</v>
      </c>
      <c r="G612" s="9" t="s">
        <v>272</v>
      </c>
      <c r="H612" s="6">
        <v>63</v>
      </c>
      <c r="I612" s="10" t="s">
        <v>55</v>
      </c>
      <c r="J612" s="10" t="s">
        <v>55</v>
      </c>
      <c r="K612" s="10" t="s">
        <v>55</v>
      </c>
      <c r="L612" s="6">
        <v>63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58</v>
      </c>
      <c r="E613" s="9" t="s">
        <v>18</v>
      </c>
      <c r="F613" s="9" t="s">
        <v>281</v>
      </c>
      <c r="G613" s="9" t="s">
        <v>273</v>
      </c>
      <c r="H613" s="6">
        <v>108</v>
      </c>
      <c r="I613" s="10" t="s">
        <v>55</v>
      </c>
      <c r="J613" s="10" t="s">
        <v>55</v>
      </c>
      <c r="K613" s="10" t="s">
        <v>55</v>
      </c>
      <c r="L613" s="6">
        <v>108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58</v>
      </c>
      <c r="E614" s="9" t="s">
        <v>18</v>
      </c>
      <c r="F614" s="9" t="s">
        <v>281</v>
      </c>
      <c r="G614" s="9" t="s">
        <v>274</v>
      </c>
      <c r="H614" s="6">
        <v>84</v>
      </c>
      <c r="I614" s="10" t="s">
        <v>55</v>
      </c>
      <c r="J614" s="10" t="s">
        <v>55</v>
      </c>
      <c r="K614" s="10" t="s">
        <v>55</v>
      </c>
      <c r="L614" s="6">
        <v>84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58</v>
      </c>
      <c r="E615" s="9" t="s">
        <v>18</v>
      </c>
      <c r="F615" s="9" t="s">
        <v>281</v>
      </c>
      <c r="G615" s="9" t="s">
        <v>275</v>
      </c>
      <c r="H615" s="6">
        <v>51</v>
      </c>
      <c r="I615" s="10" t="s">
        <v>55</v>
      </c>
      <c r="J615" s="10" t="s">
        <v>55</v>
      </c>
      <c r="K615" s="10" t="s">
        <v>55</v>
      </c>
      <c r="L615" s="6">
        <v>51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58</v>
      </c>
      <c r="E616" s="9" t="s">
        <v>18</v>
      </c>
      <c r="F616" s="9" t="s">
        <v>281</v>
      </c>
      <c r="G616" s="9" t="s">
        <v>276</v>
      </c>
      <c r="H616" s="6">
        <v>39</v>
      </c>
      <c r="I616" s="10" t="s">
        <v>55</v>
      </c>
      <c r="J616" s="10" t="s">
        <v>55</v>
      </c>
      <c r="K616" s="10" t="s">
        <v>55</v>
      </c>
      <c r="L616" s="6">
        <v>39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58</v>
      </c>
      <c r="E617" s="9" t="s">
        <v>18</v>
      </c>
      <c r="F617" s="9" t="s">
        <v>281</v>
      </c>
      <c r="G617" s="9" t="s">
        <v>277</v>
      </c>
      <c r="H617" s="6">
        <v>51</v>
      </c>
      <c r="I617" s="10" t="s">
        <v>55</v>
      </c>
      <c r="J617" s="10" t="s">
        <v>55</v>
      </c>
      <c r="K617" s="10" t="s">
        <v>55</v>
      </c>
      <c r="L617" s="6">
        <v>51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58</v>
      </c>
      <c r="E618" s="9" t="s">
        <v>18</v>
      </c>
      <c r="F618" s="9" t="s">
        <v>281</v>
      </c>
      <c r="G618" s="9" t="s">
        <v>278</v>
      </c>
      <c r="H618" s="6">
        <v>30</v>
      </c>
      <c r="I618" s="10" t="s">
        <v>55</v>
      </c>
      <c r="J618" s="10" t="s">
        <v>55</v>
      </c>
      <c r="K618" s="10" t="s">
        <v>55</v>
      </c>
      <c r="L618" s="6">
        <v>30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58</v>
      </c>
      <c r="E619" s="9" t="s">
        <v>18</v>
      </c>
      <c r="F619" s="9" t="s">
        <v>281</v>
      </c>
      <c r="G619" s="9" t="s">
        <v>279</v>
      </c>
      <c r="H619" s="6">
        <v>39</v>
      </c>
      <c r="I619" s="6">
        <v>3</v>
      </c>
      <c r="J619" s="6">
        <v>3</v>
      </c>
      <c r="K619" s="10" t="s">
        <v>55</v>
      </c>
      <c r="L619" s="6">
        <v>36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58</v>
      </c>
      <c r="E620" s="9" t="s">
        <v>18</v>
      </c>
      <c r="F620" s="9" t="s">
        <v>281</v>
      </c>
      <c r="G620" s="9" t="s">
        <v>280</v>
      </c>
      <c r="H620" s="6">
        <v>255</v>
      </c>
      <c r="I620" s="6">
        <v>3</v>
      </c>
      <c r="J620" s="6">
        <v>3</v>
      </c>
      <c r="K620" s="10" t="s">
        <v>55</v>
      </c>
      <c r="L620" s="6">
        <v>252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58</v>
      </c>
      <c r="E621" s="9" t="s">
        <v>18</v>
      </c>
      <c r="F621" s="9" t="s">
        <v>282</v>
      </c>
      <c r="G621" s="9" t="s">
        <v>6</v>
      </c>
      <c r="H621" s="6">
        <v>928</v>
      </c>
      <c r="I621" s="6">
        <v>4</v>
      </c>
      <c r="J621" s="6">
        <v>4</v>
      </c>
      <c r="K621" s="10" t="s">
        <v>55</v>
      </c>
      <c r="L621" s="6">
        <v>924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58</v>
      </c>
      <c r="E622" s="9" t="s">
        <v>18</v>
      </c>
      <c r="F622" s="9" t="s">
        <v>282</v>
      </c>
      <c r="G622" s="9" t="s">
        <v>272</v>
      </c>
      <c r="H622" s="6">
        <v>64</v>
      </c>
      <c r="I622" s="10" t="s">
        <v>55</v>
      </c>
      <c r="J622" s="10" t="s">
        <v>55</v>
      </c>
      <c r="K622" s="10" t="s">
        <v>55</v>
      </c>
      <c r="L622" s="6">
        <v>64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58</v>
      </c>
      <c r="E623" s="9" t="s">
        <v>18</v>
      </c>
      <c r="F623" s="9" t="s">
        <v>282</v>
      </c>
      <c r="G623" s="9" t="s">
        <v>273</v>
      </c>
      <c r="H623" s="6">
        <v>144</v>
      </c>
      <c r="I623" s="10" t="s">
        <v>55</v>
      </c>
      <c r="J623" s="10" t="s">
        <v>55</v>
      </c>
      <c r="K623" s="10" t="s">
        <v>55</v>
      </c>
      <c r="L623" s="6">
        <v>144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58</v>
      </c>
      <c r="E624" s="9" t="s">
        <v>18</v>
      </c>
      <c r="F624" s="9" t="s">
        <v>282</v>
      </c>
      <c r="G624" s="9" t="s">
        <v>274</v>
      </c>
      <c r="H624" s="6">
        <v>148</v>
      </c>
      <c r="I624" s="10" t="s">
        <v>55</v>
      </c>
      <c r="J624" s="10" t="s">
        <v>55</v>
      </c>
      <c r="K624" s="10" t="s">
        <v>55</v>
      </c>
      <c r="L624" s="6">
        <v>148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58</v>
      </c>
      <c r="E625" s="9" t="s">
        <v>18</v>
      </c>
      <c r="F625" s="9" t="s">
        <v>282</v>
      </c>
      <c r="G625" s="9" t="s">
        <v>275</v>
      </c>
      <c r="H625" s="6">
        <v>148</v>
      </c>
      <c r="I625" s="6">
        <v>4</v>
      </c>
      <c r="J625" s="6">
        <v>4</v>
      </c>
      <c r="K625" s="10" t="s">
        <v>55</v>
      </c>
      <c r="L625" s="6">
        <v>144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58</v>
      </c>
      <c r="E626" s="9" t="s">
        <v>18</v>
      </c>
      <c r="F626" s="9" t="s">
        <v>282</v>
      </c>
      <c r="G626" s="9" t="s">
        <v>276</v>
      </c>
      <c r="H626" s="6">
        <v>100</v>
      </c>
      <c r="I626" s="10" t="s">
        <v>55</v>
      </c>
      <c r="J626" s="10" t="s">
        <v>55</v>
      </c>
      <c r="K626" s="10" t="s">
        <v>55</v>
      </c>
      <c r="L626" s="6">
        <v>100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58</v>
      </c>
      <c r="E627" s="9" t="s">
        <v>18</v>
      </c>
      <c r="F627" s="9" t="s">
        <v>282</v>
      </c>
      <c r="G627" s="9" t="s">
        <v>277</v>
      </c>
      <c r="H627" s="6">
        <v>68</v>
      </c>
      <c r="I627" s="10" t="s">
        <v>55</v>
      </c>
      <c r="J627" s="10" t="s">
        <v>55</v>
      </c>
      <c r="K627" s="10" t="s">
        <v>55</v>
      </c>
      <c r="L627" s="6">
        <v>68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58</v>
      </c>
      <c r="E628" s="9" t="s">
        <v>18</v>
      </c>
      <c r="F628" s="9" t="s">
        <v>282</v>
      </c>
      <c r="G628" s="9" t="s">
        <v>278</v>
      </c>
      <c r="H628" s="6">
        <v>96</v>
      </c>
      <c r="I628" s="10" t="s">
        <v>55</v>
      </c>
      <c r="J628" s="10" t="s">
        <v>55</v>
      </c>
      <c r="K628" s="10" t="s">
        <v>55</v>
      </c>
      <c r="L628" s="6">
        <v>96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58</v>
      </c>
      <c r="E629" s="9" t="s">
        <v>18</v>
      </c>
      <c r="F629" s="9" t="s">
        <v>282</v>
      </c>
      <c r="G629" s="9" t="s">
        <v>279</v>
      </c>
      <c r="H629" s="6">
        <v>40</v>
      </c>
      <c r="I629" s="10" t="s">
        <v>55</v>
      </c>
      <c r="J629" s="10" t="s">
        <v>55</v>
      </c>
      <c r="K629" s="10" t="s">
        <v>55</v>
      </c>
      <c r="L629" s="6">
        <v>40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58</v>
      </c>
      <c r="E630" s="9" t="s">
        <v>18</v>
      </c>
      <c r="F630" s="9" t="s">
        <v>282</v>
      </c>
      <c r="G630" s="9" t="s">
        <v>280</v>
      </c>
      <c r="H630" s="6">
        <v>120</v>
      </c>
      <c r="I630" s="10" t="s">
        <v>55</v>
      </c>
      <c r="J630" s="10" t="s">
        <v>55</v>
      </c>
      <c r="K630" s="10" t="s">
        <v>55</v>
      </c>
      <c r="L630" s="6">
        <v>120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58</v>
      </c>
      <c r="E631" s="9" t="s">
        <v>18</v>
      </c>
      <c r="F631" s="9" t="s">
        <v>283</v>
      </c>
      <c r="G631" s="9" t="s">
        <v>6</v>
      </c>
      <c r="H631" s="6">
        <v>782</v>
      </c>
      <c r="I631" s="6">
        <v>5</v>
      </c>
      <c r="J631" s="6">
        <v>5</v>
      </c>
      <c r="K631" s="10" t="s">
        <v>55</v>
      </c>
      <c r="L631" s="6">
        <v>777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58</v>
      </c>
      <c r="E632" s="9" t="s">
        <v>18</v>
      </c>
      <c r="F632" s="9" t="s">
        <v>283</v>
      </c>
      <c r="G632" s="9" t="s">
        <v>272</v>
      </c>
      <c r="H632" s="6">
        <v>98</v>
      </c>
      <c r="I632" s="10" t="s">
        <v>55</v>
      </c>
      <c r="J632" s="10" t="s">
        <v>55</v>
      </c>
      <c r="K632" s="10" t="s">
        <v>55</v>
      </c>
      <c r="L632" s="6">
        <v>98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58</v>
      </c>
      <c r="E633" s="9" t="s">
        <v>18</v>
      </c>
      <c r="F633" s="9" t="s">
        <v>283</v>
      </c>
      <c r="G633" s="9" t="s">
        <v>273</v>
      </c>
      <c r="H633" s="6">
        <v>179</v>
      </c>
      <c r="I633" s="10" t="s">
        <v>55</v>
      </c>
      <c r="J633" s="10" t="s">
        <v>55</v>
      </c>
      <c r="K633" s="10" t="s">
        <v>55</v>
      </c>
      <c r="L633" s="6">
        <v>179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58</v>
      </c>
      <c r="E634" s="9" t="s">
        <v>18</v>
      </c>
      <c r="F634" s="9" t="s">
        <v>283</v>
      </c>
      <c r="G634" s="9" t="s">
        <v>274</v>
      </c>
      <c r="H634" s="6">
        <v>180</v>
      </c>
      <c r="I634" s="10" t="s">
        <v>55</v>
      </c>
      <c r="J634" s="10" t="s">
        <v>55</v>
      </c>
      <c r="K634" s="10" t="s">
        <v>55</v>
      </c>
      <c r="L634" s="6">
        <v>180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58</v>
      </c>
      <c r="E635" s="9" t="s">
        <v>18</v>
      </c>
      <c r="F635" s="9" t="s">
        <v>283</v>
      </c>
      <c r="G635" s="9" t="s">
        <v>275</v>
      </c>
      <c r="H635" s="6">
        <v>122</v>
      </c>
      <c r="I635" s="6">
        <v>5</v>
      </c>
      <c r="J635" s="6">
        <v>5</v>
      </c>
      <c r="K635" s="10" t="s">
        <v>55</v>
      </c>
      <c r="L635" s="6">
        <v>117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58</v>
      </c>
      <c r="E636" s="9" t="s">
        <v>18</v>
      </c>
      <c r="F636" s="9" t="s">
        <v>283</v>
      </c>
      <c r="G636" s="9" t="s">
        <v>276</v>
      </c>
      <c r="H636" s="6">
        <v>79</v>
      </c>
      <c r="I636" s="10" t="s">
        <v>55</v>
      </c>
      <c r="J636" s="10" t="s">
        <v>55</v>
      </c>
      <c r="K636" s="10" t="s">
        <v>55</v>
      </c>
      <c r="L636" s="6">
        <v>79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58</v>
      </c>
      <c r="E637" s="9" t="s">
        <v>18</v>
      </c>
      <c r="F637" s="9" t="s">
        <v>283</v>
      </c>
      <c r="G637" s="9" t="s">
        <v>277</v>
      </c>
      <c r="H637" s="6">
        <v>88</v>
      </c>
      <c r="I637" s="10" t="s">
        <v>55</v>
      </c>
      <c r="J637" s="10" t="s">
        <v>55</v>
      </c>
      <c r="K637" s="10" t="s">
        <v>55</v>
      </c>
      <c r="L637" s="6">
        <v>88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58</v>
      </c>
      <c r="E638" s="9" t="s">
        <v>18</v>
      </c>
      <c r="F638" s="9" t="s">
        <v>283</v>
      </c>
      <c r="G638" s="9" t="s">
        <v>278</v>
      </c>
      <c r="H638" s="6">
        <v>20</v>
      </c>
      <c r="I638" s="10" t="s">
        <v>55</v>
      </c>
      <c r="J638" s="10" t="s">
        <v>55</v>
      </c>
      <c r="K638" s="10" t="s">
        <v>55</v>
      </c>
      <c r="L638" s="6">
        <v>20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58</v>
      </c>
      <c r="E639" s="9" t="s">
        <v>18</v>
      </c>
      <c r="F639" s="9" t="s">
        <v>283</v>
      </c>
      <c r="G639" s="9" t="s">
        <v>279</v>
      </c>
      <c r="H639" s="6">
        <v>5</v>
      </c>
      <c r="I639" s="10" t="s">
        <v>55</v>
      </c>
      <c r="J639" s="10" t="s">
        <v>55</v>
      </c>
      <c r="K639" s="10" t="s">
        <v>55</v>
      </c>
      <c r="L639" s="6">
        <v>5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58</v>
      </c>
      <c r="E640" s="9" t="s">
        <v>18</v>
      </c>
      <c r="F640" s="9" t="s">
        <v>283</v>
      </c>
      <c r="G640" s="9" t="s">
        <v>280</v>
      </c>
      <c r="H640" s="6">
        <v>11</v>
      </c>
      <c r="I640" s="10" t="s">
        <v>55</v>
      </c>
      <c r="J640" s="10" t="s">
        <v>55</v>
      </c>
      <c r="K640" s="10" t="s">
        <v>55</v>
      </c>
      <c r="L640" s="6">
        <v>1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2379EE3-1EF2-4667-9517-F366B6F9E44A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90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0</v>
      </c>
      <c r="E11" s="5" t="s">
        <v>6</v>
      </c>
      <c r="F11" s="5" t="s">
        <v>6</v>
      </c>
      <c r="G11" s="5" t="s">
        <v>6</v>
      </c>
      <c r="H11" s="6">
        <v>11237621</v>
      </c>
      <c r="I11" s="6">
        <v>8239288</v>
      </c>
      <c r="J11" s="6">
        <v>7099531</v>
      </c>
      <c r="K11" s="6">
        <v>2578580</v>
      </c>
      <c r="L11" s="6">
        <v>419753</v>
      </c>
    </row>
    <row r="12" spans="1:12">
      <c r="A12" s="9" t="s">
        <v>27</v>
      </c>
      <c r="B12" s="9" t="s">
        <v>28</v>
      </c>
      <c r="C12" s="9" t="s">
        <v>29</v>
      </c>
      <c r="D12" s="9" t="s">
        <v>260</v>
      </c>
      <c r="E12" s="9" t="s">
        <v>6</v>
      </c>
      <c r="F12" s="9" t="s">
        <v>234</v>
      </c>
      <c r="G12" s="9" t="s">
        <v>6</v>
      </c>
      <c r="H12" s="6">
        <v>2810594</v>
      </c>
      <c r="I12" s="6">
        <v>1880625</v>
      </c>
      <c r="J12" s="6">
        <v>1563048</v>
      </c>
      <c r="K12" s="6">
        <v>844219</v>
      </c>
      <c r="L12" s="6">
        <v>85750</v>
      </c>
    </row>
    <row r="13" spans="1:12">
      <c r="A13" s="9" t="s">
        <v>27</v>
      </c>
      <c r="B13" s="9" t="s">
        <v>28</v>
      </c>
      <c r="C13" s="9" t="s">
        <v>29</v>
      </c>
      <c r="D13" s="9" t="s">
        <v>260</v>
      </c>
      <c r="E13" s="9" t="s">
        <v>6</v>
      </c>
      <c r="F13" s="9" t="s">
        <v>235</v>
      </c>
      <c r="G13" s="9" t="s">
        <v>6</v>
      </c>
      <c r="H13" s="6">
        <v>8427027</v>
      </c>
      <c r="I13" s="6">
        <v>6358663</v>
      </c>
      <c r="J13" s="6">
        <v>5536483</v>
      </c>
      <c r="K13" s="6">
        <v>1734361</v>
      </c>
      <c r="L13" s="6">
        <v>334003</v>
      </c>
    </row>
    <row r="14" spans="1:12">
      <c r="A14" s="9" t="s">
        <v>27</v>
      </c>
      <c r="B14" s="9" t="s">
        <v>28</v>
      </c>
      <c r="C14" s="9" t="s">
        <v>29</v>
      </c>
      <c r="D14" s="9" t="s">
        <v>260</v>
      </c>
      <c r="E14" s="9" t="s">
        <v>6</v>
      </c>
      <c r="F14" s="9" t="s">
        <v>235</v>
      </c>
      <c r="G14" s="9" t="s">
        <v>272</v>
      </c>
      <c r="H14" s="6">
        <v>319996</v>
      </c>
      <c r="I14" s="6">
        <v>154841</v>
      </c>
      <c r="J14" s="6">
        <v>135270</v>
      </c>
      <c r="K14" s="6">
        <v>144509</v>
      </c>
      <c r="L14" s="6">
        <v>20646</v>
      </c>
    </row>
    <row r="15" spans="1:12">
      <c r="A15" s="9" t="s">
        <v>27</v>
      </c>
      <c r="B15" s="9" t="s">
        <v>28</v>
      </c>
      <c r="C15" s="9" t="s">
        <v>29</v>
      </c>
      <c r="D15" s="9" t="s">
        <v>260</v>
      </c>
      <c r="E15" s="9" t="s">
        <v>6</v>
      </c>
      <c r="F15" s="9" t="s">
        <v>235</v>
      </c>
      <c r="G15" s="9" t="s">
        <v>273</v>
      </c>
      <c r="H15" s="6">
        <v>624808</v>
      </c>
      <c r="I15" s="6">
        <v>406164</v>
      </c>
      <c r="J15" s="6">
        <v>356704</v>
      </c>
      <c r="K15" s="6">
        <v>181622</v>
      </c>
      <c r="L15" s="6">
        <v>37022</v>
      </c>
    </row>
    <row r="16" spans="1:12">
      <c r="A16" s="9" t="s">
        <v>27</v>
      </c>
      <c r="B16" s="9" t="s">
        <v>28</v>
      </c>
      <c r="C16" s="9" t="s">
        <v>29</v>
      </c>
      <c r="D16" s="9" t="s">
        <v>260</v>
      </c>
      <c r="E16" s="9" t="s">
        <v>6</v>
      </c>
      <c r="F16" s="9" t="s">
        <v>235</v>
      </c>
      <c r="G16" s="9" t="s">
        <v>274</v>
      </c>
      <c r="H16" s="6">
        <v>797840</v>
      </c>
      <c r="I16" s="6">
        <v>605916</v>
      </c>
      <c r="J16" s="6">
        <v>534229</v>
      </c>
      <c r="K16" s="6">
        <v>151840</v>
      </c>
      <c r="L16" s="6">
        <v>40084</v>
      </c>
    </row>
    <row r="17" spans="1:12">
      <c r="A17" s="9" t="s">
        <v>27</v>
      </c>
      <c r="B17" s="9" t="s">
        <v>28</v>
      </c>
      <c r="C17" s="9" t="s">
        <v>29</v>
      </c>
      <c r="D17" s="9" t="s">
        <v>260</v>
      </c>
      <c r="E17" s="9" t="s">
        <v>6</v>
      </c>
      <c r="F17" s="9" t="s">
        <v>235</v>
      </c>
      <c r="G17" s="9" t="s">
        <v>275</v>
      </c>
      <c r="H17" s="6">
        <v>786830</v>
      </c>
      <c r="I17" s="6">
        <v>634725</v>
      </c>
      <c r="J17" s="6">
        <v>562842</v>
      </c>
      <c r="K17" s="6">
        <v>116605</v>
      </c>
      <c r="L17" s="6">
        <v>35500</v>
      </c>
    </row>
    <row r="18" spans="1:12">
      <c r="A18" s="9" t="s">
        <v>27</v>
      </c>
      <c r="B18" s="9" t="s">
        <v>28</v>
      </c>
      <c r="C18" s="9" t="s">
        <v>29</v>
      </c>
      <c r="D18" s="9" t="s">
        <v>260</v>
      </c>
      <c r="E18" s="9" t="s">
        <v>6</v>
      </c>
      <c r="F18" s="9" t="s">
        <v>235</v>
      </c>
      <c r="G18" s="9" t="s">
        <v>276</v>
      </c>
      <c r="H18" s="6">
        <v>820702</v>
      </c>
      <c r="I18" s="6">
        <v>678776</v>
      </c>
      <c r="J18" s="6">
        <v>603335</v>
      </c>
      <c r="K18" s="6">
        <v>106764</v>
      </c>
      <c r="L18" s="6">
        <v>35162</v>
      </c>
    </row>
    <row r="19" spans="1:12">
      <c r="A19" s="9" t="s">
        <v>27</v>
      </c>
      <c r="B19" s="9" t="s">
        <v>28</v>
      </c>
      <c r="C19" s="9" t="s">
        <v>29</v>
      </c>
      <c r="D19" s="9" t="s">
        <v>260</v>
      </c>
      <c r="E19" s="9" t="s">
        <v>6</v>
      </c>
      <c r="F19" s="9" t="s">
        <v>235</v>
      </c>
      <c r="G19" s="9" t="s">
        <v>277</v>
      </c>
      <c r="H19" s="6">
        <v>849448</v>
      </c>
      <c r="I19" s="6">
        <v>709381</v>
      </c>
      <c r="J19" s="6">
        <v>634215</v>
      </c>
      <c r="K19" s="6">
        <v>106734</v>
      </c>
      <c r="L19" s="6">
        <v>33333</v>
      </c>
    </row>
    <row r="20" spans="1:12">
      <c r="A20" s="9" t="s">
        <v>27</v>
      </c>
      <c r="B20" s="9" t="s">
        <v>28</v>
      </c>
      <c r="C20" s="9" t="s">
        <v>29</v>
      </c>
      <c r="D20" s="9" t="s">
        <v>260</v>
      </c>
      <c r="E20" s="9" t="s">
        <v>6</v>
      </c>
      <c r="F20" s="9" t="s">
        <v>235</v>
      </c>
      <c r="G20" s="9" t="s">
        <v>278</v>
      </c>
      <c r="H20" s="6">
        <v>846611</v>
      </c>
      <c r="I20" s="6">
        <v>705047</v>
      </c>
      <c r="J20" s="6">
        <v>631410</v>
      </c>
      <c r="K20" s="6">
        <v>109879</v>
      </c>
      <c r="L20" s="6">
        <v>31685</v>
      </c>
    </row>
    <row r="21" spans="1:12">
      <c r="A21" s="9" t="s">
        <v>27</v>
      </c>
      <c r="B21" s="9" t="s">
        <v>28</v>
      </c>
      <c r="C21" s="9" t="s">
        <v>29</v>
      </c>
      <c r="D21" s="9" t="s">
        <v>260</v>
      </c>
      <c r="E21" s="9" t="s">
        <v>6</v>
      </c>
      <c r="F21" s="9" t="s">
        <v>235</v>
      </c>
      <c r="G21" s="9" t="s">
        <v>279</v>
      </c>
      <c r="H21" s="6">
        <v>489957</v>
      </c>
      <c r="I21" s="6">
        <v>398610</v>
      </c>
      <c r="J21" s="6">
        <v>356400</v>
      </c>
      <c r="K21" s="6">
        <v>70863</v>
      </c>
      <c r="L21" s="6">
        <v>20484</v>
      </c>
    </row>
    <row r="22" spans="1:12">
      <c r="A22" s="9" t="s">
        <v>27</v>
      </c>
      <c r="B22" s="9" t="s">
        <v>28</v>
      </c>
      <c r="C22" s="9" t="s">
        <v>29</v>
      </c>
      <c r="D22" s="9" t="s">
        <v>260</v>
      </c>
      <c r="E22" s="9" t="s">
        <v>6</v>
      </c>
      <c r="F22" s="9" t="s">
        <v>235</v>
      </c>
      <c r="G22" s="9" t="s">
        <v>280</v>
      </c>
      <c r="H22" s="6">
        <v>2890835</v>
      </c>
      <c r="I22" s="6">
        <v>2065203</v>
      </c>
      <c r="J22" s="6">
        <v>1722078</v>
      </c>
      <c r="K22" s="6">
        <v>745545</v>
      </c>
      <c r="L22" s="6">
        <v>80087</v>
      </c>
    </row>
    <row r="23" spans="1:12">
      <c r="A23" s="9" t="s">
        <v>27</v>
      </c>
      <c r="B23" s="9" t="s">
        <v>28</v>
      </c>
      <c r="C23" s="9" t="s">
        <v>29</v>
      </c>
      <c r="D23" s="9" t="s">
        <v>260</v>
      </c>
      <c r="E23" s="9" t="s">
        <v>6</v>
      </c>
      <c r="F23" s="9" t="s">
        <v>281</v>
      </c>
      <c r="G23" s="9" t="s">
        <v>6</v>
      </c>
      <c r="H23" s="6">
        <v>3274888</v>
      </c>
      <c r="I23" s="6">
        <v>2340942</v>
      </c>
      <c r="J23" s="6">
        <v>2003874</v>
      </c>
      <c r="K23" s="6">
        <v>822548</v>
      </c>
      <c r="L23" s="6">
        <v>111398</v>
      </c>
    </row>
    <row r="24" spans="1:12">
      <c r="A24" s="9" t="s">
        <v>27</v>
      </c>
      <c r="B24" s="9" t="s">
        <v>28</v>
      </c>
      <c r="C24" s="9" t="s">
        <v>29</v>
      </c>
      <c r="D24" s="9" t="s">
        <v>260</v>
      </c>
      <c r="E24" s="9" t="s">
        <v>6</v>
      </c>
      <c r="F24" s="9" t="s">
        <v>281</v>
      </c>
      <c r="G24" s="9" t="s">
        <v>272</v>
      </c>
      <c r="H24" s="6">
        <v>108175</v>
      </c>
      <c r="I24" s="6">
        <v>48652</v>
      </c>
      <c r="J24" s="6">
        <v>43898</v>
      </c>
      <c r="K24" s="6">
        <v>51518</v>
      </c>
      <c r="L24" s="6">
        <v>8005</v>
      </c>
    </row>
    <row r="25" spans="1:12">
      <c r="A25" s="9" t="s">
        <v>27</v>
      </c>
      <c r="B25" s="9" t="s">
        <v>28</v>
      </c>
      <c r="C25" s="9" t="s">
        <v>29</v>
      </c>
      <c r="D25" s="9" t="s">
        <v>260</v>
      </c>
      <c r="E25" s="9" t="s">
        <v>6</v>
      </c>
      <c r="F25" s="9" t="s">
        <v>281</v>
      </c>
      <c r="G25" s="9" t="s">
        <v>273</v>
      </c>
      <c r="H25" s="6">
        <v>189094</v>
      </c>
      <c r="I25" s="6">
        <v>114835</v>
      </c>
      <c r="J25" s="6">
        <v>102997</v>
      </c>
      <c r="K25" s="6">
        <v>61962</v>
      </c>
      <c r="L25" s="6">
        <v>12297</v>
      </c>
    </row>
    <row r="26" spans="1:12">
      <c r="A26" s="9" t="s">
        <v>27</v>
      </c>
      <c r="B26" s="9" t="s">
        <v>28</v>
      </c>
      <c r="C26" s="9" t="s">
        <v>29</v>
      </c>
      <c r="D26" s="9" t="s">
        <v>260</v>
      </c>
      <c r="E26" s="9" t="s">
        <v>6</v>
      </c>
      <c r="F26" s="9" t="s">
        <v>281</v>
      </c>
      <c r="G26" s="9" t="s">
        <v>274</v>
      </c>
      <c r="H26" s="6">
        <v>171353</v>
      </c>
      <c r="I26" s="6">
        <v>121470</v>
      </c>
      <c r="J26" s="6">
        <v>108122</v>
      </c>
      <c r="K26" s="6">
        <v>39923</v>
      </c>
      <c r="L26" s="6">
        <v>9960</v>
      </c>
    </row>
    <row r="27" spans="1:12">
      <c r="A27" s="9" t="s">
        <v>27</v>
      </c>
      <c r="B27" s="9" t="s">
        <v>28</v>
      </c>
      <c r="C27" s="9" t="s">
        <v>29</v>
      </c>
      <c r="D27" s="9" t="s">
        <v>260</v>
      </c>
      <c r="E27" s="9" t="s">
        <v>6</v>
      </c>
      <c r="F27" s="9" t="s">
        <v>281</v>
      </c>
      <c r="G27" s="9" t="s">
        <v>275</v>
      </c>
      <c r="H27" s="6">
        <v>140975</v>
      </c>
      <c r="I27" s="6">
        <v>105259</v>
      </c>
      <c r="J27" s="6">
        <v>93568</v>
      </c>
      <c r="K27" s="6">
        <v>28943</v>
      </c>
      <c r="L27" s="6">
        <v>6773</v>
      </c>
    </row>
    <row r="28" spans="1:12">
      <c r="A28" s="9" t="s">
        <v>27</v>
      </c>
      <c r="B28" s="9" t="s">
        <v>28</v>
      </c>
      <c r="C28" s="9" t="s">
        <v>29</v>
      </c>
      <c r="D28" s="9" t="s">
        <v>260</v>
      </c>
      <c r="E28" s="9" t="s">
        <v>6</v>
      </c>
      <c r="F28" s="9" t="s">
        <v>281</v>
      </c>
      <c r="G28" s="9" t="s">
        <v>276</v>
      </c>
      <c r="H28" s="6">
        <v>146493</v>
      </c>
      <c r="I28" s="6">
        <v>111886</v>
      </c>
      <c r="J28" s="6">
        <v>99683</v>
      </c>
      <c r="K28" s="6">
        <v>27673</v>
      </c>
      <c r="L28" s="6">
        <v>6934</v>
      </c>
    </row>
    <row r="29" spans="1:12">
      <c r="A29" s="9" t="s">
        <v>27</v>
      </c>
      <c r="B29" s="9" t="s">
        <v>28</v>
      </c>
      <c r="C29" s="9" t="s">
        <v>29</v>
      </c>
      <c r="D29" s="9" t="s">
        <v>260</v>
      </c>
      <c r="E29" s="9" t="s">
        <v>6</v>
      </c>
      <c r="F29" s="9" t="s">
        <v>281</v>
      </c>
      <c r="G29" s="9" t="s">
        <v>277</v>
      </c>
      <c r="H29" s="6">
        <v>178848</v>
      </c>
      <c r="I29" s="6">
        <v>141777</v>
      </c>
      <c r="J29" s="6">
        <v>126563</v>
      </c>
      <c r="K29" s="6">
        <v>30199</v>
      </c>
      <c r="L29" s="6">
        <v>6872</v>
      </c>
    </row>
    <row r="30" spans="1:12">
      <c r="A30" s="9" t="s">
        <v>27</v>
      </c>
      <c r="B30" s="9" t="s">
        <v>28</v>
      </c>
      <c r="C30" s="9" t="s">
        <v>29</v>
      </c>
      <c r="D30" s="9" t="s">
        <v>260</v>
      </c>
      <c r="E30" s="9" t="s">
        <v>6</v>
      </c>
      <c r="F30" s="9" t="s">
        <v>281</v>
      </c>
      <c r="G30" s="9" t="s">
        <v>278</v>
      </c>
      <c r="H30" s="6">
        <v>271489</v>
      </c>
      <c r="I30" s="6">
        <v>222837</v>
      </c>
      <c r="J30" s="6">
        <v>198850</v>
      </c>
      <c r="K30" s="6">
        <v>40152</v>
      </c>
      <c r="L30" s="6">
        <v>8500</v>
      </c>
    </row>
    <row r="31" spans="1:12">
      <c r="A31" s="9" t="s">
        <v>27</v>
      </c>
      <c r="B31" s="9" t="s">
        <v>28</v>
      </c>
      <c r="C31" s="9" t="s">
        <v>29</v>
      </c>
      <c r="D31" s="9" t="s">
        <v>260</v>
      </c>
      <c r="E31" s="9" t="s">
        <v>6</v>
      </c>
      <c r="F31" s="9" t="s">
        <v>281</v>
      </c>
      <c r="G31" s="9" t="s">
        <v>279</v>
      </c>
      <c r="H31" s="6">
        <v>182355</v>
      </c>
      <c r="I31" s="6">
        <v>147241</v>
      </c>
      <c r="J31" s="6">
        <v>131661</v>
      </c>
      <c r="K31" s="6">
        <v>28636</v>
      </c>
      <c r="L31" s="6">
        <v>6478</v>
      </c>
    </row>
    <row r="32" spans="1:12">
      <c r="A32" s="9" t="s">
        <v>27</v>
      </c>
      <c r="B32" s="9" t="s">
        <v>28</v>
      </c>
      <c r="C32" s="9" t="s">
        <v>29</v>
      </c>
      <c r="D32" s="9" t="s">
        <v>260</v>
      </c>
      <c r="E32" s="9" t="s">
        <v>6</v>
      </c>
      <c r="F32" s="9" t="s">
        <v>281</v>
      </c>
      <c r="G32" s="9" t="s">
        <v>280</v>
      </c>
      <c r="H32" s="6">
        <v>1886106</v>
      </c>
      <c r="I32" s="6">
        <v>1326985</v>
      </c>
      <c r="J32" s="6">
        <v>1098532</v>
      </c>
      <c r="K32" s="6">
        <v>513542</v>
      </c>
      <c r="L32" s="6">
        <v>45579</v>
      </c>
    </row>
    <row r="33" spans="1:12">
      <c r="A33" s="9" t="s">
        <v>27</v>
      </c>
      <c r="B33" s="9" t="s">
        <v>28</v>
      </c>
      <c r="C33" s="9" t="s">
        <v>29</v>
      </c>
      <c r="D33" s="9" t="s">
        <v>260</v>
      </c>
      <c r="E33" s="9" t="s">
        <v>6</v>
      </c>
      <c r="F33" s="9" t="s">
        <v>282</v>
      </c>
      <c r="G33" s="9" t="s">
        <v>6</v>
      </c>
      <c r="H33" s="6">
        <v>3471134</v>
      </c>
      <c r="I33" s="6">
        <v>2703863</v>
      </c>
      <c r="J33" s="6">
        <v>2393681</v>
      </c>
      <c r="K33" s="6">
        <v>629427</v>
      </c>
      <c r="L33" s="6">
        <v>137844</v>
      </c>
    </row>
    <row r="34" spans="1:12">
      <c r="A34" s="9" t="s">
        <v>27</v>
      </c>
      <c r="B34" s="9" t="s">
        <v>28</v>
      </c>
      <c r="C34" s="9" t="s">
        <v>29</v>
      </c>
      <c r="D34" s="9" t="s">
        <v>260</v>
      </c>
      <c r="E34" s="9" t="s">
        <v>6</v>
      </c>
      <c r="F34" s="9" t="s">
        <v>282</v>
      </c>
      <c r="G34" s="9" t="s">
        <v>272</v>
      </c>
      <c r="H34" s="6">
        <v>118517</v>
      </c>
      <c r="I34" s="6">
        <v>58002</v>
      </c>
      <c r="J34" s="6">
        <v>51067</v>
      </c>
      <c r="K34" s="6">
        <v>53615</v>
      </c>
      <c r="L34" s="6">
        <v>6900</v>
      </c>
    </row>
    <row r="35" spans="1:12">
      <c r="A35" s="9" t="s">
        <v>27</v>
      </c>
      <c r="B35" s="9" t="s">
        <v>28</v>
      </c>
      <c r="C35" s="9" t="s">
        <v>29</v>
      </c>
      <c r="D35" s="9" t="s">
        <v>260</v>
      </c>
      <c r="E35" s="9" t="s">
        <v>6</v>
      </c>
      <c r="F35" s="9" t="s">
        <v>282</v>
      </c>
      <c r="G35" s="9" t="s">
        <v>273</v>
      </c>
      <c r="H35" s="6">
        <v>246065</v>
      </c>
      <c r="I35" s="6">
        <v>163049</v>
      </c>
      <c r="J35" s="6">
        <v>144200</v>
      </c>
      <c r="K35" s="6">
        <v>69810</v>
      </c>
      <c r="L35" s="6">
        <v>13206</v>
      </c>
    </row>
    <row r="36" spans="1:12">
      <c r="A36" s="9" t="s">
        <v>27</v>
      </c>
      <c r="B36" s="9" t="s">
        <v>28</v>
      </c>
      <c r="C36" s="9" t="s">
        <v>29</v>
      </c>
      <c r="D36" s="9" t="s">
        <v>260</v>
      </c>
      <c r="E36" s="9" t="s">
        <v>6</v>
      </c>
      <c r="F36" s="9" t="s">
        <v>282</v>
      </c>
      <c r="G36" s="9" t="s">
        <v>274</v>
      </c>
      <c r="H36" s="6">
        <v>344535</v>
      </c>
      <c r="I36" s="6">
        <v>264130</v>
      </c>
      <c r="J36" s="6">
        <v>235482</v>
      </c>
      <c r="K36" s="6">
        <v>65270</v>
      </c>
      <c r="L36" s="6">
        <v>15135</v>
      </c>
    </row>
    <row r="37" spans="1:12">
      <c r="A37" s="9" t="s">
        <v>27</v>
      </c>
      <c r="B37" s="9" t="s">
        <v>28</v>
      </c>
      <c r="C37" s="9" t="s">
        <v>29</v>
      </c>
      <c r="D37" s="9" t="s">
        <v>260</v>
      </c>
      <c r="E37" s="9" t="s">
        <v>6</v>
      </c>
      <c r="F37" s="9" t="s">
        <v>282</v>
      </c>
      <c r="G37" s="9" t="s">
        <v>275</v>
      </c>
      <c r="H37" s="6">
        <v>360068</v>
      </c>
      <c r="I37" s="6">
        <v>292805</v>
      </c>
      <c r="J37" s="6">
        <v>263166</v>
      </c>
      <c r="K37" s="6">
        <v>52264</v>
      </c>
      <c r="L37" s="6">
        <v>14999</v>
      </c>
    </row>
    <row r="38" spans="1:12">
      <c r="A38" s="9" t="s">
        <v>27</v>
      </c>
      <c r="B38" s="9" t="s">
        <v>28</v>
      </c>
      <c r="C38" s="9" t="s">
        <v>29</v>
      </c>
      <c r="D38" s="9" t="s">
        <v>260</v>
      </c>
      <c r="E38" s="9" t="s">
        <v>6</v>
      </c>
      <c r="F38" s="9" t="s">
        <v>282</v>
      </c>
      <c r="G38" s="9" t="s">
        <v>276</v>
      </c>
      <c r="H38" s="6">
        <v>403474</v>
      </c>
      <c r="I38" s="6">
        <v>337725</v>
      </c>
      <c r="J38" s="6">
        <v>302981</v>
      </c>
      <c r="K38" s="6">
        <v>50327</v>
      </c>
      <c r="L38" s="6">
        <v>15422</v>
      </c>
    </row>
    <row r="39" spans="1:12">
      <c r="A39" s="9" t="s">
        <v>27</v>
      </c>
      <c r="B39" s="9" t="s">
        <v>28</v>
      </c>
      <c r="C39" s="9" t="s">
        <v>29</v>
      </c>
      <c r="D39" s="9" t="s">
        <v>260</v>
      </c>
      <c r="E39" s="9" t="s">
        <v>6</v>
      </c>
      <c r="F39" s="9" t="s">
        <v>282</v>
      </c>
      <c r="G39" s="9" t="s">
        <v>277</v>
      </c>
      <c r="H39" s="6">
        <v>457030</v>
      </c>
      <c r="I39" s="6">
        <v>387403</v>
      </c>
      <c r="J39" s="6">
        <v>348915</v>
      </c>
      <c r="K39" s="6">
        <v>53099</v>
      </c>
      <c r="L39" s="6">
        <v>16528</v>
      </c>
    </row>
    <row r="40" spans="1:12">
      <c r="A40" s="9" t="s">
        <v>27</v>
      </c>
      <c r="B40" s="9" t="s">
        <v>28</v>
      </c>
      <c r="C40" s="9" t="s">
        <v>29</v>
      </c>
      <c r="D40" s="9" t="s">
        <v>260</v>
      </c>
      <c r="E40" s="9" t="s">
        <v>6</v>
      </c>
      <c r="F40" s="9" t="s">
        <v>282</v>
      </c>
      <c r="G40" s="9" t="s">
        <v>278</v>
      </c>
      <c r="H40" s="6">
        <v>435545</v>
      </c>
      <c r="I40" s="6">
        <v>367139</v>
      </c>
      <c r="J40" s="6">
        <v>330925</v>
      </c>
      <c r="K40" s="6">
        <v>52120</v>
      </c>
      <c r="L40" s="6">
        <v>16286</v>
      </c>
    </row>
    <row r="41" spans="1:12">
      <c r="A41" s="9" t="s">
        <v>27</v>
      </c>
      <c r="B41" s="9" t="s">
        <v>28</v>
      </c>
      <c r="C41" s="9" t="s">
        <v>29</v>
      </c>
      <c r="D41" s="9" t="s">
        <v>260</v>
      </c>
      <c r="E41" s="9" t="s">
        <v>6</v>
      </c>
      <c r="F41" s="9" t="s">
        <v>282</v>
      </c>
      <c r="G41" s="9" t="s">
        <v>279</v>
      </c>
      <c r="H41" s="6">
        <v>241803</v>
      </c>
      <c r="I41" s="6">
        <v>198518</v>
      </c>
      <c r="J41" s="6">
        <v>178580</v>
      </c>
      <c r="K41" s="6">
        <v>32581</v>
      </c>
      <c r="L41" s="6">
        <v>10704</v>
      </c>
    </row>
    <row r="42" spans="1:12">
      <c r="A42" s="9" t="s">
        <v>27</v>
      </c>
      <c r="B42" s="9" t="s">
        <v>28</v>
      </c>
      <c r="C42" s="9" t="s">
        <v>29</v>
      </c>
      <c r="D42" s="9" t="s">
        <v>260</v>
      </c>
      <c r="E42" s="9" t="s">
        <v>6</v>
      </c>
      <c r="F42" s="9" t="s">
        <v>282</v>
      </c>
      <c r="G42" s="9" t="s">
        <v>280</v>
      </c>
      <c r="H42" s="6">
        <v>864097</v>
      </c>
      <c r="I42" s="6">
        <v>635092</v>
      </c>
      <c r="J42" s="6">
        <v>538365</v>
      </c>
      <c r="K42" s="6">
        <v>200341</v>
      </c>
      <c r="L42" s="6">
        <v>28664</v>
      </c>
    </row>
    <row r="43" spans="1:12">
      <c r="A43" s="9" t="s">
        <v>27</v>
      </c>
      <c r="B43" s="9" t="s">
        <v>28</v>
      </c>
      <c r="C43" s="9" t="s">
        <v>29</v>
      </c>
      <c r="D43" s="9" t="s">
        <v>260</v>
      </c>
      <c r="E43" s="9" t="s">
        <v>6</v>
      </c>
      <c r="F43" s="9" t="s">
        <v>283</v>
      </c>
      <c r="G43" s="9" t="s">
        <v>6</v>
      </c>
      <c r="H43" s="6">
        <v>1681005</v>
      </c>
      <c r="I43" s="6">
        <v>1313858</v>
      </c>
      <c r="J43" s="6">
        <v>1138928</v>
      </c>
      <c r="K43" s="6">
        <v>282386</v>
      </c>
      <c r="L43" s="6">
        <v>84761</v>
      </c>
    </row>
    <row r="44" spans="1:12">
      <c r="A44" s="9" t="s">
        <v>27</v>
      </c>
      <c r="B44" s="9" t="s">
        <v>28</v>
      </c>
      <c r="C44" s="9" t="s">
        <v>29</v>
      </c>
      <c r="D44" s="9" t="s">
        <v>260</v>
      </c>
      <c r="E44" s="9" t="s">
        <v>6</v>
      </c>
      <c r="F44" s="9" t="s">
        <v>283</v>
      </c>
      <c r="G44" s="9" t="s">
        <v>272</v>
      </c>
      <c r="H44" s="6">
        <v>93304</v>
      </c>
      <c r="I44" s="6">
        <v>48187</v>
      </c>
      <c r="J44" s="6">
        <v>40305</v>
      </c>
      <c r="K44" s="6">
        <v>39376</v>
      </c>
      <c r="L44" s="6">
        <v>5741</v>
      </c>
    </row>
    <row r="45" spans="1:12">
      <c r="A45" s="9" t="s">
        <v>27</v>
      </c>
      <c r="B45" s="9" t="s">
        <v>28</v>
      </c>
      <c r="C45" s="9" t="s">
        <v>29</v>
      </c>
      <c r="D45" s="9" t="s">
        <v>260</v>
      </c>
      <c r="E45" s="9" t="s">
        <v>6</v>
      </c>
      <c r="F45" s="9" t="s">
        <v>283</v>
      </c>
      <c r="G45" s="9" t="s">
        <v>273</v>
      </c>
      <c r="H45" s="6">
        <v>189649</v>
      </c>
      <c r="I45" s="6">
        <v>128280</v>
      </c>
      <c r="J45" s="6">
        <v>109507</v>
      </c>
      <c r="K45" s="6">
        <v>49850</v>
      </c>
      <c r="L45" s="6">
        <v>11519</v>
      </c>
    </row>
    <row r="46" spans="1:12">
      <c r="A46" s="9" t="s">
        <v>27</v>
      </c>
      <c r="B46" s="9" t="s">
        <v>28</v>
      </c>
      <c r="C46" s="9" t="s">
        <v>29</v>
      </c>
      <c r="D46" s="9" t="s">
        <v>260</v>
      </c>
      <c r="E46" s="9" t="s">
        <v>6</v>
      </c>
      <c r="F46" s="9" t="s">
        <v>283</v>
      </c>
      <c r="G46" s="9" t="s">
        <v>274</v>
      </c>
      <c r="H46" s="6">
        <v>281952</v>
      </c>
      <c r="I46" s="6">
        <v>220316</v>
      </c>
      <c r="J46" s="6">
        <v>190625</v>
      </c>
      <c r="K46" s="6">
        <v>46647</v>
      </c>
      <c r="L46" s="6">
        <v>14989</v>
      </c>
    </row>
    <row r="47" spans="1:12">
      <c r="A47" s="9" t="s">
        <v>27</v>
      </c>
      <c r="B47" s="9" t="s">
        <v>28</v>
      </c>
      <c r="C47" s="9" t="s">
        <v>29</v>
      </c>
      <c r="D47" s="9" t="s">
        <v>260</v>
      </c>
      <c r="E47" s="9" t="s">
        <v>6</v>
      </c>
      <c r="F47" s="9" t="s">
        <v>283</v>
      </c>
      <c r="G47" s="9" t="s">
        <v>275</v>
      </c>
      <c r="H47" s="6">
        <v>285787</v>
      </c>
      <c r="I47" s="6">
        <v>236661</v>
      </c>
      <c r="J47" s="6">
        <v>206108</v>
      </c>
      <c r="K47" s="6">
        <v>35398</v>
      </c>
      <c r="L47" s="6">
        <v>13728</v>
      </c>
    </row>
    <row r="48" spans="1:12">
      <c r="A48" s="9" t="s">
        <v>27</v>
      </c>
      <c r="B48" s="9" t="s">
        <v>28</v>
      </c>
      <c r="C48" s="9" t="s">
        <v>29</v>
      </c>
      <c r="D48" s="9" t="s">
        <v>260</v>
      </c>
      <c r="E48" s="9" t="s">
        <v>6</v>
      </c>
      <c r="F48" s="9" t="s">
        <v>283</v>
      </c>
      <c r="G48" s="9" t="s">
        <v>276</v>
      </c>
      <c r="H48" s="6">
        <v>270735</v>
      </c>
      <c r="I48" s="6">
        <v>229165</v>
      </c>
      <c r="J48" s="6">
        <v>200671</v>
      </c>
      <c r="K48" s="6">
        <v>28764</v>
      </c>
      <c r="L48" s="6">
        <v>12806</v>
      </c>
    </row>
    <row r="49" spans="1:12">
      <c r="A49" s="9" t="s">
        <v>27</v>
      </c>
      <c r="B49" s="9" t="s">
        <v>28</v>
      </c>
      <c r="C49" s="9" t="s">
        <v>29</v>
      </c>
      <c r="D49" s="9" t="s">
        <v>260</v>
      </c>
      <c r="E49" s="9" t="s">
        <v>6</v>
      </c>
      <c r="F49" s="9" t="s">
        <v>283</v>
      </c>
      <c r="G49" s="9" t="s">
        <v>277</v>
      </c>
      <c r="H49" s="6">
        <v>213570</v>
      </c>
      <c r="I49" s="6">
        <v>180201</v>
      </c>
      <c r="J49" s="6">
        <v>158737</v>
      </c>
      <c r="K49" s="6">
        <v>23436</v>
      </c>
      <c r="L49" s="6">
        <v>9933</v>
      </c>
    </row>
    <row r="50" spans="1:12">
      <c r="A50" s="9" t="s">
        <v>27</v>
      </c>
      <c r="B50" s="9" t="s">
        <v>28</v>
      </c>
      <c r="C50" s="9" t="s">
        <v>29</v>
      </c>
      <c r="D50" s="9" t="s">
        <v>260</v>
      </c>
      <c r="E50" s="9" t="s">
        <v>6</v>
      </c>
      <c r="F50" s="9" t="s">
        <v>283</v>
      </c>
      <c r="G50" s="9" t="s">
        <v>278</v>
      </c>
      <c r="H50" s="6">
        <v>139577</v>
      </c>
      <c r="I50" s="6">
        <v>115071</v>
      </c>
      <c r="J50" s="6">
        <v>101635</v>
      </c>
      <c r="K50" s="6">
        <v>17607</v>
      </c>
      <c r="L50" s="6">
        <v>6899</v>
      </c>
    </row>
    <row r="51" spans="1:12">
      <c r="A51" s="9" t="s">
        <v>27</v>
      </c>
      <c r="B51" s="9" t="s">
        <v>28</v>
      </c>
      <c r="C51" s="9" t="s">
        <v>29</v>
      </c>
      <c r="D51" s="9" t="s">
        <v>260</v>
      </c>
      <c r="E51" s="9" t="s">
        <v>6</v>
      </c>
      <c r="F51" s="9" t="s">
        <v>283</v>
      </c>
      <c r="G51" s="9" t="s">
        <v>279</v>
      </c>
      <c r="H51" s="6">
        <v>65799</v>
      </c>
      <c r="I51" s="6">
        <v>52851</v>
      </c>
      <c r="J51" s="6">
        <v>46159</v>
      </c>
      <c r="K51" s="6">
        <v>9646</v>
      </c>
      <c r="L51" s="6">
        <v>3302</v>
      </c>
    </row>
    <row r="52" spans="1:12">
      <c r="A52" s="9" t="s">
        <v>27</v>
      </c>
      <c r="B52" s="9" t="s">
        <v>28</v>
      </c>
      <c r="C52" s="9" t="s">
        <v>29</v>
      </c>
      <c r="D52" s="9" t="s">
        <v>260</v>
      </c>
      <c r="E52" s="9" t="s">
        <v>6</v>
      </c>
      <c r="F52" s="9" t="s">
        <v>283</v>
      </c>
      <c r="G52" s="9" t="s">
        <v>280</v>
      </c>
      <c r="H52" s="6">
        <v>140632</v>
      </c>
      <c r="I52" s="6">
        <v>103126</v>
      </c>
      <c r="J52" s="6">
        <v>85181</v>
      </c>
      <c r="K52" s="6">
        <v>31662</v>
      </c>
      <c r="L52" s="6">
        <v>5844</v>
      </c>
    </row>
    <row r="53" spans="1:12">
      <c r="A53" s="9" t="s">
        <v>27</v>
      </c>
      <c r="B53" s="9" t="s">
        <v>28</v>
      </c>
      <c r="C53" s="9" t="s">
        <v>29</v>
      </c>
      <c r="D53" s="9" t="s">
        <v>260</v>
      </c>
      <c r="E53" s="9" t="s">
        <v>226</v>
      </c>
      <c r="F53" s="9" t="s">
        <v>6</v>
      </c>
      <c r="G53" s="9" t="s">
        <v>6</v>
      </c>
      <c r="H53" s="6">
        <v>9944232</v>
      </c>
      <c r="I53" s="6">
        <v>7868858</v>
      </c>
      <c r="J53" s="6">
        <v>6757378</v>
      </c>
      <c r="K53" s="6">
        <v>2056347</v>
      </c>
      <c r="L53" s="6">
        <v>19027</v>
      </c>
    </row>
    <row r="54" spans="1:12">
      <c r="A54" s="9" t="s">
        <v>27</v>
      </c>
      <c r="B54" s="9" t="s">
        <v>28</v>
      </c>
      <c r="C54" s="9" t="s">
        <v>29</v>
      </c>
      <c r="D54" s="9" t="s">
        <v>260</v>
      </c>
      <c r="E54" s="9" t="s">
        <v>226</v>
      </c>
      <c r="F54" s="9" t="s">
        <v>234</v>
      </c>
      <c r="G54" s="9" t="s">
        <v>6</v>
      </c>
      <c r="H54" s="6">
        <v>2288721</v>
      </c>
      <c r="I54" s="6">
        <v>1724212</v>
      </c>
      <c r="J54" s="6">
        <v>1419108</v>
      </c>
      <c r="K54" s="6">
        <v>558793</v>
      </c>
      <c r="L54" s="6">
        <v>5716</v>
      </c>
    </row>
    <row r="55" spans="1:12">
      <c r="A55" s="9" t="s">
        <v>27</v>
      </c>
      <c r="B55" s="9" t="s">
        <v>28</v>
      </c>
      <c r="C55" s="9" t="s">
        <v>29</v>
      </c>
      <c r="D55" s="9" t="s">
        <v>260</v>
      </c>
      <c r="E55" s="9" t="s">
        <v>226</v>
      </c>
      <c r="F55" s="9" t="s">
        <v>235</v>
      </c>
      <c r="G55" s="9" t="s">
        <v>6</v>
      </c>
      <c r="H55" s="6">
        <v>7655511</v>
      </c>
      <c r="I55" s="6">
        <v>6144646</v>
      </c>
      <c r="J55" s="6">
        <v>5338270</v>
      </c>
      <c r="K55" s="6">
        <v>1497554</v>
      </c>
      <c r="L55" s="6">
        <v>13311</v>
      </c>
    </row>
    <row r="56" spans="1:12">
      <c r="A56" s="9" t="s">
        <v>27</v>
      </c>
      <c r="B56" s="9" t="s">
        <v>28</v>
      </c>
      <c r="C56" s="9" t="s">
        <v>29</v>
      </c>
      <c r="D56" s="9" t="s">
        <v>260</v>
      </c>
      <c r="E56" s="9" t="s">
        <v>226</v>
      </c>
      <c r="F56" s="9" t="s">
        <v>235</v>
      </c>
      <c r="G56" s="9" t="s">
        <v>272</v>
      </c>
      <c r="H56" s="6">
        <v>293000</v>
      </c>
      <c r="I56" s="6">
        <v>152472</v>
      </c>
      <c r="J56" s="6">
        <v>133128</v>
      </c>
      <c r="K56" s="6">
        <v>139493</v>
      </c>
      <c r="L56" s="6">
        <v>1035</v>
      </c>
    </row>
    <row r="57" spans="1:12">
      <c r="A57" s="9" t="s">
        <v>27</v>
      </c>
      <c r="B57" s="9" t="s">
        <v>28</v>
      </c>
      <c r="C57" s="9" t="s">
        <v>29</v>
      </c>
      <c r="D57" s="9" t="s">
        <v>260</v>
      </c>
      <c r="E57" s="9" t="s">
        <v>226</v>
      </c>
      <c r="F57" s="9" t="s">
        <v>235</v>
      </c>
      <c r="G57" s="9" t="s">
        <v>273</v>
      </c>
      <c r="H57" s="6">
        <v>579051</v>
      </c>
      <c r="I57" s="6">
        <v>401295</v>
      </c>
      <c r="J57" s="6">
        <v>352327</v>
      </c>
      <c r="K57" s="6">
        <v>176064</v>
      </c>
      <c r="L57" s="6">
        <v>1692</v>
      </c>
    </row>
    <row r="58" spans="1:12">
      <c r="A58" s="9" t="s">
        <v>27</v>
      </c>
      <c r="B58" s="9" t="s">
        <v>28</v>
      </c>
      <c r="C58" s="9" t="s">
        <v>29</v>
      </c>
      <c r="D58" s="9" t="s">
        <v>260</v>
      </c>
      <c r="E58" s="9" t="s">
        <v>226</v>
      </c>
      <c r="F58" s="9" t="s">
        <v>235</v>
      </c>
      <c r="G58" s="9" t="s">
        <v>274</v>
      </c>
      <c r="H58" s="6">
        <v>747361</v>
      </c>
      <c r="I58" s="6">
        <v>598715</v>
      </c>
      <c r="J58" s="6">
        <v>527798</v>
      </c>
      <c r="K58" s="6">
        <v>147127</v>
      </c>
      <c r="L58" s="6">
        <v>1519</v>
      </c>
    </row>
    <row r="59" spans="1:12">
      <c r="A59" s="9" t="s">
        <v>27</v>
      </c>
      <c r="B59" s="9" t="s">
        <v>28</v>
      </c>
      <c r="C59" s="9" t="s">
        <v>29</v>
      </c>
      <c r="D59" s="9" t="s">
        <v>260</v>
      </c>
      <c r="E59" s="9" t="s">
        <v>226</v>
      </c>
      <c r="F59" s="9" t="s">
        <v>235</v>
      </c>
      <c r="G59" s="9" t="s">
        <v>275</v>
      </c>
      <c r="H59" s="6">
        <v>741179</v>
      </c>
      <c r="I59" s="6">
        <v>627364</v>
      </c>
      <c r="J59" s="6">
        <v>556016</v>
      </c>
      <c r="K59" s="6">
        <v>112567</v>
      </c>
      <c r="L59" s="6">
        <v>1248</v>
      </c>
    </row>
    <row r="60" spans="1:12">
      <c r="A60" s="9" t="s">
        <v>27</v>
      </c>
      <c r="B60" s="9" t="s">
        <v>28</v>
      </c>
      <c r="C60" s="9" t="s">
        <v>29</v>
      </c>
      <c r="D60" s="9" t="s">
        <v>260</v>
      </c>
      <c r="E60" s="9" t="s">
        <v>226</v>
      </c>
      <c r="F60" s="9" t="s">
        <v>235</v>
      </c>
      <c r="G60" s="9" t="s">
        <v>276</v>
      </c>
      <c r="H60" s="6">
        <v>774610</v>
      </c>
      <c r="I60" s="6">
        <v>670173</v>
      </c>
      <c r="J60" s="6">
        <v>595363</v>
      </c>
      <c r="K60" s="6">
        <v>103193</v>
      </c>
      <c r="L60" s="6">
        <v>1244</v>
      </c>
    </row>
    <row r="61" spans="1:12">
      <c r="A61" s="9" t="s">
        <v>27</v>
      </c>
      <c r="B61" s="9" t="s">
        <v>28</v>
      </c>
      <c r="C61" s="9" t="s">
        <v>29</v>
      </c>
      <c r="D61" s="9" t="s">
        <v>260</v>
      </c>
      <c r="E61" s="9" t="s">
        <v>226</v>
      </c>
      <c r="F61" s="9" t="s">
        <v>235</v>
      </c>
      <c r="G61" s="9" t="s">
        <v>277</v>
      </c>
      <c r="H61" s="6">
        <v>803706</v>
      </c>
      <c r="I61" s="6">
        <v>699512</v>
      </c>
      <c r="J61" s="6">
        <v>624997</v>
      </c>
      <c r="K61" s="6">
        <v>102982</v>
      </c>
      <c r="L61" s="6">
        <v>1212</v>
      </c>
    </row>
    <row r="62" spans="1:12">
      <c r="A62" s="9" t="s">
        <v>27</v>
      </c>
      <c r="B62" s="9" t="s">
        <v>28</v>
      </c>
      <c r="C62" s="9" t="s">
        <v>29</v>
      </c>
      <c r="D62" s="9" t="s">
        <v>260</v>
      </c>
      <c r="E62" s="9" t="s">
        <v>226</v>
      </c>
      <c r="F62" s="9" t="s">
        <v>235</v>
      </c>
      <c r="G62" s="9" t="s">
        <v>278</v>
      </c>
      <c r="H62" s="6">
        <v>799287</v>
      </c>
      <c r="I62" s="6">
        <v>693087</v>
      </c>
      <c r="J62" s="6">
        <v>620163</v>
      </c>
      <c r="K62" s="6">
        <v>105050</v>
      </c>
      <c r="L62" s="6">
        <v>1150</v>
      </c>
    </row>
    <row r="63" spans="1:12">
      <c r="A63" s="9" t="s">
        <v>27</v>
      </c>
      <c r="B63" s="9" t="s">
        <v>28</v>
      </c>
      <c r="C63" s="9" t="s">
        <v>29</v>
      </c>
      <c r="D63" s="9" t="s">
        <v>260</v>
      </c>
      <c r="E63" s="9" t="s">
        <v>226</v>
      </c>
      <c r="F63" s="9" t="s">
        <v>235</v>
      </c>
      <c r="G63" s="9" t="s">
        <v>279</v>
      </c>
      <c r="H63" s="6">
        <v>458232</v>
      </c>
      <c r="I63" s="6">
        <v>390029</v>
      </c>
      <c r="J63" s="6">
        <v>348299</v>
      </c>
      <c r="K63" s="6">
        <v>67499</v>
      </c>
      <c r="L63" s="6">
        <v>704</v>
      </c>
    </row>
    <row r="64" spans="1:12">
      <c r="A64" s="9" t="s">
        <v>27</v>
      </c>
      <c r="B64" s="9" t="s">
        <v>28</v>
      </c>
      <c r="C64" s="9" t="s">
        <v>29</v>
      </c>
      <c r="D64" s="9" t="s">
        <v>260</v>
      </c>
      <c r="E64" s="9" t="s">
        <v>226</v>
      </c>
      <c r="F64" s="9" t="s">
        <v>235</v>
      </c>
      <c r="G64" s="9" t="s">
        <v>280</v>
      </c>
      <c r="H64" s="6">
        <v>2459085</v>
      </c>
      <c r="I64" s="6">
        <v>1911999</v>
      </c>
      <c r="J64" s="6">
        <v>1580179</v>
      </c>
      <c r="K64" s="6">
        <v>543579</v>
      </c>
      <c r="L64" s="6">
        <v>3507</v>
      </c>
    </row>
    <row r="65" spans="1:12">
      <c r="A65" s="9" t="s">
        <v>27</v>
      </c>
      <c r="B65" s="9" t="s">
        <v>28</v>
      </c>
      <c r="C65" s="9" t="s">
        <v>29</v>
      </c>
      <c r="D65" s="9" t="s">
        <v>260</v>
      </c>
      <c r="E65" s="9" t="s">
        <v>226</v>
      </c>
      <c r="F65" s="9" t="s">
        <v>281</v>
      </c>
      <c r="G65" s="9" t="s">
        <v>6</v>
      </c>
      <c r="H65" s="6">
        <v>2874948</v>
      </c>
      <c r="I65" s="6">
        <v>2213450</v>
      </c>
      <c r="J65" s="6">
        <v>1885888</v>
      </c>
      <c r="K65" s="6">
        <v>656281</v>
      </c>
      <c r="L65" s="6">
        <v>5217</v>
      </c>
    </row>
    <row r="66" spans="1:12">
      <c r="A66" s="9" t="s">
        <v>27</v>
      </c>
      <c r="B66" s="9" t="s">
        <v>28</v>
      </c>
      <c r="C66" s="9" t="s">
        <v>29</v>
      </c>
      <c r="D66" s="9" t="s">
        <v>260</v>
      </c>
      <c r="E66" s="9" t="s">
        <v>226</v>
      </c>
      <c r="F66" s="9" t="s">
        <v>281</v>
      </c>
      <c r="G66" s="9" t="s">
        <v>272</v>
      </c>
      <c r="H66" s="6">
        <v>96886</v>
      </c>
      <c r="I66" s="6">
        <v>47543</v>
      </c>
      <c r="J66" s="6">
        <v>42888</v>
      </c>
      <c r="K66" s="6">
        <v>48960</v>
      </c>
      <c r="L66" s="6">
        <v>383</v>
      </c>
    </row>
    <row r="67" spans="1:12">
      <c r="A67" s="9" t="s">
        <v>27</v>
      </c>
      <c r="B67" s="9" t="s">
        <v>28</v>
      </c>
      <c r="C67" s="9" t="s">
        <v>29</v>
      </c>
      <c r="D67" s="9" t="s">
        <v>260</v>
      </c>
      <c r="E67" s="9" t="s">
        <v>226</v>
      </c>
      <c r="F67" s="9" t="s">
        <v>281</v>
      </c>
      <c r="G67" s="9" t="s">
        <v>273</v>
      </c>
      <c r="H67" s="6">
        <v>173128</v>
      </c>
      <c r="I67" s="6">
        <v>112887</v>
      </c>
      <c r="J67" s="6">
        <v>101222</v>
      </c>
      <c r="K67" s="6">
        <v>59594</v>
      </c>
      <c r="L67" s="6">
        <v>647</v>
      </c>
    </row>
    <row r="68" spans="1:12">
      <c r="A68" s="9" t="s">
        <v>27</v>
      </c>
      <c r="B68" s="9" t="s">
        <v>28</v>
      </c>
      <c r="C68" s="9" t="s">
        <v>29</v>
      </c>
      <c r="D68" s="9" t="s">
        <v>260</v>
      </c>
      <c r="E68" s="9" t="s">
        <v>226</v>
      </c>
      <c r="F68" s="9" t="s">
        <v>281</v>
      </c>
      <c r="G68" s="9" t="s">
        <v>274</v>
      </c>
      <c r="H68" s="6">
        <v>157946</v>
      </c>
      <c r="I68" s="6">
        <v>119164</v>
      </c>
      <c r="J68" s="6">
        <v>106077</v>
      </c>
      <c r="K68" s="6">
        <v>38312</v>
      </c>
      <c r="L68" s="6">
        <v>470</v>
      </c>
    </row>
    <row r="69" spans="1:12">
      <c r="A69" s="9" t="s">
        <v>27</v>
      </c>
      <c r="B69" s="9" t="s">
        <v>28</v>
      </c>
      <c r="C69" s="9" t="s">
        <v>29</v>
      </c>
      <c r="D69" s="9" t="s">
        <v>260</v>
      </c>
      <c r="E69" s="9" t="s">
        <v>226</v>
      </c>
      <c r="F69" s="9" t="s">
        <v>281</v>
      </c>
      <c r="G69" s="9" t="s">
        <v>275</v>
      </c>
      <c r="H69" s="6">
        <v>131215</v>
      </c>
      <c r="I69" s="6">
        <v>103155</v>
      </c>
      <c r="J69" s="6">
        <v>91657</v>
      </c>
      <c r="K69" s="6">
        <v>27742</v>
      </c>
      <c r="L69" s="6">
        <v>318</v>
      </c>
    </row>
    <row r="70" spans="1:12">
      <c r="A70" s="9" t="s">
        <v>27</v>
      </c>
      <c r="B70" s="9" t="s">
        <v>28</v>
      </c>
      <c r="C70" s="9" t="s">
        <v>29</v>
      </c>
      <c r="D70" s="9" t="s">
        <v>260</v>
      </c>
      <c r="E70" s="9" t="s">
        <v>226</v>
      </c>
      <c r="F70" s="9" t="s">
        <v>281</v>
      </c>
      <c r="G70" s="9" t="s">
        <v>276</v>
      </c>
      <c r="H70" s="6">
        <v>136314</v>
      </c>
      <c r="I70" s="6">
        <v>109443</v>
      </c>
      <c r="J70" s="6">
        <v>97435</v>
      </c>
      <c r="K70" s="6">
        <v>26585</v>
      </c>
      <c r="L70" s="6">
        <v>286</v>
      </c>
    </row>
    <row r="71" spans="1:12">
      <c r="A71" s="9" t="s">
        <v>27</v>
      </c>
      <c r="B71" s="9" t="s">
        <v>28</v>
      </c>
      <c r="C71" s="9" t="s">
        <v>29</v>
      </c>
      <c r="D71" s="9" t="s">
        <v>260</v>
      </c>
      <c r="E71" s="9" t="s">
        <v>226</v>
      </c>
      <c r="F71" s="9" t="s">
        <v>281</v>
      </c>
      <c r="G71" s="9" t="s">
        <v>277</v>
      </c>
      <c r="H71" s="6">
        <v>167982</v>
      </c>
      <c r="I71" s="6">
        <v>138817</v>
      </c>
      <c r="J71" s="6">
        <v>123826</v>
      </c>
      <c r="K71" s="6">
        <v>28876</v>
      </c>
      <c r="L71" s="6">
        <v>289</v>
      </c>
    </row>
    <row r="72" spans="1:12">
      <c r="A72" s="9" t="s">
        <v>27</v>
      </c>
      <c r="B72" s="9" t="s">
        <v>28</v>
      </c>
      <c r="C72" s="9" t="s">
        <v>29</v>
      </c>
      <c r="D72" s="9" t="s">
        <v>260</v>
      </c>
      <c r="E72" s="9" t="s">
        <v>226</v>
      </c>
      <c r="F72" s="9" t="s">
        <v>281</v>
      </c>
      <c r="G72" s="9" t="s">
        <v>278</v>
      </c>
      <c r="H72" s="6">
        <v>256768</v>
      </c>
      <c r="I72" s="6">
        <v>218236</v>
      </c>
      <c r="J72" s="6">
        <v>194554</v>
      </c>
      <c r="K72" s="6">
        <v>38177</v>
      </c>
      <c r="L72" s="6">
        <v>355</v>
      </c>
    </row>
    <row r="73" spans="1:12">
      <c r="A73" s="9" t="s">
        <v>27</v>
      </c>
      <c r="B73" s="9" t="s">
        <v>28</v>
      </c>
      <c r="C73" s="9" t="s">
        <v>29</v>
      </c>
      <c r="D73" s="9" t="s">
        <v>260</v>
      </c>
      <c r="E73" s="9" t="s">
        <v>226</v>
      </c>
      <c r="F73" s="9" t="s">
        <v>281</v>
      </c>
      <c r="G73" s="9" t="s">
        <v>279</v>
      </c>
      <c r="H73" s="6">
        <v>170832</v>
      </c>
      <c r="I73" s="6">
        <v>143633</v>
      </c>
      <c r="J73" s="6">
        <v>128255</v>
      </c>
      <c r="K73" s="6">
        <v>26978</v>
      </c>
      <c r="L73" s="6">
        <v>221</v>
      </c>
    </row>
    <row r="74" spans="1:12">
      <c r="A74" s="9" t="s">
        <v>27</v>
      </c>
      <c r="B74" s="9" t="s">
        <v>28</v>
      </c>
      <c r="C74" s="9" t="s">
        <v>29</v>
      </c>
      <c r="D74" s="9" t="s">
        <v>260</v>
      </c>
      <c r="E74" s="9" t="s">
        <v>226</v>
      </c>
      <c r="F74" s="9" t="s">
        <v>281</v>
      </c>
      <c r="G74" s="9" t="s">
        <v>280</v>
      </c>
      <c r="H74" s="6">
        <v>1583877</v>
      </c>
      <c r="I74" s="6">
        <v>1220572</v>
      </c>
      <c r="J74" s="6">
        <v>999974</v>
      </c>
      <c r="K74" s="6">
        <v>361057</v>
      </c>
      <c r="L74" s="6">
        <v>2248</v>
      </c>
    </row>
    <row r="75" spans="1:12">
      <c r="A75" s="9" t="s">
        <v>27</v>
      </c>
      <c r="B75" s="9" t="s">
        <v>28</v>
      </c>
      <c r="C75" s="9" t="s">
        <v>29</v>
      </c>
      <c r="D75" s="9" t="s">
        <v>260</v>
      </c>
      <c r="E75" s="9" t="s">
        <v>226</v>
      </c>
      <c r="F75" s="9" t="s">
        <v>282</v>
      </c>
      <c r="G75" s="9" t="s">
        <v>6</v>
      </c>
      <c r="H75" s="6">
        <v>3215101</v>
      </c>
      <c r="I75" s="6">
        <v>2637486</v>
      </c>
      <c r="J75" s="6">
        <v>2332014</v>
      </c>
      <c r="K75" s="6">
        <v>572591</v>
      </c>
      <c r="L75" s="6">
        <v>5024</v>
      </c>
    </row>
    <row r="76" spans="1:12">
      <c r="A76" s="9" t="s">
        <v>27</v>
      </c>
      <c r="B76" s="9" t="s">
        <v>28</v>
      </c>
      <c r="C76" s="9" t="s">
        <v>29</v>
      </c>
      <c r="D76" s="9" t="s">
        <v>260</v>
      </c>
      <c r="E76" s="9" t="s">
        <v>226</v>
      </c>
      <c r="F76" s="9" t="s">
        <v>282</v>
      </c>
      <c r="G76" s="9" t="s">
        <v>272</v>
      </c>
      <c r="H76" s="6">
        <v>109761</v>
      </c>
      <c r="I76" s="6">
        <v>57276</v>
      </c>
      <c r="J76" s="6">
        <v>50424</v>
      </c>
      <c r="K76" s="6">
        <v>52141</v>
      </c>
      <c r="L76" s="6">
        <v>344</v>
      </c>
    </row>
    <row r="77" spans="1:12">
      <c r="A77" s="9" t="s">
        <v>27</v>
      </c>
      <c r="B77" s="9" t="s">
        <v>28</v>
      </c>
      <c r="C77" s="9" t="s">
        <v>29</v>
      </c>
      <c r="D77" s="9" t="s">
        <v>260</v>
      </c>
      <c r="E77" s="9" t="s">
        <v>226</v>
      </c>
      <c r="F77" s="9" t="s">
        <v>282</v>
      </c>
      <c r="G77" s="9" t="s">
        <v>273</v>
      </c>
      <c r="H77" s="6">
        <v>229922</v>
      </c>
      <c r="I77" s="6">
        <v>161367</v>
      </c>
      <c r="J77" s="6">
        <v>142692</v>
      </c>
      <c r="K77" s="6">
        <v>67910</v>
      </c>
      <c r="L77" s="6">
        <v>645</v>
      </c>
    </row>
    <row r="78" spans="1:12">
      <c r="A78" s="9" t="s">
        <v>27</v>
      </c>
      <c r="B78" s="9" t="s">
        <v>28</v>
      </c>
      <c r="C78" s="9" t="s">
        <v>29</v>
      </c>
      <c r="D78" s="9" t="s">
        <v>260</v>
      </c>
      <c r="E78" s="9" t="s">
        <v>226</v>
      </c>
      <c r="F78" s="9" t="s">
        <v>282</v>
      </c>
      <c r="G78" s="9" t="s">
        <v>274</v>
      </c>
      <c r="H78" s="6">
        <v>325431</v>
      </c>
      <c r="I78" s="6">
        <v>261403</v>
      </c>
      <c r="J78" s="6">
        <v>232993</v>
      </c>
      <c r="K78" s="6">
        <v>63526</v>
      </c>
      <c r="L78" s="6">
        <v>502</v>
      </c>
    </row>
    <row r="79" spans="1:12">
      <c r="A79" s="9" t="s">
        <v>27</v>
      </c>
      <c r="B79" s="9" t="s">
        <v>28</v>
      </c>
      <c r="C79" s="9" t="s">
        <v>29</v>
      </c>
      <c r="D79" s="9" t="s">
        <v>260</v>
      </c>
      <c r="E79" s="9" t="s">
        <v>226</v>
      </c>
      <c r="F79" s="9" t="s">
        <v>282</v>
      </c>
      <c r="G79" s="9" t="s">
        <v>275</v>
      </c>
      <c r="H79" s="6">
        <v>341106</v>
      </c>
      <c r="I79" s="6">
        <v>289800</v>
      </c>
      <c r="J79" s="6">
        <v>260345</v>
      </c>
      <c r="K79" s="6">
        <v>50870</v>
      </c>
      <c r="L79" s="6">
        <v>436</v>
      </c>
    </row>
    <row r="80" spans="1:12">
      <c r="A80" s="9" t="s">
        <v>27</v>
      </c>
      <c r="B80" s="9" t="s">
        <v>28</v>
      </c>
      <c r="C80" s="9" t="s">
        <v>29</v>
      </c>
      <c r="D80" s="9" t="s">
        <v>260</v>
      </c>
      <c r="E80" s="9" t="s">
        <v>226</v>
      </c>
      <c r="F80" s="9" t="s">
        <v>282</v>
      </c>
      <c r="G80" s="9" t="s">
        <v>276</v>
      </c>
      <c r="H80" s="6">
        <v>383216</v>
      </c>
      <c r="I80" s="6">
        <v>333829</v>
      </c>
      <c r="J80" s="6">
        <v>299366</v>
      </c>
      <c r="K80" s="6">
        <v>48837</v>
      </c>
      <c r="L80" s="6">
        <v>550</v>
      </c>
    </row>
    <row r="81" spans="1:12">
      <c r="A81" s="9" t="s">
        <v>27</v>
      </c>
      <c r="B81" s="9" t="s">
        <v>28</v>
      </c>
      <c r="C81" s="9" t="s">
        <v>29</v>
      </c>
      <c r="D81" s="9" t="s">
        <v>260</v>
      </c>
      <c r="E81" s="9" t="s">
        <v>226</v>
      </c>
      <c r="F81" s="9" t="s">
        <v>282</v>
      </c>
      <c r="G81" s="9" t="s">
        <v>277</v>
      </c>
      <c r="H81" s="6">
        <v>434637</v>
      </c>
      <c r="I81" s="6">
        <v>382738</v>
      </c>
      <c r="J81" s="6">
        <v>344491</v>
      </c>
      <c r="K81" s="6">
        <v>51353</v>
      </c>
      <c r="L81" s="6">
        <v>546</v>
      </c>
    </row>
    <row r="82" spans="1:12">
      <c r="A82" s="9" t="s">
        <v>27</v>
      </c>
      <c r="B82" s="9" t="s">
        <v>28</v>
      </c>
      <c r="C82" s="9" t="s">
        <v>29</v>
      </c>
      <c r="D82" s="9" t="s">
        <v>260</v>
      </c>
      <c r="E82" s="9" t="s">
        <v>226</v>
      </c>
      <c r="F82" s="9" t="s">
        <v>282</v>
      </c>
      <c r="G82" s="9" t="s">
        <v>278</v>
      </c>
      <c r="H82" s="6">
        <v>412207</v>
      </c>
      <c r="I82" s="6">
        <v>361660</v>
      </c>
      <c r="J82" s="6">
        <v>325750</v>
      </c>
      <c r="K82" s="6">
        <v>49971</v>
      </c>
      <c r="L82" s="6">
        <v>576</v>
      </c>
    </row>
    <row r="83" spans="1:12">
      <c r="A83" s="9" t="s">
        <v>27</v>
      </c>
      <c r="B83" s="9" t="s">
        <v>28</v>
      </c>
      <c r="C83" s="9" t="s">
        <v>29</v>
      </c>
      <c r="D83" s="9" t="s">
        <v>260</v>
      </c>
      <c r="E83" s="9" t="s">
        <v>226</v>
      </c>
      <c r="F83" s="9" t="s">
        <v>282</v>
      </c>
      <c r="G83" s="9" t="s">
        <v>279</v>
      </c>
      <c r="H83" s="6">
        <v>226357</v>
      </c>
      <c r="I83" s="6">
        <v>194747</v>
      </c>
      <c r="J83" s="6">
        <v>175031</v>
      </c>
      <c r="K83" s="6">
        <v>31244</v>
      </c>
      <c r="L83" s="6">
        <v>366</v>
      </c>
    </row>
    <row r="84" spans="1:12">
      <c r="A84" s="9" t="s">
        <v>27</v>
      </c>
      <c r="B84" s="9" t="s">
        <v>28</v>
      </c>
      <c r="C84" s="9" t="s">
        <v>29</v>
      </c>
      <c r="D84" s="9" t="s">
        <v>260</v>
      </c>
      <c r="E84" s="9" t="s">
        <v>226</v>
      </c>
      <c r="F84" s="9" t="s">
        <v>282</v>
      </c>
      <c r="G84" s="9" t="s">
        <v>280</v>
      </c>
      <c r="H84" s="6">
        <v>752464</v>
      </c>
      <c r="I84" s="6">
        <v>594666</v>
      </c>
      <c r="J84" s="6">
        <v>500922</v>
      </c>
      <c r="K84" s="6">
        <v>156739</v>
      </c>
      <c r="L84" s="6">
        <v>1059</v>
      </c>
    </row>
    <row r="85" spans="1:12">
      <c r="A85" s="9" t="s">
        <v>27</v>
      </c>
      <c r="B85" s="9" t="s">
        <v>28</v>
      </c>
      <c r="C85" s="9" t="s">
        <v>29</v>
      </c>
      <c r="D85" s="9" t="s">
        <v>260</v>
      </c>
      <c r="E85" s="9" t="s">
        <v>226</v>
      </c>
      <c r="F85" s="9" t="s">
        <v>283</v>
      </c>
      <c r="G85" s="9" t="s">
        <v>6</v>
      </c>
      <c r="H85" s="6">
        <v>1565462</v>
      </c>
      <c r="I85" s="6">
        <v>1293710</v>
      </c>
      <c r="J85" s="6">
        <v>1120368</v>
      </c>
      <c r="K85" s="6">
        <v>268682</v>
      </c>
      <c r="L85" s="6">
        <v>3070</v>
      </c>
    </row>
    <row r="86" spans="1:12">
      <c r="A86" s="9" t="s">
        <v>27</v>
      </c>
      <c r="B86" s="9" t="s">
        <v>28</v>
      </c>
      <c r="C86" s="9" t="s">
        <v>29</v>
      </c>
      <c r="D86" s="9" t="s">
        <v>260</v>
      </c>
      <c r="E86" s="9" t="s">
        <v>226</v>
      </c>
      <c r="F86" s="9" t="s">
        <v>283</v>
      </c>
      <c r="G86" s="9" t="s">
        <v>272</v>
      </c>
      <c r="H86" s="6">
        <v>86353</v>
      </c>
      <c r="I86" s="6">
        <v>47653</v>
      </c>
      <c r="J86" s="6">
        <v>39816</v>
      </c>
      <c r="K86" s="6">
        <v>38392</v>
      </c>
      <c r="L86" s="6">
        <v>308</v>
      </c>
    </row>
    <row r="87" spans="1:12">
      <c r="A87" s="9" t="s">
        <v>27</v>
      </c>
      <c r="B87" s="9" t="s">
        <v>28</v>
      </c>
      <c r="C87" s="9" t="s">
        <v>29</v>
      </c>
      <c r="D87" s="9" t="s">
        <v>260</v>
      </c>
      <c r="E87" s="9" t="s">
        <v>226</v>
      </c>
      <c r="F87" s="9" t="s">
        <v>283</v>
      </c>
      <c r="G87" s="9" t="s">
        <v>273</v>
      </c>
      <c r="H87" s="6">
        <v>176001</v>
      </c>
      <c r="I87" s="6">
        <v>127041</v>
      </c>
      <c r="J87" s="6">
        <v>108413</v>
      </c>
      <c r="K87" s="6">
        <v>48560</v>
      </c>
      <c r="L87" s="6">
        <v>400</v>
      </c>
    </row>
    <row r="88" spans="1:12">
      <c r="A88" s="9" t="s">
        <v>27</v>
      </c>
      <c r="B88" s="9" t="s">
        <v>28</v>
      </c>
      <c r="C88" s="9" t="s">
        <v>29</v>
      </c>
      <c r="D88" s="9" t="s">
        <v>260</v>
      </c>
      <c r="E88" s="9" t="s">
        <v>226</v>
      </c>
      <c r="F88" s="9" t="s">
        <v>283</v>
      </c>
      <c r="G88" s="9" t="s">
        <v>274</v>
      </c>
      <c r="H88" s="6">
        <v>263984</v>
      </c>
      <c r="I88" s="6">
        <v>218148</v>
      </c>
      <c r="J88" s="6">
        <v>188728</v>
      </c>
      <c r="K88" s="6">
        <v>45289</v>
      </c>
      <c r="L88" s="6">
        <v>547</v>
      </c>
    </row>
    <row r="89" spans="1:12">
      <c r="A89" s="9" t="s">
        <v>27</v>
      </c>
      <c r="B89" s="9" t="s">
        <v>28</v>
      </c>
      <c r="C89" s="9" t="s">
        <v>29</v>
      </c>
      <c r="D89" s="9" t="s">
        <v>260</v>
      </c>
      <c r="E89" s="9" t="s">
        <v>226</v>
      </c>
      <c r="F89" s="9" t="s">
        <v>283</v>
      </c>
      <c r="G89" s="9" t="s">
        <v>275</v>
      </c>
      <c r="H89" s="6">
        <v>268858</v>
      </c>
      <c r="I89" s="6">
        <v>234409</v>
      </c>
      <c r="J89" s="6">
        <v>204014</v>
      </c>
      <c r="K89" s="6">
        <v>33955</v>
      </c>
      <c r="L89" s="6">
        <v>494</v>
      </c>
    </row>
    <row r="90" spans="1:12">
      <c r="A90" s="9" t="s">
        <v>27</v>
      </c>
      <c r="B90" s="9" t="s">
        <v>28</v>
      </c>
      <c r="C90" s="9" t="s">
        <v>29</v>
      </c>
      <c r="D90" s="9" t="s">
        <v>260</v>
      </c>
      <c r="E90" s="9" t="s">
        <v>226</v>
      </c>
      <c r="F90" s="9" t="s">
        <v>283</v>
      </c>
      <c r="G90" s="9" t="s">
        <v>276</v>
      </c>
      <c r="H90" s="6">
        <v>255080</v>
      </c>
      <c r="I90" s="6">
        <v>226901</v>
      </c>
      <c r="J90" s="6">
        <v>198562</v>
      </c>
      <c r="K90" s="6">
        <v>27771</v>
      </c>
      <c r="L90" s="6">
        <v>408</v>
      </c>
    </row>
    <row r="91" spans="1:12">
      <c r="A91" s="9" t="s">
        <v>27</v>
      </c>
      <c r="B91" s="9" t="s">
        <v>28</v>
      </c>
      <c r="C91" s="9" t="s">
        <v>29</v>
      </c>
      <c r="D91" s="9" t="s">
        <v>260</v>
      </c>
      <c r="E91" s="9" t="s">
        <v>226</v>
      </c>
      <c r="F91" s="9" t="s">
        <v>283</v>
      </c>
      <c r="G91" s="9" t="s">
        <v>277</v>
      </c>
      <c r="H91" s="6">
        <v>201087</v>
      </c>
      <c r="I91" s="6">
        <v>177957</v>
      </c>
      <c r="J91" s="6">
        <v>156680</v>
      </c>
      <c r="K91" s="6">
        <v>22753</v>
      </c>
      <c r="L91" s="6">
        <v>377</v>
      </c>
    </row>
    <row r="92" spans="1:12">
      <c r="A92" s="9" t="s">
        <v>27</v>
      </c>
      <c r="B92" s="9" t="s">
        <v>28</v>
      </c>
      <c r="C92" s="9" t="s">
        <v>29</v>
      </c>
      <c r="D92" s="9" t="s">
        <v>260</v>
      </c>
      <c r="E92" s="9" t="s">
        <v>226</v>
      </c>
      <c r="F92" s="9" t="s">
        <v>283</v>
      </c>
      <c r="G92" s="9" t="s">
        <v>278</v>
      </c>
      <c r="H92" s="6">
        <v>130312</v>
      </c>
      <c r="I92" s="6">
        <v>113191</v>
      </c>
      <c r="J92" s="6">
        <v>99859</v>
      </c>
      <c r="K92" s="6">
        <v>16902</v>
      </c>
      <c r="L92" s="6">
        <v>219</v>
      </c>
    </row>
    <row r="93" spans="1:12">
      <c r="A93" s="9" t="s">
        <v>27</v>
      </c>
      <c r="B93" s="9" t="s">
        <v>28</v>
      </c>
      <c r="C93" s="9" t="s">
        <v>29</v>
      </c>
      <c r="D93" s="9" t="s">
        <v>260</v>
      </c>
      <c r="E93" s="9" t="s">
        <v>226</v>
      </c>
      <c r="F93" s="9" t="s">
        <v>283</v>
      </c>
      <c r="G93" s="9" t="s">
        <v>279</v>
      </c>
      <c r="H93" s="6">
        <v>61043</v>
      </c>
      <c r="I93" s="6">
        <v>51649</v>
      </c>
      <c r="J93" s="6">
        <v>45013</v>
      </c>
      <c r="K93" s="6">
        <v>9277</v>
      </c>
      <c r="L93" s="6">
        <v>117</v>
      </c>
    </row>
    <row r="94" spans="1:12">
      <c r="A94" s="9" t="s">
        <v>27</v>
      </c>
      <c r="B94" s="9" t="s">
        <v>28</v>
      </c>
      <c r="C94" s="9" t="s">
        <v>29</v>
      </c>
      <c r="D94" s="9" t="s">
        <v>260</v>
      </c>
      <c r="E94" s="9" t="s">
        <v>226</v>
      </c>
      <c r="F94" s="9" t="s">
        <v>283</v>
      </c>
      <c r="G94" s="9" t="s">
        <v>280</v>
      </c>
      <c r="H94" s="6">
        <v>122744</v>
      </c>
      <c r="I94" s="6">
        <v>96761</v>
      </c>
      <c r="J94" s="6">
        <v>79283</v>
      </c>
      <c r="K94" s="6">
        <v>25783</v>
      </c>
      <c r="L94" s="6">
        <v>200</v>
      </c>
    </row>
    <row r="95" spans="1:12">
      <c r="A95" s="9" t="s">
        <v>27</v>
      </c>
      <c r="B95" s="9" t="s">
        <v>28</v>
      </c>
      <c r="C95" s="9" t="s">
        <v>29</v>
      </c>
      <c r="D95" s="9" t="s">
        <v>260</v>
      </c>
      <c r="E95" s="9" t="s">
        <v>227</v>
      </c>
      <c r="F95" s="9" t="s">
        <v>6</v>
      </c>
      <c r="G95" s="9" t="s">
        <v>6</v>
      </c>
      <c r="H95" s="6">
        <v>8154342</v>
      </c>
      <c r="I95" s="6">
        <v>6373041</v>
      </c>
      <c r="J95" s="6">
        <v>6099600</v>
      </c>
      <c r="K95" s="6">
        <v>1768580</v>
      </c>
      <c r="L95" s="6">
        <v>12721</v>
      </c>
    </row>
    <row r="96" spans="1:12">
      <c r="A96" s="9" t="s">
        <v>27</v>
      </c>
      <c r="B96" s="9" t="s">
        <v>28</v>
      </c>
      <c r="C96" s="9" t="s">
        <v>29</v>
      </c>
      <c r="D96" s="9" t="s">
        <v>260</v>
      </c>
      <c r="E96" s="9" t="s">
        <v>227</v>
      </c>
      <c r="F96" s="9" t="s">
        <v>234</v>
      </c>
      <c r="G96" s="9" t="s">
        <v>6</v>
      </c>
      <c r="H96" s="6">
        <v>1797655</v>
      </c>
      <c r="I96" s="6">
        <v>1325400</v>
      </c>
      <c r="J96" s="6">
        <v>1258808</v>
      </c>
      <c r="K96" s="6">
        <v>468354</v>
      </c>
      <c r="L96" s="6">
        <v>3901</v>
      </c>
    </row>
    <row r="97" spans="1:12">
      <c r="A97" s="9" t="s">
        <v>27</v>
      </c>
      <c r="B97" s="9" t="s">
        <v>28</v>
      </c>
      <c r="C97" s="9" t="s">
        <v>29</v>
      </c>
      <c r="D97" s="9" t="s">
        <v>260</v>
      </c>
      <c r="E97" s="9" t="s">
        <v>227</v>
      </c>
      <c r="F97" s="9" t="s">
        <v>235</v>
      </c>
      <c r="G97" s="9" t="s">
        <v>6</v>
      </c>
      <c r="H97" s="6">
        <v>6356687</v>
      </c>
      <c r="I97" s="6">
        <v>5047641</v>
      </c>
      <c r="J97" s="6">
        <v>4840792</v>
      </c>
      <c r="K97" s="6">
        <v>1300226</v>
      </c>
      <c r="L97" s="6">
        <v>8820</v>
      </c>
    </row>
    <row r="98" spans="1:12">
      <c r="A98" s="9" t="s">
        <v>27</v>
      </c>
      <c r="B98" s="9" t="s">
        <v>28</v>
      </c>
      <c r="C98" s="9" t="s">
        <v>29</v>
      </c>
      <c r="D98" s="9" t="s">
        <v>260</v>
      </c>
      <c r="E98" s="9" t="s">
        <v>227</v>
      </c>
      <c r="F98" s="9" t="s">
        <v>235</v>
      </c>
      <c r="G98" s="9" t="s">
        <v>272</v>
      </c>
      <c r="H98" s="6">
        <v>252846</v>
      </c>
      <c r="I98" s="6">
        <v>129783</v>
      </c>
      <c r="J98" s="6">
        <v>122908</v>
      </c>
      <c r="K98" s="6">
        <v>122277</v>
      </c>
      <c r="L98" s="6">
        <v>786</v>
      </c>
    </row>
    <row r="99" spans="1:12">
      <c r="A99" s="9" t="s">
        <v>27</v>
      </c>
      <c r="B99" s="9" t="s">
        <v>28</v>
      </c>
      <c r="C99" s="9" t="s">
        <v>29</v>
      </c>
      <c r="D99" s="9" t="s">
        <v>260</v>
      </c>
      <c r="E99" s="9" t="s">
        <v>227</v>
      </c>
      <c r="F99" s="9" t="s">
        <v>235</v>
      </c>
      <c r="G99" s="9" t="s">
        <v>273</v>
      </c>
      <c r="H99" s="6">
        <v>498271</v>
      </c>
      <c r="I99" s="6">
        <v>341003</v>
      </c>
      <c r="J99" s="6">
        <v>324713</v>
      </c>
      <c r="K99" s="6">
        <v>156132</v>
      </c>
      <c r="L99" s="6">
        <v>1136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0</v>
      </c>
      <c r="E100" s="9" t="s">
        <v>227</v>
      </c>
      <c r="F100" s="9" t="s">
        <v>235</v>
      </c>
      <c r="G100" s="9" t="s">
        <v>274</v>
      </c>
      <c r="H100" s="6">
        <v>638839</v>
      </c>
      <c r="I100" s="6">
        <v>507414</v>
      </c>
      <c r="J100" s="6">
        <v>485070</v>
      </c>
      <c r="K100" s="6">
        <v>130398</v>
      </c>
      <c r="L100" s="6">
        <v>1027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0</v>
      </c>
      <c r="E101" s="9" t="s">
        <v>227</v>
      </c>
      <c r="F101" s="9" t="s">
        <v>235</v>
      </c>
      <c r="G101" s="9" t="s">
        <v>275</v>
      </c>
      <c r="H101" s="6">
        <v>630776</v>
      </c>
      <c r="I101" s="6">
        <v>530259</v>
      </c>
      <c r="J101" s="6">
        <v>509190</v>
      </c>
      <c r="K101" s="6">
        <v>99747</v>
      </c>
      <c r="L101" s="6">
        <v>770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0</v>
      </c>
      <c r="E102" s="9" t="s">
        <v>227</v>
      </c>
      <c r="F102" s="9" t="s">
        <v>235</v>
      </c>
      <c r="G102" s="9" t="s">
        <v>276</v>
      </c>
      <c r="H102" s="6">
        <v>657192</v>
      </c>
      <c r="I102" s="6">
        <v>565288</v>
      </c>
      <c r="J102" s="6">
        <v>544387</v>
      </c>
      <c r="K102" s="6">
        <v>91089</v>
      </c>
      <c r="L102" s="6">
        <v>815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0</v>
      </c>
      <c r="E103" s="9" t="s">
        <v>227</v>
      </c>
      <c r="F103" s="9" t="s">
        <v>235</v>
      </c>
      <c r="G103" s="9" t="s">
        <v>277</v>
      </c>
      <c r="H103" s="6">
        <v>684206</v>
      </c>
      <c r="I103" s="6">
        <v>592734</v>
      </c>
      <c r="J103" s="6">
        <v>572153</v>
      </c>
      <c r="K103" s="6">
        <v>90611</v>
      </c>
      <c r="L103" s="6">
        <v>861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0</v>
      </c>
      <c r="E104" s="9" t="s">
        <v>227</v>
      </c>
      <c r="F104" s="9" t="s">
        <v>235</v>
      </c>
      <c r="G104" s="9" t="s">
        <v>278</v>
      </c>
      <c r="H104" s="6">
        <v>680326</v>
      </c>
      <c r="I104" s="6">
        <v>586278</v>
      </c>
      <c r="J104" s="6">
        <v>566062</v>
      </c>
      <c r="K104" s="6">
        <v>93408</v>
      </c>
      <c r="L104" s="6">
        <v>640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0</v>
      </c>
      <c r="E105" s="9" t="s">
        <v>227</v>
      </c>
      <c r="F105" s="9" t="s">
        <v>235</v>
      </c>
      <c r="G105" s="9" t="s">
        <v>279</v>
      </c>
      <c r="H105" s="6">
        <v>388905</v>
      </c>
      <c r="I105" s="6">
        <v>328802</v>
      </c>
      <c r="J105" s="6">
        <v>317497</v>
      </c>
      <c r="K105" s="6">
        <v>59655</v>
      </c>
      <c r="L105" s="6">
        <v>448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0</v>
      </c>
      <c r="E106" s="9" t="s">
        <v>227</v>
      </c>
      <c r="F106" s="9" t="s">
        <v>235</v>
      </c>
      <c r="G106" s="9" t="s">
        <v>280</v>
      </c>
      <c r="H106" s="6">
        <v>1925326</v>
      </c>
      <c r="I106" s="6">
        <v>1466080</v>
      </c>
      <c r="J106" s="6">
        <v>1398812</v>
      </c>
      <c r="K106" s="6">
        <v>456909</v>
      </c>
      <c r="L106" s="6">
        <v>2337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0</v>
      </c>
      <c r="E107" s="9" t="s">
        <v>227</v>
      </c>
      <c r="F107" s="9" t="s">
        <v>281</v>
      </c>
      <c r="G107" s="9" t="s">
        <v>6</v>
      </c>
      <c r="H107" s="6">
        <v>2344023</v>
      </c>
      <c r="I107" s="6">
        <v>1774914</v>
      </c>
      <c r="J107" s="6">
        <v>1695307</v>
      </c>
      <c r="K107" s="6">
        <v>565472</v>
      </c>
      <c r="L107" s="6">
        <v>3637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0</v>
      </c>
      <c r="E108" s="9" t="s">
        <v>227</v>
      </c>
      <c r="F108" s="9" t="s">
        <v>281</v>
      </c>
      <c r="G108" s="9" t="s">
        <v>272</v>
      </c>
      <c r="H108" s="6">
        <v>85589</v>
      </c>
      <c r="I108" s="6">
        <v>41737</v>
      </c>
      <c r="J108" s="6">
        <v>39882</v>
      </c>
      <c r="K108" s="6">
        <v>43518</v>
      </c>
      <c r="L108" s="6">
        <v>334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0</v>
      </c>
      <c r="E109" s="9" t="s">
        <v>227</v>
      </c>
      <c r="F109" s="9" t="s">
        <v>281</v>
      </c>
      <c r="G109" s="9" t="s">
        <v>273</v>
      </c>
      <c r="H109" s="6">
        <v>151658</v>
      </c>
      <c r="I109" s="6">
        <v>98131</v>
      </c>
      <c r="J109" s="6">
        <v>93819</v>
      </c>
      <c r="K109" s="6">
        <v>53053</v>
      </c>
      <c r="L109" s="6">
        <v>474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0</v>
      </c>
      <c r="E110" s="9" t="s">
        <v>227</v>
      </c>
      <c r="F110" s="9" t="s">
        <v>281</v>
      </c>
      <c r="G110" s="9" t="s">
        <v>274</v>
      </c>
      <c r="H110" s="6">
        <v>137092</v>
      </c>
      <c r="I110" s="6">
        <v>102395</v>
      </c>
      <c r="J110" s="6">
        <v>97675</v>
      </c>
      <c r="K110" s="6">
        <v>34340</v>
      </c>
      <c r="L110" s="6">
        <v>357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0</v>
      </c>
      <c r="E111" s="9" t="s">
        <v>227</v>
      </c>
      <c r="F111" s="9" t="s">
        <v>281</v>
      </c>
      <c r="G111" s="9" t="s">
        <v>275</v>
      </c>
      <c r="H111" s="6">
        <v>113303</v>
      </c>
      <c r="I111" s="6">
        <v>87963</v>
      </c>
      <c r="J111" s="6">
        <v>83804</v>
      </c>
      <c r="K111" s="6">
        <v>25138</v>
      </c>
      <c r="L111" s="6">
        <v>202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0</v>
      </c>
      <c r="E112" s="9" t="s">
        <v>227</v>
      </c>
      <c r="F112" s="9" t="s">
        <v>281</v>
      </c>
      <c r="G112" s="9" t="s">
        <v>276</v>
      </c>
      <c r="H112" s="6">
        <v>117144</v>
      </c>
      <c r="I112" s="6">
        <v>93017</v>
      </c>
      <c r="J112" s="6">
        <v>88925</v>
      </c>
      <c r="K112" s="6">
        <v>23937</v>
      </c>
      <c r="L112" s="6">
        <v>190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0</v>
      </c>
      <c r="E113" s="9" t="s">
        <v>227</v>
      </c>
      <c r="F113" s="9" t="s">
        <v>281</v>
      </c>
      <c r="G113" s="9" t="s">
        <v>277</v>
      </c>
      <c r="H113" s="6">
        <v>143686</v>
      </c>
      <c r="I113" s="6">
        <v>117707</v>
      </c>
      <c r="J113" s="6">
        <v>112987</v>
      </c>
      <c r="K113" s="6">
        <v>25775</v>
      </c>
      <c r="L113" s="6">
        <v>204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0</v>
      </c>
      <c r="E114" s="9" t="s">
        <v>227</v>
      </c>
      <c r="F114" s="9" t="s">
        <v>281</v>
      </c>
      <c r="G114" s="9" t="s">
        <v>278</v>
      </c>
      <c r="H114" s="6">
        <v>219390</v>
      </c>
      <c r="I114" s="6">
        <v>185116</v>
      </c>
      <c r="J114" s="6">
        <v>178082</v>
      </c>
      <c r="K114" s="6">
        <v>34068</v>
      </c>
      <c r="L114" s="6">
        <v>206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0</v>
      </c>
      <c r="E115" s="9" t="s">
        <v>227</v>
      </c>
      <c r="F115" s="9" t="s">
        <v>281</v>
      </c>
      <c r="G115" s="9" t="s">
        <v>279</v>
      </c>
      <c r="H115" s="6">
        <v>145806</v>
      </c>
      <c r="I115" s="6">
        <v>121576</v>
      </c>
      <c r="J115" s="6">
        <v>117123</v>
      </c>
      <c r="K115" s="6">
        <v>24075</v>
      </c>
      <c r="L115" s="6">
        <v>155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0</v>
      </c>
      <c r="E116" s="9" t="s">
        <v>227</v>
      </c>
      <c r="F116" s="9" t="s">
        <v>281</v>
      </c>
      <c r="G116" s="9" t="s">
        <v>280</v>
      </c>
      <c r="H116" s="6">
        <v>1230355</v>
      </c>
      <c r="I116" s="6">
        <v>927272</v>
      </c>
      <c r="J116" s="6">
        <v>883010</v>
      </c>
      <c r="K116" s="6">
        <v>301568</v>
      </c>
      <c r="L116" s="6">
        <v>1515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0</v>
      </c>
      <c r="E117" s="9" t="s">
        <v>227</v>
      </c>
      <c r="F117" s="9" t="s">
        <v>282</v>
      </c>
      <c r="G117" s="9" t="s">
        <v>6</v>
      </c>
      <c r="H117" s="6">
        <v>2723154</v>
      </c>
      <c r="I117" s="6">
        <v>2215280</v>
      </c>
      <c r="J117" s="6">
        <v>2131955</v>
      </c>
      <c r="K117" s="6">
        <v>504634</v>
      </c>
      <c r="L117" s="6">
        <v>324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0</v>
      </c>
      <c r="E118" s="9" t="s">
        <v>227</v>
      </c>
      <c r="F118" s="9" t="s">
        <v>282</v>
      </c>
      <c r="G118" s="9" t="s">
        <v>272</v>
      </c>
      <c r="H118" s="6">
        <v>95405</v>
      </c>
      <c r="I118" s="6">
        <v>49087</v>
      </c>
      <c r="J118" s="6">
        <v>46642</v>
      </c>
      <c r="K118" s="6">
        <v>46087</v>
      </c>
      <c r="L118" s="6">
        <v>23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0</v>
      </c>
      <c r="E119" s="9" t="s">
        <v>227</v>
      </c>
      <c r="F119" s="9" t="s">
        <v>282</v>
      </c>
      <c r="G119" s="9" t="s">
        <v>273</v>
      </c>
      <c r="H119" s="6">
        <v>199811</v>
      </c>
      <c r="I119" s="6">
        <v>138631</v>
      </c>
      <c r="J119" s="6">
        <v>132032</v>
      </c>
      <c r="K119" s="6">
        <v>60777</v>
      </c>
      <c r="L119" s="6">
        <v>403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0</v>
      </c>
      <c r="E120" s="9" t="s">
        <v>227</v>
      </c>
      <c r="F120" s="9" t="s">
        <v>282</v>
      </c>
      <c r="G120" s="9" t="s">
        <v>274</v>
      </c>
      <c r="H120" s="6">
        <v>282150</v>
      </c>
      <c r="I120" s="6">
        <v>224901</v>
      </c>
      <c r="J120" s="6">
        <v>215507</v>
      </c>
      <c r="K120" s="6">
        <v>56886</v>
      </c>
      <c r="L120" s="6">
        <v>363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0</v>
      </c>
      <c r="E121" s="9" t="s">
        <v>227</v>
      </c>
      <c r="F121" s="9" t="s">
        <v>282</v>
      </c>
      <c r="G121" s="9" t="s">
        <v>275</v>
      </c>
      <c r="H121" s="6">
        <v>295837</v>
      </c>
      <c r="I121" s="6">
        <v>249894</v>
      </c>
      <c r="J121" s="6">
        <v>240358</v>
      </c>
      <c r="K121" s="6">
        <v>45663</v>
      </c>
      <c r="L121" s="6">
        <v>280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0</v>
      </c>
      <c r="E122" s="9" t="s">
        <v>227</v>
      </c>
      <c r="F122" s="9" t="s">
        <v>282</v>
      </c>
      <c r="G122" s="9" t="s">
        <v>276</v>
      </c>
      <c r="H122" s="6">
        <v>329908</v>
      </c>
      <c r="I122" s="6">
        <v>286032</v>
      </c>
      <c r="J122" s="6">
        <v>276034</v>
      </c>
      <c r="K122" s="6">
        <v>43526</v>
      </c>
      <c r="L122" s="6">
        <v>350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0</v>
      </c>
      <c r="E123" s="9" t="s">
        <v>227</v>
      </c>
      <c r="F123" s="9" t="s">
        <v>282</v>
      </c>
      <c r="G123" s="9" t="s">
        <v>277</v>
      </c>
      <c r="H123" s="6">
        <v>373679</v>
      </c>
      <c r="I123" s="6">
        <v>327935</v>
      </c>
      <c r="J123" s="6">
        <v>317136</v>
      </c>
      <c r="K123" s="6">
        <v>45343</v>
      </c>
      <c r="L123" s="6">
        <v>401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0</v>
      </c>
      <c r="E124" s="9" t="s">
        <v>227</v>
      </c>
      <c r="F124" s="9" t="s">
        <v>282</v>
      </c>
      <c r="G124" s="9" t="s">
        <v>278</v>
      </c>
      <c r="H124" s="6">
        <v>353009</v>
      </c>
      <c r="I124" s="6">
        <v>307874</v>
      </c>
      <c r="J124" s="6">
        <v>298112</v>
      </c>
      <c r="K124" s="6">
        <v>44828</v>
      </c>
      <c r="L124" s="6">
        <v>307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0</v>
      </c>
      <c r="E125" s="9" t="s">
        <v>227</v>
      </c>
      <c r="F125" s="9" t="s">
        <v>282</v>
      </c>
      <c r="G125" s="9" t="s">
        <v>279</v>
      </c>
      <c r="H125" s="6">
        <v>193030</v>
      </c>
      <c r="I125" s="6">
        <v>165197</v>
      </c>
      <c r="J125" s="6">
        <v>159917</v>
      </c>
      <c r="K125" s="6">
        <v>27611</v>
      </c>
      <c r="L125" s="6">
        <v>222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0</v>
      </c>
      <c r="E126" s="9" t="s">
        <v>227</v>
      </c>
      <c r="F126" s="9" t="s">
        <v>282</v>
      </c>
      <c r="G126" s="9" t="s">
        <v>280</v>
      </c>
      <c r="H126" s="6">
        <v>600325</v>
      </c>
      <c r="I126" s="6">
        <v>465729</v>
      </c>
      <c r="J126" s="6">
        <v>446217</v>
      </c>
      <c r="K126" s="6">
        <v>133913</v>
      </c>
      <c r="L126" s="6">
        <v>683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0</v>
      </c>
      <c r="E127" s="9" t="s">
        <v>227</v>
      </c>
      <c r="F127" s="9" t="s">
        <v>283</v>
      </c>
      <c r="G127" s="9" t="s">
        <v>6</v>
      </c>
      <c r="H127" s="6">
        <v>1289510</v>
      </c>
      <c r="I127" s="6">
        <v>1057447</v>
      </c>
      <c r="J127" s="6">
        <v>1013530</v>
      </c>
      <c r="K127" s="6">
        <v>230120</v>
      </c>
      <c r="L127" s="6">
        <v>1943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0</v>
      </c>
      <c r="E128" s="9" t="s">
        <v>227</v>
      </c>
      <c r="F128" s="9" t="s">
        <v>283</v>
      </c>
      <c r="G128" s="9" t="s">
        <v>272</v>
      </c>
      <c r="H128" s="6">
        <v>71852</v>
      </c>
      <c r="I128" s="6">
        <v>38959</v>
      </c>
      <c r="J128" s="6">
        <v>36384</v>
      </c>
      <c r="K128" s="6">
        <v>32672</v>
      </c>
      <c r="L128" s="6">
        <v>221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0</v>
      </c>
      <c r="E129" s="9" t="s">
        <v>227</v>
      </c>
      <c r="F129" s="9" t="s">
        <v>283</v>
      </c>
      <c r="G129" s="9" t="s">
        <v>273</v>
      </c>
      <c r="H129" s="6">
        <v>146802</v>
      </c>
      <c r="I129" s="6">
        <v>104241</v>
      </c>
      <c r="J129" s="6">
        <v>98862</v>
      </c>
      <c r="K129" s="6">
        <v>42302</v>
      </c>
      <c r="L129" s="6">
        <v>259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0</v>
      </c>
      <c r="E130" s="9" t="s">
        <v>227</v>
      </c>
      <c r="F130" s="9" t="s">
        <v>283</v>
      </c>
      <c r="G130" s="9" t="s">
        <v>274</v>
      </c>
      <c r="H130" s="6">
        <v>219597</v>
      </c>
      <c r="I130" s="6">
        <v>180118</v>
      </c>
      <c r="J130" s="6">
        <v>171888</v>
      </c>
      <c r="K130" s="6">
        <v>39172</v>
      </c>
      <c r="L130" s="6">
        <v>307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0</v>
      </c>
      <c r="E131" s="9" t="s">
        <v>227</v>
      </c>
      <c r="F131" s="9" t="s">
        <v>283</v>
      </c>
      <c r="G131" s="9" t="s">
        <v>275</v>
      </c>
      <c r="H131" s="6">
        <v>221636</v>
      </c>
      <c r="I131" s="6">
        <v>192402</v>
      </c>
      <c r="J131" s="6">
        <v>185028</v>
      </c>
      <c r="K131" s="6">
        <v>28946</v>
      </c>
      <c r="L131" s="6">
        <v>288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0</v>
      </c>
      <c r="E132" s="9" t="s">
        <v>227</v>
      </c>
      <c r="F132" s="9" t="s">
        <v>283</v>
      </c>
      <c r="G132" s="9" t="s">
        <v>276</v>
      </c>
      <c r="H132" s="6">
        <v>210140</v>
      </c>
      <c r="I132" s="6">
        <v>186239</v>
      </c>
      <c r="J132" s="6">
        <v>179428</v>
      </c>
      <c r="K132" s="6">
        <v>23626</v>
      </c>
      <c r="L132" s="6">
        <v>275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0</v>
      </c>
      <c r="E133" s="9" t="s">
        <v>227</v>
      </c>
      <c r="F133" s="9" t="s">
        <v>283</v>
      </c>
      <c r="G133" s="9" t="s">
        <v>277</v>
      </c>
      <c r="H133" s="6">
        <v>166841</v>
      </c>
      <c r="I133" s="6">
        <v>147092</v>
      </c>
      <c r="J133" s="6">
        <v>142030</v>
      </c>
      <c r="K133" s="6">
        <v>19493</v>
      </c>
      <c r="L133" s="6">
        <v>256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0</v>
      </c>
      <c r="E134" s="9" t="s">
        <v>227</v>
      </c>
      <c r="F134" s="9" t="s">
        <v>283</v>
      </c>
      <c r="G134" s="9" t="s">
        <v>278</v>
      </c>
      <c r="H134" s="6">
        <v>107927</v>
      </c>
      <c r="I134" s="6">
        <v>93288</v>
      </c>
      <c r="J134" s="6">
        <v>89868</v>
      </c>
      <c r="K134" s="6">
        <v>14512</v>
      </c>
      <c r="L134" s="6">
        <v>127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0</v>
      </c>
      <c r="E135" s="9" t="s">
        <v>227</v>
      </c>
      <c r="F135" s="9" t="s">
        <v>283</v>
      </c>
      <c r="G135" s="9" t="s">
        <v>279</v>
      </c>
      <c r="H135" s="6">
        <v>50069</v>
      </c>
      <c r="I135" s="6">
        <v>42029</v>
      </c>
      <c r="J135" s="6">
        <v>40457</v>
      </c>
      <c r="K135" s="6">
        <v>7969</v>
      </c>
      <c r="L135" s="6">
        <v>71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0</v>
      </c>
      <c r="E136" s="9" t="s">
        <v>227</v>
      </c>
      <c r="F136" s="9" t="s">
        <v>283</v>
      </c>
      <c r="G136" s="9" t="s">
        <v>280</v>
      </c>
      <c r="H136" s="6">
        <v>94646</v>
      </c>
      <c r="I136" s="6">
        <v>73079</v>
      </c>
      <c r="J136" s="6">
        <v>69585</v>
      </c>
      <c r="K136" s="6">
        <v>21428</v>
      </c>
      <c r="L136" s="6">
        <v>139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0</v>
      </c>
      <c r="E137" s="9" t="s">
        <v>228</v>
      </c>
      <c r="F137" s="9" t="s">
        <v>6</v>
      </c>
      <c r="G137" s="9" t="s">
        <v>6</v>
      </c>
      <c r="H137" s="6">
        <v>882575</v>
      </c>
      <c r="I137" s="6">
        <v>362318</v>
      </c>
      <c r="J137" s="6">
        <v>335747</v>
      </c>
      <c r="K137" s="6">
        <v>518720</v>
      </c>
      <c r="L137" s="6">
        <v>1537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0</v>
      </c>
      <c r="E138" s="9" t="s">
        <v>228</v>
      </c>
      <c r="F138" s="9" t="s">
        <v>234</v>
      </c>
      <c r="G138" s="9" t="s">
        <v>6</v>
      </c>
      <c r="H138" s="6">
        <v>439011</v>
      </c>
      <c r="I138" s="6">
        <v>154020</v>
      </c>
      <c r="J138" s="6">
        <v>142066</v>
      </c>
      <c r="K138" s="6">
        <v>284497</v>
      </c>
      <c r="L138" s="6">
        <v>494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0</v>
      </c>
      <c r="E139" s="9" t="s">
        <v>228</v>
      </c>
      <c r="F139" s="9" t="s">
        <v>235</v>
      </c>
      <c r="G139" s="9" t="s">
        <v>6</v>
      </c>
      <c r="H139" s="6">
        <v>443564</v>
      </c>
      <c r="I139" s="6">
        <v>208298</v>
      </c>
      <c r="J139" s="6">
        <v>193681</v>
      </c>
      <c r="K139" s="6">
        <v>234223</v>
      </c>
      <c r="L139" s="6">
        <v>1043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0</v>
      </c>
      <c r="E140" s="9" t="s">
        <v>228</v>
      </c>
      <c r="F140" s="9" t="s">
        <v>235</v>
      </c>
      <c r="G140" s="9" t="s">
        <v>272</v>
      </c>
      <c r="H140" s="6">
        <v>7082</v>
      </c>
      <c r="I140" s="6">
        <v>2168</v>
      </c>
      <c r="J140" s="6">
        <v>1999</v>
      </c>
      <c r="K140" s="6">
        <v>4823</v>
      </c>
      <c r="L140" s="6">
        <v>91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0</v>
      </c>
      <c r="E141" s="9" t="s">
        <v>228</v>
      </c>
      <c r="F141" s="9" t="s">
        <v>235</v>
      </c>
      <c r="G141" s="9" t="s">
        <v>273</v>
      </c>
      <c r="H141" s="6">
        <v>9891</v>
      </c>
      <c r="I141" s="6">
        <v>4599</v>
      </c>
      <c r="J141" s="6">
        <v>4177</v>
      </c>
      <c r="K141" s="6">
        <v>5227</v>
      </c>
      <c r="L141" s="6">
        <v>65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0</v>
      </c>
      <c r="E142" s="9" t="s">
        <v>228</v>
      </c>
      <c r="F142" s="9" t="s">
        <v>235</v>
      </c>
      <c r="G142" s="9" t="s">
        <v>274</v>
      </c>
      <c r="H142" s="6">
        <v>11223</v>
      </c>
      <c r="I142" s="6">
        <v>6704</v>
      </c>
      <c r="J142" s="6">
        <v>6078</v>
      </c>
      <c r="K142" s="6">
        <v>4428</v>
      </c>
      <c r="L142" s="6">
        <v>91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0</v>
      </c>
      <c r="E143" s="9" t="s">
        <v>228</v>
      </c>
      <c r="F143" s="9" t="s">
        <v>235</v>
      </c>
      <c r="G143" s="9" t="s">
        <v>275</v>
      </c>
      <c r="H143" s="6">
        <v>10907</v>
      </c>
      <c r="I143" s="6">
        <v>6981</v>
      </c>
      <c r="J143" s="6">
        <v>6536</v>
      </c>
      <c r="K143" s="6">
        <v>3852</v>
      </c>
      <c r="L143" s="6">
        <v>74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0</v>
      </c>
      <c r="E144" s="9" t="s">
        <v>228</v>
      </c>
      <c r="F144" s="9" t="s">
        <v>235</v>
      </c>
      <c r="G144" s="9" t="s">
        <v>276</v>
      </c>
      <c r="H144" s="6">
        <v>11739</v>
      </c>
      <c r="I144" s="6">
        <v>8253</v>
      </c>
      <c r="J144" s="6">
        <v>7704</v>
      </c>
      <c r="K144" s="6">
        <v>3409</v>
      </c>
      <c r="L144" s="6">
        <v>77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0</v>
      </c>
      <c r="E145" s="9" t="s">
        <v>228</v>
      </c>
      <c r="F145" s="9" t="s">
        <v>235</v>
      </c>
      <c r="G145" s="9" t="s">
        <v>277</v>
      </c>
      <c r="H145" s="6">
        <v>13028</v>
      </c>
      <c r="I145" s="6">
        <v>9350</v>
      </c>
      <c r="J145" s="6">
        <v>8798</v>
      </c>
      <c r="K145" s="6">
        <v>3615</v>
      </c>
      <c r="L145" s="6">
        <v>63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0</v>
      </c>
      <c r="E146" s="9" t="s">
        <v>228</v>
      </c>
      <c r="F146" s="9" t="s">
        <v>235</v>
      </c>
      <c r="G146" s="9" t="s">
        <v>278</v>
      </c>
      <c r="H146" s="6">
        <v>16089</v>
      </c>
      <c r="I146" s="6">
        <v>11317</v>
      </c>
      <c r="J146" s="6">
        <v>10719</v>
      </c>
      <c r="K146" s="6">
        <v>4670</v>
      </c>
      <c r="L146" s="6">
        <v>102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0</v>
      </c>
      <c r="E147" s="9" t="s">
        <v>228</v>
      </c>
      <c r="F147" s="9" t="s">
        <v>235</v>
      </c>
      <c r="G147" s="9" t="s">
        <v>279</v>
      </c>
      <c r="H147" s="6">
        <v>11515</v>
      </c>
      <c r="I147" s="6">
        <v>8215</v>
      </c>
      <c r="J147" s="6">
        <v>7784</v>
      </c>
      <c r="K147" s="6">
        <v>3259</v>
      </c>
      <c r="L147" s="6">
        <v>41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0</v>
      </c>
      <c r="E148" s="9" t="s">
        <v>228</v>
      </c>
      <c r="F148" s="9" t="s">
        <v>235</v>
      </c>
      <c r="G148" s="9" t="s">
        <v>280</v>
      </c>
      <c r="H148" s="6">
        <v>352090</v>
      </c>
      <c r="I148" s="6">
        <v>150711</v>
      </c>
      <c r="J148" s="6">
        <v>139886</v>
      </c>
      <c r="K148" s="6">
        <v>200940</v>
      </c>
      <c r="L148" s="6">
        <v>439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0</v>
      </c>
      <c r="E149" s="9" t="s">
        <v>228</v>
      </c>
      <c r="F149" s="9" t="s">
        <v>281</v>
      </c>
      <c r="G149" s="9" t="s">
        <v>6</v>
      </c>
      <c r="H149" s="6">
        <v>290871</v>
      </c>
      <c r="I149" s="6">
        <v>125304</v>
      </c>
      <c r="J149" s="6">
        <v>116240</v>
      </c>
      <c r="K149" s="6">
        <v>165113</v>
      </c>
      <c r="L149" s="6">
        <v>454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0</v>
      </c>
      <c r="E150" s="9" t="s">
        <v>228</v>
      </c>
      <c r="F150" s="9" t="s">
        <v>281</v>
      </c>
      <c r="G150" s="9" t="s">
        <v>272</v>
      </c>
      <c r="H150" s="6">
        <v>3559</v>
      </c>
      <c r="I150" s="6">
        <v>1016</v>
      </c>
      <c r="J150" s="6">
        <v>935</v>
      </c>
      <c r="K150" s="6">
        <v>2481</v>
      </c>
      <c r="L150" s="6">
        <v>62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0</v>
      </c>
      <c r="E151" s="9" t="s">
        <v>228</v>
      </c>
      <c r="F151" s="9" t="s">
        <v>281</v>
      </c>
      <c r="G151" s="9" t="s">
        <v>273</v>
      </c>
      <c r="H151" s="6">
        <v>4112</v>
      </c>
      <c r="I151" s="6">
        <v>1862</v>
      </c>
      <c r="J151" s="6">
        <v>1711</v>
      </c>
      <c r="K151" s="6">
        <v>2225</v>
      </c>
      <c r="L151" s="6">
        <v>25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0</v>
      </c>
      <c r="E152" s="9" t="s">
        <v>228</v>
      </c>
      <c r="F152" s="9" t="s">
        <v>281</v>
      </c>
      <c r="G152" s="9" t="s">
        <v>274</v>
      </c>
      <c r="H152" s="6">
        <v>3708</v>
      </c>
      <c r="I152" s="6">
        <v>2170</v>
      </c>
      <c r="J152" s="6">
        <v>1948</v>
      </c>
      <c r="K152" s="6">
        <v>1523</v>
      </c>
      <c r="L152" s="6">
        <v>15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0</v>
      </c>
      <c r="E153" s="9" t="s">
        <v>228</v>
      </c>
      <c r="F153" s="9" t="s">
        <v>281</v>
      </c>
      <c r="G153" s="9" t="s">
        <v>275</v>
      </c>
      <c r="H153" s="6">
        <v>3245</v>
      </c>
      <c r="I153" s="6">
        <v>2054</v>
      </c>
      <c r="J153" s="6">
        <v>1882</v>
      </c>
      <c r="K153" s="6">
        <v>1167</v>
      </c>
      <c r="L153" s="6">
        <v>24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0</v>
      </c>
      <c r="E154" s="9" t="s">
        <v>228</v>
      </c>
      <c r="F154" s="9" t="s">
        <v>281</v>
      </c>
      <c r="G154" s="9" t="s">
        <v>276</v>
      </c>
      <c r="H154" s="6">
        <v>3429</v>
      </c>
      <c r="I154" s="6">
        <v>2353</v>
      </c>
      <c r="J154" s="6">
        <v>2197</v>
      </c>
      <c r="K154" s="6">
        <v>1053</v>
      </c>
      <c r="L154" s="6">
        <v>23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0</v>
      </c>
      <c r="E155" s="9" t="s">
        <v>228</v>
      </c>
      <c r="F155" s="9" t="s">
        <v>281</v>
      </c>
      <c r="G155" s="9" t="s">
        <v>277</v>
      </c>
      <c r="H155" s="6">
        <v>4122</v>
      </c>
      <c r="I155" s="6">
        <v>2835</v>
      </c>
      <c r="J155" s="6">
        <v>2636</v>
      </c>
      <c r="K155" s="6">
        <v>1273</v>
      </c>
      <c r="L155" s="6">
        <v>14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0</v>
      </c>
      <c r="E156" s="9" t="s">
        <v>228</v>
      </c>
      <c r="F156" s="9" t="s">
        <v>281</v>
      </c>
      <c r="G156" s="9" t="s">
        <v>278</v>
      </c>
      <c r="H156" s="6">
        <v>6392</v>
      </c>
      <c r="I156" s="6">
        <v>4420</v>
      </c>
      <c r="J156" s="6">
        <v>4148</v>
      </c>
      <c r="K156" s="6">
        <v>1943</v>
      </c>
      <c r="L156" s="6">
        <v>29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0</v>
      </c>
      <c r="E157" s="9" t="s">
        <v>228</v>
      </c>
      <c r="F157" s="9" t="s">
        <v>281</v>
      </c>
      <c r="G157" s="9" t="s">
        <v>279</v>
      </c>
      <c r="H157" s="6">
        <v>5191</v>
      </c>
      <c r="I157" s="6">
        <v>3537</v>
      </c>
      <c r="J157" s="6">
        <v>3339</v>
      </c>
      <c r="K157" s="6">
        <v>1635</v>
      </c>
      <c r="L157" s="6">
        <v>19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0</v>
      </c>
      <c r="E158" s="9" t="s">
        <v>228</v>
      </c>
      <c r="F158" s="9" t="s">
        <v>281</v>
      </c>
      <c r="G158" s="9" t="s">
        <v>280</v>
      </c>
      <c r="H158" s="6">
        <v>257113</v>
      </c>
      <c r="I158" s="6">
        <v>105057</v>
      </c>
      <c r="J158" s="6">
        <v>97444</v>
      </c>
      <c r="K158" s="6">
        <v>151813</v>
      </c>
      <c r="L158" s="6">
        <v>243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0</v>
      </c>
      <c r="E159" s="9" t="s">
        <v>228</v>
      </c>
      <c r="F159" s="9" t="s">
        <v>282</v>
      </c>
      <c r="G159" s="9" t="s">
        <v>6</v>
      </c>
      <c r="H159" s="6">
        <v>120098</v>
      </c>
      <c r="I159" s="6">
        <v>63870</v>
      </c>
      <c r="J159" s="6">
        <v>59620</v>
      </c>
      <c r="K159" s="6">
        <v>55893</v>
      </c>
      <c r="L159" s="6">
        <v>335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0</v>
      </c>
      <c r="E160" s="9" t="s">
        <v>228</v>
      </c>
      <c r="F160" s="9" t="s">
        <v>282</v>
      </c>
      <c r="G160" s="9" t="s">
        <v>272</v>
      </c>
      <c r="H160" s="6">
        <v>2095</v>
      </c>
      <c r="I160" s="6">
        <v>681</v>
      </c>
      <c r="J160" s="6">
        <v>621</v>
      </c>
      <c r="K160" s="6">
        <v>1402</v>
      </c>
      <c r="L160" s="6">
        <v>12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0</v>
      </c>
      <c r="E161" s="9" t="s">
        <v>228</v>
      </c>
      <c r="F161" s="9" t="s">
        <v>282</v>
      </c>
      <c r="G161" s="9" t="s">
        <v>273</v>
      </c>
      <c r="H161" s="6">
        <v>3368</v>
      </c>
      <c r="I161" s="6">
        <v>1582</v>
      </c>
      <c r="J161" s="6">
        <v>1432</v>
      </c>
      <c r="K161" s="6">
        <v>1761</v>
      </c>
      <c r="L161" s="6">
        <v>25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0</v>
      </c>
      <c r="E162" s="9" t="s">
        <v>228</v>
      </c>
      <c r="F162" s="9" t="s">
        <v>282</v>
      </c>
      <c r="G162" s="9" t="s">
        <v>274</v>
      </c>
      <c r="H162" s="6">
        <v>4220</v>
      </c>
      <c r="I162" s="6">
        <v>2548</v>
      </c>
      <c r="J162" s="6">
        <v>2358</v>
      </c>
      <c r="K162" s="6">
        <v>1648</v>
      </c>
      <c r="L162" s="6">
        <v>24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0</v>
      </c>
      <c r="E163" s="9" t="s">
        <v>228</v>
      </c>
      <c r="F163" s="9" t="s">
        <v>282</v>
      </c>
      <c r="G163" s="9" t="s">
        <v>275</v>
      </c>
      <c r="H163" s="6">
        <v>4191</v>
      </c>
      <c r="I163" s="6">
        <v>2830</v>
      </c>
      <c r="J163" s="6">
        <v>2671</v>
      </c>
      <c r="K163" s="6">
        <v>1341</v>
      </c>
      <c r="L163" s="6">
        <v>20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0</v>
      </c>
      <c r="E164" s="9" t="s">
        <v>228</v>
      </c>
      <c r="F164" s="9" t="s">
        <v>282</v>
      </c>
      <c r="G164" s="9" t="s">
        <v>276</v>
      </c>
      <c r="H164" s="6">
        <v>5110</v>
      </c>
      <c r="I164" s="6">
        <v>3682</v>
      </c>
      <c r="J164" s="6">
        <v>3430</v>
      </c>
      <c r="K164" s="6">
        <v>1407</v>
      </c>
      <c r="L164" s="6">
        <v>21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0</v>
      </c>
      <c r="E165" s="9" t="s">
        <v>228</v>
      </c>
      <c r="F165" s="9" t="s">
        <v>282</v>
      </c>
      <c r="G165" s="9" t="s">
        <v>277</v>
      </c>
      <c r="H165" s="6">
        <v>6155</v>
      </c>
      <c r="I165" s="6">
        <v>4442</v>
      </c>
      <c r="J165" s="6">
        <v>4217</v>
      </c>
      <c r="K165" s="6">
        <v>1690</v>
      </c>
      <c r="L165" s="6">
        <v>23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0</v>
      </c>
      <c r="E166" s="9" t="s">
        <v>228</v>
      </c>
      <c r="F166" s="9" t="s">
        <v>282</v>
      </c>
      <c r="G166" s="9" t="s">
        <v>278</v>
      </c>
      <c r="H166" s="6">
        <v>7230</v>
      </c>
      <c r="I166" s="6">
        <v>5132</v>
      </c>
      <c r="J166" s="6">
        <v>4889</v>
      </c>
      <c r="K166" s="6">
        <v>2064</v>
      </c>
      <c r="L166" s="6">
        <v>34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0</v>
      </c>
      <c r="E167" s="9" t="s">
        <v>228</v>
      </c>
      <c r="F167" s="9" t="s">
        <v>282</v>
      </c>
      <c r="G167" s="9" t="s">
        <v>279</v>
      </c>
      <c r="H167" s="6">
        <v>4849</v>
      </c>
      <c r="I167" s="6">
        <v>3551</v>
      </c>
      <c r="J167" s="6">
        <v>3362</v>
      </c>
      <c r="K167" s="6">
        <v>1283</v>
      </c>
      <c r="L167" s="6">
        <v>15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0</v>
      </c>
      <c r="E168" s="9" t="s">
        <v>228</v>
      </c>
      <c r="F168" s="9" t="s">
        <v>282</v>
      </c>
      <c r="G168" s="9" t="s">
        <v>280</v>
      </c>
      <c r="H168" s="6">
        <v>82880</v>
      </c>
      <c r="I168" s="6">
        <v>39422</v>
      </c>
      <c r="J168" s="6">
        <v>36640</v>
      </c>
      <c r="K168" s="6">
        <v>43297</v>
      </c>
      <c r="L168" s="6">
        <v>161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0</v>
      </c>
      <c r="E169" s="9" t="s">
        <v>228</v>
      </c>
      <c r="F169" s="9" t="s">
        <v>283</v>
      </c>
      <c r="G169" s="9" t="s">
        <v>6</v>
      </c>
      <c r="H169" s="6">
        <v>32595</v>
      </c>
      <c r="I169" s="6">
        <v>19124</v>
      </c>
      <c r="J169" s="6">
        <v>17821</v>
      </c>
      <c r="K169" s="6">
        <v>13217</v>
      </c>
      <c r="L169" s="6">
        <v>254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0</v>
      </c>
      <c r="E170" s="9" t="s">
        <v>228</v>
      </c>
      <c r="F170" s="9" t="s">
        <v>283</v>
      </c>
      <c r="G170" s="9" t="s">
        <v>272</v>
      </c>
      <c r="H170" s="6">
        <v>1428</v>
      </c>
      <c r="I170" s="6">
        <v>471</v>
      </c>
      <c r="J170" s="6">
        <v>443</v>
      </c>
      <c r="K170" s="6">
        <v>940</v>
      </c>
      <c r="L170" s="6">
        <v>17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0</v>
      </c>
      <c r="E171" s="9" t="s">
        <v>228</v>
      </c>
      <c r="F171" s="9" t="s">
        <v>283</v>
      </c>
      <c r="G171" s="9" t="s">
        <v>273</v>
      </c>
      <c r="H171" s="6">
        <v>2411</v>
      </c>
      <c r="I171" s="6">
        <v>1155</v>
      </c>
      <c r="J171" s="6">
        <v>1034</v>
      </c>
      <c r="K171" s="6">
        <v>1241</v>
      </c>
      <c r="L171" s="6">
        <v>15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0</v>
      </c>
      <c r="E172" s="9" t="s">
        <v>228</v>
      </c>
      <c r="F172" s="9" t="s">
        <v>283</v>
      </c>
      <c r="G172" s="9" t="s">
        <v>274</v>
      </c>
      <c r="H172" s="6">
        <v>3295</v>
      </c>
      <c r="I172" s="6">
        <v>1986</v>
      </c>
      <c r="J172" s="6">
        <v>1772</v>
      </c>
      <c r="K172" s="6">
        <v>1257</v>
      </c>
      <c r="L172" s="6">
        <v>52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0</v>
      </c>
      <c r="E173" s="9" t="s">
        <v>228</v>
      </c>
      <c r="F173" s="9" t="s">
        <v>283</v>
      </c>
      <c r="G173" s="9" t="s">
        <v>275</v>
      </c>
      <c r="H173" s="6">
        <v>3471</v>
      </c>
      <c r="I173" s="6">
        <v>2097</v>
      </c>
      <c r="J173" s="6">
        <v>1983</v>
      </c>
      <c r="K173" s="6">
        <v>1344</v>
      </c>
      <c r="L173" s="6">
        <v>30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0</v>
      </c>
      <c r="E174" s="9" t="s">
        <v>228</v>
      </c>
      <c r="F174" s="9" t="s">
        <v>283</v>
      </c>
      <c r="G174" s="9" t="s">
        <v>276</v>
      </c>
      <c r="H174" s="6">
        <v>3200</v>
      </c>
      <c r="I174" s="6">
        <v>2218</v>
      </c>
      <c r="J174" s="6">
        <v>2077</v>
      </c>
      <c r="K174" s="6">
        <v>949</v>
      </c>
      <c r="L174" s="6">
        <v>33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0</v>
      </c>
      <c r="E175" s="9" t="s">
        <v>228</v>
      </c>
      <c r="F175" s="9" t="s">
        <v>283</v>
      </c>
      <c r="G175" s="9" t="s">
        <v>277</v>
      </c>
      <c r="H175" s="6">
        <v>2751</v>
      </c>
      <c r="I175" s="6">
        <v>2073</v>
      </c>
      <c r="J175" s="6">
        <v>1945</v>
      </c>
      <c r="K175" s="6">
        <v>652</v>
      </c>
      <c r="L175" s="6">
        <v>26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0</v>
      </c>
      <c r="E176" s="9" t="s">
        <v>228</v>
      </c>
      <c r="F176" s="9" t="s">
        <v>283</v>
      </c>
      <c r="G176" s="9" t="s">
        <v>278</v>
      </c>
      <c r="H176" s="6">
        <v>2467</v>
      </c>
      <c r="I176" s="6">
        <v>1765</v>
      </c>
      <c r="J176" s="6">
        <v>1682</v>
      </c>
      <c r="K176" s="6">
        <v>663</v>
      </c>
      <c r="L176" s="6">
        <v>39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0</v>
      </c>
      <c r="E177" s="9" t="s">
        <v>228</v>
      </c>
      <c r="F177" s="9" t="s">
        <v>283</v>
      </c>
      <c r="G177" s="9" t="s">
        <v>279</v>
      </c>
      <c r="H177" s="6">
        <v>1475</v>
      </c>
      <c r="I177" s="6">
        <v>1127</v>
      </c>
      <c r="J177" s="6">
        <v>1083</v>
      </c>
      <c r="K177" s="6">
        <v>341</v>
      </c>
      <c r="L177" s="6">
        <v>7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0</v>
      </c>
      <c r="E178" s="9" t="s">
        <v>228</v>
      </c>
      <c r="F178" s="9" t="s">
        <v>283</v>
      </c>
      <c r="G178" s="9" t="s">
        <v>280</v>
      </c>
      <c r="H178" s="6">
        <v>12097</v>
      </c>
      <c r="I178" s="6">
        <v>6232</v>
      </c>
      <c r="J178" s="6">
        <v>5802</v>
      </c>
      <c r="K178" s="6">
        <v>5830</v>
      </c>
      <c r="L178" s="6">
        <v>35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0</v>
      </c>
      <c r="E179" s="9" t="s">
        <v>18</v>
      </c>
      <c r="F179" s="9" t="s">
        <v>6</v>
      </c>
      <c r="G179" s="9" t="s">
        <v>6</v>
      </c>
      <c r="H179" s="6">
        <v>410814</v>
      </c>
      <c r="I179" s="6">
        <v>8112</v>
      </c>
      <c r="J179" s="6">
        <v>6406</v>
      </c>
      <c r="K179" s="6">
        <v>3513</v>
      </c>
      <c r="L179" s="6">
        <v>399189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0</v>
      </c>
      <c r="E180" s="9" t="s">
        <v>18</v>
      </c>
      <c r="F180" s="9" t="s">
        <v>234</v>
      </c>
      <c r="G180" s="9" t="s">
        <v>6</v>
      </c>
      <c r="H180" s="6">
        <v>82862</v>
      </c>
      <c r="I180" s="6">
        <v>2393</v>
      </c>
      <c r="J180" s="6">
        <v>1874</v>
      </c>
      <c r="K180" s="6">
        <v>929</v>
      </c>
      <c r="L180" s="6">
        <v>79540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0</v>
      </c>
      <c r="E181" s="9" t="s">
        <v>18</v>
      </c>
      <c r="F181" s="9" t="s">
        <v>235</v>
      </c>
      <c r="G181" s="9" t="s">
        <v>6</v>
      </c>
      <c r="H181" s="6">
        <v>327952</v>
      </c>
      <c r="I181" s="6">
        <v>5719</v>
      </c>
      <c r="J181" s="6">
        <v>4532</v>
      </c>
      <c r="K181" s="6">
        <v>2584</v>
      </c>
      <c r="L181" s="6">
        <v>319649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0</v>
      </c>
      <c r="E182" s="9" t="s">
        <v>18</v>
      </c>
      <c r="F182" s="9" t="s">
        <v>235</v>
      </c>
      <c r="G182" s="9" t="s">
        <v>272</v>
      </c>
      <c r="H182" s="6">
        <v>19914</v>
      </c>
      <c r="I182" s="6">
        <v>201</v>
      </c>
      <c r="J182" s="6">
        <v>143</v>
      </c>
      <c r="K182" s="6">
        <v>193</v>
      </c>
      <c r="L182" s="6">
        <v>19520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0</v>
      </c>
      <c r="E183" s="9" t="s">
        <v>18</v>
      </c>
      <c r="F183" s="9" t="s">
        <v>235</v>
      </c>
      <c r="G183" s="9" t="s">
        <v>273</v>
      </c>
      <c r="H183" s="6">
        <v>35866</v>
      </c>
      <c r="I183" s="6">
        <v>270</v>
      </c>
      <c r="J183" s="6">
        <v>200</v>
      </c>
      <c r="K183" s="6">
        <v>331</v>
      </c>
      <c r="L183" s="6">
        <v>35265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0</v>
      </c>
      <c r="E184" s="9" t="s">
        <v>18</v>
      </c>
      <c r="F184" s="9" t="s">
        <v>235</v>
      </c>
      <c r="G184" s="9" t="s">
        <v>274</v>
      </c>
      <c r="H184" s="6">
        <v>39256</v>
      </c>
      <c r="I184" s="6">
        <v>497</v>
      </c>
      <c r="J184" s="6">
        <v>353</v>
      </c>
      <c r="K184" s="6">
        <v>285</v>
      </c>
      <c r="L184" s="6">
        <v>38474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0</v>
      </c>
      <c r="E185" s="9" t="s">
        <v>18</v>
      </c>
      <c r="F185" s="9" t="s">
        <v>235</v>
      </c>
      <c r="G185" s="9" t="s">
        <v>275</v>
      </c>
      <c r="H185" s="6">
        <v>34744</v>
      </c>
      <c r="I185" s="6">
        <v>380</v>
      </c>
      <c r="J185" s="6">
        <v>290</v>
      </c>
      <c r="K185" s="6">
        <v>186</v>
      </c>
      <c r="L185" s="6">
        <v>34178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0</v>
      </c>
      <c r="E186" s="9" t="s">
        <v>18</v>
      </c>
      <c r="F186" s="9" t="s">
        <v>235</v>
      </c>
      <c r="G186" s="9" t="s">
        <v>276</v>
      </c>
      <c r="H186" s="6">
        <v>34353</v>
      </c>
      <c r="I186" s="6">
        <v>350</v>
      </c>
      <c r="J186" s="6">
        <v>268</v>
      </c>
      <c r="K186" s="6">
        <v>162</v>
      </c>
      <c r="L186" s="6">
        <v>33841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0</v>
      </c>
      <c r="E187" s="9" t="s">
        <v>18</v>
      </c>
      <c r="F187" s="9" t="s">
        <v>235</v>
      </c>
      <c r="G187" s="9" t="s">
        <v>277</v>
      </c>
      <c r="H187" s="6">
        <v>32714</v>
      </c>
      <c r="I187" s="6">
        <v>519</v>
      </c>
      <c r="J187" s="6">
        <v>420</v>
      </c>
      <c r="K187" s="6">
        <v>137</v>
      </c>
      <c r="L187" s="6">
        <v>32058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0</v>
      </c>
      <c r="E188" s="9" t="s">
        <v>18</v>
      </c>
      <c r="F188" s="9" t="s">
        <v>235</v>
      </c>
      <c r="G188" s="9" t="s">
        <v>278</v>
      </c>
      <c r="H188" s="6">
        <v>31235</v>
      </c>
      <c r="I188" s="6">
        <v>643</v>
      </c>
      <c r="J188" s="6">
        <v>528</v>
      </c>
      <c r="K188" s="6">
        <v>159</v>
      </c>
      <c r="L188" s="6">
        <v>30433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0</v>
      </c>
      <c r="E189" s="9" t="s">
        <v>18</v>
      </c>
      <c r="F189" s="9" t="s">
        <v>235</v>
      </c>
      <c r="G189" s="9" t="s">
        <v>279</v>
      </c>
      <c r="H189" s="6">
        <v>20210</v>
      </c>
      <c r="I189" s="6">
        <v>366</v>
      </c>
      <c r="J189" s="6">
        <v>317</v>
      </c>
      <c r="K189" s="6">
        <v>105</v>
      </c>
      <c r="L189" s="6">
        <v>19739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0</v>
      </c>
      <c r="E190" s="9" t="s">
        <v>18</v>
      </c>
      <c r="F190" s="9" t="s">
        <v>235</v>
      </c>
      <c r="G190" s="9" t="s">
        <v>280</v>
      </c>
      <c r="H190" s="6">
        <v>79660</v>
      </c>
      <c r="I190" s="6">
        <v>2493</v>
      </c>
      <c r="J190" s="6">
        <v>2013</v>
      </c>
      <c r="K190" s="6">
        <v>1026</v>
      </c>
      <c r="L190" s="6">
        <v>76141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0</v>
      </c>
      <c r="E191" s="9" t="s">
        <v>18</v>
      </c>
      <c r="F191" s="9" t="s">
        <v>281</v>
      </c>
      <c r="G191" s="9" t="s">
        <v>6</v>
      </c>
      <c r="H191" s="6">
        <v>109069</v>
      </c>
      <c r="I191" s="6">
        <v>2188</v>
      </c>
      <c r="J191" s="6">
        <v>1746</v>
      </c>
      <c r="K191" s="6">
        <v>1154</v>
      </c>
      <c r="L191" s="6">
        <v>105727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0</v>
      </c>
      <c r="E192" s="9" t="s">
        <v>18</v>
      </c>
      <c r="F192" s="9" t="s">
        <v>281</v>
      </c>
      <c r="G192" s="9" t="s">
        <v>272</v>
      </c>
      <c r="H192" s="6">
        <v>7730</v>
      </c>
      <c r="I192" s="6">
        <v>93</v>
      </c>
      <c r="J192" s="6">
        <v>75</v>
      </c>
      <c r="K192" s="6">
        <v>77</v>
      </c>
      <c r="L192" s="6">
        <v>7560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0</v>
      </c>
      <c r="E193" s="9" t="s">
        <v>18</v>
      </c>
      <c r="F193" s="9" t="s">
        <v>281</v>
      </c>
      <c r="G193" s="9" t="s">
        <v>273</v>
      </c>
      <c r="H193" s="6">
        <v>11854</v>
      </c>
      <c r="I193" s="6">
        <v>86</v>
      </c>
      <c r="J193" s="6">
        <v>64</v>
      </c>
      <c r="K193" s="6">
        <v>143</v>
      </c>
      <c r="L193" s="6">
        <v>11625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0</v>
      </c>
      <c r="E194" s="9" t="s">
        <v>18</v>
      </c>
      <c r="F194" s="9" t="s">
        <v>281</v>
      </c>
      <c r="G194" s="9" t="s">
        <v>274</v>
      </c>
      <c r="H194" s="6">
        <v>9699</v>
      </c>
      <c r="I194" s="6">
        <v>136</v>
      </c>
      <c r="J194" s="6">
        <v>97</v>
      </c>
      <c r="K194" s="6">
        <v>88</v>
      </c>
      <c r="L194" s="6">
        <v>9475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0</v>
      </c>
      <c r="E195" s="9" t="s">
        <v>18</v>
      </c>
      <c r="F195" s="9" t="s">
        <v>281</v>
      </c>
      <c r="G195" s="9" t="s">
        <v>275</v>
      </c>
      <c r="H195" s="6">
        <v>6515</v>
      </c>
      <c r="I195" s="6">
        <v>50</v>
      </c>
      <c r="J195" s="6">
        <v>29</v>
      </c>
      <c r="K195" s="6">
        <v>34</v>
      </c>
      <c r="L195" s="6">
        <v>6431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0</v>
      </c>
      <c r="E196" s="9" t="s">
        <v>18</v>
      </c>
      <c r="F196" s="9" t="s">
        <v>281</v>
      </c>
      <c r="G196" s="9" t="s">
        <v>276</v>
      </c>
      <c r="H196" s="6">
        <v>6750</v>
      </c>
      <c r="I196" s="6">
        <v>90</v>
      </c>
      <c r="J196" s="6">
        <v>51</v>
      </c>
      <c r="K196" s="6">
        <v>35</v>
      </c>
      <c r="L196" s="6">
        <v>6625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0</v>
      </c>
      <c r="E197" s="9" t="s">
        <v>18</v>
      </c>
      <c r="F197" s="9" t="s">
        <v>281</v>
      </c>
      <c r="G197" s="9" t="s">
        <v>277</v>
      </c>
      <c r="H197" s="6">
        <v>6744</v>
      </c>
      <c r="I197" s="6">
        <v>125</v>
      </c>
      <c r="J197" s="6">
        <v>101</v>
      </c>
      <c r="K197" s="6">
        <v>50</v>
      </c>
      <c r="L197" s="6">
        <v>6569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0</v>
      </c>
      <c r="E198" s="9" t="s">
        <v>18</v>
      </c>
      <c r="F198" s="9" t="s">
        <v>281</v>
      </c>
      <c r="G198" s="9" t="s">
        <v>278</v>
      </c>
      <c r="H198" s="6">
        <v>8329</v>
      </c>
      <c r="I198" s="6">
        <v>181</v>
      </c>
      <c r="J198" s="6">
        <v>148</v>
      </c>
      <c r="K198" s="6">
        <v>32</v>
      </c>
      <c r="L198" s="6">
        <v>8116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0</v>
      </c>
      <c r="E199" s="9" t="s">
        <v>18</v>
      </c>
      <c r="F199" s="9" t="s">
        <v>281</v>
      </c>
      <c r="G199" s="9" t="s">
        <v>279</v>
      </c>
      <c r="H199" s="6">
        <v>6332</v>
      </c>
      <c r="I199" s="6">
        <v>71</v>
      </c>
      <c r="J199" s="6">
        <v>67</v>
      </c>
      <c r="K199" s="6">
        <v>23</v>
      </c>
      <c r="L199" s="6">
        <v>6238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0</v>
      </c>
      <c r="E200" s="9" t="s">
        <v>18</v>
      </c>
      <c r="F200" s="9" t="s">
        <v>281</v>
      </c>
      <c r="G200" s="9" t="s">
        <v>280</v>
      </c>
      <c r="H200" s="6">
        <v>45116</v>
      </c>
      <c r="I200" s="6">
        <v>1356</v>
      </c>
      <c r="J200" s="6">
        <v>1114</v>
      </c>
      <c r="K200" s="6">
        <v>672</v>
      </c>
      <c r="L200" s="6">
        <v>43088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0</v>
      </c>
      <c r="E201" s="9" t="s">
        <v>18</v>
      </c>
      <c r="F201" s="9" t="s">
        <v>282</v>
      </c>
      <c r="G201" s="9" t="s">
        <v>6</v>
      </c>
      <c r="H201" s="6">
        <v>135935</v>
      </c>
      <c r="I201" s="6">
        <v>2507</v>
      </c>
      <c r="J201" s="6">
        <v>2047</v>
      </c>
      <c r="K201" s="6">
        <v>943</v>
      </c>
      <c r="L201" s="6">
        <v>132485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0</v>
      </c>
      <c r="E202" s="9" t="s">
        <v>18</v>
      </c>
      <c r="F202" s="9" t="s">
        <v>282</v>
      </c>
      <c r="G202" s="9" t="s">
        <v>272</v>
      </c>
      <c r="H202" s="6">
        <v>6661</v>
      </c>
      <c r="I202" s="6">
        <v>45</v>
      </c>
      <c r="J202" s="6">
        <v>22</v>
      </c>
      <c r="K202" s="6">
        <v>72</v>
      </c>
      <c r="L202" s="6">
        <v>6544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0</v>
      </c>
      <c r="E203" s="9" t="s">
        <v>18</v>
      </c>
      <c r="F203" s="9" t="s">
        <v>282</v>
      </c>
      <c r="G203" s="9" t="s">
        <v>273</v>
      </c>
      <c r="H203" s="6">
        <v>12775</v>
      </c>
      <c r="I203" s="6">
        <v>100</v>
      </c>
      <c r="J203" s="6">
        <v>76</v>
      </c>
      <c r="K203" s="6">
        <v>139</v>
      </c>
      <c r="L203" s="6">
        <v>12536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0</v>
      </c>
      <c r="E204" s="9" t="s">
        <v>18</v>
      </c>
      <c r="F204" s="9" t="s">
        <v>282</v>
      </c>
      <c r="G204" s="9" t="s">
        <v>274</v>
      </c>
      <c r="H204" s="6">
        <v>14884</v>
      </c>
      <c r="I204" s="6">
        <v>179</v>
      </c>
      <c r="J204" s="6">
        <v>131</v>
      </c>
      <c r="K204" s="6">
        <v>96</v>
      </c>
      <c r="L204" s="6">
        <v>14609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0</v>
      </c>
      <c r="E205" s="9" t="s">
        <v>18</v>
      </c>
      <c r="F205" s="9" t="s">
        <v>282</v>
      </c>
      <c r="G205" s="9" t="s">
        <v>275</v>
      </c>
      <c r="H205" s="6">
        <v>14771</v>
      </c>
      <c r="I205" s="6">
        <v>175</v>
      </c>
      <c r="J205" s="6">
        <v>150</v>
      </c>
      <c r="K205" s="6">
        <v>53</v>
      </c>
      <c r="L205" s="6">
        <v>14543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0</v>
      </c>
      <c r="E206" s="9" t="s">
        <v>18</v>
      </c>
      <c r="F206" s="9" t="s">
        <v>282</v>
      </c>
      <c r="G206" s="9" t="s">
        <v>276</v>
      </c>
      <c r="H206" s="6">
        <v>15148</v>
      </c>
      <c r="I206" s="6">
        <v>214</v>
      </c>
      <c r="J206" s="6">
        <v>185</v>
      </c>
      <c r="K206" s="6">
        <v>83</v>
      </c>
      <c r="L206" s="6">
        <v>14851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0</v>
      </c>
      <c r="E207" s="9" t="s">
        <v>18</v>
      </c>
      <c r="F207" s="9" t="s">
        <v>282</v>
      </c>
      <c r="G207" s="9" t="s">
        <v>277</v>
      </c>
      <c r="H207" s="6">
        <v>16238</v>
      </c>
      <c r="I207" s="6">
        <v>223</v>
      </c>
      <c r="J207" s="6">
        <v>207</v>
      </c>
      <c r="K207" s="6">
        <v>56</v>
      </c>
      <c r="L207" s="6">
        <v>15959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0</v>
      </c>
      <c r="E208" s="9" t="s">
        <v>18</v>
      </c>
      <c r="F208" s="9" t="s">
        <v>282</v>
      </c>
      <c r="G208" s="9" t="s">
        <v>278</v>
      </c>
      <c r="H208" s="6">
        <v>16108</v>
      </c>
      <c r="I208" s="6">
        <v>347</v>
      </c>
      <c r="J208" s="6">
        <v>286</v>
      </c>
      <c r="K208" s="6">
        <v>85</v>
      </c>
      <c r="L208" s="6">
        <v>15676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0</v>
      </c>
      <c r="E209" s="9" t="s">
        <v>18</v>
      </c>
      <c r="F209" s="9" t="s">
        <v>282</v>
      </c>
      <c r="G209" s="9" t="s">
        <v>279</v>
      </c>
      <c r="H209" s="6">
        <v>10597</v>
      </c>
      <c r="I209" s="6">
        <v>220</v>
      </c>
      <c r="J209" s="6">
        <v>187</v>
      </c>
      <c r="K209" s="6">
        <v>54</v>
      </c>
      <c r="L209" s="6">
        <v>10323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0</v>
      </c>
      <c r="E210" s="9" t="s">
        <v>18</v>
      </c>
      <c r="F210" s="9" t="s">
        <v>282</v>
      </c>
      <c r="G210" s="9" t="s">
        <v>280</v>
      </c>
      <c r="H210" s="6">
        <v>28753</v>
      </c>
      <c r="I210" s="6">
        <v>1004</v>
      </c>
      <c r="J210" s="6">
        <v>803</v>
      </c>
      <c r="K210" s="6">
        <v>305</v>
      </c>
      <c r="L210" s="6">
        <v>27444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0</v>
      </c>
      <c r="E211" s="9" t="s">
        <v>18</v>
      </c>
      <c r="F211" s="9" t="s">
        <v>283</v>
      </c>
      <c r="G211" s="9" t="s">
        <v>6</v>
      </c>
      <c r="H211" s="6">
        <v>82948</v>
      </c>
      <c r="I211" s="6">
        <v>1024</v>
      </c>
      <c r="J211" s="6">
        <v>739</v>
      </c>
      <c r="K211" s="6">
        <v>487</v>
      </c>
      <c r="L211" s="6">
        <v>81437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0</v>
      </c>
      <c r="E212" s="9" t="s">
        <v>18</v>
      </c>
      <c r="F212" s="9" t="s">
        <v>283</v>
      </c>
      <c r="G212" s="9" t="s">
        <v>272</v>
      </c>
      <c r="H212" s="6">
        <v>5523</v>
      </c>
      <c r="I212" s="6">
        <v>63</v>
      </c>
      <c r="J212" s="6">
        <v>46</v>
      </c>
      <c r="K212" s="6">
        <v>44</v>
      </c>
      <c r="L212" s="6">
        <v>5416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0</v>
      </c>
      <c r="E213" s="9" t="s">
        <v>18</v>
      </c>
      <c r="F213" s="9" t="s">
        <v>283</v>
      </c>
      <c r="G213" s="9" t="s">
        <v>273</v>
      </c>
      <c r="H213" s="6">
        <v>11237</v>
      </c>
      <c r="I213" s="6">
        <v>84</v>
      </c>
      <c r="J213" s="6">
        <v>60</v>
      </c>
      <c r="K213" s="6">
        <v>49</v>
      </c>
      <c r="L213" s="6">
        <v>11104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0</v>
      </c>
      <c r="E214" s="9" t="s">
        <v>18</v>
      </c>
      <c r="F214" s="9" t="s">
        <v>283</v>
      </c>
      <c r="G214" s="9" t="s">
        <v>274</v>
      </c>
      <c r="H214" s="6">
        <v>14673</v>
      </c>
      <c r="I214" s="6">
        <v>182</v>
      </c>
      <c r="J214" s="6">
        <v>125</v>
      </c>
      <c r="K214" s="6">
        <v>101</v>
      </c>
      <c r="L214" s="6">
        <v>14390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0</v>
      </c>
      <c r="E215" s="9" t="s">
        <v>18</v>
      </c>
      <c r="F215" s="9" t="s">
        <v>283</v>
      </c>
      <c r="G215" s="9" t="s">
        <v>275</v>
      </c>
      <c r="H215" s="6">
        <v>13458</v>
      </c>
      <c r="I215" s="6">
        <v>155</v>
      </c>
      <c r="J215" s="6">
        <v>111</v>
      </c>
      <c r="K215" s="6">
        <v>99</v>
      </c>
      <c r="L215" s="6">
        <v>13204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0</v>
      </c>
      <c r="E216" s="9" t="s">
        <v>18</v>
      </c>
      <c r="F216" s="9" t="s">
        <v>283</v>
      </c>
      <c r="G216" s="9" t="s">
        <v>276</v>
      </c>
      <c r="H216" s="6">
        <v>12455</v>
      </c>
      <c r="I216" s="6">
        <v>46</v>
      </c>
      <c r="J216" s="6">
        <v>32</v>
      </c>
      <c r="K216" s="6">
        <v>44</v>
      </c>
      <c r="L216" s="6">
        <v>12365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0</v>
      </c>
      <c r="E217" s="9" t="s">
        <v>18</v>
      </c>
      <c r="F217" s="9" t="s">
        <v>283</v>
      </c>
      <c r="G217" s="9" t="s">
        <v>277</v>
      </c>
      <c r="H217" s="6">
        <v>9732</v>
      </c>
      <c r="I217" s="6">
        <v>171</v>
      </c>
      <c r="J217" s="6">
        <v>112</v>
      </c>
      <c r="K217" s="6">
        <v>31</v>
      </c>
      <c r="L217" s="6">
        <v>9530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0</v>
      </c>
      <c r="E218" s="9" t="s">
        <v>18</v>
      </c>
      <c r="F218" s="9" t="s">
        <v>283</v>
      </c>
      <c r="G218" s="9" t="s">
        <v>278</v>
      </c>
      <c r="H218" s="6">
        <v>6798</v>
      </c>
      <c r="I218" s="6">
        <v>115</v>
      </c>
      <c r="J218" s="6">
        <v>94</v>
      </c>
      <c r="K218" s="6">
        <v>42</v>
      </c>
      <c r="L218" s="6">
        <v>6641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0</v>
      </c>
      <c r="E219" s="9" t="s">
        <v>18</v>
      </c>
      <c r="F219" s="9" t="s">
        <v>283</v>
      </c>
      <c r="G219" s="9" t="s">
        <v>279</v>
      </c>
      <c r="H219" s="6">
        <v>3281</v>
      </c>
      <c r="I219" s="6">
        <v>75</v>
      </c>
      <c r="J219" s="6">
        <v>63</v>
      </c>
      <c r="K219" s="6">
        <v>28</v>
      </c>
      <c r="L219" s="6">
        <v>3178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0</v>
      </c>
      <c r="E220" s="9" t="s">
        <v>18</v>
      </c>
      <c r="F220" s="9" t="s">
        <v>283</v>
      </c>
      <c r="G220" s="9" t="s">
        <v>280</v>
      </c>
      <c r="H220" s="6">
        <v>5791</v>
      </c>
      <c r="I220" s="6">
        <v>133</v>
      </c>
      <c r="J220" s="6">
        <v>96</v>
      </c>
      <c r="K220" s="6">
        <v>49</v>
      </c>
      <c r="L220" s="6">
        <v>5609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0</v>
      </c>
      <c r="E221" s="9" t="s">
        <v>6</v>
      </c>
      <c r="F221" s="9" t="s">
        <v>6</v>
      </c>
      <c r="G221" s="9" t="s">
        <v>6</v>
      </c>
      <c r="H221" s="6">
        <v>218605</v>
      </c>
      <c r="I221" s="6">
        <v>172680</v>
      </c>
      <c r="J221" s="6">
        <v>134649</v>
      </c>
      <c r="K221" s="6">
        <v>40802</v>
      </c>
      <c r="L221" s="6">
        <v>5123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0</v>
      </c>
      <c r="E222" s="9" t="s">
        <v>6</v>
      </c>
      <c r="F222" s="9" t="s">
        <v>234</v>
      </c>
      <c r="G222" s="9" t="s">
        <v>6</v>
      </c>
      <c r="H222" s="6">
        <v>58776</v>
      </c>
      <c r="I222" s="6">
        <v>42232</v>
      </c>
      <c r="J222" s="6">
        <v>31814</v>
      </c>
      <c r="K222" s="6">
        <v>15647</v>
      </c>
      <c r="L222" s="6">
        <v>897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0</v>
      </c>
      <c r="E223" s="9" t="s">
        <v>6</v>
      </c>
      <c r="F223" s="9" t="s">
        <v>235</v>
      </c>
      <c r="G223" s="9" t="s">
        <v>6</v>
      </c>
      <c r="H223" s="6">
        <v>159829</v>
      </c>
      <c r="I223" s="6">
        <v>130448</v>
      </c>
      <c r="J223" s="6">
        <v>102835</v>
      </c>
      <c r="K223" s="6">
        <v>25155</v>
      </c>
      <c r="L223" s="6">
        <v>4226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0</v>
      </c>
      <c r="E224" s="9" t="s">
        <v>6</v>
      </c>
      <c r="F224" s="9" t="s">
        <v>235</v>
      </c>
      <c r="G224" s="9" t="s">
        <v>272</v>
      </c>
      <c r="H224" s="6">
        <v>8069</v>
      </c>
      <c r="I224" s="6">
        <v>4502</v>
      </c>
      <c r="J224" s="6">
        <v>3757</v>
      </c>
      <c r="K224" s="6">
        <v>3227</v>
      </c>
      <c r="L224" s="6">
        <v>340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0</v>
      </c>
      <c r="E225" s="9" t="s">
        <v>6</v>
      </c>
      <c r="F225" s="9" t="s">
        <v>235</v>
      </c>
      <c r="G225" s="9" t="s">
        <v>273</v>
      </c>
      <c r="H225" s="6">
        <v>14562</v>
      </c>
      <c r="I225" s="6">
        <v>11661</v>
      </c>
      <c r="J225" s="6">
        <v>9544</v>
      </c>
      <c r="K225" s="6">
        <v>2342</v>
      </c>
      <c r="L225" s="6">
        <v>559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0</v>
      </c>
      <c r="E226" s="9" t="s">
        <v>6</v>
      </c>
      <c r="F226" s="9" t="s">
        <v>235</v>
      </c>
      <c r="G226" s="9" t="s">
        <v>274</v>
      </c>
      <c r="H226" s="6">
        <v>16875</v>
      </c>
      <c r="I226" s="6">
        <v>14473</v>
      </c>
      <c r="J226" s="6">
        <v>11847</v>
      </c>
      <c r="K226" s="6">
        <v>1886</v>
      </c>
      <c r="L226" s="6">
        <v>516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0</v>
      </c>
      <c r="E227" s="9" t="s">
        <v>6</v>
      </c>
      <c r="F227" s="9" t="s">
        <v>235</v>
      </c>
      <c r="G227" s="9" t="s">
        <v>275</v>
      </c>
      <c r="H227" s="6">
        <v>15866</v>
      </c>
      <c r="I227" s="6">
        <v>14041</v>
      </c>
      <c r="J227" s="6">
        <v>11591</v>
      </c>
      <c r="K227" s="6">
        <v>1446</v>
      </c>
      <c r="L227" s="6">
        <v>379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0</v>
      </c>
      <c r="E228" s="9" t="s">
        <v>6</v>
      </c>
      <c r="F228" s="9" t="s">
        <v>235</v>
      </c>
      <c r="G228" s="9" t="s">
        <v>276</v>
      </c>
      <c r="H228" s="6">
        <v>15972</v>
      </c>
      <c r="I228" s="6">
        <v>14083</v>
      </c>
      <c r="J228" s="6">
        <v>11410</v>
      </c>
      <c r="K228" s="6">
        <v>1377</v>
      </c>
      <c r="L228" s="6">
        <v>512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0</v>
      </c>
      <c r="E229" s="9" t="s">
        <v>6</v>
      </c>
      <c r="F229" s="9" t="s">
        <v>235</v>
      </c>
      <c r="G229" s="9" t="s">
        <v>277</v>
      </c>
      <c r="H229" s="6">
        <v>14929</v>
      </c>
      <c r="I229" s="6">
        <v>13159</v>
      </c>
      <c r="J229" s="6">
        <v>10735</v>
      </c>
      <c r="K229" s="6">
        <v>1307</v>
      </c>
      <c r="L229" s="6">
        <v>463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0</v>
      </c>
      <c r="E230" s="9" t="s">
        <v>6</v>
      </c>
      <c r="F230" s="9" t="s">
        <v>235</v>
      </c>
      <c r="G230" s="9" t="s">
        <v>278</v>
      </c>
      <c r="H230" s="6">
        <v>14334</v>
      </c>
      <c r="I230" s="6">
        <v>12458</v>
      </c>
      <c r="J230" s="6">
        <v>10241</v>
      </c>
      <c r="K230" s="6">
        <v>1570</v>
      </c>
      <c r="L230" s="6">
        <v>306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0</v>
      </c>
      <c r="E231" s="9" t="s">
        <v>6</v>
      </c>
      <c r="F231" s="9" t="s">
        <v>235</v>
      </c>
      <c r="G231" s="9" t="s">
        <v>279</v>
      </c>
      <c r="H231" s="6">
        <v>7647</v>
      </c>
      <c r="I231" s="6">
        <v>6478</v>
      </c>
      <c r="J231" s="6">
        <v>5032</v>
      </c>
      <c r="K231" s="6">
        <v>931</v>
      </c>
      <c r="L231" s="6">
        <v>238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0</v>
      </c>
      <c r="E232" s="9" t="s">
        <v>6</v>
      </c>
      <c r="F232" s="9" t="s">
        <v>235</v>
      </c>
      <c r="G232" s="9" t="s">
        <v>280</v>
      </c>
      <c r="H232" s="6">
        <v>51575</v>
      </c>
      <c r="I232" s="6">
        <v>39593</v>
      </c>
      <c r="J232" s="6">
        <v>28678</v>
      </c>
      <c r="K232" s="6">
        <v>11069</v>
      </c>
      <c r="L232" s="6">
        <v>913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0</v>
      </c>
      <c r="E233" s="9" t="s">
        <v>6</v>
      </c>
      <c r="F233" s="9" t="s">
        <v>281</v>
      </c>
      <c r="G233" s="9" t="s">
        <v>6</v>
      </c>
      <c r="H233" s="6">
        <v>59741</v>
      </c>
      <c r="I233" s="6">
        <v>46394</v>
      </c>
      <c r="J233" s="6">
        <v>35741</v>
      </c>
      <c r="K233" s="6">
        <v>12105</v>
      </c>
      <c r="L233" s="6">
        <v>1242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0</v>
      </c>
      <c r="E234" s="9" t="s">
        <v>6</v>
      </c>
      <c r="F234" s="9" t="s">
        <v>281</v>
      </c>
      <c r="G234" s="9" t="s">
        <v>272</v>
      </c>
      <c r="H234" s="6">
        <v>2261</v>
      </c>
      <c r="I234" s="6">
        <v>1098</v>
      </c>
      <c r="J234" s="6">
        <v>972</v>
      </c>
      <c r="K234" s="6">
        <v>1022</v>
      </c>
      <c r="L234" s="6">
        <v>141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0</v>
      </c>
      <c r="E235" s="9" t="s">
        <v>6</v>
      </c>
      <c r="F235" s="9" t="s">
        <v>281</v>
      </c>
      <c r="G235" s="9" t="s">
        <v>273</v>
      </c>
      <c r="H235" s="6">
        <v>3547</v>
      </c>
      <c r="I235" s="6">
        <v>2660</v>
      </c>
      <c r="J235" s="6">
        <v>2225</v>
      </c>
      <c r="K235" s="6">
        <v>750</v>
      </c>
      <c r="L235" s="6">
        <v>137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0</v>
      </c>
      <c r="E236" s="9" t="s">
        <v>6</v>
      </c>
      <c r="F236" s="9" t="s">
        <v>281</v>
      </c>
      <c r="G236" s="9" t="s">
        <v>274</v>
      </c>
      <c r="H236" s="6">
        <v>2601</v>
      </c>
      <c r="I236" s="6">
        <v>2182</v>
      </c>
      <c r="J236" s="6">
        <v>1891</v>
      </c>
      <c r="K236" s="6">
        <v>339</v>
      </c>
      <c r="L236" s="6">
        <v>80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0</v>
      </c>
      <c r="E237" s="9" t="s">
        <v>6</v>
      </c>
      <c r="F237" s="9" t="s">
        <v>281</v>
      </c>
      <c r="G237" s="9" t="s">
        <v>275</v>
      </c>
      <c r="H237" s="6">
        <v>2114</v>
      </c>
      <c r="I237" s="6">
        <v>1758</v>
      </c>
      <c r="J237" s="6">
        <v>1486</v>
      </c>
      <c r="K237" s="6">
        <v>300</v>
      </c>
      <c r="L237" s="6">
        <v>56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0</v>
      </c>
      <c r="E238" s="9" t="s">
        <v>6</v>
      </c>
      <c r="F238" s="9" t="s">
        <v>281</v>
      </c>
      <c r="G238" s="9" t="s">
        <v>276</v>
      </c>
      <c r="H238" s="6">
        <v>2253</v>
      </c>
      <c r="I238" s="6">
        <v>1938</v>
      </c>
      <c r="J238" s="6">
        <v>1693</v>
      </c>
      <c r="K238" s="6">
        <v>278</v>
      </c>
      <c r="L238" s="6">
        <v>37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0</v>
      </c>
      <c r="E239" s="9" t="s">
        <v>6</v>
      </c>
      <c r="F239" s="9" t="s">
        <v>281</v>
      </c>
      <c r="G239" s="9" t="s">
        <v>277</v>
      </c>
      <c r="H239" s="6">
        <v>3070</v>
      </c>
      <c r="I239" s="6">
        <v>2592</v>
      </c>
      <c r="J239" s="6">
        <v>2173</v>
      </c>
      <c r="K239" s="6">
        <v>399</v>
      </c>
      <c r="L239" s="6">
        <v>79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0</v>
      </c>
      <c r="E240" s="9" t="s">
        <v>6</v>
      </c>
      <c r="F240" s="9" t="s">
        <v>281</v>
      </c>
      <c r="G240" s="9" t="s">
        <v>278</v>
      </c>
      <c r="H240" s="6">
        <v>4983</v>
      </c>
      <c r="I240" s="6">
        <v>4310</v>
      </c>
      <c r="J240" s="6">
        <v>3565</v>
      </c>
      <c r="K240" s="6">
        <v>604</v>
      </c>
      <c r="L240" s="6">
        <v>69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0</v>
      </c>
      <c r="E241" s="9" t="s">
        <v>6</v>
      </c>
      <c r="F241" s="9" t="s">
        <v>281</v>
      </c>
      <c r="G241" s="9" t="s">
        <v>279</v>
      </c>
      <c r="H241" s="6">
        <v>3186</v>
      </c>
      <c r="I241" s="6">
        <v>2694</v>
      </c>
      <c r="J241" s="6">
        <v>2145</v>
      </c>
      <c r="K241" s="6">
        <v>405</v>
      </c>
      <c r="L241" s="6">
        <v>87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0</v>
      </c>
      <c r="E242" s="9" t="s">
        <v>6</v>
      </c>
      <c r="F242" s="9" t="s">
        <v>281</v>
      </c>
      <c r="G242" s="9" t="s">
        <v>280</v>
      </c>
      <c r="H242" s="6">
        <v>35726</v>
      </c>
      <c r="I242" s="6">
        <v>27162</v>
      </c>
      <c r="J242" s="6">
        <v>19591</v>
      </c>
      <c r="K242" s="6">
        <v>8008</v>
      </c>
      <c r="L242" s="6">
        <v>556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0</v>
      </c>
      <c r="E243" s="9" t="s">
        <v>6</v>
      </c>
      <c r="F243" s="9" t="s">
        <v>282</v>
      </c>
      <c r="G243" s="9" t="s">
        <v>6</v>
      </c>
      <c r="H243" s="6">
        <v>58390</v>
      </c>
      <c r="I243" s="6">
        <v>48402</v>
      </c>
      <c r="J243" s="6">
        <v>39211</v>
      </c>
      <c r="K243" s="6">
        <v>8354</v>
      </c>
      <c r="L243" s="6">
        <v>1634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0</v>
      </c>
      <c r="E244" s="9" t="s">
        <v>6</v>
      </c>
      <c r="F244" s="9" t="s">
        <v>282</v>
      </c>
      <c r="G244" s="9" t="s">
        <v>272</v>
      </c>
      <c r="H244" s="6">
        <v>2719</v>
      </c>
      <c r="I244" s="6">
        <v>1444</v>
      </c>
      <c r="J244" s="6">
        <v>1179</v>
      </c>
      <c r="K244" s="6">
        <v>1161</v>
      </c>
      <c r="L244" s="6">
        <v>114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0</v>
      </c>
      <c r="E245" s="9" t="s">
        <v>6</v>
      </c>
      <c r="F245" s="9" t="s">
        <v>282</v>
      </c>
      <c r="G245" s="9" t="s">
        <v>273</v>
      </c>
      <c r="H245" s="6">
        <v>5203</v>
      </c>
      <c r="I245" s="6">
        <v>4189</v>
      </c>
      <c r="J245" s="6">
        <v>3488</v>
      </c>
      <c r="K245" s="6">
        <v>806</v>
      </c>
      <c r="L245" s="6">
        <v>208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0</v>
      </c>
      <c r="E246" s="9" t="s">
        <v>6</v>
      </c>
      <c r="F246" s="9" t="s">
        <v>282</v>
      </c>
      <c r="G246" s="9" t="s">
        <v>274</v>
      </c>
      <c r="H246" s="6">
        <v>6120</v>
      </c>
      <c r="I246" s="6">
        <v>5186</v>
      </c>
      <c r="J246" s="6">
        <v>4374</v>
      </c>
      <c r="K246" s="6">
        <v>782</v>
      </c>
      <c r="L246" s="6">
        <v>152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0</v>
      </c>
      <c r="E247" s="9" t="s">
        <v>6</v>
      </c>
      <c r="F247" s="9" t="s">
        <v>282</v>
      </c>
      <c r="G247" s="9" t="s">
        <v>275</v>
      </c>
      <c r="H247" s="6">
        <v>6036</v>
      </c>
      <c r="I247" s="6">
        <v>5331</v>
      </c>
      <c r="J247" s="6">
        <v>4554</v>
      </c>
      <c r="K247" s="6">
        <v>544</v>
      </c>
      <c r="L247" s="6">
        <v>161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0</v>
      </c>
      <c r="E248" s="9" t="s">
        <v>6</v>
      </c>
      <c r="F248" s="9" t="s">
        <v>282</v>
      </c>
      <c r="G248" s="9" t="s">
        <v>276</v>
      </c>
      <c r="H248" s="6">
        <v>6921</v>
      </c>
      <c r="I248" s="6">
        <v>6076</v>
      </c>
      <c r="J248" s="6">
        <v>4950</v>
      </c>
      <c r="K248" s="6">
        <v>615</v>
      </c>
      <c r="L248" s="6">
        <v>230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0</v>
      </c>
      <c r="E249" s="9" t="s">
        <v>6</v>
      </c>
      <c r="F249" s="9" t="s">
        <v>282</v>
      </c>
      <c r="G249" s="9" t="s">
        <v>277</v>
      </c>
      <c r="H249" s="6">
        <v>7339</v>
      </c>
      <c r="I249" s="6">
        <v>6493</v>
      </c>
      <c r="J249" s="6">
        <v>5351</v>
      </c>
      <c r="K249" s="6">
        <v>635</v>
      </c>
      <c r="L249" s="6">
        <v>211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0</v>
      </c>
      <c r="E250" s="9" t="s">
        <v>6</v>
      </c>
      <c r="F250" s="9" t="s">
        <v>282</v>
      </c>
      <c r="G250" s="9" t="s">
        <v>278</v>
      </c>
      <c r="H250" s="6">
        <v>7032</v>
      </c>
      <c r="I250" s="6">
        <v>6106</v>
      </c>
      <c r="J250" s="6">
        <v>5063</v>
      </c>
      <c r="K250" s="6">
        <v>781</v>
      </c>
      <c r="L250" s="6">
        <v>145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0</v>
      </c>
      <c r="E251" s="9" t="s">
        <v>6</v>
      </c>
      <c r="F251" s="9" t="s">
        <v>282</v>
      </c>
      <c r="G251" s="9" t="s">
        <v>279</v>
      </c>
      <c r="H251" s="6">
        <v>3434</v>
      </c>
      <c r="I251" s="6">
        <v>2941</v>
      </c>
      <c r="J251" s="6">
        <v>2327</v>
      </c>
      <c r="K251" s="6">
        <v>403</v>
      </c>
      <c r="L251" s="6">
        <v>90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0</v>
      </c>
      <c r="E252" s="9" t="s">
        <v>6</v>
      </c>
      <c r="F252" s="9" t="s">
        <v>282</v>
      </c>
      <c r="G252" s="9" t="s">
        <v>280</v>
      </c>
      <c r="H252" s="6">
        <v>13586</v>
      </c>
      <c r="I252" s="6">
        <v>10636</v>
      </c>
      <c r="J252" s="6">
        <v>7925</v>
      </c>
      <c r="K252" s="6">
        <v>2627</v>
      </c>
      <c r="L252" s="6">
        <v>323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0</v>
      </c>
      <c r="E253" s="9" t="s">
        <v>6</v>
      </c>
      <c r="F253" s="9" t="s">
        <v>283</v>
      </c>
      <c r="G253" s="9" t="s">
        <v>6</v>
      </c>
      <c r="H253" s="6">
        <v>41698</v>
      </c>
      <c r="I253" s="6">
        <v>35652</v>
      </c>
      <c r="J253" s="6">
        <v>27883</v>
      </c>
      <c r="K253" s="6">
        <v>4696</v>
      </c>
      <c r="L253" s="6">
        <v>1350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0</v>
      </c>
      <c r="E254" s="9" t="s">
        <v>6</v>
      </c>
      <c r="F254" s="9" t="s">
        <v>283</v>
      </c>
      <c r="G254" s="9" t="s">
        <v>272</v>
      </c>
      <c r="H254" s="6">
        <v>3089</v>
      </c>
      <c r="I254" s="6">
        <v>1960</v>
      </c>
      <c r="J254" s="6">
        <v>1606</v>
      </c>
      <c r="K254" s="6">
        <v>1044</v>
      </c>
      <c r="L254" s="6">
        <v>85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0</v>
      </c>
      <c r="E255" s="9" t="s">
        <v>6</v>
      </c>
      <c r="F255" s="9" t="s">
        <v>283</v>
      </c>
      <c r="G255" s="9" t="s">
        <v>273</v>
      </c>
      <c r="H255" s="6">
        <v>5812</v>
      </c>
      <c r="I255" s="6">
        <v>4812</v>
      </c>
      <c r="J255" s="6">
        <v>3831</v>
      </c>
      <c r="K255" s="6">
        <v>786</v>
      </c>
      <c r="L255" s="6">
        <v>214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0</v>
      </c>
      <c r="E256" s="9" t="s">
        <v>6</v>
      </c>
      <c r="F256" s="9" t="s">
        <v>283</v>
      </c>
      <c r="G256" s="9" t="s">
        <v>274</v>
      </c>
      <c r="H256" s="6">
        <v>8154</v>
      </c>
      <c r="I256" s="6">
        <v>7105</v>
      </c>
      <c r="J256" s="6">
        <v>5582</v>
      </c>
      <c r="K256" s="6">
        <v>765</v>
      </c>
      <c r="L256" s="6">
        <v>284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0</v>
      </c>
      <c r="E257" s="9" t="s">
        <v>6</v>
      </c>
      <c r="F257" s="9" t="s">
        <v>283</v>
      </c>
      <c r="G257" s="9" t="s">
        <v>275</v>
      </c>
      <c r="H257" s="6">
        <v>7716</v>
      </c>
      <c r="I257" s="6">
        <v>6952</v>
      </c>
      <c r="J257" s="6">
        <v>5551</v>
      </c>
      <c r="K257" s="6">
        <v>602</v>
      </c>
      <c r="L257" s="6">
        <v>162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0</v>
      </c>
      <c r="E258" s="9" t="s">
        <v>6</v>
      </c>
      <c r="F258" s="9" t="s">
        <v>283</v>
      </c>
      <c r="G258" s="9" t="s">
        <v>276</v>
      </c>
      <c r="H258" s="6">
        <v>6798</v>
      </c>
      <c r="I258" s="6">
        <v>6069</v>
      </c>
      <c r="J258" s="6">
        <v>4767</v>
      </c>
      <c r="K258" s="6">
        <v>484</v>
      </c>
      <c r="L258" s="6">
        <v>245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0</v>
      </c>
      <c r="E259" s="9" t="s">
        <v>6</v>
      </c>
      <c r="F259" s="9" t="s">
        <v>283</v>
      </c>
      <c r="G259" s="9" t="s">
        <v>277</v>
      </c>
      <c r="H259" s="6">
        <v>4520</v>
      </c>
      <c r="I259" s="6">
        <v>4074</v>
      </c>
      <c r="J259" s="6">
        <v>3211</v>
      </c>
      <c r="K259" s="6">
        <v>273</v>
      </c>
      <c r="L259" s="6">
        <v>173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0</v>
      </c>
      <c r="E260" s="9" t="s">
        <v>6</v>
      </c>
      <c r="F260" s="9" t="s">
        <v>283</v>
      </c>
      <c r="G260" s="9" t="s">
        <v>278</v>
      </c>
      <c r="H260" s="6">
        <v>2319</v>
      </c>
      <c r="I260" s="6">
        <v>2042</v>
      </c>
      <c r="J260" s="6">
        <v>1613</v>
      </c>
      <c r="K260" s="6">
        <v>185</v>
      </c>
      <c r="L260" s="6">
        <v>92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0</v>
      </c>
      <c r="E261" s="9" t="s">
        <v>6</v>
      </c>
      <c r="F261" s="9" t="s">
        <v>283</v>
      </c>
      <c r="G261" s="9" t="s">
        <v>279</v>
      </c>
      <c r="H261" s="6">
        <v>1027</v>
      </c>
      <c r="I261" s="6">
        <v>843</v>
      </c>
      <c r="J261" s="6">
        <v>560</v>
      </c>
      <c r="K261" s="6">
        <v>123</v>
      </c>
      <c r="L261" s="6">
        <v>61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0</v>
      </c>
      <c r="E262" s="9" t="s">
        <v>6</v>
      </c>
      <c r="F262" s="9" t="s">
        <v>283</v>
      </c>
      <c r="G262" s="9" t="s">
        <v>280</v>
      </c>
      <c r="H262" s="6">
        <v>2263</v>
      </c>
      <c r="I262" s="6">
        <v>1795</v>
      </c>
      <c r="J262" s="6">
        <v>1162</v>
      </c>
      <c r="K262" s="6">
        <v>434</v>
      </c>
      <c r="L262" s="6">
        <v>34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0</v>
      </c>
      <c r="E263" s="9" t="s">
        <v>226</v>
      </c>
      <c r="F263" s="9" t="s">
        <v>6</v>
      </c>
      <c r="G263" s="9" t="s">
        <v>6</v>
      </c>
      <c r="H263" s="6">
        <v>196633</v>
      </c>
      <c r="I263" s="6">
        <v>165358</v>
      </c>
      <c r="J263" s="6">
        <v>127907</v>
      </c>
      <c r="K263" s="6">
        <v>31066</v>
      </c>
      <c r="L263" s="6">
        <v>209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0</v>
      </c>
      <c r="E264" s="9" t="s">
        <v>226</v>
      </c>
      <c r="F264" s="9" t="s">
        <v>234</v>
      </c>
      <c r="G264" s="9" t="s">
        <v>6</v>
      </c>
      <c r="H264" s="6">
        <v>48723</v>
      </c>
      <c r="I264" s="6">
        <v>38804</v>
      </c>
      <c r="J264" s="6">
        <v>28617</v>
      </c>
      <c r="K264" s="6">
        <v>9851</v>
      </c>
      <c r="L264" s="6">
        <v>68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0</v>
      </c>
      <c r="E265" s="9" t="s">
        <v>226</v>
      </c>
      <c r="F265" s="9" t="s">
        <v>235</v>
      </c>
      <c r="G265" s="9" t="s">
        <v>6</v>
      </c>
      <c r="H265" s="6">
        <v>147910</v>
      </c>
      <c r="I265" s="6">
        <v>126554</v>
      </c>
      <c r="J265" s="6">
        <v>99290</v>
      </c>
      <c r="K265" s="6">
        <v>21215</v>
      </c>
      <c r="L265" s="6">
        <v>141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0</v>
      </c>
      <c r="E266" s="9" t="s">
        <v>226</v>
      </c>
      <c r="F266" s="9" t="s">
        <v>235</v>
      </c>
      <c r="G266" s="9" t="s">
        <v>272</v>
      </c>
      <c r="H266" s="6">
        <v>7566</v>
      </c>
      <c r="I266" s="6">
        <v>4469</v>
      </c>
      <c r="J266" s="6">
        <v>3724</v>
      </c>
      <c r="K266" s="6">
        <v>3097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0</v>
      </c>
      <c r="E267" s="9" t="s">
        <v>226</v>
      </c>
      <c r="F267" s="9" t="s">
        <v>235</v>
      </c>
      <c r="G267" s="9" t="s">
        <v>273</v>
      </c>
      <c r="H267" s="6">
        <v>13718</v>
      </c>
      <c r="I267" s="6">
        <v>11491</v>
      </c>
      <c r="J267" s="6">
        <v>9383</v>
      </c>
      <c r="K267" s="6">
        <v>2214</v>
      </c>
      <c r="L267" s="6">
        <v>13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0</v>
      </c>
      <c r="E268" s="9" t="s">
        <v>226</v>
      </c>
      <c r="F268" s="9" t="s">
        <v>235</v>
      </c>
      <c r="G268" s="9" t="s">
        <v>274</v>
      </c>
      <c r="H268" s="6">
        <v>16040</v>
      </c>
      <c r="I268" s="6">
        <v>14243</v>
      </c>
      <c r="J268" s="6">
        <v>11667</v>
      </c>
      <c r="K268" s="6">
        <v>1793</v>
      </c>
      <c r="L268" s="6">
        <v>4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0</v>
      </c>
      <c r="E269" s="9" t="s">
        <v>226</v>
      </c>
      <c r="F269" s="9" t="s">
        <v>235</v>
      </c>
      <c r="G269" s="9" t="s">
        <v>275</v>
      </c>
      <c r="H269" s="6">
        <v>15372</v>
      </c>
      <c r="I269" s="6">
        <v>13950</v>
      </c>
      <c r="J269" s="6">
        <v>11508</v>
      </c>
      <c r="K269" s="6">
        <v>1398</v>
      </c>
      <c r="L269" s="6">
        <v>24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0</v>
      </c>
      <c r="E270" s="9" t="s">
        <v>226</v>
      </c>
      <c r="F270" s="9" t="s">
        <v>235</v>
      </c>
      <c r="G270" s="9" t="s">
        <v>276</v>
      </c>
      <c r="H270" s="6">
        <v>15224</v>
      </c>
      <c r="I270" s="6">
        <v>13869</v>
      </c>
      <c r="J270" s="6">
        <v>11234</v>
      </c>
      <c r="K270" s="6">
        <v>1338</v>
      </c>
      <c r="L270" s="6">
        <v>17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0</v>
      </c>
      <c r="E271" s="9" t="s">
        <v>226</v>
      </c>
      <c r="F271" s="9" t="s">
        <v>235</v>
      </c>
      <c r="G271" s="9" t="s">
        <v>277</v>
      </c>
      <c r="H271" s="6">
        <v>14249</v>
      </c>
      <c r="I271" s="6">
        <v>12992</v>
      </c>
      <c r="J271" s="6">
        <v>10580</v>
      </c>
      <c r="K271" s="6">
        <v>1251</v>
      </c>
      <c r="L271" s="6">
        <v>6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0</v>
      </c>
      <c r="E272" s="9" t="s">
        <v>226</v>
      </c>
      <c r="F272" s="9" t="s">
        <v>235</v>
      </c>
      <c r="G272" s="9" t="s">
        <v>278</v>
      </c>
      <c r="H272" s="6">
        <v>13729</v>
      </c>
      <c r="I272" s="6">
        <v>12224</v>
      </c>
      <c r="J272" s="6">
        <v>10018</v>
      </c>
      <c r="K272" s="6">
        <v>1486</v>
      </c>
      <c r="L272" s="6">
        <v>19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0</v>
      </c>
      <c r="E273" s="9" t="s">
        <v>226</v>
      </c>
      <c r="F273" s="9" t="s">
        <v>235</v>
      </c>
      <c r="G273" s="9" t="s">
        <v>279</v>
      </c>
      <c r="H273" s="6">
        <v>7196</v>
      </c>
      <c r="I273" s="6">
        <v>6349</v>
      </c>
      <c r="J273" s="6">
        <v>4921</v>
      </c>
      <c r="K273" s="6">
        <v>841</v>
      </c>
      <c r="L273" s="6">
        <v>6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0</v>
      </c>
      <c r="E274" s="9" t="s">
        <v>226</v>
      </c>
      <c r="F274" s="9" t="s">
        <v>235</v>
      </c>
      <c r="G274" s="9" t="s">
        <v>280</v>
      </c>
      <c r="H274" s="6">
        <v>44816</v>
      </c>
      <c r="I274" s="6">
        <v>36967</v>
      </c>
      <c r="J274" s="6">
        <v>26255</v>
      </c>
      <c r="K274" s="6">
        <v>7797</v>
      </c>
      <c r="L274" s="6">
        <v>52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0</v>
      </c>
      <c r="E275" s="9" t="s">
        <v>226</v>
      </c>
      <c r="F275" s="9" t="s">
        <v>281</v>
      </c>
      <c r="G275" s="9" t="s">
        <v>6</v>
      </c>
      <c r="H275" s="6">
        <v>53506</v>
      </c>
      <c r="I275" s="6">
        <v>44114</v>
      </c>
      <c r="J275" s="6">
        <v>33634</v>
      </c>
      <c r="K275" s="6">
        <v>9331</v>
      </c>
      <c r="L275" s="6">
        <v>61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0</v>
      </c>
      <c r="E276" s="9" t="s">
        <v>226</v>
      </c>
      <c r="F276" s="9" t="s">
        <v>281</v>
      </c>
      <c r="G276" s="9" t="s">
        <v>272</v>
      </c>
      <c r="H276" s="6">
        <v>2054</v>
      </c>
      <c r="I276" s="6">
        <v>1093</v>
      </c>
      <c r="J276" s="6">
        <v>967</v>
      </c>
      <c r="K276" s="6">
        <v>961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0</v>
      </c>
      <c r="E277" s="9" t="s">
        <v>226</v>
      </c>
      <c r="F277" s="9" t="s">
        <v>281</v>
      </c>
      <c r="G277" s="9" t="s">
        <v>273</v>
      </c>
      <c r="H277" s="6">
        <v>3300</v>
      </c>
      <c r="I277" s="6">
        <v>2594</v>
      </c>
      <c r="J277" s="6">
        <v>2168</v>
      </c>
      <c r="K277" s="6">
        <v>700</v>
      </c>
      <c r="L277" s="6">
        <v>6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0</v>
      </c>
      <c r="E278" s="9" t="s">
        <v>226</v>
      </c>
      <c r="F278" s="9" t="s">
        <v>281</v>
      </c>
      <c r="G278" s="9" t="s">
        <v>274</v>
      </c>
      <c r="H278" s="6">
        <v>2469</v>
      </c>
      <c r="I278" s="6">
        <v>2136</v>
      </c>
      <c r="J278" s="6">
        <v>1856</v>
      </c>
      <c r="K278" s="6">
        <v>329</v>
      </c>
      <c r="L278" s="6">
        <v>4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0</v>
      </c>
      <c r="E279" s="9" t="s">
        <v>226</v>
      </c>
      <c r="F279" s="9" t="s">
        <v>281</v>
      </c>
      <c r="G279" s="9" t="s">
        <v>275</v>
      </c>
      <c r="H279" s="6">
        <v>2013</v>
      </c>
      <c r="I279" s="6">
        <v>1723</v>
      </c>
      <c r="J279" s="6">
        <v>1451</v>
      </c>
      <c r="K279" s="6">
        <v>290</v>
      </c>
      <c r="L279" s="10" t="s">
        <v>55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0</v>
      </c>
      <c r="E280" s="9" t="s">
        <v>226</v>
      </c>
      <c r="F280" s="9" t="s">
        <v>281</v>
      </c>
      <c r="G280" s="9" t="s">
        <v>276</v>
      </c>
      <c r="H280" s="6">
        <v>2146</v>
      </c>
      <c r="I280" s="6">
        <v>1867</v>
      </c>
      <c r="J280" s="6">
        <v>1627</v>
      </c>
      <c r="K280" s="6">
        <v>274</v>
      </c>
      <c r="L280" s="6">
        <v>5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0</v>
      </c>
      <c r="E281" s="9" t="s">
        <v>226</v>
      </c>
      <c r="F281" s="9" t="s">
        <v>281</v>
      </c>
      <c r="G281" s="9" t="s">
        <v>277</v>
      </c>
      <c r="H281" s="6">
        <v>2931</v>
      </c>
      <c r="I281" s="6">
        <v>2545</v>
      </c>
      <c r="J281" s="6">
        <v>2132</v>
      </c>
      <c r="K281" s="6">
        <v>386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0</v>
      </c>
      <c r="E282" s="9" t="s">
        <v>226</v>
      </c>
      <c r="F282" s="9" t="s">
        <v>281</v>
      </c>
      <c r="G282" s="9" t="s">
        <v>278</v>
      </c>
      <c r="H282" s="6">
        <v>4788</v>
      </c>
      <c r="I282" s="6">
        <v>4223</v>
      </c>
      <c r="J282" s="6">
        <v>3483</v>
      </c>
      <c r="K282" s="6">
        <v>560</v>
      </c>
      <c r="L282" s="6">
        <v>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0</v>
      </c>
      <c r="E283" s="9" t="s">
        <v>226</v>
      </c>
      <c r="F283" s="9" t="s">
        <v>281</v>
      </c>
      <c r="G283" s="9" t="s">
        <v>279</v>
      </c>
      <c r="H283" s="6">
        <v>2995</v>
      </c>
      <c r="I283" s="6">
        <v>2636</v>
      </c>
      <c r="J283" s="6">
        <v>2087</v>
      </c>
      <c r="K283" s="6">
        <v>353</v>
      </c>
      <c r="L283" s="6">
        <v>6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0</v>
      </c>
      <c r="E284" s="9" t="s">
        <v>226</v>
      </c>
      <c r="F284" s="9" t="s">
        <v>281</v>
      </c>
      <c r="G284" s="9" t="s">
        <v>280</v>
      </c>
      <c r="H284" s="6">
        <v>30810</v>
      </c>
      <c r="I284" s="6">
        <v>25297</v>
      </c>
      <c r="J284" s="6">
        <v>17863</v>
      </c>
      <c r="K284" s="6">
        <v>5478</v>
      </c>
      <c r="L284" s="6">
        <v>35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0</v>
      </c>
      <c r="E285" s="9" t="s">
        <v>226</v>
      </c>
      <c r="F285" s="9" t="s">
        <v>282</v>
      </c>
      <c r="G285" s="9" t="s">
        <v>6</v>
      </c>
      <c r="H285" s="6">
        <v>54673</v>
      </c>
      <c r="I285" s="6">
        <v>47231</v>
      </c>
      <c r="J285" s="6">
        <v>38152</v>
      </c>
      <c r="K285" s="6">
        <v>7397</v>
      </c>
      <c r="L285" s="6">
        <v>45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0</v>
      </c>
      <c r="E286" s="9" t="s">
        <v>226</v>
      </c>
      <c r="F286" s="9" t="s">
        <v>282</v>
      </c>
      <c r="G286" s="9" t="s">
        <v>272</v>
      </c>
      <c r="H286" s="6">
        <v>2556</v>
      </c>
      <c r="I286" s="6">
        <v>1444</v>
      </c>
      <c r="J286" s="6">
        <v>1179</v>
      </c>
      <c r="K286" s="6">
        <v>1112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0</v>
      </c>
      <c r="E287" s="9" t="s">
        <v>226</v>
      </c>
      <c r="F287" s="9" t="s">
        <v>282</v>
      </c>
      <c r="G287" s="9" t="s">
        <v>273</v>
      </c>
      <c r="H287" s="6">
        <v>4895</v>
      </c>
      <c r="I287" s="6">
        <v>4135</v>
      </c>
      <c r="J287" s="6">
        <v>3434</v>
      </c>
      <c r="K287" s="6">
        <v>753</v>
      </c>
      <c r="L287" s="6">
        <v>7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0</v>
      </c>
      <c r="E288" s="9" t="s">
        <v>226</v>
      </c>
      <c r="F288" s="9" t="s">
        <v>282</v>
      </c>
      <c r="G288" s="9" t="s">
        <v>274</v>
      </c>
      <c r="H288" s="6">
        <v>5860</v>
      </c>
      <c r="I288" s="6">
        <v>5120</v>
      </c>
      <c r="J288" s="6">
        <v>4316</v>
      </c>
      <c r="K288" s="6">
        <v>740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0</v>
      </c>
      <c r="E289" s="9" t="s">
        <v>226</v>
      </c>
      <c r="F289" s="9" t="s">
        <v>282</v>
      </c>
      <c r="G289" s="9" t="s">
        <v>275</v>
      </c>
      <c r="H289" s="6">
        <v>5821</v>
      </c>
      <c r="I289" s="6">
        <v>5283</v>
      </c>
      <c r="J289" s="6">
        <v>4506</v>
      </c>
      <c r="K289" s="6">
        <v>528</v>
      </c>
      <c r="L289" s="6">
        <v>10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0</v>
      </c>
      <c r="E290" s="9" t="s">
        <v>226</v>
      </c>
      <c r="F290" s="9" t="s">
        <v>282</v>
      </c>
      <c r="G290" s="9" t="s">
        <v>276</v>
      </c>
      <c r="H290" s="6">
        <v>6605</v>
      </c>
      <c r="I290" s="6">
        <v>6007</v>
      </c>
      <c r="J290" s="6">
        <v>4901</v>
      </c>
      <c r="K290" s="6">
        <v>593</v>
      </c>
      <c r="L290" s="6">
        <v>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0</v>
      </c>
      <c r="E291" s="9" t="s">
        <v>226</v>
      </c>
      <c r="F291" s="9" t="s">
        <v>282</v>
      </c>
      <c r="G291" s="9" t="s">
        <v>277</v>
      </c>
      <c r="H291" s="6">
        <v>7005</v>
      </c>
      <c r="I291" s="6">
        <v>6407</v>
      </c>
      <c r="J291" s="6">
        <v>5271</v>
      </c>
      <c r="K291" s="6">
        <v>598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0</v>
      </c>
      <c r="E292" s="9" t="s">
        <v>226</v>
      </c>
      <c r="F292" s="9" t="s">
        <v>282</v>
      </c>
      <c r="G292" s="9" t="s">
        <v>278</v>
      </c>
      <c r="H292" s="6">
        <v>6738</v>
      </c>
      <c r="I292" s="6">
        <v>5984</v>
      </c>
      <c r="J292" s="6">
        <v>4947</v>
      </c>
      <c r="K292" s="6">
        <v>748</v>
      </c>
      <c r="L292" s="6">
        <v>6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0</v>
      </c>
      <c r="E293" s="9" t="s">
        <v>226</v>
      </c>
      <c r="F293" s="9" t="s">
        <v>282</v>
      </c>
      <c r="G293" s="9" t="s">
        <v>279</v>
      </c>
      <c r="H293" s="6">
        <v>3253</v>
      </c>
      <c r="I293" s="6">
        <v>2888</v>
      </c>
      <c r="J293" s="6">
        <v>2292</v>
      </c>
      <c r="K293" s="6">
        <v>365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0</v>
      </c>
      <c r="E294" s="9" t="s">
        <v>226</v>
      </c>
      <c r="F294" s="9" t="s">
        <v>282</v>
      </c>
      <c r="G294" s="9" t="s">
        <v>280</v>
      </c>
      <c r="H294" s="6">
        <v>11940</v>
      </c>
      <c r="I294" s="6">
        <v>9963</v>
      </c>
      <c r="J294" s="6">
        <v>7306</v>
      </c>
      <c r="K294" s="6">
        <v>1960</v>
      </c>
      <c r="L294" s="6">
        <v>17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0</v>
      </c>
      <c r="E295" s="9" t="s">
        <v>226</v>
      </c>
      <c r="F295" s="9" t="s">
        <v>283</v>
      </c>
      <c r="G295" s="9" t="s">
        <v>6</v>
      </c>
      <c r="H295" s="6">
        <v>39731</v>
      </c>
      <c r="I295" s="6">
        <v>35209</v>
      </c>
      <c r="J295" s="6">
        <v>27504</v>
      </c>
      <c r="K295" s="6">
        <v>4487</v>
      </c>
      <c r="L295" s="6">
        <v>3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0</v>
      </c>
      <c r="E296" s="9" t="s">
        <v>226</v>
      </c>
      <c r="F296" s="9" t="s">
        <v>283</v>
      </c>
      <c r="G296" s="9" t="s">
        <v>272</v>
      </c>
      <c r="H296" s="6">
        <v>2956</v>
      </c>
      <c r="I296" s="6">
        <v>1932</v>
      </c>
      <c r="J296" s="6">
        <v>1578</v>
      </c>
      <c r="K296" s="6">
        <v>1024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0</v>
      </c>
      <c r="E297" s="9" t="s">
        <v>226</v>
      </c>
      <c r="F297" s="9" t="s">
        <v>283</v>
      </c>
      <c r="G297" s="9" t="s">
        <v>273</v>
      </c>
      <c r="H297" s="6">
        <v>5523</v>
      </c>
      <c r="I297" s="6">
        <v>4762</v>
      </c>
      <c r="J297" s="6">
        <v>3781</v>
      </c>
      <c r="K297" s="6">
        <v>761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0</v>
      </c>
      <c r="E298" s="9" t="s">
        <v>226</v>
      </c>
      <c r="F298" s="9" t="s">
        <v>283</v>
      </c>
      <c r="G298" s="9" t="s">
        <v>274</v>
      </c>
      <c r="H298" s="6">
        <v>7711</v>
      </c>
      <c r="I298" s="6">
        <v>6987</v>
      </c>
      <c r="J298" s="6">
        <v>5495</v>
      </c>
      <c r="K298" s="6">
        <v>724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0</v>
      </c>
      <c r="E299" s="9" t="s">
        <v>226</v>
      </c>
      <c r="F299" s="9" t="s">
        <v>283</v>
      </c>
      <c r="G299" s="9" t="s">
        <v>275</v>
      </c>
      <c r="H299" s="6">
        <v>7538</v>
      </c>
      <c r="I299" s="6">
        <v>6944</v>
      </c>
      <c r="J299" s="6">
        <v>5551</v>
      </c>
      <c r="K299" s="6">
        <v>580</v>
      </c>
      <c r="L299" s="6">
        <v>14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0</v>
      </c>
      <c r="E300" s="9" t="s">
        <v>226</v>
      </c>
      <c r="F300" s="9" t="s">
        <v>283</v>
      </c>
      <c r="G300" s="9" t="s">
        <v>276</v>
      </c>
      <c r="H300" s="6">
        <v>6473</v>
      </c>
      <c r="I300" s="6">
        <v>5995</v>
      </c>
      <c r="J300" s="6">
        <v>4706</v>
      </c>
      <c r="K300" s="6">
        <v>471</v>
      </c>
      <c r="L300" s="6">
        <v>7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0</v>
      </c>
      <c r="E301" s="9" t="s">
        <v>226</v>
      </c>
      <c r="F301" s="9" t="s">
        <v>283</v>
      </c>
      <c r="G301" s="9" t="s">
        <v>277</v>
      </c>
      <c r="H301" s="6">
        <v>4313</v>
      </c>
      <c r="I301" s="6">
        <v>4040</v>
      </c>
      <c r="J301" s="6">
        <v>3177</v>
      </c>
      <c r="K301" s="6">
        <v>267</v>
      </c>
      <c r="L301" s="6">
        <v>6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0</v>
      </c>
      <c r="E302" s="9" t="s">
        <v>226</v>
      </c>
      <c r="F302" s="9" t="s">
        <v>283</v>
      </c>
      <c r="G302" s="9" t="s">
        <v>278</v>
      </c>
      <c r="H302" s="6">
        <v>2203</v>
      </c>
      <c r="I302" s="6">
        <v>2017</v>
      </c>
      <c r="J302" s="6">
        <v>1588</v>
      </c>
      <c r="K302" s="6">
        <v>178</v>
      </c>
      <c r="L302" s="6">
        <v>8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0</v>
      </c>
      <c r="E303" s="9" t="s">
        <v>226</v>
      </c>
      <c r="F303" s="9" t="s">
        <v>283</v>
      </c>
      <c r="G303" s="9" t="s">
        <v>279</v>
      </c>
      <c r="H303" s="6">
        <v>948</v>
      </c>
      <c r="I303" s="6">
        <v>825</v>
      </c>
      <c r="J303" s="6">
        <v>542</v>
      </c>
      <c r="K303" s="6">
        <v>123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0</v>
      </c>
      <c r="E304" s="9" t="s">
        <v>226</v>
      </c>
      <c r="F304" s="9" t="s">
        <v>283</v>
      </c>
      <c r="G304" s="9" t="s">
        <v>280</v>
      </c>
      <c r="H304" s="6">
        <v>2066</v>
      </c>
      <c r="I304" s="6">
        <v>1707</v>
      </c>
      <c r="J304" s="6">
        <v>1086</v>
      </c>
      <c r="K304" s="6">
        <v>359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0</v>
      </c>
      <c r="E305" s="9" t="s">
        <v>227</v>
      </c>
      <c r="F305" s="9" t="s">
        <v>6</v>
      </c>
      <c r="G305" s="9" t="s">
        <v>6</v>
      </c>
      <c r="H305" s="6">
        <v>140724</v>
      </c>
      <c r="I305" s="6">
        <v>115671</v>
      </c>
      <c r="J305" s="6">
        <v>110904</v>
      </c>
      <c r="K305" s="6">
        <v>24948</v>
      </c>
      <c r="L305" s="6">
        <v>105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0</v>
      </c>
      <c r="E306" s="9" t="s">
        <v>227</v>
      </c>
      <c r="F306" s="9" t="s">
        <v>234</v>
      </c>
      <c r="G306" s="9" t="s">
        <v>6</v>
      </c>
      <c r="H306" s="6">
        <v>33076</v>
      </c>
      <c r="I306" s="6">
        <v>25308</v>
      </c>
      <c r="J306" s="6">
        <v>24051</v>
      </c>
      <c r="K306" s="6">
        <v>7740</v>
      </c>
      <c r="L306" s="6">
        <v>28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0</v>
      </c>
      <c r="E307" s="9" t="s">
        <v>227</v>
      </c>
      <c r="F307" s="9" t="s">
        <v>235</v>
      </c>
      <c r="G307" s="9" t="s">
        <v>6</v>
      </c>
      <c r="H307" s="6">
        <v>107648</v>
      </c>
      <c r="I307" s="6">
        <v>90363</v>
      </c>
      <c r="J307" s="6">
        <v>86853</v>
      </c>
      <c r="K307" s="6">
        <v>17208</v>
      </c>
      <c r="L307" s="6">
        <v>77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0</v>
      </c>
      <c r="E308" s="9" t="s">
        <v>227</v>
      </c>
      <c r="F308" s="9" t="s">
        <v>235</v>
      </c>
      <c r="G308" s="9" t="s">
        <v>272</v>
      </c>
      <c r="H308" s="6">
        <v>5924</v>
      </c>
      <c r="I308" s="6">
        <v>3451</v>
      </c>
      <c r="J308" s="6">
        <v>3358</v>
      </c>
      <c r="K308" s="6">
        <v>2473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0</v>
      </c>
      <c r="E309" s="9" t="s">
        <v>227</v>
      </c>
      <c r="F309" s="9" t="s">
        <v>235</v>
      </c>
      <c r="G309" s="9" t="s">
        <v>273</v>
      </c>
      <c r="H309" s="6">
        <v>10477</v>
      </c>
      <c r="I309" s="6">
        <v>8684</v>
      </c>
      <c r="J309" s="6">
        <v>8301</v>
      </c>
      <c r="K309" s="6">
        <v>1780</v>
      </c>
      <c r="L309" s="6">
        <v>13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0</v>
      </c>
      <c r="E310" s="9" t="s">
        <v>227</v>
      </c>
      <c r="F310" s="9" t="s">
        <v>235</v>
      </c>
      <c r="G310" s="9" t="s">
        <v>274</v>
      </c>
      <c r="H310" s="6">
        <v>12105</v>
      </c>
      <c r="I310" s="6">
        <v>10643</v>
      </c>
      <c r="J310" s="6">
        <v>10294</v>
      </c>
      <c r="K310" s="6">
        <v>1458</v>
      </c>
      <c r="L310" s="6">
        <v>4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0</v>
      </c>
      <c r="E311" s="9" t="s">
        <v>227</v>
      </c>
      <c r="F311" s="9" t="s">
        <v>235</v>
      </c>
      <c r="G311" s="9" t="s">
        <v>275</v>
      </c>
      <c r="H311" s="6">
        <v>11879</v>
      </c>
      <c r="I311" s="6">
        <v>10680</v>
      </c>
      <c r="J311" s="6">
        <v>10324</v>
      </c>
      <c r="K311" s="6">
        <v>1187</v>
      </c>
      <c r="L311" s="6">
        <v>12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0</v>
      </c>
      <c r="E312" s="9" t="s">
        <v>227</v>
      </c>
      <c r="F312" s="9" t="s">
        <v>235</v>
      </c>
      <c r="G312" s="9" t="s">
        <v>276</v>
      </c>
      <c r="H312" s="6">
        <v>11462</v>
      </c>
      <c r="I312" s="6">
        <v>10289</v>
      </c>
      <c r="J312" s="6">
        <v>9957</v>
      </c>
      <c r="K312" s="6">
        <v>1166</v>
      </c>
      <c r="L312" s="6">
        <v>7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0</v>
      </c>
      <c r="E313" s="9" t="s">
        <v>227</v>
      </c>
      <c r="F313" s="9" t="s">
        <v>235</v>
      </c>
      <c r="G313" s="9" t="s">
        <v>277</v>
      </c>
      <c r="H313" s="6">
        <v>10824</v>
      </c>
      <c r="I313" s="6">
        <v>9765</v>
      </c>
      <c r="J313" s="6">
        <v>9385</v>
      </c>
      <c r="K313" s="6">
        <v>1053</v>
      </c>
      <c r="L313" s="6">
        <v>6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0</v>
      </c>
      <c r="E314" s="9" t="s">
        <v>227</v>
      </c>
      <c r="F314" s="9" t="s">
        <v>235</v>
      </c>
      <c r="G314" s="9" t="s">
        <v>278</v>
      </c>
      <c r="H314" s="6">
        <v>10390</v>
      </c>
      <c r="I314" s="6">
        <v>9144</v>
      </c>
      <c r="J314" s="6">
        <v>8770</v>
      </c>
      <c r="K314" s="6">
        <v>1240</v>
      </c>
      <c r="L314" s="6">
        <v>6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0</v>
      </c>
      <c r="E315" s="9" t="s">
        <v>227</v>
      </c>
      <c r="F315" s="9" t="s">
        <v>235</v>
      </c>
      <c r="G315" s="9" t="s">
        <v>279</v>
      </c>
      <c r="H315" s="6">
        <v>5146</v>
      </c>
      <c r="I315" s="6">
        <v>4435</v>
      </c>
      <c r="J315" s="6">
        <v>4268</v>
      </c>
      <c r="K315" s="6">
        <v>705</v>
      </c>
      <c r="L315" s="6">
        <v>6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0</v>
      </c>
      <c r="E316" s="9" t="s">
        <v>227</v>
      </c>
      <c r="F316" s="9" t="s">
        <v>235</v>
      </c>
      <c r="G316" s="9" t="s">
        <v>280</v>
      </c>
      <c r="H316" s="6">
        <v>29441</v>
      </c>
      <c r="I316" s="6">
        <v>23272</v>
      </c>
      <c r="J316" s="6">
        <v>22196</v>
      </c>
      <c r="K316" s="6">
        <v>6146</v>
      </c>
      <c r="L316" s="6">
        <v>23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0</v>
      </c>
      <c r="E317" s="9" t="s">
        <v>227</v>
      </c>
      <c r="F317" s="9" t="s">
        <v>281</v>
      </c>
      <c r="G317" s="9" t="s">
        <v>6</v>
      </c>
      <c r="H317" s="6">
        <v>37833</v>
      </c>
      <c r="I317" s="6">
        <v>30305</v>
      </c>
      <c r="J317" s="6">
        <v>28901</v>
      </c>
      <c r="K317" s="6">
        <v>7494</v>
      </c>
      <c r="L317" s="6">
        <v>34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0</v>
      </c>
      <c r="E318" s="9" t="s">
        <v>227</v>
      </c>
      <c r="F318" s="9" t="s">
        <v>281</v>
      </c>
      <c r="G318" s="9" t="s">
        <v>272</v>
      </c>
      <c r="H318" s="6">
        <v>1679</v>
      </c>
      <c r="I318" s="6">
        <v>893</v>
      </c>
      <c r="J318" s="6">
        <v>867</v>
      </c>
      <c r="K318" s="6">
        <v>786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0</v>
      </c>
      <c r="E319" s="9" t="s">
        <v>227</v>
      </c>
      <c r="F319" s="9" t="s">
        <v>281</v>
      </c>
      <c r="G319" s="9" t="s">
        <v>273</v>
      </c>
      <c r="H319" s="6">
        <v>2608</v>
      </c>
      <c r="I319" s="6">
        <v>2025</v>
      </c>
      <c r="J319" s="6">
        <v>1937</v>
      </c>
      <c r="K319" s="6">
        <v>577</v>
      </c>
      <c r="L319" s="6">
        <v>6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0</v>
      </c>
      <c r="E320" s="9" t="s">
        <v>227</v>
      </c>
      <c r="F320" s="9" t="s">
        <v>281</v>
      </c>
      <c r="G320" s="9" t="s">
        <v>274</v>
      </c>
      <c r="H320" s="6">
        <v>1983</v>
      </c>
      <c r="I320" s="6">
        <v>1703</v>
      </c>
      <c r="J320" s="6">
        <v>1621</v>
      </c>
      <c r="K320" s="6">
        <v>276</v>
      </c>
      <c r="L320" s="6">
        <v>4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0</v>
      </c>
      <c r="E321" s="9" t="s">
        <v>227</v>
      </c>
      <c r="F321" s="9" t="s">
        <v>281</v>
      </c>
      <c r="G321" s="9" t="s">
        <v>275</v>
      </c>
      <c r="H321" s="6">
        <v>1621</v>
      </c>
      <c r="I321" s="6">
        <v>1363</v>
      </c>
      <c r="J321" s="6">
        <v>1343</v>
      </c>
      <c r="K321" s="6">
        <v>258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0</v>
      </c>
      <c r="E322" s="9" t="s">
        <v>227</v>
      </c>
      <c r="F322" s="9" t="s">
        <v>281</v>
      </c>
      <c r="G322" s="9" t="s">
        <v>276</v>
      </c>
      <c r="H322" s="6">
        <v>1741</v>
      </c>
      <c r="I322" s="6">
        <v>1485</v>
      </c>
      <c r="J322" s="6">
        <v>1429</v>
      </c>
      <c r="K322" s="6">
        <v>256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0</v>
      </c>
      <c r="E323" s="9" t="s">
        <v>227</v>
      </c>
      <c r="F323" s="9" t="s">
        <v>281</v>
      </c>
      <c r="G323" s="9" t="s">
        <v>277</v>
      </c>
      <c r="H323" s="6">
        <v>2253</v>
      </c>
      <c r="I323" s="6">
        <v>1932</v>
      </c>
      <c r="J323" s="6">
        <v>1847</v>
      </c>
      <c r="K323" s="6">
        <v>321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0</v>
      </c>
      <c r="E324" s="9" t="s">
        <v>227</v>
      </c>
      <c r="F324" s="9" t="s">
        <v>281</v>
      </c>
      <c r="G324" s="9" t="s">
        <v>278</v>
      </c>
      <c r="H324" s="6">
        <v>3702</v>
      </c>
      <c r="I324" s="6">
        <v>3236</v>
      </c>
      <c r="J324" s="6">
        <v>3091</v>
      </c>
      <c r="K324" s="6">
        <v>466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0</v>
      </c>
      <c r="E325" s="9" t="s">
        <v>227</v>
      </c>
      <c r="F325" s="9" t="s">
        <v>281</v>
      </c>
      <c r="G325" s="9" t="s">
        <v>279</v>
      </c>
      <c r="H325" s="6">
        <v>2209</v>
      </c>
      <c r="I325" s="6">
        <v>1901</v>
      </c>
      <c r="J325" s="6">
        <v>1812</v>
      </c>
      <c r="K325" s="6">
        <v>302</v>
      </c>
      <c r="L325" s="6">
        <v>6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0</v>
      </c>
      <c r="E326" s="9" t="s">
        <v>227</v>
      </c>
      <c r="F326" s="9" t="s">
        <v>281</v>
      </c>
      <c r="G326" s="9" t="s">
        <v>280</v>
      </c>
      <c r="H326" s="6">
        <v>20037</v>
      </c>
      <c r="I326" s="6">
        <v>15767</v>
      </c>
      <c r="J326" s="6">
        <v>14954</v>
      </c>
      <c r="K326" s="6">
        <v>4252</v>
      </c>
      <c r="L326" s="6">
        <v>18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0</v>
      </c>
      <c r="E327" s="9" t="s">
        <v>227</v>
      </c>
      <c r="F327" s="9" t="s">
        <v>282</v>
      </c>
      <c r="G327" s="9" t="s">
        <v>6</v>
      </c>
      <c r="H327" s="6">
        <v>41143</v>
      </c>
      <c r="I327" s="6">
        <v>34972</v>
      </c>
      <c r="J327" s="6">
        <v>33786</v>
      </c>
      <c r="K327" s="6">
        <v>6148</v>
      </c>
      <c r="L327" s="6">
        <v>23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0</v>
      </c>
      <c r="E328" s="9" t="s">
        <v>227</v>
      </c>
      <c r="F328" s="9" t="s">
        <v>282</v>
      </c>
      <c r="G328" s="9" t="s">
        <v>272</v>
      </c>
      <c r="H328" s="6">
        <v>2041</v>
      </c>
      <c r="I328" s="6">
        <v>1122</v>
      </c>
      <c r="J328" s="6">
        <v>1076</v>
      </c>
      <c r="K328" s="6">
        <v>919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0</v>
      </c>
      <c r="E329" s="9" t="s">
        <v>227</v>
      </c>
      <c r="F329" s="9" t="s">
        <v>282</v>
      </c>
      <c r="G329" s="9" t="s">
        <v>273</v>
      </c>
      <c r="H329" s="6">
        <v>3829</v>
      </c>
      <c r="I329" s="6">
        <v>3224</v>
      </c>
      <c r="J329" s="6">
        <v>3084</v>
      </c>
      <c r="K329" s="6">
        <v>598</v>
      </c>
      <c r="L329" s="6">
        <v>7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0</v>
      </c>
      <c r="E330" s="9" t="s">
        <v>227</v>
      </c>
      <c r="F330" s="9" t="s">
        <v>282</v>
      </c>
      <c r="G330" s="9" t="s">
        <v>274</v>
      </c>
      <c r="H330" s="6">
        <v>4623</v>
      </c>
      <c r="I330" s="6">
        <v>4013</v>
      </c>
      <c r="J330" s="6">
        <v>3882</v>
      </c>
      <c r="K330" s="6">
        <v>610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0</v>
      </c>
      <c r="E331" s="9" t="s">
        <v>227</v>
      </c>
      <c r="F331" s="9" t="s">
        <v>282</v>
      </c>
      <c r="G331" s="9" t="s">
        <v>275</v>
      </c>
      <c r="H331" s="6">
        <v>4625</v>
      </c>
      <c r="I331" s="6">
        <v>4180</v>
      </c>
      <c r="J331" s="6">
        <v>4043</v>
      </c>
      <c r="K331" s="6">
        <v>440</v>
      </c>
      <c r="L331" s="6">
        <v>5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0</v>
      </c>
      <c r="E332" s="9" t="s">
        <v>227</v>
      </c>
      <c r="F332" s="9" t="s">
        <v>282</v>
      </c>
      <c r="G332" s="9" t="s">
        <v>276</v>
      </c>
      <c r="H332" s="6">
        <v>5056</v>
      </c>
      <c r="I332" s="6">
        <v>4525</v>
      </c>
      <c r="J332" s="6">
        <v>4390</v>
      </c>
      <c r="K332" s="6">
        <v>531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0</v>
      </c>
      <c r="E333" s="9" t="s">
        <v>227</v>
      </c>
      <c r="F333" s="9" t="s">
        <v>282</v>
      </c>
      <c r="G333" s="9" t="s">
        <v>277</v>
      </c>
      <c r="H333" s="6">
        <v>5410</v>
      </c>
      <c r="I333" s="6">
        <v>4896</v>
      </c>
      <c r="J333" s="6">
        <v>4752</v>
      </c>
      <c r="K333" s="6">
        <v>514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0</v>
      </c>
      <c r="E334" s="9" t="s">
        <v>227</v>
      </c>
      <c r="F334" s="9" t="s">
        <v>282</v>
      </c>
      <c r="G334" s="9" t="s">
        <v>278</v>
      </c>
      <c r="H334" s="6">
        <v>5109</v>
      </c>
      <c r="I334" s="6">
        <v>4467</v>
      </c>
      <c r="J334" s="6">
        <v>4271</v>
      </c>
      <c r="K334" s="6">
        <v>636</v>
      </c>
      <c r="L334" s="6">
        <v>6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0</v>
      </c>
      <c r="E335" s="9" t="s">
        <v>227</v>
      </c>
      <c r="F335" s="9" t="s">
        <v>282</v>
      </c>
      <c r="G335" s="9" t="s">
        <v>279</v>
      </c>
      <c r="H335" s="6">
        <v>2353</v>
      </c>
      <c r="I335" s="6">
        <v>2046</v>
      </c>
      <c r="J335" s="6">
        <v>1988</v>
      </c>
      <c r="K335" s="6">
        <v>307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0</v>
      </c>
      <c r="E336" s="9" t="s">
        <v>227</v>
      </c>
      <c r="F336" s="9" t="s">
        <v>282</v>
      </c>
      <c r="G336" s="9" t="s">
        <v>280</v>
      </c>
      <c r="H336" s="6">
        <v>8097</v>
      </c>
      <c r="I336" s="6">
        <v>6499</v>
      </c>
      <c r="J336" s="6">
        <v>6300</v>
      </c>
      <c r="K336" s="6">
        <v>1593</v>
      </c>
      <c r="L336" s="6">
        <v>5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0</v>
      </c>
      <c r="E337" s="9" t="s">
        <v>227</v>
      </c>
      <c r="F337" s="9" t="s">
        <v>283</v>
      </c>
      <c r="G337" s="9" t="s">
        <v>6</v>
      </c>
      <c r="H337" s="6">
        <v>28672</v>
      </c>
      <c r="I337" s="6">
        <v>25086</v>
      </c>
      <c r="J337" s="6">
        <v>24166</v>
      </c>
      <c r="K337" s="6">
        <v>3566</v>
      </c>
      <c r="L337" s="6">
        <v>20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0</v>
      </c>
      <c r="E338" s="9" t="s">
        <v>227</v>
      </c>
      <c r="F338" s="9" t="s">
        <v>283</v>
      </c>
      <c r="G338" s="9" t="s">
        <v>272</v>
      </c>
      <c r="H338" s="6">
        <v>2204</v>
      </c>
      <c r="I338" s="6">
        <v>1436</v>
      </c>
      <c r="J338" s="6">
        <v>1415</v>
      </c>
      <c r="K338" s="6">
        <v>768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0</v>
      </c>
      <c r="E339" s="9" t="s">
        <v>227</v>
      </c>
      <c r="F339" s="9" t="s">
        <v>283</v>
      </c>
      <c r="G339" s="9" t="s">
        <v>273</v>
      </c>
      <c r="H339" s="6">
        <v>4040</v>
      </c>
      <c r="I339" s="6">
        <v>3435</v>
      </c>
      <c r="J339" s="6">
        <v>3280</v>
      </c>
      <c r="K339" s="6">
        <v>605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0</v>
      </c>
      <c r="E340" s="9" t="s">
        <v>227</v>
      </c>
      <c r="F340" s="9" t="s">
        <v>283</v>
      </c>
      <c r="G340" s="9" t="s">
        <v>274</v>
      </c>
      <c r="H340" s="6">
        <v>5499</v>
      </c>
      <c r="I340" s="6">
        <v>4927</v>
      </c>
      <c r="J340" s="6">
        <v>4791</v>
      </c>
      <c r="K340" s="6">
        <v>572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0</v>
      </c>
      <c r="E341" s="9" t="s">
        <v>227</v>
      </c>
      <c r="F341" s="9" t="s">
        <v>283</v>
      </c>
      <c r="G341" s="9" t="s">
        <v>275</v>
      </c>
      <c r="H341" s="6">
        <v>5633</v>
      </c>
      <c r="I341" s="6">
        <v>5137</v>
      </c>
      <c r="J341" s="6">
        <v>4938</v>
      </c>
      <c r="K341" s="6">
        <v>489</v>
      </c>
      <c r="L341" s="6">
        <v>7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0</v>
      </c>
      <c r="E342" s="9" t="s">
        <v>227</v>
      </c>
      <c r="F342" s="9" t="s">
        <v>283</v>
      </c>
      <c r="G342" s="9" t="s">
        <v>276</v>
      </c>
      <c r="H342" s="6">
        <v>4665</v>
      </c>
      <c r="I342" s="6">
        <v>4279</v>
      </c>
      <c r="J342" s="6">
        <v>4138</v>
      </c>
      <c r="K342" s="6">
        <v>379</v>
      </c>
      <c r="L342" s="6">
        <v>7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0</v>
      </c>
      <c r="E343" s="9" t="s">
        <v>227</v>
      </c>
      <c r="F343" s="9" t="s">
        <v>283</v>
      </c>
      <c r="G343" s="9" t="s">
        <v>277</v>
      </c>
      <c r="H343" s="6">
        <v>3161</v>
      </c>
      <c r="I343" s="6">
        <v>2937</v>
      </c>
      <c r="J343" s="6">
        <v>2786</v>
      </c>
      <c r="K343" s="6">
        <v>218</v>
      </c>
      <c r="L343" s="6">
        <v>6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0</v>
      </c>
      <c r="E344" s="9" t="s">
        <v>227</v>
      </c>
      <c r="F344" s="9" t="s">
        <v>283</v>
      </c>
      <c r="G344" s="9" t="s">
        <v>278</v>
      </c>
      <c r="H344" s="6">
        <v>1579</v>
      </c>
      <c r="I344" s="6">
        <v>1441</v>
      </c>
      <c r="J344" s="6">
        <v>1408</v>
      </c>
      <c r="K344" s="6">
        <v>138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0</v>
      </c>
      <c r="E345" s="9" t="s">
        <v>227</v>
      </c>
      <c r="F345" s="9" t="s">
        <v>283</v>
      </c>
      <c r="G345" s="9" t="s">
        <v>279</v>
      </c>
      <c r="H345" s="6">
        <v>584</v>
      </c>
      <c r="I345" s="6">
        <v>488</v>
      </c>
      <c r="J345" s="6">
        <v>468</v>
      </c>
      <c r="K345" s="6">
        <v>96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0</v>
      </c>
      <c r="E346" s="9" t="s">
        <v>227</v>
      </c>
      <c r="F346" s="9" t="s">
        <v>283</v>
      </c>
      <c r="G346" s="9" t="s">
        <v>280</v>
      </c>
      <c r="H346" s="6">
        <v>1307</v>
      </c>
      <c r="I346" s="6">
        <v>1006</v>
      </c>
      <c r="J346" s="6">
        <v>942</v>
      </c>
      <c r="K346" s="6">
        <v>301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0</v>
      </c>
      <c r="E347" s="9" t="s">
        <v>228</v>
      </c>
      <c r="F347" s="9" t="s">
        <v>6</v>
      </c>
      <c r="G347" s="9" t="s">
        <v>6</v>
      </c>
      <c r="H347" s="6">
        <v>16923</v>
      </c>
      <c r="I347" s="6">
        <v>7209</v>
      </c>
      <c r="J347" s="6">
        <v>6655</v>
      </c>
      <c r="K347" s="6">
        <v>9703</v>
      </c>
      <c r="L347" s="6">
        <v>11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0</v>
      </c>
      <c r="E348" s="9" t="s">
        <v>228</v>
      </c>
      <c r="F348" s="9" t="s">
        <v>234</v>
      </c>
      <c r="G348" s="9" t="s">
        <v>6</v>
      </c>
      <c r="H348" s="6">
        <v>9175</v>
      </c>
      <c r="I348" s="6">
        <v>3385</v>
      </c>
      <c r="J348" s="6">
        <v>3154</v>
      </c>
      <c r="K348" s="6">
        <v>5790</v>
      </c>
      <c r="L348" s="10" t="s">
        <v>55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0</v>
      </c>
      <c r="E349" s="9" t="s">
        <v>228</v>
      </c>
      <c r="F349" s="9" t="s">
        <v>235</v>
      </c>
      <c r="G349" s="9" t="s">
        <v>6</v>
      </c>
      <c r="H349" s="6">
        <v>7748</v>
      </c>
      <c r="I349" s="6">
        <v>3824</v>
      </c>
      <c r="J349" s="6">
        <v>3501</v>
      </c>
      <c r="K349" s="6">
        <v>3913</v>
      </c>
      <c r="L349" s="6">
        <v>11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0</v>
      </c>
      <c r="E350" s="9" t="s">
        <v>228</v>
      </c>
      <c r="F350" s="9" t="s">
        <v>235</v>
      </c>
      <c r="G350" s="9" t="s">
        <v>272</v>
      </c>
      <c r="H350" s="6">
        <v>157</v>
      </c>
      <c r="I350" s="6">
        <v>33</v>
      </c>
      <c r="J350" s="6">
        <v>33</v>
      </c>
      <c r="K350" s="6">
        <v>124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0</v>
      </c>
      <c r="E351" s="9" t="s">
        <v>228</v>
      </c>
      <c r="F351" s="9" t="s">
        <v>235</v>
      </c>
      <c r="G351" s="9" t="s">
        <v>273</v>
      </c>
      <c r="H351" s="6">
        <v>275</v>
      </c>
      <c r="I351" s="6">
        <v>153</v>
      </c>
      <c r="J351" s="6">
        <v>144</v>
      </c>
      <c r="K351" s="6">
        <v>122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0</v>
      </c>
      <c r="E352" s="9" t="s">
        <v>228</v>
      </c>
      <c r="F352" s="9" t="s">
        <v>235</v>
      </c>
      <c r="G352" s="9" t="s">
        <v>274</v>
      </c>
      <c r="H352" s="6">
        <v>314</v>
      </c>
      <c r="I352" s="6">
        <v>221</v>
      </c>
      <c r="J352" s="6">
        <v>180</v>
      </c>
      <c r="K352" s="6">
        <v>93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0</v>
      </c>
      <c r="E353" s="9" t="s">
        <v>228</v>
      </c>
      <c r="F353" s="9" t="s">
        <v>235</v>
      </c>
      <c r="G353" s="9" t="s">
        <v>275</v>
      </c>
      <c r="H353" s="6">
        <v>139</v>
      </c>
      <c r="I353" s="6">
        <v>91</v>
      </c>
      <c r="J353" s="6">
        <v>83</v>
      </c>
      <c r="K353" s="6">
        <v>48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0</v>
      </c>
      <c r="E354" s="9" t="s">
        <v>228</v>
      </c>
      <c r="F354" s="9" t="s">
        <v>235</v>
      </c>
      <c r="G354" s="9" t="s">
        <v>276</v>
      </c>
      <c r="H354" s="6">
        <v>255</v>
      </c>
      <c r="I354" s="6">
        <v>209</v>
      </c>
      <c r="J354" s="6">
        <v>171</v>
      </c>
      <c r="K354" s="6">
        <v>39</v>
      </c>
      <c r="L354" s="6">
        <v>7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0</v>
      </c>
      <c r="E355" s="9" t="s">
        <v>228</v>
      </c>
      <c r="F355" s="9" t="s">
        <v>235</v>
      </c>
      <c r="G355" s="9" t="s">
        <v>277</v>
      </c>
      <c r="H355" s="6">
        <v>221</v>
      </c>
      <c r="I355" s="6">
        <v>167</v>
      </c>
      <c r="J355" s="6">
        <v>155</v>
      </c>
      <c r="K355" s="6">
        <v>50</v>
      </c>
      <c r="L355" s="6">
        <v>4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0</v>
      </c>
      <c r="E356" s="9" t="s">
        <v>228</v>
      </c>
      <c r="F356" s="9" t="s">
        <v>235</v>
      </c>
      <c r="G356" s="9" t="s">
        <v>278</v>
      </c>
      <c r="H356" s="6">
        <v>314</v>
      </c>
      <c r="I356" s="6">
        <v>234</v>
      </c>
      <c r="J356" s="6">
        <v>223</v>
      </c>
      <c r="K356" s="6">
        <v>80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0</v>
      </c>
      <c r="E357" s="9" t="s">
        <v>228</v>
      </c>
      <c r="F357" s="9" t="s">
        <v>235</v>
      </c>
      <c r="G357" s="9" t="s">
        <v>279</v>
      </c>
      <c r="H357" s="6">
        <v>219</v>
      </c>
      <c r="I357" s="6">
        <v>129</v>
      </c>
      <c r="J357" s="6">
        <v>111</v>
      </c>
      <c r="K357" s="6">
        <v>90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0</v>
      </c>
      <c r="E358" s="9" t="s">
        <v>228</v>
      </c>
      <c r="F358" s="9" t="s">
        <v>235</v>
      </c>
      <c r="G358" s="9" t="s">
        <v>280</v>
      </c>
      <c r="H358" s="6">
        <v>5854</v>
      </c>
      <c r="I358" s="6">
        <v>2587</v>
      </c>
      <c r="J358" s="6">
        <v>2401</v>
      </c>
      <c r="K358" s="6">
        <v>3267</v>
      </c>
      <c r="L358" s="10" t="s">
        <v>55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0</v>
      </c>
      <c r="E359" s="9" t="s">
        <v>228</v>
      </c>
      <c r="F359" s="9" t="s">
        <v>281</v>
      </c>
      <c r="G359" s="9" t="s">
        <v>6</v>
      </c>
      <c r="H359" s="6">
        <v>5021</v>
      </c>
      <c r="I359" s="6">
        <v>2258</v>
      </c>
      <c r="J359" s="6">
        <v>2090</v>
      </c>
      <c r="K359" s="6">
        <v>2759</v>
      </c>
      <c r="L359" s="6">
        <v>4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0</v>
      </c>
      <c r="E360" s="9" t="s">
        <v>228</v>
      </c>
      <c r="F360" s="9" t="s">
        <v>281</v>
      </c>
      <c r="G360" s="9" t="s">
        <v>272</v>
      </c>
      <c r="H360" s="6">
        <v>66</v>
      </c>
      <c r="I360" s="6">
        <v>5</v>
      </c>
      <c r="J360" s="6">
        <v>5</v>
      </c>
      <c r="K360" s="6">
        <v>61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0</v>
      </c>
      <c r="E361" s="9" t="s">
        <v>228</v>
      </c>
      <c r="F361" s="9" t="s">
        <v>281</v>
      </c>
      <c r="G361" s="9" t="s">
        <v>273</v>
      </c>
      <c r="H361" s="6">
        <v>105</v>
      </c>
      <c r="I361" s="6">
        <v>61</v>
      </c>
      <c r="J361" s="6">
        <v>52</v>
      </c>
      <c r="K361" s="6">
        <v>44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0</v>
      </c>
      <c r="E362" s="9" t="s">
        <v>228</v>
      </c>
      <c r="F362" s="9" t="s">
        <v>281</v>
      </c>
      <c r="G362" s="9" t="s">
        <v>274</v>
      </c>
      <c r="H362" s="6">
        <v>56</v>
      </c>
      <c r="I362" s="6">
        <v>46</v>
      </c>
      <c r="J362" s="6">
        <v>35</v>
      </c>
      <c r="K362" s="6">
        <v>10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0</v>
      </c>
      <c r="E363" s="9" t="s">
        <v>228</v>
      </c>
      <c r="F363" s="9" t="s">
        <v>281</v>
      </c>
      <c r="G363" s="9" t="s">
        <v>275</v>
      </c>
      <c r="H363" s="6">
        <v>45</v>
      </c>
      <c r="I363" s="6">
        <v>35</v>
      </c>
      <c r="J363" s="6">
        <v>35</v>
      </c>
      <c r="K363" s="6">
        <v>10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0</v>
      </c>
      <c r="E364" s="9" t="s">
        <v>228</v>
      </c>
      <c r="F364" s="9" t="s">
        <v>281</v>
      </c>
      <c r="G364" s="9" t="s">
        <v>276</v>
      </c>
      <c r="H364" s="6">
        <v>75</v>
      </c>
      <c r="I364" s="6">
        <v>71</v>
      </c>
      <c r="J364" s="6">
        <v>66</v>
      </c>
      <c r="K364" s="6">
        <v>4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0</v>
      </c>
      <c r="E365" s="9" t="s">
        <v>228</v>
      </c>
      <c r="F365" s="9" t="s">
        <v>281</v>
      </c>
      <c r="G365" s="9" t="s">
        <v>277</v>
      </c>
      <c r="H365" s="6">
        <v>64</v>
      </c>
      <c r="I365" s="6">
        <v>47</v>
      </c>
      <c r="J365" s="6">
        <v>41</v>
      </c>
      <c r="K365" s="6">
        <v>13</v>
      </c>
      <c r="L365" s="6">
        <v>4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0</v>
      </c>
      <c r="E366" s="9" t="s">
        <v>228</v>
      </c>
      <c r="F366" s="9" t="s">
        <v>281</v>
      </c>
      <c r="G366" s="9" t="s">
        <v>278</v>
      </c>
      <c r="H366" s="6">
        <v>127</v>
      </c>
      <c r="I366" s="6">
        <v>87</v>
      </c>
      <c r="J366" s="6">
        <v>82</v>
      </c>
      <c r="K366" s="6">
        <v>40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0</v>
      </c>
      <c r="E367" s="9" t="s">
        <v>228</v>
      </c>
      <c r="F367" s="9" t="s">
        <v>281</v>
      </c>
      <c r="G367" s="9" t="s">
        <v>279</v>
      </c>
      <c r="H367" s="6">
        <v>110</v>
      </c>
      <c r="I367" s="6">
        <v>58</v>
      </c>
      <c r="J367" s="6">
        <v>58</v>
      </c>
      <c r="K367" s="6">
        <v>5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0</v>
      </c>
      <c r="E368" s="9" t="s">
        <v>228</v>
      </c>
      <c r="F368" s="9" t="s">
        <v>281</v>
      </c>
      <c r="G368" s="9" t="s">
        <v>280</v>
      </c>
      <c r="H368" s="6">
        <v>4373</v>
      </c>
      <c r="I368" s="6">
        <v>1848</v>
      </c>
      <c r="J368" s="6">
        <v>1716</v>
      </c>
      <c r="K368" s="6">
        <v>2525</v>
      </c>
      <c r="L368" s="10" t="s">
        <v>55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0</v>
      </c>
      <c r="E369" s="9" t="s">
        <v>228</v>
      </c>
      <c r="F369" s="9" t="s">
        <v>282</v>
      </c>
      <c r="G369" s="9" t="s">
        <v>6</v>
      </c>
      <c r="H369" s="6">
        <v>2089</v>
      </c>
      <c r="I369" s="6">
        <v>1132</v>
      </c>
      <c r="J369" s="6">
        <v>1032</v>
      </c>
      <c r="K369" s="6">
        <v>957</v>
      </c>
      <c r="L369" s="10" t="s">
        <v>55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0</v>
      </c>
      <c r="E370" s="9" t="s">
        <v>228</v>
      </c>
      <c r="F370" s="9" t="s">
        <v>282</v>
      </c>
      <c r="G370" s="9" t="s">
        <v>272</v>
      </c>
      <c r="H370" s="6">
        <v>49</v>
      </c>
      <c r="I370" s="10" t="s">
        <v>55</v>
      </c>
      <c r="J370" s="10" t="s">
        <v>55</v>
      </c>
      <c r="K370" s="6">
        <v>49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0</v>
      </c>
      <c r="E371" s="9" t="s">
        <v>228</v>
      </c>
      <c r="F371" s="9" t="s">
        <v>282</v>
      </c>
      <c r="G371" s="9" t="s">
        <v>273</v>
      </c>
      <c r="H371" s="6">
        <v>95</v>
      </c>
      <c r="I371" s="6">
        <v>42</v>
      </c>
      <c r="J371" s="6">
        <v>42</v>
      </c>
      <c r="K371" s="6">
        <v>53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0</v>
      </c>
      <c r="E372" s="9" t="s">
        <v>228</v>
      </c>
      <c r="F372" s="9" t="s">
        <v>282</v>
      </c>
      <c r="G372" s="9" t="s">
        <v>274</v>
      </c>
      <c r="H372" s="6">
        <v>108</v>
      </c>
      <c r="I372" s="6">
        <v>66</v>
      </c>
      <c r="J372" s="6">
        <v>58</v>
      </c>
      <c r="K372" s="6">
        <v>42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0</v>
      </c>
      <c r="E373" s="9" t="s">
        <v>228</v>
      </c>
      <c r="F373" s="9" t="s">
        <v>282</v>
      </c>
      <c r="G373" s="9" t="s">
        <v>275</v>
      </c>
      <c r="H373" s="6">
        <v>64</v>
      </c>
      <c r="I373" s="6">
        <v>48</v>
      </c>
      <c r="J373" s="6">
        <v>48</v>
      </c>
      <c r="K373" s="6">
        <v>16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0</v>
      </c>
      <c r="E374" s="9" t="s">
        <v>228</v>
      </c>
      <c r="F374" s="9" t="s">
        <v>282</v>
      </c>
      <c r="G374" s="9" t="s">
        <v>276</v>
      </c>
      <c r="H374" s="6">
        <v>86</v>
      </c>
      <c r="I374" s="6">
        <v>64</v>
      </c>
      <c r="J374" s="6">
        <v>44</v>
      </c>
      <c r="K374" s="6">
        <v>22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0</v>
      </c>
      <c r="E375" s="9" t="s">
        <v>228</v>
      </c>
      <c r="F375" s="9" t="s">
        <v>282</v>
      </c>
      <c r="G375" s="9" t="s">
        <v>277</v>
      </c>
      <c r="H375" s="6">
        <v>123</v>
      </c>
      <c r="I375" s="6">
        <v>86</v>
      </c>
      <c r="J375" s="6">
        <v>80</v>
      </c>
      <c r="K375" s="6">
        <v>37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0</v>
      </c>
      <c r="E376" s="9" t="s">
        <v>228</v>
      </c>
      <c r="F376" s="9" t="s">
        <v>282</v>
      </c>
      <c r="G376" s="9" t="s">
        <v>278</v>
      </c>
      <c r="H376" s="6">
        <v>155</v>
      </c>
      <c r="I376" s="6">
        <v>122</v>
      </c>
      <c r="J376" s="6">
        <v>116</v>
      </c>
      <c r="K376" s="6">
        <v>33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0</v>
      </c>
      <c r="E377" s="9" t="s">
        <v>228</v>
      </c>
      <c r="F377" s="9" t="s">
        <v>282</v>
      </c>
      <c r="G377" s="9" t="s">
        <v>279</v>
      </c>
      <c r="H377" s="6">
        <v>91</v>
      </c>
      <c r="I377" s="6">
        <v>53</v>
      </c>
      <c r="J377" s="6">
        <v>35</v>
      </c>
      <c r="K377" s="6">
        <v>38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0</v>
      </c>
      <c r="E378" s="9" t="s">
        <v>228</v>
      </c>
      <c r="F378" s="9" t="s">
        <v>282</v>
      </c>
      <c r="G378" s="9" t="s">
        <v>280</v>
      </c>
      <c r="H378" s="6">
        <v>1318</v>
      </c>
      <c r="I378" s="6">
        <v>651</v>
      </c>
      <c r="J378" s="6">
        <v>609</v>
      </c>
      <c r="K378" s="6">
        <v>667</v>
      </c>
      <c r="L378" s="10" t="s">
        <v>5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0</v>
      </c>
      <c r="E379" s="9" t="s">
        <v>228</v>
      </c>
      <c r="F379" s="9" t="s">
        <v>283</v>
      </c>
      <c r="G379" s="9" t="s">
        <v>6</v>
      </c>
      <c r="H379" s="6">
        <v>638</v>
      </c>
      <c r="I379" s="6">
        <v>434</v>
      </c>
      <c r="J379" s="6">
        <v>379</v>
      </c>
      <c r="K379" s="6">
        <v>197</v>
      </c>
      <c r="L379" s="6">
        <v>7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0</v>
      </c>
      <c r="E380" s="9" t="s">
        <v>228</v>
      </c>
      <c r="F380" s="9" t="s">
        <v>283</v>
      </c>
      <c r="G380" s="9" t="s">
        <v>272</v>
      </c>
      <c r="H380" s="6">
        <v>42</v>
      </c>
      <c r="I380" s="6">
        <v>28</v>
      </c>
      <c r="J380" s="6">
        <v>28</v>
      </c>
      <c r="K380" s="6">
        <v>14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0</v>
      </c>
      <c r="E381" s="9" t="s">
        <v>228</v>
      </c>
      <c r="F381" s="9" t="s">
        <v>283</v>
      </c>
      <c r="G381" s="9" t="s">
        <v>273</v>
      </c>
      <c r="H381" s="6">
        <v>75</v>
      </c>
      <c r="I381" s="6">
        <v>50</v>
      </c>
      <c r="J381" s="6">
        <v>50</v>
      </c>
      <c r="K381" s="6">
        <v>25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0</v>
      </c>
      <c r="E382" s="9" t="s">
        <v>228</v>
      </c>
      <c r="F382" s="9" t="s">
        <v>283</v>
      </c>
      <c r="G382" s="9" t="s">
        <v>274</v>
      </c>
      <c r="H382" s="6">
        <v>150</v>
      </c>
      <c r="I382" s="6">
        <v>109</v>
      </c>
      <c r="J382" s="6">
        <v>87</v>
      </c>
      <c r="K382" s="6">
        <v>41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0</v>
      </c>
      <c r="E383" s="9" t="s">
        <v>228</v>
      </c>
      <c r="F383" s="9" t="s">
        <v>283</v>
      </c>
      <c r="G383" s="9" t="s">
        <v>275</v>
      </c>
      <c r="H383" s="6">
        <v>30</v>
      </c>
      <c r="I383" s="6">
        <v>8</v>
      </c>
      <c r="J383" s="10" t="s">
        <v>55</v>
      </c>
      <c r="K383" s="6">
        <v>22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0</v>
      </c>
      <c r="E384" s="9" t="s">
        <v>228</v>
      </c>
      <c r="F384" s="9" t="s">
        <v>283</v>
      </c>
      <c r="G384" s="9" t="s">
        <v>276</v>
      </c>
      <c r="H384" s="6">
        <v>94</v>
      </c>
      <c r="I384" s="6">
        <v>74</v>
      </c>
      <c r="J384" s="6">
        <v>61</v>
      </c>
      <c r="K384" s="6">
        <v>13</v>
      </c>
      <c r="L384" s="6">
        <v>7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0</v>
      </c>
      <c r="E385" s="9" t="s">
        <v>228</v>
      </c>
      <c r="F385" s="9" t="s">
        <v>283</v>
      </c>
      <c r="G385" s="9" t="s">
        <v>277</v>
      </c>
      <c r="H385" s="6">
        <v>34</v>
      </c>
      <c r="I385" s="6">
        <v>34</v>
      </c>
      <c r="J385" s="6">
        <v>34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0</v>
      </c>
      <c r="E386" s="9" t="s">
        <v>228</v>
      </c>
      <c r="F386" s="9" t="s">
        <v>283</v>
      </c>
      <c r="G386" s="9" t="s">
        <v>278</v>
      </c>
      <c r="H386" s="6">
        <v>32</v>
      </c>
      <c r="I386" s="6">
        <v>25</v>
      </c>
      <c r="J386" s="6">
        <v>25</v>
      </c>
      <c r="K386" s="6">
        <v>7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0</v>
      </c>
      <c r="E387" s="9" t="s">
        <v>228</v>
      </c>
      <c r="F387" s="9" t="s">
        <v>283</v>
      </c>
      <c r="G387" s="9" t="s">
        <v>279</v>
      </c>
      <c r="H387" s="6">
        <v>18</v>
      </c>
      <c r="I387" s="6">
        <v>18</v>
      </c>
      <c r="J387" s="6">
        <v>18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0</v>
      </c>
      <c r="E388" s="9" t="s">
        <v>228</v>
      </c>
      <c r="F388" s="9" t="s">
        <v>283</v>
      </c>
      <c r="G388" s="9" t="s">
        <v>280</v>
      </c>
      <c r="H388" s="6">
        <v>163</v>
      </c>
      <c r="I388" s="6">
        <v>88</v>
      </c>
      <c r="J388" s="6">
        <v>76</v>
      </c>
      <c r="K388" s="6">
        <v>75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0</v>
      </c>
      <c r="E389" s="9" t="s">
        <v>18</v>
      </c>
      <c r="F389" s="9" t="s">
        <v>6</v>
      </c>
      <c r="G389" s="9" t="s">
        <v>6</v>
      </c>
      <c r="H389" s="6">
        <v>5049</v>
      </c>
      <c r="I389" s="6">
        <v>113</v>
      </c>
      <c r="J389" s="6">
        <v>87</v>
      </c>
      <c r="K389" s="6">
        <v>33</v>
      </c>
      <c r="L389" s="6">
        <v>4903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0</v>
      </c>
      <c r="E390" s="9" t="s">
        <v>18</v>
      </c>
      <c r="F390" s="9" t="s">
        <v>234</v>
      </c>
      <c r="G390" s="9" t="s">
        <v>6</v>
      </c>
      <c r="H390" s="6">
        <v>878</v>
      </c>
      <c r="I390" s="6">
        <v>43</v>
      </c>
      <c r="J390" s="6">
        <v>43</v>
      </c>
      <c r="K390" s="6">
        <v>6</v>
      </c>
      <c r="L390" s="6">
        <v>829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0</v>
      </c>
      <c r="E391" s="9" t="s">
        <v>18</v>
      </c>
      <c r="F391" s="9" t="s">
        <v>235</v>
      </c>
      <c r="G391" s="9" t="s">
        <v>6</v>
      </c>
      <c r="H391" s="6">
        <v>4171</v>
      </c>
      <c r="I391" s="6">
        <v>70</v>
      </c>
      <c r="J391" s="6">
        <v>44</v>
      </c>
      <c r="K391" s="6">
        <v>27</v>
      </c>
      <c r="L391" s="6">
        <v>4074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0</v>
      </c>
      <c r="E392" s="9" t="s">
        <v>18</v>
      </c>
      <c r="F392" s="9" t="s">
        <v>235</v>
      </c>
      <c r="G392" s="9" t="s">
        <v>272</v>
      </c>
      <c r="H392" s="6">
        <v>346</v>
      </c>
      <c r="I392" s="10" t="s">
        <v>55</v>
      </c>
      <c r="J392" s="10" t="s">
        <v>55</v>
      </c>
      <c r="K392" s="6">
        <v>6</v>
      </c>
      <c r="L392" s="6">
        <v>340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0</v>
      </c>
      <c r="E393" s="9" t="s">
        <v>18</v>
      </c>
      <c r="F393" s="9" t="s">
        <v>235</v>
      </c>
      <c r="G393" s="9" t="s">
        <v>273</v>
      </c>
      <c r="H393" s="6">
        <v>569</v>
      </c>
      <c r="I393" s="6">
        <v>17</v>
      </c>
      <c r="J393" s="6">
        <v>17</v>
      </c>
      <c r="K393" s="6">
        <v>6</v>
      </c>
      <c r="L393" s="6">
        <v>546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0</v>
      </c>
      <c r="E394" s="9" t="s">
        <v>18</v>
      </c>
      <c r="F394" s="9" t="s">
        <v>235</v>
      </c>
      <c r="G394" s="9" t="s">
        <v>274</v>
      </c>
      <c r="H394" s="6">
        <v>521</v>
      </c>
      <c r="I394" s="6">
        <v>9</v>
      </c>
      <c r="J394" s="10" t="s">
        <v>55</v>
      </c>
      <c r="K394" s="10" t="s">
        <v>55</v>
      </c>
      <c r="L394" s="6">
        <v>512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0</v>
      </c>
      <c r="E395" s="9" t="s">
        <v>18</v>
      </c>
      <c r="F395" s="9" t="s">
        <v>235</v>
      </c>
      <c r="G395" s="9" t="s">
        <v>275</v>
      </c>
      <c r="H395" s="6">
        <v>355</v>
      </c>
      <c r="I395" s="10" t="s">
        <v>55</v>
      </c>
      <c r="J395" s="10" t="s">
        <v>55</v>
      </c>
      <c r="K395" s="10" t="s">
        <v>55</v>
      </c>
      <c r="L395" s="6">
        <v>355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0</v>
      </c>
      <c r="E396" s="9" t="s">
        <v>18</v>
      </c>
      <c r="F396" s="9" t="s">
        <v>235</v>
      </c>
      <c r="G396" s="9" t="s">
        <v>276</v>
      </c>
      <c r="H396" s="6">
        <v>493</v>
      </c>
      <c r="I396" s="6">
        <v>5</v>
      </c>
      <c r="J396" s="6">
        <v>5</v>
      </c>
      <c r="K396" s="10" t="s">
        <v>55</v>
      </c>
      <c r="L396" s="6">
        <v>488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0</v>
      </c>
      <c r="E397" s="9" t="s">
        <v>18</v>
      </c>
      <c r="F397" s="9" t="s">
        <v>235</v>
      </c>
      <c r="G397" s="9" t="s">
        <v>277</v>
      </c>
      <c r="H397" s="6">
        <v>459</v>
      </c>
      <c r="I397" s="10" t="s">
        <v>55</v>
      </c>
      <c r="J397" s="10" t="s">
        <v>55</v>
      </c>
      <c r="K397" s="6">
        <v>6</v>
      </c>
      <c r="L397" s="6">
        <v>453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0</v>
      </c>
      <c r="E398" s="9" t="s">
        <v>18</v>
      </c>
      <c r="F398" s="9" t="s">
        <v>235</v>
      </c>
      <c r="G398" s="9" t="s">
        <v>278</v>
      </c>
      <c r="H398" s="6">
        <v>291</v>
      </c>
      <c r="I398" s="10" t="s">
        <v>55</v>
      </c>
      <c r="J398" s="10" t="s">
        <v>55</v>
      </c>
      <c r="K398" s="6">
        <v>4</v>
      </c>
      <c r="L398" s="6">
        <v>287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0</v>
      </c>
      <c r="E399" s="9" t="s">
        <v>18</v>
      </c>
      <c r="F399" s="9" t="s">
        <v>235</v>
      </c>
      <c r="G399" s="9" t="s">
        <v>279</v>
      </c>
      <c r="H399" s="6">
        <v>232</v>
      </c>
      <c r="I399" s="10" t="s">
        <v>55</v>
      </c>
      <c r="J399" s="10" t="s">
        <v>55</v>
      </c>
      <c r="K399" s="10" t="s">
        <v>55</v>
      </c>
      <c r="L399" s="6">
        <v>232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0</v>
      </c>
      <c r="E400" s="9" t="s">
        <v>18</v>
      </c>
      <c r="F400" s="9" t="s">
        <v>235</v>
      </c>
      <c r="G400" s="9" t="s">
        <v>280</v>
      </c>
      <c r="H400" s="6">
        <v>905</v>
      </c>
      <c r="I400" s="6">
        <v>39</v>
      </c>
      <c r="J400" s="6">
        <v>22</v>
      </c>
      <c r="K400" s="6">
        <v>5</v>
      </c>
      <c r="L400" s="6">
        <v>861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0</v>
      </c>
      <c r="E401" s="9" t="s">
        <v>18</v>
      </c>
      <c r="F401" s="9" t="s">
        <v>281</v>
      </c>
      <c r="G401" s="9" t="s">
        <v>6</v>
      </c>
      <c r="H401" s="6">
        <v>1214</v>
      </c>
      <c r="I401" s="6">
        <v>22</v>
      </c>
      <c r="J401" s="6">
        <v>17</v>
      </c>
      <c r="K401" s="6">
        <v>15</v>
      </c>
      <c r="L401" s="6">
        <v>1177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0</v>
      </c>
      <c r="E402" s="9" t="s">
        <v>18</v>
      </c>
      <c r="F402" s="9" t="s">
        <v>281</v>
      </c>
      <c r="G402" s="9" t="s">
        <v>272</v>
      </c>
      <c r="H402" s="6">
        <v>141</v>
      </c>
      <c r="I402" s="10" t="s">
        <v>55</v>
      </c>
      <c r="J402" s="10" t="s">
        <v>55</v>
      </c>
      <c r="K402" s="10" t="s">
        <v>55</v>
      </c>
      <c r="L402" s="6">
        <v>141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0</v>
      </c>
      <c r="E403" s="9" t="s">
        <v>18</v>
      </c>
      <c r="F403" s="9" t="s">
        <v>281</v>
      </c>
      <c r="G403" s="9" t="s">
        <v>273</v>
      </c>
      <c r="H403" s="6">
        <v>142</v>
      </c>
      <c r="I403" s="6">
        <v>5</v>
      </c>
      <c r="J403" s="6">
        <v>5</v>
      </c>
      <c r="K403" s="6">
        <v>6</v>
      </c>
      <c r="L403" s="6">
        <v>131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0</v>
      </c>
      <c r="E404" s="9" t="s">
        <v>18</v>
      </c>
      <c r="F404" s="9" t="s">
        <v>281</v>
      </c>
      <c r="G404" s="9" t="s">
        <v>274</v>
      </c>
      <c r="H404" s="6">
        <v>76</v>
      </c>
      <c r="I404" s="10" t="s">
        <v>55</v>
      </c>
      <c r="J404" s="10" t="s">
        <v>55</v>
      </c>
      <c r="K404" s="10" t="s">
        <v>55</v>
      </c>
      <c r="L404" s="6">
        <v>76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0</v>
      </c>
      <c r="E405" s="9" t="s">
        <v>18</v>
      </c>
      <c r="F405" s="9" t="s">
        <v>281</v>
      </c>
      <c r="G405" s="9" t="s">
        <v>275</v>
      </c>
      <c r="H405" s="6">
        <v>56</v>
      </c>
      <c r="I405" s="10" t="s">
        <v>55</v>
      </c>
      <c r="J405" s="10" t="s">
        <v>55</v>
      </c>
      <c r="K405" s="10" t="s">
        <v>55</v>
      </c>
      <c r="L405" s="6">
        <v>56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0</v>
      </c>
      <c r="E406" s="9" t="s">
        <v>18</v>
      </c>
      <c r="F406" s="9" t="s">
        <v>281</v>
      </c>
      <c r="G406" s="9" t="s">
        <v>276</v>
      </c>
      <c r="H406" s="6">
        <v>32</v>
      </c>
      <c r="I406" s="10" t="s">
        <v>55</v>
      </c>
      <c r="J406" s="10" t="s">
        <v>55</v>
      </c>
      <c r="K406" s="10" t="s">
        <v>55</v>
      </c>
      <c r="L406" s="6">
        <v>32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0</v>
      </c>
      <c r="E407" s="9" t="s">
        <v>18</v>
      </c>
      <c r="F407" s="9" t="s">
        <v>281</v>
      </c>
      <c r="G407" s="9" t="s">
        <v>277</v>
      </c>
      <c r="H407" s="6">
        <v>75</v>
      </c>
      <c r="I407" s="10" t="s">
        <v>55</v>
      </c>
      <c r="J407" s="10" t="s">
        <v>55</v>
      </c>
      <c r="K407" s="10" t="s">
        <v>55</v>
      </c>
      <c r="L407" s="6">
        <v>75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0</v>
      </c>
      <c r="E408" s="9" t="s">
        <v>18</v>
      </c>
      <c r="F408" s="9" t="s">
        <v>281</v>
      </c>
      <c r="G408" s="9" t="s">
        <v>278</v>
      </c>
      <c r="H408" s="6">
        <v>68</v>
      </c>
      <c r="I408" s="10" t="s">
        <v>55</v>
      </c>
      <c r="J408" s="10" t="s">
        <v>55</v>
      </c>
      <c r="K408" s="6">
        <v>4</v>
      </c>
      <c r="L408" s="6">
        <v>64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0</v>
      </c>
      <c r="E409" s="9" t="s">
        <v>18</v>
      </c>
      <c r="F409" s="9" t="s">
        <v>281</v>
      </c>
      <c r="G409" s="9" t="s">
        <v>279</v>
      </c>
      <c r="H409" s="6">
        <v>81</v>
      </c>
      <c r="I409" s="10" t="s">
        <v>55</v>
      </c>
      <c r="J409" s="10" t="s">
        <v>55</v>
      </c>
      <c r="K409" s="10" t="s">
        <v>55</v>
      </c>
      <c r="L409" s="6">
        <v>81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0</v>
      </c>
      <c r="E410" s="9" t="s">
        <v>18</v>
      </c>
      <c r="F410" s="9" t="s">
        <v>281</v>
      </c>
      <c r="G410" s="9" t="s">
        <v>280</v>
      </c>
      <c r="H410" s="6">
        <v>543</v>
      </c>
      <c r="I410" s="6">
        <v>17</v>
      </c>
      <c r="J410" s="6">
        <v>12</v>
      </c>
      <c r="K410" s="6">
        <v>5</v>
      </c>
      <c r="L410" s="6">
        <v>521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0</v>
      </c>
      <c r="E411" s="9" t="s">
        <v>18</v>
      </c>
      <c r="F411" s="9" t="s">
        <v>282</v>
      </c>
      <c r="G411" s="9" t="s">
        <v>6</v>
      </c>
      <c r="H411" s="6">
        <v>1628</v>
      </c>
      <c r="I411" s="6">
        <v>39</v>
      </c>
      <c r="J411" s="6">
        <v>27</v>
      </c>
      <c r="K411" s="10" t="s">
        <v>55</v>
      </c>
      <c r="L411" s="6">
        <v>1589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0</v>
      </c>
      <c r="E412" s="9" t="s">
        <v>18</v>
      </c>
      <c r="F412" s="9" t="s">
        <v>282</v>
      </c>
      <c r="G412" s="9" t="s">
        <v>272</v>
      </c>
      <c r="H412" s="6">
        <v>114</v>
      </c>
      <c r="I412" s="10" t="s">
        <v>55</v>
      </c>
      <c r="J412" s="10" t="s">
        <v>55</v>
      </c>
      <c r="K412" s="10" t="s">
        <v>55</v>
      </c>
      <c r="L412" s="6">
        <v>114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0</v>
      </c>
      <c r="E413" s="9" t="s">
        <v>18</v>
      </c>
      <c r="F413" s="9" t="s">
        <v>282</v>
      </c>
      <c r="G413" s="9" t="s">
        <v>273</v>
      </c>
      <c r="H413" s="6">
        <v>213</v>
      </c>
      <c r="I413" s="6">
        <v>12</v>
      </c>
      <c r="J413" s="6">
        <v>12</v>
      </c>
      <c r="K413" s="10" t="s">
        <v>55</v>
      </c>
      <c r="L413" s="6">
        <v>201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0</v>
      </c>
      <c r="E414" s="9" t="s">
        <v>18</v>
      </c>
      <c r="F414" s="9" t="s">
        <v>282</v>
      </c>
      <c r="G414" s="9" t="s">
        <v>274</v>
      </c>
      <c r="H414" s="6">
        <v>152</v>
      </c>
      <c r="I414" s="10" t="s">
        <v>55</v>
      </c>
      <c r="J414" s="10" t="s">
        <v>55</v>
      </c>
      <c r="K414" s="10" t="s">
        <v>55</v>
      </c>
      <c r="L414" s="6">
        <v>152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0</v>
      </c>
      <c r="E415" s="9" t="s">
        <v>18</v>
      </c>
      <c r="F415" s="9" t="s">
        <v>282</v>
      </c>
      <c r="G415" s="9" t="s">
        <v>275</v>
      </c>
      <c r="H415" s="6">
        <v>151</v>
      </c>
      <c r="I415" s="10" t="s">
        <v>55</v>
      </c>
      <c r="J415" s="10" t="s">
        <v>55</v>
      </c>
      <c r="K415" s="10" t="s">
        <v>55</v>
      </c>
      <c r="L415" s="6">
        <v>151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0</v>
      </c>
      <c r="E416" s="9" t="s">
        <v>18</v>
      </c>
      <c r="F416" s="9" t="s">
        <v>282</v>
      </c>
      <c r="G416" s="9" t="s">
        <v>276</v>
      </c>
      <c r="H416" s="6">
        <v>230</v>
      </c>
      <c r="I416" s="6">
        <v>5</v>
      </c>
      <c r="J416" s="6">
        <v>5</v>
      </c>
      <c r="K416" s="10" t="s">
        <v>55</v>
      </c>
      <c r="L416" s="6">
        <v>225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0</v>
      </c>
      <c r="E417" s="9" t="s">
        <v>18</v>
      </c>
      <c r="F417" s="9" t="s">
        <v>282</v>
      </c>
      <c r="G417" s="9" t="s">
        <v>277</v>
      </c>
      <c r="H417" s="6">
        <v>211</v>
      </c>
      <c r="I417" s="10" t="s">
        <v>55</v>
      </c>
      <c r="J417" s="10" t="s">
        <v>55</v>
      </c>
      <c r="K417" s="10" t="s">
        <v>55</v>
      </c>
      <c r="L417" s="6">
        <v>211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0</v>
      </c>
      <c r="E418" s="9" t="s">
        <v>18</v>
      </c>
      <c r="F418" s="9" t="s">
        <v>282</v>
      </c>
      <c r="G418" s="9" t="s">
        <v>278</v>
      </c>
      <c r="H418" s="6">
        <v>139</v>
      </c>
      <c r="I418" s="10" t="s">
        <v>55</v>
      </c>
      <c r="J418" s="10" t="s">
        <v>55</v>
      </c>
      <c r="K418" s="10" t="s">
        <v>55</v>
      </c>
      <c r="L418" s="6">
        <v>139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0</v>
      </c>
      <c r="E419" s="9" t="s">
        <v>18</v>
      </c>
      <c r="F419" s="9" t="s">
        <v>282</v>
      </c>
      <c r="G419" s="9" t="s">
        <v>279</v>
      </c>
      <c r="H419" s="6">
        <v>90</v>
      </c>
      <c r="I419" s="10" t="s">
        <v>55</v>
      </c>
      <c r="J419" s="10" t="s">
        <v>55</v>
      </c>
      <c r="K419" s="10" t="s">
        <v>55</v>
      </c>
      <c r="L419" s="6">
        <v>90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0</v>
      </c>
      <c r="E420" s="9" t="s">
        <v>18</v>
      </c>
      <c r="F420" s="9" t="s">
        <v>282</v>
      </c>
      <c r="G420" s="9" t="s">
        <v>280</v>
      </c>
      <c r="H420" s="6">
        <v>328</v>
      </c>
      <c r="I420" s="6">
        <v>22</v>
      </c>
      <c r="J420" s="6">
        <v>10</v>
      </c>
      <c r="K420" s="10" t="s">
        <v>55</v>
      </c>
      <c r="L420" s="6">
        <v>306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0</v>
      </c>
      <c r="E421" s="9" t="s">
        <v>18</v>
      </c>
      <c r="F421" s="9" t="s">
        <v>283</v>
      </c>
      <c r="G421" s="9" t="s">
        <v>6</v>
      </c>
      <c r="H421" s="6">
        <v>1329</v>
      </c>
      <c r="I421" s="6">
        <v>9</v>
      </c>
      <c r="J421" s="10" t="s">
        <v>55</v>
      </c>
      <c r="K421" s="6">
        <v>12</v>
      </c>
      <c r="L421" s="6">
        <v>1308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0</v>
      </c>
      <c r="E422" s="9" t="s">
        <v>18</v>
      </c>
      <c r="F422" s="9" t="s">
        <v>283</v>
      </c>
      <c r="G422" s="9" t="s">
        <v>272</v>
      </c>
      <c r="H422" s="6">
        <v>91</v>
      </c>
      <c r="I422" s="10" t="s">
        <v>55</v>
      </c>
      <c r="J422" s="10" t="s">
        <v>55</v>
      </c>
      <c r="K422" s="6">
        <v>6</v>
      </c>
      <c r="L422" s="6">
        <v>85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0</v>
      </c>
      <c r="E423" s="9" t="s">
        <v>18</v>
      </c>
      <c r="F423" s="9" t="s">
        <v>283</v>
      </c>
      <c r="G423" s="9" t="s">
        <v>273</v>
      </c>
      <c r="H423" s="6">
        <v>214</v>
      </c>
      <c r="I423" s="10" t="s">
        <v>55</v>
      </c>
      <c r="J423" s="10" t="s">
        <v>55</v>
      </c>
      <c r="K423" s="10" t="s">
        <v>55</v>
      </c>
      <c r="L423" s="6">
        <v>214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0</v>
      </c>
      <c r="E424" s="9" t="s">
        <v>18</v>
      </c>
      <c r="F424" s="9" t="s">
        <v>283</v>
      </c>
      <c r="G424" s="9" t="s">
        <v>274</v>
      </c>
      <c r="H424" s="6">
        <v>293</v>
      </c>
      <c r="I424" s="6">
        <v>9</v>
      </c>
      <c r="J424" s="10" t="s">
        <v>55</v>
      </c>
      <c r="K424" s="10" t="s">
        <v>55</v>
      </c>
      <c r="L424" s="6">
        <v>284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0</v>
      </c>
      <c r="E425" s="9" t="s">
        <v>18</v>
      </c>
      <c r="F425" s="9" t="s">
        <v>283</v>
      </c>
      <c r="G425" s="9" t="s">
        <v>275</v>
      </c>
      <c r="H425" s="6">
        <v>148</v>
      </c>
      <c r="I425" s="10" t="s">
        <v>55</v>
      </c>
      <c r="J425" s="10" t="s">
        <v>55</v>
      </c>
      <c r="K425" s="10" t="s">
        <v>55</v>
      </c>
      <c r="L425" s="6">
        <v>148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0</v>
      </c>
      <c r="E426" s="9" t="s">
        <v>18</v>
      </c>
      <c r="F426" s="9" t="s">
        <v>283</v>
      </c>
      <c r="G426" s="9" t="s">
        <v>276</v>
      </c>
      <c r="H426" s="6">
        <v>231</v>
      </c>
      <c r="I426" s="10" t="s">
        <v>55</v>
      </c>
      <c r="J426" s="10" t="s">
        <v>55</v>
      </c>
      <c r="K426" s="10" t="s">
        <v>55</v>
      </c>
      <c r="L426" s="6">
        <v>231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0</v>
      </c>
      <c r="E427" s="9" t="s">
        <v>18</v>
      </c>
      <c r="F427" s="9" t="s">
        <v>283</v>
      </c>
      <c r="G427" s="9" t="s">
        <v>277</v>
      </c>
      <c r="H427" s="6">
        <v>173</v>
      </c>
      <c r="I427" s="10" t="s">
        <v>55</v>
      </c>
      <c r="J427" s="10" t="s">
        <v>55</v>
      </c>
      <c r="K427" s="6">
        <v>6</v>
      </c>
      <c r="L427" s="6">
        <v>167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0</v>
      </c>
      <c r="E428" s="9" t="s">
        <v>18</v>
      </c>
      <c r="F428" s="9" t="s">
        <v>283</v>
      </c>
      <c r="G428" s="9" t="s">
        <v>278</v>
      </c>
      <c r="H428" s="6">
        <v>84</v>
      </c>
      <c r="I428" s="10" t="s">
        <v>55</v>
      </c>
      <c r="J428" s="10" t="s">
        <v>55</v>
      </c>
      <c r="K428" s="10" t="s">
        <v>55</v>
      </c>
      <c r="L428" s="6">
        <v>84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0</v>
      </c>
      <c r="E429" s="9" t="s">
        <v>18</v>
      </c>
      <c r="F429" s="9" t="s">
        <v>283</v>
      </c>
      <c r="G429" s="9" t="s">
        <v>279</v>
      </c>
      <c r="H429" s="6">
        <v>61</v>
      </c>
      <c r="I429" s="10" t="s">
        <v>55</v>
      </c>
      <c r="J429" s="10" t="s">
        <v>55</v>
      </c>
      <c r="K429" s="10" t="s">
        <v>55</v>
      </c>
      <c r="L429" s="6">
        <v>61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0</v>
      </c>
      <c r="E430" s="9" t="s">
        <v>18</v>
      </c>
      <c r="F430" s="9" t="s">
        <v>283</v>
      </c>
      <c r="G430" s="9" t="s">
        <v>280</v>
      </c>
      <c r="H430" s="6">
        <v>34</v>
      </c>
      <c r="I430" s="10" t="s">
        <v>55</v>
      </c>
      <c r="J430" s="10" t="s">
        <v>55</v>
      </c>
      <c r="K430" s="10" t="s">
        <v>55</v>
      </c>
      <c r="L430" s="6">
        <v>34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0</v>
      </c>
      <c r="E431" s="9" t="s">
        <v>6</v>
      </c>
      <c r="F431" s="9" t="s">
        <v>6</v>
      </c>
      <c r="G431" s="9" t="s">
        <v>6</v>
      </c>
      <c r="H431" s="6">
        <v>21431</v>
      </c>
      <c r="I431" s="6">
        <v>17172</v>
      </c>
      <c r="J431" s="6">
        <v>12163</v>
      </c>
      <c r="K431" s="6">
        <v>3636</v>
      </c>
      <c r="L431" s="6">
        <v>623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0</v>
      </c>
      <c r="E432" s="9" t="s">
        <v>6</v>
      </c>
      <c r="F432" s="9" t="s">
        <v>234</v>
      </c>
      <c r="G432" s="9" t="s">
        <v>6</v>
      </c>
      <c r="H432" s="6">
        <v>6007</v>
      </c>
      <c r="I432" s="6">
        <v>4443</v>
      </c>
      <c r="J432" s="6">
        <v>3017</v>
      </c>
      <c r="K432" s="6">
        <v>1485</v>
      </c>
      <c r="L432" s="6">
        <v>79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0</v>
      </c>
      <c r="E433" s="9" t="s">
        <v>6</v>
      </c>
      <c r="F433" s="9" t="s">
        <v>235</v>
      </c>
      <c r="G433" s="9" t="s">
        <v>6</v>
      </c>
      <c r="H433" s="6">
        <v>15424</v>
      </c>
      <c r="I433" s="6">
        <v>12729</v>
      </c>
      <c r="J433" s="6">
        <v>9146</v>
      </c>
      <c r="K433" s="6">
        <v>2151</v>
      </c>
      <c r="L433" s="6">
        <v>544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0</v>
      </c>
      <c r="E434" s="9" t="s">
        <v>6</v>
      </c>
      <c r="F434" s="9" t="s">
        <v>235</v>
      </c>
      <c r="G434" s="9" t="s">
        <v>272</v>
      </c>
      <c r="H434" s="6">
        <v>580</v>
      </c>
      <c r="I434" s="6">
        <v>310</v>
      </c>
      <c r="J434" s="6">
        <v>240</v>
      </c>
      <c r="K434" s="6">
        <v>233</v>
      </c>
      <c r="L434" s="6">
        <v>37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0</v>
      </c>
      <c r="E435" s="9" t="s">
        <v>6</v>
      </c>
      <c r="F435" s="9" t="s">
        <v>235</v>
      </c>
      <c r="G435" s="9" t="s">
        <v>273</v>
      </c>
      <c r="H435" s="6">
        <v>1456</v>
      </c>
      <c r="I435" s="6">
        <v>1183</v>
      </c>
      <c r="J435" s="6">
        <v>928</v>
      </c>
      <c r="K435" s="6">
        <v>224</v>
      </c>
      <c r="L435" s="6">
        <v>49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0</v>
      </c>
      <c r="E436" s="9" t="s">
        <v>6</v>
      </c>
      <c r="F436" s="9" t="s">
        <v>235</v>
      </c>
      <c r="G436" s="9" t="s">
        <v>274</v>
      </c>
      <c r="H436" s="6">
        <v>1656</v>
      </c>
      <c r="I436" s="6">
        <v>1415</v>
      </c>
      <c r="J436" s="6">
        <v>1100</v>
      </c>
      <c r="K436" s="6">
        <v>167</v>
      </c>
      <c r="L436" s="6">
        <v>74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0</v>
      </c>
      <c r="E437" s="9" t="s">
        <v>6</v>
      </c>
      <c r="F437" s="9" t="s">
        <v>235</v>
      </c>
      <c r="G437" s="9" t="s">
        <v>275</v>
      </c>
      <c r="H437" s="6">
        <v>1538</v>
      </c>
      <c r="I437" s="6">
        <v>1372</v>
      </c>
      <c r="J437" s="6">
        <v>1132</v>
      </c>
      <c r="K437" s="6">
        <v>137</v>
      </c>
      <c r="L437" s="6">
        <v>29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0</v>
      </c>
      <c r="E438" s="9" t="s">
        <v>6</v>
      </c>
      <c r="F438" s="9" t="s">
        <v>235</v>
      </c>
      <c r="G438" s="9" t="s">
        <v>276</v>
      </c>
      <c r="H438" s="6">
        <v>1637</v>
      </c>
      <c r="I438" s="6">
        <v>1452</v>
      </c>
      <c r="J438" s="6">
        <v>1095</v>
      </c>
      <c r="K438" s="6">
        <v>115</v>
      </c>
      <c r="L438" s="6">
        <v>70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0</v>
      </c>
      <c r="E439" s="9" t="s">
        <v>6</v>
      </c>
      <c r="F439" s="9" t="s">
        <v>235</v>
      </c>
      <c r="G439" s="9" t="s">
        <v>277</v>
      </c>
      <c r="H439" s="6">
        <v>1470</v>
      </c>
      <c r="I439" s="6">
        <v>1276</v>
      </c>
      <c r="J439" s="6">
        <v>987</v>
      </c>
      <c r="K439" s="6">
        <v>111</v>
      </c>
      <c r="L439" s="6">
        <v>83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0</v>
      </c>
      <c r="E440" s="9" t="s">
        <v>6</v>
      </c>
      <c r="F440" s="9" t="s">
        <v>235</v>
      </c>
      <c r="G440" s="9" t="s">
        <v>278</v>
      </c>
      <c r="H440" s="6">
        <v>1310</v>
      </c>
      <c r="I440" s="6">
        <v>1143</v>
      </c>
      <c r="J440" s="6">
        <v>843</v>
      </c>
      <c r="K440" s="6">
        <v>106</v>
      </c>
      <c r="L440" s="6">
        <v>61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0</v>
      </c>
      <c r="E441" s="9" t="s">
        <v>6</v>
      </c>
      <c r="F441" s="9" t="s">
        <v>235</v>
      </c>
      <c r="G441" s="9" t="s">
        <v>279</v>
      </c>
      <c r="H441" s="6">
        <v>806</v>
      </c>
      <c r="I441" s="6">
        <v>694</v>
      </c>
      <c r="J441" s="6">
        <v>462</v>
      </c>
      <c r="K441" s="6">
        <v>74</v>
      </c>
      <c r="L441" s="6">
        <v>38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0</v>
      </c>
      <c r="E442" s="9" t="s">
        <v>6</v>
      </c>
      <c r="F442" s="9" t="s">
        <v>235</v>
      </c>
      <c r="G442" s="9" t="s">
        <v>280</v>
      </c>
      <c r="H442" s="6">
        <v>4971</v>
      </c>
      <c r="I442" s="6">
        <v>3884</v>
      </c>
      <c r="J442" s="6">
        <v>2359</v>
      </c>
      <c r="K442" s="6">
        <v>984</v>
      </c>
      <c r="L442" s="6">
        <v>103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0</v>
      </c>
      <c r="E443" s="9" t="s">
        <v>6</v>
      </c>
      <c r="F443" s="9" t="s">
        <v>281</v>
      </c>
      <c r="G443" s="9" t="s">
        <v>6</v>
      </c>
      <c r="H443" s="6">
        <v>5495</v>
      </c>
      <c r="I443" s="6">
        <v>4387</v>
      </c>
      <c r="J443" s="6">
        <v>3011</v>
      </c>
      <c r="K443" s="6">
        <v>935</v>
      </c>
      <c r="L443" s="6">
        <v>173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0</v>
      </c>
      <c r="E444" s="9" t="s">
        <v>6</v>
      </c>
      <c r="F444" s="9" t="s">
        <v>281</v>
      </c>
      <c r="G444" s="9" t="s">
        <v>272</v>
      </c>
      <c r="H444" s="6">
        <v>124</v>
      </c>
      <c r="I444" s="6">
        <v>45</v>
      </c>
      <c r="J444" s="6">
        <v>40</v>
      </c>
      <c r="K444" s="6">
        <v>74</v>
      </c>
      <c r="L444" s="6">
        <v>5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0</v>
      </c>
      <c r="E445" s="9" t="s">
        <v>6</v>
      </c>
      <c r="F445" s="9" t="s">
        <v>281</v>
      </c>
      <c r="G445" s="9" t="s">
        <v>273</v>
      </c>
      <c r="H445" s="6">
        <v>272</v>
      </c>
      <c r="I445" s="6">
        <v>201</v>
      </c>
      <c r="J445" s="6">
        <v>158</v>
      </c>
      <c r="K445" s="6">
        <v>66</v>
      </c>
      <c r="L445" s="6">
        <v>5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0</v>
      </c>
      <c r="E446" s="9" t="s">
        <v>6</v>
      </c>
      <c r="F446" s="9" t="s">
        <v>281</v>
      </c>
      <c r="G446" s="9" t="s">
        <v>274</v>
      </c>
      <c r="H446" s="6">
        <v>289</v>
      </c>
      <c r="I446" s="6">
        <v>251</v>
      </c>
      <c r="J446" s="6">
        <v>206</v>
      </c>
      <c r="K446" s="6">
        <v>20</v>
      </c>
      <c r="L446" s="6">
        <v>18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0</v>
      </c>
      <c r="E447" s="9" t="s">
        <v>6</v>
      </c>
      <c r="F447" s="9" t="s">
        <v>281</v>
      </c>
      <c r="G447" s="9" t="s">
        <v>275</v>
      </c>
      <c r="H447" s="6">
        <v>204</v>
      </c>
      <c r="I447" s="6">
        <v>162</v>
      </c>
      <c r="J447" s="6">
        <v>140</v>
      </c>
      <c r="K447" s="6">
        <v>33</v>
      </c>
      <c r="L447" s="6">
        <v>9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0</v>
      </c>
      <c r="E448" s="9" t="s">
        <v>6</v>
      </c>
      <c r="F448" s="9" t="s">
        <v>281</v>
      </c>
      <c r="G448" s="9" t="s">
        <v>276</v>
      </c>
      <c r="H448" s="6">
        <v>176</v>
      </c>
      <c r="I448" s="6">
        <v>152</v>
      </c>
      <c r="J448" s="6">
        <v>125</v>
      </c>
      <c r="K448" s="6">
        <v>14</v>
      </c>
      <c r="L448" s="6">
        <v>10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0</v>
      </c>
      <c r="E449" s="9" t="s">
        <v>6</v>
      </c>
      <c r="F449" s="9" t="s">
        <v>281</v>
      </c>
      <c r="G449" s="9" t="s">
        <v>277</v>
      </c>
      <c r="H449" s="6">
        <v>282</v>
      </c>
      <c r="I449" s="6">
        <v>256</v>
      </c>
      <c r="J449" s="6">
        <v>214</v>
      </c>
      <c r="K449" s="6">
        <v>22</v>
      </c>
      <c r="L449" s="6">
        <v>4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0</v>
      </c>
      <c r="E450" s="9" t="s">
        <v>6</v>
      </c>
      <c r="F450" s="9" t="s">
        <v>281</v>
      </c>
      <c r="G450" s="9" t="s">
        <v>278</v>
      </c>
      <c r="H450" s="6">
        <v>430</v>
      </c>
      <c r="I450" s="6">
        <v>373</v>
      </c>
      <c r="J450" s="6">
        <v>281</v>
      </c>
      <c r="K450" s="6">
        <v>33</v>
      </c>
      <c r="L450" s="6">
        <v>24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0</v>
      </c>
      <c r="E451" s="9" t="s">
        <v>6</v>
      </c>
      <c r="F451" s="9" t="s">
        <v>281</v>
      </c>
      <c r="G451" s="9" t="s">
        <v>279</v>
      </c>
      <c r="H451" s="6">
        <v>360</v>
      </c>
      <c r="I451" s="6">
        <v>319</v>
      </c>
      <c r="J451" s="6">
        <v>206</v>
      </c>
      <c r="K451" s="6">
        <v>25</v>
      </c>
      <c r="L451" s="6">
        <v>16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0</v>
      </c>
      <c r="E452" s="9" t="s">
        <v>6</v>
      </c>
      <c r="F452" s="9" t="s">
        <v>281</v>
      </c>
      <c r="G452" s="9" t="s">
        <v>280</v>
      </c>
      <c r="H452" s="6">
        <v>3358</v>
      </c>
      <c r="I452" s="6">
        <v>2628</v>
      </c>
      <c r="J452" s="6">
        <v>1641</v>
      </c>
      <c r="K452" s="6">
        <v>648</v>
      </c>
      <c r="L452" s="6">
        <v>82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0</v>
      </c>
      <c r="E453" s="9" t="s">
        <v>6</v>
      </c>
      <c r="F453" s="9" t="s">
        <v>282</v>
      </c>
      <c r="G453" s="9" t="s">
        <v>6</v>
      </c>
      <c r="H453" s="6">
        <v>6022</v>
      </c>
      <c r="I453" s="6">
        <v>4992</v>
      </c>
      <c r="J453" s="6">
        <v>3751</v>
      </c>
      <c r="K453" s="6">
        <v>843</v>
      </c>
      <c r="L453" s="6">
        <v>187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0</v>
      </c>
      <c r="E454" s="9" t="s">
        <v>6</v>
      </c>
      <c r="F454" s="9" t="s">
        <v>282</v>
      </c>
      <c r="G454" s="9" t="s">
        <v>272</v>
      </c>
      <c r="H454" s="6">
        <v>250</v>
      </c>
      <c r="I454" s="6">
        <v>133</v>
      </c>
      <c r="J454" s="6">
        <v>82</v>
      </c>
      <c r="K454" s="6">
        <v>105</v>
      </c>
      <c r="L454" s="6">
        <v>12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0</v>
      </c>
      <c r="E455" s="9" t="s">
        <v>6</v>
      </c>
      <c r="F455" s="9" t="s">
        <v>282</v>
      </c>
      <c r="G455" s="9" t="s">
        <v>273</v>
      </c>
      <c r="H455" s="6">
        <v>627</v>
      </c>
      <c r="I455" s="6">
        <v>522</v>
      </c>
      <c r="J455" s="6">
        <v>412</v>
      </c>
      <c r="K455" s="6">
        <v>76</v>
      </c>
      <c r="L455" s="6">
        <v>29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0</v>
      </c>
      <c r="E456" s="9" t="s">
        <v>6</v>
      </c>
      <c r="F456" s="9" t="s">
        <v>282</v>
      </c>
      <c r="G456" s="9" t="s">
        <v>274</v>
      </c>
      <c r="H456" s="6">
        <v>680</v>
      </c>
      <c r="I456" s="6">
        <v>574</v>
      </c>
      <c r="J456" s="6">
        <v>478</v>
      </c>
      <c r="K456" s="6">
        <v>78</v>
      </c>
      <c r="L456" s="6">
        <v>28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0</v>
      </c>
      <c r="E457" s="9" t="s">
        <v>6</v>
      </c>
      <c r="F457" s="9" t="s">
        <v>282</v>
      </c>
      <c r="G457" s="9" t="s">
        <v>275</v>
      </c>
      <c r="H457" s="6">
        <v>664</v>
      </c>
      <c r="I457" s="6">
        <v>598</v>
      </c>
      <c r="J457" s="6">
        <v>507</v>
      </c>
      <c r="K457" s="6">
        <v>59</v>
      </c>
      <c r="L457" s="6">
        <v>7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0</v>
      </c>
      <c r="E458" s="9" t="s">
        <v>6</v>
      </c>
      <c r="F458" s="9" t="s">
        <v>282</v>
      </c>
      <c r="G458" s="9" t="s">
        <v>276</v>
      </c>
      <c r="H458" s="6">
        <v>776</v>
      </c>
      <c r="I458" s="6">
        <v>685</v>
      </c>
      <c r="J458" s="6">
        <v>527</v>
      </c>
      <c r="K458" s="6">
        <v>61</v>
      </c>
      <c r="L458" s="6">
        <v>30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0</v>
      </c>
      <c r="E459" s="9" t="s">
        <v>6</v>
      </c>
      <c r="F459" s="9" t="s">
        <v>282</v>
      </c>
      <c r="G459" s="9" t="s">
        <v>277</v>
      </c>
      <c r="H459" s="6">
        <v>730</v>
      </c>
      <c r="I459" s="6">
        <v>639</v>
      </c>
      <c r="J459" s="6">
        <v>518</v>
      </c>
      <c r="K459" s="6">
        <v>70</v>
      </c>
      <c r="L459" s="6">
        <v>21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0</v>
      </c>
      <c r="E460" s="9" t="s">
        <v>6</v>
      </c>
      <c r="F460" s="9" t="s">
        <v>282</v>
      </c>
      <c r="G460" s="9" t="s">
        <v>278</v>
      </c>
      <c r="H460" s="6">
        <v>668</v>
      </c>
      <c r="I460" s="6">
        <v>591</v>
      </c>
      <c r="J460" s="6">
        <v>446</v>
      </c>
      <c r="K460" s="6">
        <v>54</v>
      </c>
      <c r="L460" s="6">
        <v>23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0</v>
      </c>
      <c r="E461" s="9" t="s">
        <v>6</v>
      </c>
      <c r="F461" s="9" t="s">
        <v>282</v>
      </c>
      <c r="G461" s="9" t="s">
        <v>279</v>
      </c>
      <c r="H461" s="6">
        <v>330</v>
      </c>
      <c r="I461" s="6">
        <v>279</v>
      </c>
      <c r="J461" s="6">
        <v>193</v>
      </c>
      <c r="K461" s="6">
        <v>35</v>
      </c>
      <c r="L461" s="6">
        <v>16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0</v>
      </c>
      <c r="E462" s="9" t="s">
        <v>6</v>
      </c>
      <c r="F462" s="9" t="s">
        <v>282</v>
      </c>
      <c r="G462" s="9" t="s">
        <v>280</v>
      </c>
      <c r="H462" s="6">
        <v>1297</v>
      </c>
      <c r="I462" s="6">
        <v>971</v>
      </c>
      <c r="J462" s="6">
        <v>588</v>
      </c>
      <c r="K462" s="6">
        <v>305</v>
      </c>
      <c r="L462" s="6">
        <v>21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0</v>
      </c>
      <c r="E463" s="9" t="s">
        <v>6</v>
      </c>
      <c r="F463" s="9" t="s">
        <v>283</v>
      </c>
      <c r="G463" s="9" t="s">
        <v>6</v>
      </c>
      <c r="H463" s="6">
        <v>3907</v>
      </c>
      <c r="I463" s="6">
        <v>3350</v>
      </c>
      <c r="J463" s="6">
        <v>2384</v>
      </c>
      <c r="K463" s="6">
        <v>373</v>
      </c>
      <c r="L463" s="6">
        <v>184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0</v>
      </c>
      <c r="E464" s="9" t="s">
        <v>6</v>
      </c>
      <c r="F464" s="9" t="s">
        <v>283</v>
      </c>
      <c r="G464" s="9" t="s">
        <v>272</v>
      </c>
      <c r="H464" s="6">
        <v>206</v>
      </c>
      <c r="I464" s="6">
        <v>132</v>
      </c>
      <c r="J464" s="6">
        <v>118</v>
      </c>
      <c r="K464" s="6">
        <v>54</v>
      </c>
      <c r="L464" s="6">
        <v>20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0</v>
      </c>
      <c r="E465" s="9" t="s">
        <v>6</v>
      </c>
      <c r="F465" s="9" t="s">
        <v>283</v>
      </c>
      <c r="G465" s="9" t="s">
        <v>273</v>
      </c>
      <c r="H465" s="6">
        <v>557</v>
      </c>
      <c r="I465" s="6">
        <v>460</v>
      </c>
      <c r="J465" s="6">
        <v>358</v>
      </c>
      <c r="K465" s="6">
        <v>82</v>
      </c>
      <c r="L465" s="6">
        <v>15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0</v>
      </c>
      <c r="E466" s="9" t="s">
        <v>6</v>
      </c>
      <c r="F466" s="9" t="s">
        <v>283</v>
      </c>
      <c r="G466" s="9" t="s">
        <v>274</v>
      </c>
      <c r="H466" s="6">
        <v>687</v>
      </c>
      <c r="I466" s="6">
        <v>590</v>
      </c>
      <c r="J466" s="6">
        <v>416</v>
      </c>
      <c r="K466" s="6">
        <v>69</v>
      </c>
      <c r="L466" s="6">
        <v>28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0</v>
      </c>
      <c r="E467" s="9" t="s">
        <v>6</v>
      </c>
      <c r="F467" s="9" t="s">
        <v>283</v>
      </c>
      <c r="G467" s="9" t="s">
        <v>275</v>
      </c>
      <c r="H467" s="6">
        <v>670</v>
      </c>
      <c r="I467" s="6">
        <v>612</v>
      </c>
      <c r="J467" s="6">
        <v>485</v>
      </c>
      <c r="K467" s="6">
        <v>45</v>
      </c>
      <c r="L467" s="6">
        <v>13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0</v>
      </c>
      <c r="E468" s="9" t="s">
        <v>6</v>
      </c>
      <c r="F468" s="9" t="s">
        <v>283</v>
      </c>
      <c r="G468" s="9" t="s">
        <v>276</v>
      </c>
      <c r="H468" s="6">
        <v>685</v>
      </c>
      <c r="I468" s="6">
        <v>615</v>
      </c>
      <c r="J468" s="6">
        <v>443</v>
      </c>
      <c r="K468" s="6">
        <v>40</v>
      </c>
      <c r="L468" s="6">
        <v>30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0</v>
      </c>
      <c r="E469" s="9" t="s">
        <v>6</v>
      </c>
      <c r="F469" s="9" t="s">
        <v>283</v>
      </c>
      <c r="G469" s="9" t="s">
        <v>277</v>
      </c>
      <c r="H469" s="6">
        <v>458</v>
      </c>
      <c r="I469" s="6">
        <v>381</v>
      </c>
      <c r="J469" s="6">
        <v>255</v>
      </c>
      <c r="K469" s="6">
        <v>19</v>
      </c>
      <c r="L469" s="6">
        <v>58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0</v>
      </c>
      <c r="E470" s="9" t="s">
        <v>6</v>
      </c>
      <c r="F470" s="9" t="s">
        <v>283</v>
      </c>
      <c r="G470" s="9" t="s">
        <v>278</v>
      </c>
      <c r="H470" s="6">
        <v>212</v>
      </c>
      <c r="I470" s="6">
        <v>179</v>
      </c>
      <c r="J470" s="6">
        <v>116</v>
      </c>
      <c r="K470" s="6">
        <v>19</v>
      </c>
      <c r="L470" s="6">
        <v>14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0</v>
      </c>
      <c r="E471" s="9" t="s">
        <v>6</v>
      </c>
      <c r="F471" s="9" t="s">
        <v>283</v>
      </c>
      <c r="G471" s="9" t="s">
        <v>279</v>
      </c>
      <c r="H471" s="6">
        <v>116</v>
      </c>
      <c r="I471" s="6">
        <v>96</v>
      </c>
      <c r="J471" s="6">
        <v>63</v>
      </c>
      <c r="K471" s="6">
        <v>14</v>
      </c>
      <c r="L471" s="6">
        <v>6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0</v>
      </c>
      <c r="E472" s="9" t="s">
        <v>6</v>
      </c>
      <c r="F472" s="9" t="s">
        <v>283</v>
      </c>
      <c r="G472" s="9" t="s">
        <v>280</v>
      </c>
      <c r="H472" s="6">
        <v>316</v>
      </c>
      <c r="I472" s="6">
        <v>285</v>
      </c>
      <c r="J472" s="6">
        <v>130</v>
      </c>
      <c r="K472" s="6">
        <v>31</v>
      </c>
      <c r="L472" s="10" t="s">
        <v>55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0</v>
      </c>
      <c r="E473" s="9" t="s">
        <v>226</v>
      </c>
      <c r="F473" s="9" t="s">
        <v>6</v>
      </c>
      <c r="G473" s="9" t="s">
        <v>6</v>
      </c>
      <c r="H473" s="6">
        <v>19181</v>
      </c>
      <c r="I473" s="6">
        <v>16495</v>
      </c>
      <c r="J473" s="6">
        <v>11545</v>
      </c>
      <c r="K473" s="6">
        <v>2681</v>
      </c>
      <c r="L473" s="6">
        <v>5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0</v>
      </c>
      <c r="E474" s="9" t="s">
        <v>226</v>
      </c>
      <c r="F474" s="9" t="s">
        <v>234</v>
      </c>
      <c r="G474" s="9" t="s">
        <v>6</v>
      </c>
      <c r="H474" s="6">
        <v>5080</v>
      </c>
      <c r="I474" s="6">
        <v>4144</v>
      </c>
      <c r="J474" s="6">
        <v>2730</v>
      </c>
      <c r="K474" s="6">
        <v>936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0</v>
      </c>
      <c r="E475" s="9" t="s">
        <v>226</v>
      </c>
      <c r="F475" s="9" t="s">
        <v>235</v>
      </c>
      <c r="G475" s="9" t="s">
        <v>6</v>
      </c>
      <c r="H475" s="6">
        <v>14101</v>
      </c>
      <c r="I475" s="6">
        <v>12351</v>
      </c>
      <c r="J475" s="6">
        <v>8815</v>
      </c>
      <c r="K475" s="6">
        <v>1745</v>
      </c>
      <c r="L475" s="6">
        <v>5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0</v>
      </c>
      <c r="E476" s="9" t="s">
        <v>226</v>
      </c>
      <c r="F476" s="9" t="s">
        <v>235</v>
      </c>
      <c r="G476" s="9" t="s">
        <v>272</v>
      </c>
      <c r="H476" s="6">
        <v>537</v>
      </c>
      <c r="I476" s="6">
        <v>310</v>
      </c>
      <c r="J476" s="6">
        <v>240</v>
      </c>
      <c r="K476" s="6">
        <v>227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0</v>
      </c>
      <c r="E477" s="9" t="s">
        <v>226</v>
      </c>
      <c r="F477" s="9" t="s">
        <v>235</v>
      </c>
      <c r="G477" s="9" t="s">
        <v>273</v>
      </c>
      <c r="H477" s="6">
        <v>1363</v>
      </c>
      <c r="I477" s="6">
        <v>1166</v>
      </c>
      <c r="J477" s="6">
        <v>911</v>
      </c>
      <c r="K477" s="6">
        <v>197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0</v>
      </c>
      <c r="E478" s="9" t="s">
        <v>226</v>
      </c>
      <c r="F478" s="9" t="s">
        <v>235</v>
      </c>
      <c r="G478" s="9" t="s">
        <v>274</v>
      </c>
      <c r="H478" s="6">
        <v>1534</v>
      </c>
      <c r="I478" s="6">
        <v>1380</v>
      </c>
      <c r="J478" s="6">
        <v>1079</v>
      </c>
      <c r="K478" s="6">
        <v>154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0</v>
      </c>
      <c r="E479" s="9" t="s">
        <v>226</v>
      </c>
      <c r="F479" s="9" t="s">
        <v>235</v>
      </c>
      <c r="G479" s="9" t="s">
        <v>275</v>
      </c>
      <c r="H479" s="6">
        <v>1505</v>
      </c>
      <c r="I479" s="6">
        <v>1368</v>
      </c>
      <c r="J479" s="6">
        <v>1128</v>
      </c>
      <c r="K479" s="6">
        <v>137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0</v>
      </c>
      <c r="E480" s="9" t="s">
        <v>226</v>
      </c>
      <c r="F480" s="9" t="s">
        <v>235</v>
      </c>
      <c r="G480" s="9" t="s">
        <v>276</v>
      </c>
      <c r="H480" s="6">
        <v>1565</v>
      </c>
      <c r="I480" s="6">
        <v>1445</v>
      </c>
      <c r="J480" s="6">
        <v>1095</v>
      </c>
      <c r="K480" s="6">
        <v>115</v>
      </c>
      <c r="L480" s="6">
        <v>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0</v>
      </c>
      <c r="E481" s="9" t="s">
        <v>226</v>
      </c>
      <c r="F481" s="9" t="s">
        <v>235</v>
      </c>
      <c r="G481" s="9" t="s">
        <v>277</v>
      </c>
      <c r="H481" s="6">
        <v>1378</v>
      </c>
      <c r="I481" s="6">
        <v>1271</v>
      </c>
      <c r="J481" s="6">
        <v>982</v>
      </c>
      <c r="K481" s="6">
        <v>107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0</v>
      </c>
      <c r="E482" s="9" t="s">
        <v>226</v>
      </c>
      <c r="F482" s="9" t="s">
        <v>235</v>
      </c>
      <c r="G482" s="9" t="s">
        <v>278</v>
      </c>
      <c r="H482" s="6">
        <v>1226</v>
      </c>
      <c r="I482" s="6">
        <v>1124</v>
      </c>
      <c r="J482" s="6">
        <v>824</v>
      </c>
      <c r="K482" s="6">
        <v>102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0</v>
      </c>
      <c r="E483" s="9" t="s">
        <v>226</v>
      </c>
      <c r="F483" s="9" t="s">
        <v>235</v>
      </c>
      <c r="G483" s="9" t="s">
        <v>279</v>
      </c>
      <c r="H483" s="6">
        <v>739</v>
      </c>
      <c r="I483" s="6">
        <v>673</v>
      </c>
      <c r="J483" s="6">
        <v>441</v>
      </c>
      <c r="K483" s="6">
        <v>66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0</v>
      </c>
      <c r="E484" s="9" t="s">
        <v>226</v>
      </c>
      <c r="F484" s="9" t="s">
        <v>235</v>
      </c>
      <c r="G484" s="9" t="s">
        <v>280</v>
      </c>
      <c r="H484" s="6">
        <v>4254</v>
      </c>
      <c r="I484" s="6">
        <v>3614</v>
      </c>
      <c r="J484" s="6">
        <v>2115</v>
      </c>
      <c r="K484" s="6">
        <v>640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0</v>
      </c>
      <c r="E485" s="9" t="s">
        <v>226</v>
      </c>
      <c r="F485" s="9" t="s">
        <v>281</v>
      </c>
      <c r="G485" s="9" t="s">
        <v>6</v>
      </c>
      <c r="H485" s="6">
        <v>4791</v>
      </c>
      <c r="I485" s="6">
        <v>4149</v>
      </c>
      <c r="J485" s="6">
        <v>2800</v>
      </c>
      <c r="K485" s="6">
        <v>637</v>
      </c>
      <c r="L485" s="6">
        <v>5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0</v>
      </c>
      <c r="E486" s="9" t="s">
        <v>226</v>
      </c>
      <c r="F486" s="9" t="s">
        <v>281</v>
      </c>
      <c r="G486" s="9" t="s">
        <v>272</v>
      </c>
      <c r="H486" s="6">
        <v>119</v>
      </c>
      <c r="I486" s="6">
        <v>45</v>
      </c>
      <c r="J486" s="6">
        <v>40</v>
      </c>
      <c r="K486" s="6">
        <v>74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0</v>
      </c>
      <c r="E487" s="9" t="s">
        <v>226</v>
      </c>
      <c r="F487" s="9" t="s">
        <v>281</v>
      </c>
      <c r="G487" s="9" t="s">
        <v>273</v>
      </c>
      <c r="H487" s="6">
        <v>244</v>
      </c>
      <c r="I487" s="6">
        <v>192</v>
      </c>
      <c r="J487" s="6">
        <v>149</v>
      </c>
      <c r="K487" s="6">
        <v>52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0</v>
      </c>
      <c r="E488" s="9" t="s">
        <v>226</v>
      </c>
      <c r="F488" s="9" t="s">
        <v>281</v>
      </c>
      <c r="G488" s="9" t="s">
        <v>274</v>
      </c>
      <c r="H488" s="6">
        <v>257</v>
      </c>
      <c r="I488" s="6">
        <v>237</v>
      </c>
      <c r="J488" s="6">
        <v>198</v>
      </c>
      <c r="K488" s="6">
        <v>20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0</v>
      </c>
      <c r="E489" s="9" t="s">
        <v>226</v>
      </c>
      <c r="F489" s="9" t="s">
        <v>281</v>
      </c>
      <c r="G489" s="9" t="s">
        <v>275</v>
      </c>
      <c r="H489" s="6">
        <v>191</v>
      </c>
      <c r="I489" s="6">
        <v>158</v>
      </c>
      <c r="J489" s="6">
        <v>136</v>
      </c>
      <c r="K489" s="6">
        <v>33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0</v>
      </c>
      <c r="E490" s="9" t="s">
        <v>226</v>
      </c>
      <c r="F490" s="9" t="s">
        <v>281</v>
      </c>
      <c r="G490" s="9" t="s">
        <v>276</v>
      </c>
      <c r="H490" s="6">
        <v>171</v>
      </c>
      <c r="I490" s="6">
        <v>152</v>
      </c>
      <c r="J490" s="6">
        <v>125</v>
      </c>
      <c r="K490" s="6">
        <v>14</v>
      </c>
      <c r="L490" s="6">
        <v>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0</v>
      </c>
      <c r="E491" s="9" t="s">
        <v>226</v>
      </c>
      <c r="F491" s="9" t="s">
        <v>281</v>
      </c>
      <c r="G491" s="9" t="s">
        <v>277</v>
      </c>
      <c r="H491" s="6">
        <v>274</v>
      </c>
      <c r="I491" s="6">
        <v>256</v>
      </c>
      <c r="J491" s="6">
        <v>214</v>
      </c>
      <c r="K491" s="6">
        <v>18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0</v>
      </c>
      <c r="E492" s="9" t="s">
        <v>226</v>
      </c>
      <c r="F492" s="9" t="s">
        <v>281</v>
      </c>
      <c r="G492" s="9" t="s">
        <v>278</v>
      </c>
      <c r="H492" s="6">
        <v>393</v>
      </c>
      <c r="I492" s="6">
        <v>364</v>
      </c>
      <c r="J492" s="6">
        <v>272</v>
      </c>
      <c r="K492" s="6">
        <v>29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0</v>
      </c>
      <c r="E493" s="9" t="s">
        <v>226</v>
      </c>
      <c r="F493" s="9" t="s">
        <v>281</v>
      </c>
      <c r="G493" s="9" t="s">
        <v>279</v>
      </c>
      <c r="H493" s="6">
        <v>332</v>
      </c>
      <c r="I493" s="6">
        <v>315</v>
      </c>
      <c r="J493" s="6">
        <v>202</v>
      </c>
      <c r="K493" s="6">
        <v>17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0</v>
      </c>
      <c r="E494" s="9" t="s">
        <v>226</v>
      </c>
      <c r="F494" s="9" t="s">
        <v>281</v>
      </c>
      <c r="G494" s="9" t="s">
        <v>280</v>
      </c>
      <c r="H494" s="6">
        <v>2810</v>
      </c>
      <c r="I494" s="6">
        <v>2430</v>
      </c>
      <c r="J494" s="6">
        <v>1464</v>
      </c>
      <c r="K494" s="6">
        <v>380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0</v>
      </c>
      <c r="E495" s="9" t="s">
        <v>226</v>
      </c>
      <c r="F495" s="9" t="s">
        <v>282</v>
      </c>
      <c r="G495" s="9" t="s">
        <v>6</v>
      </c>
      <c r="H495" s="6">
        <v>5649</v>
      </c>
      <c r="I495" s="6">
        <v>4900</v>
      </c>
      <c r="J495" s="6">
        <v>3671</v>
      </c>
      <c r="K495" s="6">
        <v>749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0</v>
      </c>
      <c r="E496" s="9" t="s">
        <v>226</v>
      </c>
      <c r="F496" s="9" t="s">
        <v>282</v>
      </c>
      <c r="G496" s="9" t="s">
        <v>272</v>
      </c>
      <c r="H496" s="6">
        <v>232</v>
      </c>
      <c r="I496" s="6">
        <v>133</v>
      </c>
      <c r="J496" s="6">
        <v>82</v>
      </c>
      <c r="K496" s="6">
        <v>99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0</v>
      </c>
      <c r="E497" s="9" t="s">
        <v>226</v>
      </c>
      <c r="F497" s="9" t="s">
        <v>282</v>
      </c>
      <c r="G497" s="9" t="s">
        <v>273</v>
      </c>
      <c r="H497" s="6">
        <v>585</v>
      </c>
      <c r="I497" s="6">
        <v>522</v>
      </c>
      <c r="J497" s="6">
        <v>412</v>
      </c>
      <c r="K497" s="6">
        <v>63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0</v>
      </c>
      <c r="E498" s="9" t="s">
        <v>226</v>
      </c>
      <c r="F498" s="9" t="s">
        <v>282</v>
      </c>
      <c r="G498" s="9" t="s">
        <v>274</v>
      </c>
      <c r="H498" s="6">
        <v>646</v>
      </c>
      <c r="I498" s="6">
        <v>574</v>
      </c>
      <c r="J498" s="6">
        <v>478</v>
      </c>
      <c r="K498" s="6">
        <v>72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0</v>
      </c>
      <c r="E499" s="9" t="s">
        <v>226</v>
      </c>
      <c r="F499" s="9" t="s">
        <v>282</v>
      </c>
      <c r="G499" s="9" t="s">
        <v>275</v>
      </c>
      <c r="H499" s="6">
        <v>657</v>
      </c>
      <c r="I499" s="6">
        <v>598</v>
      </c>
      <c r="J499" s="6">
        <v>507</v>
      </c>
      <c r="K499" s="6">
        <v>59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0</v>
      </c>
      <c r="E500" s="9" t="s">
        <v>226</v>
      </c>
      <c r="F500" s="9" t="s">
        <v>282</v>
      </c>
      <c r="G500" s="9" t="s">
        <v>276</v>
      </c>
      <c r="H500" s="6">
        <v>739</v>
      </c>
      <c r="I500" s="6">
        <v>678</v>
      </c>
      <c r="J500" s="6">
        <v>527</v>
      </c>
      <c r="K500" s="6">
        <v>61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0</v>
      </c>
      <c r="E501" s="9" t="s">
        <v>226</v>
      </c>
      <c r="F501" s="9" t="s">
        <v>282</v>
      </c>
      <c r="G501" s="9" t="s">
        <v>277</v>
      </c>
      <c r="H501" s="6">
        <v>704</v>
      </c>
      <c r="I501" s="6">
        <v>634</v>
      </c>
      <c r="J501" s="6">
        <v>513</v>
      </c>
      <c r="K501" s="6">
        <v>70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0</v>
      </c>
      <c r="E502" s="9" t="s">
        <v>226</v>
      </c>
      <c r="F502" s="9" t="s">
        <v>282</v>
      </c>
      <c r="G502" s="9" t="s">
        <v>278</v>
      </c>
      <c r="H502" s="6">
        <v>635</v>
      </c>
      <c r="I502" s="6">
        <v>581</v>
      </c>
      <c r="J502" s="6">
        <v>436</v>
      </c>
      <c r="K502" s="6">
        <v>54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0</v>
      </c>
      <c r="E503" s="9" t="s">
        <v>226</v>
      </c>
      <c r="F503" s="9" t="s">
        <v>282</v>
      </c>
      <c r="G503" s="9" t="s">
        <v>279</v>
      </c>
      <c r="H503" s="6">
        <v>303</v>
      </c>
      <c r="I503" s="6">
        <v>268</v>
      </c>
      <c r="J503" s="6">
        <v>182</v>
      </c>
      <c r="K503" s="6">
        <v>35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0</v>
      </c>
      <c r="E504" s="9" t="s">
        <v>226</v>
      </c>
      <c r="F504" s="9" t="s">
        <v>282</v>
      </c>
      <c r="G504" s="9" t="s">
        <v>280</v>
      </c>
      <c r="H504" s="6">
        <v>1148</v>
      </c>
      <c r="I504" s="6">
        <v>912</v>
      </c>
      <c r="J504" s="6">
        <v>534</v>
      </c>
      <c r="K504" s="6">
        <v>236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0</v>
      </c>
      <c r="E505" s="9" t="s">
        <v>226</v>
      </c>
      <c r="F505" s="9" t="s">
        <v>283</v>
      </c>
      <c r="G505" s="9" t="s">
        <v>6</v>
      </c>
      <c r="H505" s="6">
        <v>3661</v>
      </c>
      <c r="I505" s="6">
        <v>3302</v>
      </c>
      <c r="J505" s="6">
        <v>2344</v>
      </c>
      <c r="K505" s="6">
        <v>359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0</v>
      </c>
      <c r="E506" s="9" t="s">
        <v>226</v>
      </c>
      <c r="F506" s="9" t="s">
        <v>283</v>
      </c>
      <c r="G506" s="9" t="s">
        <v>272</v>
      </c>
      <c r="H506" s="6">
        <v>186</v>
      </c>
      <c r="I506" s="6">
        <v>132</v>
      </c>
      <c r="J506" s="6">
        <v>118</v>
      </c>
      <c r="K506" s="6">
        <v>54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0</v>
      </c>
      <c r="E507" s="9" t="s">
        <v>226</v>
      </c>
      <c r="F507" s="9" t="s">
        <v>283</v>
      </c>
      <c r="G507" s="9" t="s">
        <v>273</v>
      </c>
      <c r="H507" s="6">
        <v>534</v>
      </c>
      <c r="I507" s="6">
        <v>452</v>
      </c>
      <c r="J507" s="6">
        <v>350</v>
      </c>
      <c r="K507" s="6">
        <v>82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0</v>
      </c>
      <c r="E508" s="9" t="s">
        <v>226</v>
      </c>
      <c r="F508" s="9" t="s">
        <v>283</v>
      </c>
      <c r="G508" s="9" t="s">
        <v>274</v>
      </c>
      <c r="H508" s="6">
        <v>631</v>
      </c>
      <c r="I508" s="6">
        <v>569</v>
      </c>
      <c r="J508" s="6">
        <v>403</v>
      </c>
      <c r="K508" s="6">
        <v>62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0</v>
      </c>
      <c r="E509" s="9" t="s">
        <v>226</v>
      </c>
      <c r="F509" s="9" t="s">
        <v>283</v>
      </c>
      <c r="G509" s="9" t="s">
        <v>275</v>
      </c>
      <c r="H509" s="6">
        <v>657</v>
      </c>
      <c r="I509" s="6">
        <v>612</v>
      </c>
      <c r="J509" s="6">
        <v>485</v>
      </c>
      <c r="K509" s="6">
        <v>45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0</v>
      </c>
      <c r="E510" s="9" t="s">
        <v>226</v>
      </c>
      <c r="F510" s="9" t="s">
        <v>283</v>
      </c>
      <c r="G510" s="9" t="s">
        <v>276</v>
      </c>
      <c r="H510" s="6">
        <v>655</v>
      </c>
      <c r="I510" s="6">
        <v>615</v>
      </c>
      <c r="J510" s="6">
        <v>443</v>
      </c>
      <c r="K510" s="6">
        <v>40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0</v>
      </c>
      <c r="E511" s="9" t="s">
        <v>226</v>
      </c>
      <c r="F511" s="9" t="s">
        <v>283</v>
      </c>
      <c r="G511" s="9" t="s">
        <v>277</v>
      </c>
      <c r="H511" s="6">
        <v>400</v>
      </c>
      <c r="I511" s="6">
        <v>381</v>
      </c>
      <c r="J511" s="6">
        <v>255</v>
      </c>
      <c r="K511" s="6">
        <v>19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0</v>
      </c>
      <c r="E512" s="9" t="s">
        <v>226</v>
      </c>
      <c r="F512" s="9" t="s">
        <v>283</v>
      </c>
      <c r="G512" s="9" t="s">
        <v>278</v>
      </c>
      <c r="H512" s="6">
        <v>198</v>
      </c>
      <c r="I512" s="6">
        <v>179</v>
      </c>
      <c r="J512" s="6">
        <v>116</v>
      </c>
      <c r="K512" s="6">
        <v>19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0</v>
      </c>
      <c r="E513" s="9" t="s">
        <v>226</v>
      </c>
      <c r="F513" s="9" t="s">
        <v>283</v>
      </c>
      <c r="G513" s="9" t="s">
        <v>279</v>
      </c>
      <c r="H513" s="6">
        <v>104</v>
      </c>
      <c r="I513" s="6">
        <v>90</v>
      </c>
      <c r="J513" s="6">
        <v>57</v>
      </c>
      <c r="K513" s="6">
        <v>14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0</v>
      </c>
      <c r="E514" s="9" t="s">
        <v>226</v>
      </c>
      <c r="F514" s="9" t="s">
        <v>283</v>
      </c>
      <c r="G514" s="9" t="s">
        <v>280</v>
      </c>
      <c r="H514" s="6">
        <v>296</v>
      </c>
      <c r="I514" s="6">
        <v>272</v>
      </c>
      <c r="J514" s="6">
        <v>117</v>
      </c>
      <c r="K514" s="6">
        <v>24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0</v>
      </c>
      <c r="E515" s="9" t="s">
        <v>227</v>
      </c>
      <c r="F515" s="9" t="s">
        <v>6</v>
      </c>
      <c r="G515" s="9" t="s">
        <v>6</v>
      </c>
      <c r="H515" s="6">
        <v>12701</v>
      </c>
      <c r="I515" s="6">
        <v>10557</v>
      </c>
      <c r="J515" s="6">
        <v>10146</v>
      </c>
      <c r="K515" s="6">
        <v>2144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0</v>
      </c>
      <c r="E516" s="9" t="s">
        <v>227</v>
      </c>
      <c r="F516" s="9" t="s">
        <v>234</v>
      </c>
      <c r="G516" s="9" t="s">
        <v>6</v>
      </c>
      <c r="H516" s="6">
        <v>3252</v>
      </c>
      <c r="I516" s="6">
        <v>2501</v>
      </c>
      <c r="J516" s="6">
        <v>2347</v>
      </c>
      <c r="K516" s="6">
        <v>751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0</v>
      </c>
      <c r="E517" s="9" t="s">
        <v>227</v>
      </c>
      <c r="F517" s="9" t="s">
        <v>235</v>
      </c>
      <c r="G517" s="9" t="s">
        <v>6</v>
      </c>
      <c r="H517" s="6">
        <v>9449</v>
      </c>
      <c r="I517" s="6">
        <v>8056</v>
      </c>
      <c r="J517" s="6">
        <v>7799</v>
      </c>
      <c r="K517" s="6">
        <v>1393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0</v>
      </c>
      <c r="E518" s="9" t="s">
        <v>227</v>
      </c>
      <c r="F518" s="9" t="s">
        <v>235</v>
      </c>
      <c r="G518" s="9" t="s">
        <v>272</v>
      </c>
      <c r="H518" s="6">
        <v>399</v>
      </c>
      <c r="I518" s="6">
        <v>218</v>
      </c>
      <c r="J518" s="6">
        <v>211</v>
      </c>
      <c r="K518" s="6">
        <v>181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0</v>
      </c>
      <c r="E519" s="9" t="s">
        <v>227</v>
      </c>
      <c r="F519" s="9" t="s">
        <v>235</v>
      </c>
      <c r="G519" s="9" t="s">
        <v>273</v>
      </c>
      <c r="H519" s="6">
        <v>954</v>
      </c>
      <c r="I519" s="6">
        <v>822</v>
      </c>
      <c r="J519" s="6">
        <v>787</v>
      </c>
      <c r="K519" s="6">
        <v>132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0</v>
      </c>
      <c r="E520" s="9" t="s">
        <v>227</v>
      </c>
      <c r="F520" s="9" t="s">
        <v>235</v>
      </c>
      <c r="G520" s="9" t="s">
        <v>274</v>
      </c>
      <c r="H520" s="6">
        <v>1112</v>
      </c>
      <c r="I520" s="6">
        <v>985</v>
      </c>
      <c r="J520" s="6">
        <v>950</v>
      </c>
      <c r="K520" s="6">
        <v>127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0</v>
      </c>
      <c r="E521" s="9" t="s">
        <v>227</v>
      </c>
      <c r="F521" s="9" t="s">
        <v>235</v>
      </c>
      <c r="G521" s="9" t="s">
        <v>275</v>
      </c>
      <c r="H521" s="6">
        <v>1167</v>
      </c>
      <c r="I521" s="6">
        <v>1068</v>
      </c>
      <c r="J521" s="6">
        <v>1054</v>
      </c>
      <c r="K521" s="6">
        <v>99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0</v>
      </c>
      <c r="E522" s="9" t="s">
        <v>227</v>
      </c>
      <c r="F522" s="9" t="s">
        <v>235</v>
      </c>
      <c r="G522" s="9" t="s">
        <v>276</v>
      </c>
      <c r="H522" s="6">
        <v>1141</v>
      </c>
      <c r="I522" s="6">
        <v>1046</v>
      </c>
      <c r="J522" s="6">
        <v>1024</v>
      </c>
      <c r="K522" s="6">
        <v>95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0</v>
      </c>
      <c r="E523" s="9" t="s">
        <v>227</v>
      </c>
      <c r="F523" s="9" t="s">
        <v>235</v>
      </c>
      <c r="G523" s="9" t="s">
        <v>277</v>
      </c>
      <c r="H523" s="6">
        <v>960</v>
      </c>
      <c r="I523" s="6">
        <v>880</v>
      </c>
      <c r="J523" s="6">
        <v>876</v>
      </c>
      <c r="K523" s="6">
        <v>80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0</v>
      </c>
      <c r="E524" s="9" t="s">
        <v>227</v>
      </c>
      <c r="F524" s="9" t="s">
        <v>235</v>
      </c>
      <c r="G524" s="9" t="s">
        <v>278</v>
      </c>
      <c r="H524" s="6">
        <v>838</v>
      </c>
      <c r="I524" s="6">
        <v>748</v>
      </c>
      <c r="J524" s="6">
        <v>707</v>
      </c>
      <c r="K524" s="6">
        <v>90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0</v>
      </c>
      <c r="E525" s="9" t="s">
        <v>227</v>
      </c>
      <c r="F525" s="9" t="s">
        <v>235</v>
      </c>
      <c r="G525" s="9" t="s">
        <v>279</v>
      </c>
      <c r="H525" s="6">
        <v>485</v>
      </c>
      <c r="I525" s="6">
        <v>429</v>
      </c>
      <c r="J525" s="6">
        <v>410</v>
      </c>
      <c r="K525" s="6">
        <v>56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0</v>
      </c>
      <c r="E526" s="9" t="s">
        <v>227</v>
      </c>
      <c r="F526" s="9" t="s">
        <v>235</v>
      </c>
      <c r="G526" s="9" t="s">
        <v>280</v>
      </c>
      <c r="H526" s="6">
        <v>2393</v>
      </c>
      <c r="I526" s="6">
        <v>1860</v>
      </c>
      <c r="J526" s="6">
        <v>1780</v>
      </c>
      <c r="K526" s="6">
        <v>533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0</v>
      </c>
      <c r="E527" s="9" t="s">
        <v>227</v>
      </c>
      <c r="F527" s="9" t="s">
        <v>281</v>
      </c>
      <c r="G527" s="9" t="s">
        <v>6</v>
      </c>
      <c r="H527" s="6">
        <v>3050</v>
      </c>
      <c r="I527" s="6">
        <v>2530</v>
      </c>
      <c r="J527" s="6">
        <v>2423</v>
      </c>
      <c r="K527" s="6">
        <v>520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0</v>
      </c>
      <c r="E528" s="9" t="s">
        <v>227</v>
      </c>
      <c r="F528" s="9" t="s">
        <v>281</v>
      </c>
      <c r="G528" s="9" t="s">
        <v>272</v>
      </c>
      <c r="H528" s="6">
        <v>87</v>
      </c>
      <c r="I528" s="6">
        <v>30</v>
      </c>
      <c r="J528" s="6">
        <v>30</v>
      </c>
      <c r="K528" s="6">
        <v>57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0</v>
      </c>
      <c r="E529" s="9" t="s">
        <v>227</v>
      </c>
      <c r="F529" s="9" t="s">
        <v>281</v>
      </c>
      <c r="G529" s="9" t="s">
        <v>273</v>
      </c>
      <c r="H529" s="6">
        <v>162</v>
      </c>
      <c r="I529" s="6">
        <v>124</v>
      </c>
      <c r="J529" s="6">
        <v>119</v>
      </c>
      <c r="K529" s="6">
        <v>38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0</v>
      </c>
      <c r="E530" s="9" t="s">
        <v>227</v>
      </c>
      <c r="F530" s="9" t="s">
        <v>281</v>
      </c>
      <c r="G530" s="9" t="s">
        <v>274</v>
      </c>
      <c r="H530" s="6">
        <v>178</v>
      </c>
      <c r="I530" s="6">
        <v>162</v>
      </c>
      <c r="J530" s="6">
        <v>153</v>
      </c>
      <c r="K530" s="6">
        <v>16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0</v>
      </c>
      <c r="E531" s="9" t="s">
        <v>227</v>
      </c>
      <c r="F531" s="9" t="s">
        <v>281</v>
      </c>
      <c r="G531" s="9" t="s">
        <v>275</v>
      </c>
      <c r="H531" s="6">
        <v>158</v>
      </c>
      <c r="I531" s="6">
        <v>131</v>
      </c>
      <c r="J531" s="6">
        <v>131</v>
      </c>
      <c r="K531" s="6">
        <v>27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0</v>
      </c>
      <c r="E532" s="9" t="s">
        <v>227</v>
      </c>
      <c r="F532" s="9" t="s">
        <v>281</v>
      </c>
      <c r="G532" s="9" t="s">
        <v>276</v>
      </c>
      <c r="H532" s="6">
        <v>129</v>
      </c>
      <c r="I532" s="6">
        <v>115</v>
      </c>
      <c r="J532" s="6">
        <v>111</v>
      </c>
      <c r="K532" s="6">
        <v>14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0</v>
      </c>
      <c r="E533" s="9" t="s">
        <v>227</v>
      </c>
      <c r="F533" s="9" t="s">
        <v>281</v>
      </c>
      <c r="G533" s="9" t="s">
        <v>277</v>
      </c>
      <c r="H533" s="6">
        <v>218</v>
      </c>
      <c r="I533" s="6">
        <v>209</v>
      </c>
      <c r="J533" s="6">
        <v>205</v>
      </c>
      <c r="K533" s="6">
        <v>9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0</v>
      </c>
      <c r="E534" s="9" t="s">
        <v>227</v>
      </c>
      <c r="F534" s="9" t="s">
        <v>281</v>
      </c>
      <c r="G534" s="9" t="s">
        <v>278</v>
      </c>
      <c r="H534" s="6">
        <v>299</v>
      </c>
      <c r="I534" s="6">
        <v>270</v>
      </c>
      <c r="J534" s="6">
        <v>251</v>
      </c>
      <c r="K534" s="6">
        <v>29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0</v>
      </c>
      <c r="E535" s="9" t="s">
        <v>227</v>
      </c>
      <c r="F535" s="9" t="s">
        <v>281</v>
      </c>
      <c r="G535" s="9" t="s">
        <v>279</v>
      </c>
      <c r="H535" s="6">
        <v>204</v>
      </c>
      <c r="I535" s="6">
        <v>191</v>
      </c>
      <c r="J535" s="6">
        <v>183</v>
      </c>
      <c r="K535" s="6">
        <v>13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0</v>
      </c>
      <c r="E536" s="9" t="s">
        <v>227</v>
      </c>
      <c r="F536" s="9" t="s">
        <v>281</v>
      </c>
      <c r="G536" s="9" t="s">
        <v>280</v>
      </c>
      <c r="H536" s="6">
        <v>1615</v>
      </c>
      <c r="I536" s="6">
        <v>1298</v>
      </c>
      <c r="J536" s="6">
        <v>1240</v>
      </c>
      <c r="K536" s="6">
        <v>317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0</v>
      </c>
      <c r="E537" s="9" t="s">
        <v>227</v>
      </c>
      <c r="F537" s="9" t="s">
        <v>282</v>
      </c>
      <c r="G537" s="9" t="s">
        <v>6</v>
      </c>
      <c r="H537" s="6">
        <v>4002</v>
      </c>
      <c r="I537" s="6">
        <v>3389</v>
      </c>
      <c r="J537" s="6">
        <v>3293</v>
      </c>
      <c r="K537" s="6">
        <v>613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0</v>
      </c>
      <c r="E538" s="9" t="s">
        <v>227</v>
      </c>
      <c r="F538" s="9" t="s">
        <v>282</v>
      </c>
      <c r="G538" s="9" t="s">
        <v>272</v>
      </c>
      <c r="H538" s="6">
        <v>165</v>
      </c>
      <c r="I538" s="6">
        <v>77</v>
      </c>
      <c r="J538" s="6">
        <v>70</v>
      </c>
      <c r="K538" s="6">
        <v>88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0</v>
      </c>
      <c r="E539" s="9" t="s">
        <v>227</v>
      </c>
      <c r="F539" s="9" t="s">
        <v>282</v>
      </c>
      <c r="G539" s="9" t="s">
        <v>273</v>
      </c>
      <c r="H539" s="6">
        <v>451</v>
      </c>
      <c r="I539" s="6">
        <v>407</v>
      </c>
      <c r="J539" s="6">
        <v>383</v>
      </c>
      <c r="K539" s="6">
        <v>44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0</v>
      </c>
      <c r="E540" s="9" t="s">
        <v>227</v>
      </c>
      <c r="F540" s="9" t="s">
        <v>282</v>
      </c>
      <c r="G540" s="9" t="s">
        <v>274</v>
      </c>
      <c r="H540" s="6">
        <v>525</v>
      </c>
      <c r="I540" s="6">
        <v>460</v>
      </c>
      <c r="J540" s="6">
        <v>448</v>
      </c>
      <c r="K540" s="6">
        <v>65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0</v>
      </c>
      <c r="E541" s="9" t="s">
        <v>227</v>
      </c>
      <c r="F541" s="9" t="s">
        <v>282</v>
      </c>
      <c r="G541" s="9" t="s">
        <v>275</v>
      </c>
      <c r="H541" s="6">
        <v>506</v>
      </c>
      <c r="I541" s="6">
        <v>466</v>
      </c>
      <c r="J541" s="6">
        <v>466</v>
      </c>
      <c r="K541" s="6">
        <v>40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0</v>
      </c>
      <c r="E542" s="9" t="s">
        <v>227</v>
      </c>
      <c r="F542" s="9" t="s">
        <v>282</v>
      </c>
      <c r="G542" s="9" t="s">
        <v>276</v>
      </c>
      <c r="H542" s="6">
        <v>559</v>
      </c>
      <c r="I542" s="6">
        <v>504</v>
      </c>
      <c r="J542" s="6">
        <v>493</v>
      </c>
      <c r="K542" s="6">
        <v>55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0</v>
      </c>
      <c r="E543" s="9" t="s">
        <v>227</v>
      </c>
      <c r="F543" s="9" t="s">
        <v>282</v>
      </c>
      <c r="G543" s="9" t="s">
        <v>277</v>
      </c>
      <c r="H543" s="6">
        <v>519</v>
      </c>
      <c r="I543" s="6">
        <v>467</v>
      </c>
      <c r="J543" s="6">
        <v>467</v>
      </c>
      <c r="K543" s="6">
        <v>52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0</v>
      </c>
      <c r="E544" s="9" t="s">
        <v>227</v>
      </c>
      <c r="F544" s="9" t="s">
        <v>282</v>
      </c>
      <c r="G544" s="9" t="s">
        <v>278</v>
      </c>
      <c r="H544" s="6">
        <v>424</v>
      </c>
      <c r="I544" s="6">
        <v>376</v>
      </c>
      <c r="J544" s="6">
        <v>354</v>
      </c>
      <c r="K544" s="6">
        <v>48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0</v>
      </c>
      <c r="E545" s="9" t="s">
        <v>227</v>
      </c>
      <c r="F545" s="9" t="s">
        <v>282</v>
      </c>
      <c r="G545" s="9" t="s">
        <v>279</v>
      </c>
      <c r="H545" s="6">
        <v>210</v>
      </c>
      <c r="I545" s="6">
        <v>181</v>
      </c>
      <c r="J545" s="6">
        <v>176</v>
      </c>
      <c r="K545" s="6">
        <v>29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0</v>
      </c>
      <c r="E546" s="9" t="s">
        <v>227</v>
      </c>
      <c r="F546" s="9" t="s">
        <v>282</v>
      </c>
      <c r="G546" s="9" t="s">
        <v>280</v>
      </c>
      <c r="H546" s="6">
        <v>643</v>
      </c>
      <c r="I546" s="6">
        <v>451</v>
      </c>
      <c r="J546" s="6">
        <v>436</v>
      </c>
      <c r="K546" s="6">
        <v>192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0</v>
      </c>
      <c r="E547" s="9" t="s">
        <v>227</v>
      </c>
      <c r="F547" s="9" t="s">
        <v>283</v>
      </c>
      <c r="G547" s="9" t="s">
        <v>6</v>
      </c>
      <c r="H547" s="6">
        <v>2397</v>
      </c>
      <c r="I547" s="6">
        <v>2137</v>
      </c>
      <c r="J547" s="6">
        <v>2083</v>
      </c>
      <c r="K547" s="6">
        <v>260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0</v>
      </c>
      <c r="E548" s="9" t="s">
        <v>227</v>
      </c>
      <c r="F548" s="9" t="s">
        <v>283</v>
      </c>
      <c r="G548" s="9" t="s">
        <v>272</v>
      </c>
      <c r="H548" s="6">
        <v>147</v>
      </c>
      <c r="I548" s="6">
        <v>111</v>
      </c>
      <c r="J548" s="6">
        <v>111</v>
      </c>
      <c r="K548" s="6">
        <v>36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0</v>
      </c>
      <c r="E549" s="9" t="s">
        <v>227</v>
      </c>
      <c r="F549" s="9" t="s">
        <v>283</v>
      </c>
      <c r="G549" s="9" t="s">
        <v>273</v>
      </c>
      <c r="H549" s="6">
        <v>341</v>
      </c>
      <c r="I549" s="6">
        <v>291</v>
      </c>
      <c r="J549" s="6">
        <v>285</v>
      </c>
      <c r="K549" s="6">
        <v>50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0</v>
      </c>
      <c r="E550" s="9" t="s">
        <v>227</v>
      </c>
      <c r="F550" s="9" t="s">
        <v>283</v>
      </c>
      <c r="G550" s="9" t="s">
        <v>274</v>
      </c>
      <c r="H550" s="6">
        <v>409</v>
      </c>
      <c r="I550" s="6">
        <v>363</v>
      </c>
      <c r="J550" s="6">
        <v>349</v>
      </c>
      <c r="K550" s="6">
        <v>46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0</v>
      </c>
      <c r="E551" s="9" t="s">
        <v>227</v>
      </c>
      <c r="F551" s="9" t="s">
        <v>283</v>
      </c>
      <c r="G551" s="9" t="s">
        <v>275</v>
      </c>
      <c r="H551" s="6">
        <v>503</v>
      </c>
      <c r="I551" s="6">
        <v>471</v>
      </c>
      <c r="J551" s="6">
        <v>457</v>
      </c>
      <c r="K551" s="6">
        <v>32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0</v>
      </c>
      <c r="E552" s="9" t="s">
        <v>227</v>
      </c>
      <c r="F552" s="9" t="s">
        <v>283</v>
      </c>
      <c r="G552" s="9" t="s">
        <v>276</v>
      </c>
      <c r="H552" s="6">
        <v>453</v>
      </c>
      <c r="I552" s="6">
        <v>427</v>
      </c>
      <c r="J552" s="6">
        <v>420</v>
      </c>
      <c r="K552" s="6">
        <v>26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0</v>
      </c>
      <c r="E553" s="9" t="s">
        <v>227</v>
      </c>
      <c r="F553" s="9" t="s">
        <v>283</v>
      </c>
      <c r="G553" s="9" t="s">
        <v>277</v>
      </c>
      <c r="H553" s="6">
        <v>223</v>
      </c>
      <c r="I553" s="6">
        <v>204</v>
      </c>
      <c r="J553" s="6">
        <v>204</v>
      </c>
      <c r="K553" s="6">
        <v>19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0</v>
      </c>
      <c r="E554" s="9" t="s">
        <v>227</v>
      </c>
      <c r="F554" s="9" t="s">
        <v>283</v>
      </c>
      <c r="G554" s="9" t="s">
        <v>278</v>
      </c>
      <c r="H554" s="6">
        <v>115</v>
      </c>
      <c r="I554" s="6">
        <v>102</v>
      </c>
      <c r="J554" s="6">
        <v>102</v>
      </c>
      <c r="K554" s="6">
        <v>13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0</v>
      </c>
      <c r="E555" s="9" t="s">
        <v>227</v>
      </c>
      <c r="F555" s="9" t="s">
        <v>283</v>
      </c>
      <c r="G555" s="9" t="s">
        <v>279</v>
      </c>
      <c r="H555" s="6">
        <v>71</v>
      </c>
      <c r="I555" s="6">
        <v>57</v>
      </c>
      <c r="J555" s="6">
        <v>51</v>
      </c>
      <c r="K555" s="6">
        <v>14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0</v>
      </c>
      <c r="E556" s="9" t="s">
        <v>227</v>
      </c>
      <c r="F556" s="9" t="s">
        <v>283</v>
      </c>
      <c r="G556" s="9" t="s">
        <v>280</v>
      </c>
      <c r="H556" s="6">
        <v>135</v>
      </c>
      <c r="I556" s="6">
        <v>111</v>
      </c>
      <c r="J556" s="6">
        <v>104</v>
      </c>
      <c r="K556" s="6">
        <v>24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0</v>
      </c>
      <c r="E557" s="9" t="s">
        <v>228</v>
      </c>
      <c r="F557" s="9" t="s">
        <v>6</v>
      </c>
      <c r="G557" s="9" t="s">
        <v>6</v>
      </c>
      <c r="H557" s="6">
        <v>1625</v>
      </c>
      <c r="I557" s="6">
        <v>670</v>
      </c>
      <c r="J557" s="6">
        <v>611</v>
      </c>
      <c r="K557" s="6">
        <v>955</v>
      </c>
      <c r="L557" s="10" t="s">
        <v>55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0</v>
      </c>
      <c r="E558" s="9" t="s">
        <v>228</v>
      </c>
      <c r="F558" s="9" t="s">
        <v>234</v>
      </c>
      <c r="G558" s="9" t="s">
        <v>6</v>
      </c>
      <c r="H558" s="6">
        <v>841</v>
      </c>
      <c r="I558" s="6">
        <v>292</v>
      </c>
      <c r="J558" s="6">
        <v>280</v>
      </c>
      <c r="K558" s="6">
        <v>549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0</v>
      </c>
      <c r="E559" s="9" t="s">
        <v>228</v>
      </c>
      <c r="F559" s="9" t="s">
        <v>235</v>
      </c>
      <c r="G559" s="9" t="s">
        <v>6</v>
      </c>
      <c r="H559" s="6">
        <v>784</v>
      </c>
      <c r="I559" s="6">
        <v>378</v>
      </c>
      <c r="J559" s="6">
        <v>331</v>
      </c>
      <c r="K559" s="6">
        <v>406</v>
      </c>
      <c r="L559" s="10" t="s">
        <v>5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0</v>
      </c>
      <c r="E560" s="9" t="s">
        <v>228</v>
      </c>
      <c r="F560" s="9" t="s">
        <v>235</v>
      </c>
      <c r="G560" s="9" t="s">
        <v>272</v>
      </c>
      <c r="H560" s="6">
        <v>6</v>
      </c>
      <c r="I560" s="10" t="s">
        <v>55</v>
      </c>
      <c r="J560" s="10" t="s">
        <v>55</v>
      </c>
      <c r="K560" s="6">
        <v>6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0</v>
      </c>
      <c r="E561" s="9" t="s">
        <v>228</v>
      </c>
      <c r="F561" s="9" t="s">
        <v>235</v>
      </c>
      <c r="G561" s="9" t="s">
        <v>273</v>
      </c>
      <c r="H561" s="6">
        <v>44</v>
      </c>
      <c r="I561" s="6">
        <v>17</v>
      </c>
      <c r="J561" s="6">
        <v>17</v>
      </c>
      <c r="K561" s="6">
        <v>27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0</v>
      </c>
      <c r="E562" s="9" t="s">
        <v>228</v>
      </c>
      <c r="F562" s="9" t="s">
        <v>235</v>
      </c>
      <c r="G562" s="9" t="s">
        <v>274</v>
      </c>
      <c r="H562" s="6">
        <v>48</v>
      </c>
      <c r="I562" s="6">
        <v>35</v>
      </c>
      <c r="J562" s="6">
        <v>21</v>
      </c>
      <c r="K562" s="6">
        <v>13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0</v>
      </c>
      <c r="E563" s="9" t="s">
        <v>228</v>
      </c>
      <c r="F563" s="9" t="s">
        <v>235</v>
      </c>
      <c r="G563" s="9" t="s">
        <v>275</v>
      </c>
      <c r="H563" s="6">
        <v>4</v>
      </c>
      <c r="I563" s="6">
        <v>4</v>
      </c>
      <c r="J563" s="6">
        <v>4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0</v>
      </c>
      <c r="E564" s="9" t="s">
        <v>228</v>
      </c>
      <c r="F564" s="9" t="s">
        <v>235</v>
      </c>
      <c r="G564" s="9" t="s">
        <v>276</v>
      </c>
      <c r="H564" s="6">
        <v>7</v>
      </c>
      <c r="I564" s="6">
        <v>7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0</v>
      </c>
      <c r="E565" s="9" t="s">
        <v>228</v>
      </c>
      <c r="F565" s="9" t="s">
        <v>235</v>
      </c>
      <c r="G565" s="9" t="s">
        <v>277</v>
      </c>
      <c r="H565" s="6">
        <v>9</v>
      </c>
      <c r="I565" s="6">
        <v>5</v>
      </c>
      <c r="J565" s="6">
        <v>5</v>
      </c>
      <c r="K565" s="6">
        <v>4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0</v>
      </c>
      <c r="E566" s="9" t="s">
        <v>228</v>
      </c>
      <c r="F566" s="9" t="s">
        <v>235</v>
      </c>
      <c r="G566" s="9" t="s">
        <v>278</v>
      </c>
      <c r="H566" s="6">
        <v>23</v>
      </c>
      <c r="I566" s="6">
        <v>19</v>
      </c>
      <c r="J566" s="6">
        <v>19</v>
      </c>
      <c r="K566" s="6">
        <v>4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0</v>
      </c>
      <c r="E567" s="9" t="s">
        <v>228</v>
      </c>
      <c r="F567" s="9" t="s">
        <v>235</v>
      </c>
      <c r="G567" s="9" t="s">
        <v>279</v>
      </c>
      <c r="H567" s="6">
        <v>29</v>
      </c>
      <c r="I567" s="6">
        <v>21</v>
      </c>
      <c r="J567" s="6">
        <v>21</v>
      </c>
      <c r="K567" s="6">
        <v>8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0</v>
      </c>
      <c r="E568" s="9" t="s">
        <v>228</v>
      </c>
      <c r="F568" s="9" t="s">
        <v>235</v>
      </c>
      <c r="G568" s="9" t="s">
        <v>280</v>
      </c>
      <c r="H568" s="6">
        <v>614</v>
      </c>
      <c r="I568" s="6">
        <v>270</v>
      </c>
      <c r="J568" s="6">
        <v>244</v>
      </c>
      <c r="K568" s="6">
        <v>344</v>
      </c>
      <c r="L568" s="10" t="s">
        <v>5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0</v>
      </c>
      <c r="E569" s="9" t="s">
        <v>228</v>
      </c>
      <c r="F569" s="9" t="s">
        <v>281</v>
      </c>
      <c r="G569" s="9" t="s">
        <v>6</v>
      </c>
      <c r="H569" s="6">
        <v>536</v>
      </c>
      <c r="I569" s="6">
        <v>238</v>
      </c>
      <c r="J569" s="6">
        <v>211</v>
      </c>
      <c r="K569" s="6">
        <v>298</v>
      </c>
      <c r="L569" s="10" t="s">
        <v>5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0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0</v>
      </c>
      <c r="E571" s="9" t="s">
        <v>228</v>
      </c>
      <c r="F571" s="9" t="s">
        <v>281</v>
      </c>
      <c r="G571" s="9" t="s">
        <v>273</v>
      </c>
      <c r="H571" s="6">
        <v>23</v>
      </c>
      <c r="I571" s="6">
        <v>9</v>
      </c>
      <c r="J571" s="6">
        <v>9</v>
      </c>
      <c r="K571" s="6">
        <v>14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0</v>
      </c>
      <c r="E572" s="9" t="s">
        <v>228</v>
      </c>
      <c r="F572" s="9" t="s">
        <v>281</v>
      </c>
      <c r="G572" s="9" t="s">
        <v>274</v>
      </c>
      <c r="H572" s="6">
        <v>14</v>
      </c>
      <c r="I572" s="6">
        <v>14</v>
      </c>
      <c r="J572" s="6">
        <v>8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0</v>
      </c>
      <c r="E573" s="9" t="s">
        <v>228</v>
      </c>
      <c r="F573" s="9" t="s">
        <v>281</v>
      </c>
      <c r="G573" s="9" t="s">
        <v>275</v>
      </c>
      <c r="H573" s="6">
        <v>4</v>
      </c>
      <c r="I573" s="6">
        <v>4</v>
      </c>
      <c r="J573" s="6">
        <v>4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0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0</v>
      </c>
      <c r="E575" s="9" t="s">
        <v>228</v>
      </c>
      <c r="F575" s="9" t="s">
        <v>281</v>
      </c>
      <c r="G575" s="9" t="s">
        <v>277</v>
      </c>
      <c r="H575" s="6">
        <v>4</v>
      </c>
      <c r="I575" s="10" t="s">
        <v>55</v>
      </c>
      <c r="J575" s="10" t="s">
        <v>55</v>
      </c>
      <c r="K575" s="6">
        <v>4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0</v>
      </c>
      <c r="E576" s="9" t="s">
        <v>228</v>
      </c>
      <c r="F576" s="9" t="s">
        <v>281</v>
      </c>
      <c r="G576" s="9" t="s">
        <v>278</v>
      </c>
      <c r="H576" s="6">
        <v>13</v>
      </c>
      <c r="I576" s="6">
        <v>9</v>
      </c>
      <c r="J576" s="6">
        <v>9</v>
      </c>
      <c r="K576" s="6">
        <v>4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0</v>
      </c>
      <c r="E577" s="9" t="s">
        <v>228</v>
      </c>
      <c r="F577" s="9" t="s">
        <v>281</v>
      </c>
      <c r="G577" s="9" t="s">
        <v>279</v>
      </c>
      <c r="H577" s="6">
        <v>12</v>
      </c>
      <c r="I577" s="6">
        <v>4</v>
      </c>
      <c r="J577" s="6">
        <v>4</v>
      </c>
      <c r="K577" s="6">
        <v>8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0</v>
      </c>
      <c r="E578" s="9" t="s">
        <v>228</v>
      </c>
      <c r="F578" s="9" t="s">
        <v>281</v>
      </c>
      <c r="G578" s="9" t="s">
        <v>280</v>
      </c>
      <c r="H578" s="6">
        <v>466</v>
      </c>
      <c r="I578" s="6">
        <v>198</v>
      </c>
      <c r="J578" s="6">
        <v>177</v>
      </c>
      <c r="K578" s="6">
        <v>268</v>
      </c>
      <c r="L578" s="10" t="s">
        <v>5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0</v>
      </c>
      <c r="E579" s="9" t="s">
        <v>228</v>
      </c>
      <c r="F579" s="9" t="s">
        <v>282</v>
      </c>
      <c r="G579" s="9" t="s">
        <v>6</v>
      </c>
      <c r="H579" s="6">
        <v>186</v>
      </c>
      <c r="I579" s="6">
        <v>92</v>
      </c>
      <c r="J579" s="6">
        <v>80</v>
      </c>
      <c r="K579" s="6">
        <v>94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0</v>
      </c>
      <c r="E580" s="9" t="s">
        <v>228</v>
      </c>
      <c r="F580" s="9" t="s">
        <v>282</v>
      </c>
      <c r="G580" s="9" t="s">
        <v>272</v>
      </c>
      <c r="H580" s="6">
        <v>6</v>
      </c>
      <c r="I580" s="10" t="s">
        <v>55</v>
      </c>
      <c r="J580" s="10" t="s">
        <v>55</v>
      </c>
      <c r="K580" s="6">
        <v>6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0</v>
      </c>
      <c r="E581" s="9" t="s">
        <v>228</v>
      </c>
      <c r="F581" s="9" t="s">
        <v>282</v>
      </c>
      <c r="G581" s="9" t="s">
        <v>273</v>
      </c>
      <c r="H581" s="6">
        <v>13</v>
      </c>
      <c r="I581" s="10" t="s">
        <v>55</v>
      </c>
      <c r="J581" s="10" t="s">
        <v>55</v>
      </c>
      <c r="K581" s="6">
        <v>13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0</v>
      </c>
      <c r="E582" s="9" t="s">
        <v>228</v>
      </c>
      <c r="F582" s="9" t="s">
        <v>282</v>
      </c>
      <c r="G582" s="9" t="s">
        <v>274</v>
      </c>
      <c r="H582" s="6">
        <v>6</v>
      </c>
      <c r="I582" s="10" t="s">
        <v>55</v>
      </c>
      <c r="J582" s="10" t="s">
        <v>55</v>
      </c>
      <c r="K582" s="6">
        <v>6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0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0</v>
      </c>
      <c r="E584" s="9" t="s">
        <v>228</v>
      </c>
      <c r="F584" s="9" t="s">
        <v>282</v>
      </c>
      <c r="G584" s="9" t="s">
        <v>276</v>
      </c>
      <c r="H584" s="6">
        <v>7</v>
      </c>
      <c r="I584" s="6">
        <v>7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0</v>
      </c>
      <c r="E585" s="9" t="s">
        <v>228</v>
      </c>
      <c r="F585" s="9" t="s">
        <v>282</v>
      </c>
      <c r="G585" s="9" t="s">
        <v>277</v>
      </c>
      <c r="H585" s="6">
        <v>5</v>
      </c>
      <c r="I585" s="6">
        <v>5</v>
      </c>
      <c r="J585" s="6">
        <v>5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0</v>
      </c>
      <c r="E586" s="9" t="s">
        <v>228</v>
      </c>
      <c r="F586" s="9" t="s">
        <v>282</v>
      </c>
      <c r="G586" s="9" t="s">
        <v>278</v>
      </c>
      <c r="H586" s="6">
        <v>10</v>
      </c>
      <c r="I586" s="6">
        <v>10</v>
      </c>
      <c r="J586" s="6">
        <v>10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0</v>
      </c>
      <c r="E587" s="9" t="s">
        <v>228</v>
      </c>
      <c r="F587" s="9" t="s">
        <v>282</v>
      </c>
      <c r="G587" s="9" t="s">
        <v>279</v>
      </c>
      <c r="H587" s="6">
        <v>11</v>
      </c>
      <c r="I587" s="6">
        <v>11</v>
      </c>
      <c r="J587" s="6">
        <v>11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0</v>
      </c>
      <c r="E588" s="9" t="s">
        <v>228</v>
      </c>
      <c r="F588" s="9" t="s">
        <v>282</v>
      </c>
      <c r="G588" s="9" t="s">
        <v>280</v>
      </c>
      <c r="H588" s="6">
        <v>128</v>
      </c>
      <c r="I588" s="6">
        <v>59</v>
      </c>
      <c r="J588" s="6">
        <v>54</v>
      </c>
      <c r="K588" s="6">
        <v>69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0</v>
      </c>
      <c r="E589" s="9" t="s">
        <v>228</v>
      </c>
      <c r="F589" s="9" t="s">
        <v>283</v>
      </c>
      <c r="G589" s="9" t="s">
        <v>6</v>
      </c>
      <c r="H589" s="6">
        <v>62</v>
      </c>
      <c r="I589" s="6">
        <v>48</v>
      </c>
      <c r="J589" s="6">
        <v>40</v>
      </c>
      <c r="K589" s="6">
        <v>14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0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0</v>
      </c>
      <c r="E591" s="9" t="s">
        <v>228</v>
      </c>
      <c r="F591" s="9" t="s">
        <v>283</v>
      </c>
      <c r="G591" s="9" t="s">
        <v>273</v>
      </c>
      <c r="H591" s="6">
        <v>8</v>
      </c>
      <c r="I591" s="6">
        <v>8</v>
      </c>
      <c r="J591" s="6">
        <v>8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0</v>
      </c>
      <c r="E592" s="9" t="s">
        <v>228</v>
      </c>
      <c r="F592" s="9" t="s">
        <v>283</v>
      </c>
      <c r="G592" s="9" t="s">
        <v>274</v>
      </c>
      <c r="H592" s="6">
        <v>28</v>
      </c>
      <c r="I592" s="6">
        <v>21</v>
      </c>
      <c r="J592" s="6">
        <v>13</v>
      </c>
      <c r="K592" s="6">
        <v>7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0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0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0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0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0</v>
      </c>
      <c r="E597" s="9" t="s">
        <v>228</v>
      </c>
      <c r="F597" s="9" t="s">
        <v>283</v>
      </c>
      <c r="G597" s="9" t="s">
        <v>279</v>
      </c>
      <c r="H597" s="6">
        <v>6</v>
      </c>
      <c r="I597" s="6">
        <v>6</v>
      </c>
      <c r="J597" s="6">
        <v>6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0</v>
      </c>
      <c r="E598" s="9" t="s">
        <v>228</v>
      </c>
      <c r="F598" s="9" t="s">
        <v>283</v>
      </c>
      <c r="G598" s="9" t="s">
        <v>280</v>
      </c>
      <c r="H598" s="6">
        <v>20</v>
      </c>
      <c r="I598" s="6">
        <v>13</v>
      </c>
      <c r="J598" s="6">
        <v>13</v>
      </c>
      <c r="K598" s="6">
        <v>7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0</v>
      </c>
      <c r="E599" s="9" t="s">
        <v>18</v>
      </c>
      <c r="F599" s="9" t="s">
        <v>6</v>
      </c>
      <c r="G599" s="9" t="s">
        <v>6</v>
      </c>
      <c r="H599" s="6">
        <v>625</v>
      </c>
      <c r="I599" s="6">
        <v>7</v>
      </c>
      <c r="J599" s="6">
        <v>7</v>
      </c>
      <c r="K599" s="10" t="s">
        <v>55</v>
      </c>
      <c r="L599" s="6">
        <v>618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0</v>
      </c>
      <c r="E600" s="9" t="s">
        <v>18</v>
      </c>
      <c r="F600" s="9" t="s">
        <v>234</v>
      </c>
      <c r="G600" s="9" t="s">
        <v>6</v>
      </c>
      <c r="H600" s="6">
        <v>86</v>
      </c>
      <c r="I600" s="6">
        <v>7</v>
      </c>
      <c r="J600" s="6">
        <v>7</v>
      </c>
      <c r="K600" s="10" t="s">
        <v>55</v>
      </c>
      <c r="L600" s="6">
        <v>79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0</v>
      </c>
      <c r="E601" s="9" t="s">
        <v>18</v>
      </c>
      <c r="F601" s="9" t="s">
        <v>235</v>
      </c>
      <c r="G601" s="9" t="s">
        <v>6</v>
      </c>
      <c r="H601" s="6">
        <v>539</v>
      </c>
      <c r="I601" s="10" t="s">
        <v>55</v>
      </c>
      <c r="J601" s="10" t="s">
        <v>55</v>
      </c>
      <c r="K601" s="10" t="s">
        <v>55</v>
      </c>
      <c r="L601" s="6">
        <v>539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0</v>
      </c>
      <c r="E602" s="9" t="s">
        <v>18</v>
      </c>
      <c r="F602" s="9" t="s">
        <v>235</v>
      </c>
      <c r="G602" s="9" t="s">
        <v>272</v>
      </c>
      <c r="H602" s="6">
        <v>37</v>
      </c>
      <c r="I602" s="10" t="s">
        <v>55</v>
      </c>
      <c r="J602" s="10" t="s">
        <v>55</v>
      </c>
      <c r="K602" s="10" t="s">
        <v>55</v>
      </c>
      <c r="L602" s="6">
        <v>37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0</v>
      </c>
      <c r="E603" s="9" t="s">
        <v>18</v>
      </c>
      <c r="F603" s="9" t="s">
        <v>235</v>
      </c>
      <c r="G603" s="9" t="s">
        <v>273</v>
      </c>
      <c r="H603" s="6">
        <v>49</v>
      </c>
      <c r="I603" s="10" t="s">
        <v>55</v>
      </c>
      <c r="J603" s="10" t="s">
        <v>55</v>
      </c>
      <c r="K603" s="10" t="s">
        <v>55</v>
      </c>
      <c r="L603" s="6">
        <v>49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0</v>
      </c>
      <c r="E604" s="9" t="s">
        <v>18</v>
      </c>
      <c r="F604" s="9" t="s">
        <v>235</v>
      </c>
      <c r="G604" s="9" t="s">
        <v>274</v>
      </c>
      <c r="H604" s="6">
        <v>74</v>
      </c>
      <c r="I604" s="10" t="s">
        <v>55</v>
      </c>
      <c r="J604" s="10" t="s">
        <v>55</v>
      </c>
      <c r="K604" s="10" t="s">
        <v>55</v>
      </c>
      <c r="L604" s="6">
        <v>74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0</v>
      </c>
      <c r="E605" s="9" t="s">
        <v>18</v>
      </c>
      <c r="F605" s="9" t="s">
        <v>235</v>
      </c>
      <c r="G605" s="9" t="s">
        <v>275</v>
      </c>
      <c r="H605" s="6">
        <v>29</v>
      </c>
      <c r="I605" s="10" t="s">
        <v>55</v>
      </c>
      <c r="J605" s="10" t="s">
        <v>55</v>
      </c>
      <c r="K605" s="10" t="s">
        <v>55</v>
      </c>
      <c r="L605" s="6">
        <v>29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0</v>
      </c>
      <c r="E606" s="9" t="s">
        <v>18</v>
      </c>
      <c r="F606" s="9" t="s">
        <v>235</v>
      </c>
      <c r="G606" s="9" t="s">
        <v>276</v>
      </c>
      <c r="H606" s="6">
        <v>65</v>
      </c>
      <c r="I606" s="10" t="s">
        <v>55</v>
      </c>
      <c r="J606" s="10" t="s">
        <v>55</v>
      </c>
      <c r="K606" s="10" t="s">
        <v>55</v>
      </c>
      <c r="L606" s="6">
        <v>65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0</v>
      </c>
      <c r="E607" s="9" t="s">
        <v>18</v>
      </c>
      <c r="F607" s="9" t="s">
        <v>235</v>
      </c>
      <c r="G607" s="9" t="s">
        <v>277</v>
      </c>
      <c r="H607" s="6">
        <v>83</v>
      </c>
      <c r="I607" s="10" t="s">
        <v>55</v>
      </c>
      <c r="J607" s="10" t="s">
        <v>55</v>
      </c>
      <c r="K607" s="10" t="s">
        <v>55</v>
      </c>
      <c r="L607" s="6">
        <v>83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0</v>
      </c>
      <c r="E608" s="9" t="s">
        <v>18</v>
      </c>
      <c r="F608" s="9" t="s">
        <v>235</v>
      </c>
      <c r="G608" s="9" t="s">
        <v>278</v>
      </c>
      <c r="H608" s="6">
        <v>61</v>
      </c>
      <c r="I608" s="10" t="s">
        <v>55</v>
      </c>
      <c r="J608" s="10" t="s">
        <v>55</v>
      </c>
      <c r="K608" s="10" t="s">
        <v>55</v>
      </c>
      <c r="L608" s="6">
        <v>61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0</v>
      </c>
      <c r="E609" s="9" t="s">
        <v>18</v>
      </c>
      <c r="F609" s="9" t="s">
        <v>235</v>
      </c>
      <c r="G609" s="9" t="s">
        <v>279</v>
      </c>
      <c r="H609" s="6">
        <v>38</v>
      </c>
      <c r="I609" s="10" t="s">
        <v>55</v>
      </c>
      <c r="J609" s="10" t="s">
        <v>55</v>
      </c>
      <c r="K609" s="10" t="s">
        <v>55</v>
      </c>
      <c r="L609" s="6">
        <v>38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0</v>
      </c>
      <c r="E610" s="9" t="s">
        <v>18</v>
      </c>
      <c r="F610" s="9" t="s">
        <v>235</v>
      </c>
      <c r="G610" s="9" t="s">
        <v>280</v>
      </c>
      <c r="H610" s="6">
        <v>103</v>
      </c>
      <c r="I610" s="10" t="s">
        <v>55</v>
      </c>
      <c r="J610" s="10" t="s">
        <v>55</v>
      </c>
      <c r="K610" s="10" t="s">
        <v>55</v>
      </c>
      <c r="L610" s="6">
        <v>103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0</v>
      </c>
      <c r="E611" s="9" t="s">
        <v>18</v>
      </c>
      <c r="F611" s="9" t="s">
        <v>281</v>
      </c>
      <c r="G611" s="9" t="s">
        <v>6</v>
      </c>
      <c r="H611" s="6">
        <v>168</v>
      </c>
      <c r="I611" s="10" t="s">
        <v>55</v>
      </c>
      <c r="J611" s="10" t="s">
        <v>55</v>
      </c>
      <c r="K611" s="10" t="s">
        <v>55</v>
      </c>
      <c r="L611" s="6">
        <v>168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0</v>
      </c>
      <c r="E612" s="9" t="s">
        <v>18</v>
      </c>
      <c r="F612" s="9" t="s">
        <v>281</v>
      </c>
      <c r="G612" s="9" t="s">
        <v>272</v>
      </c>
      <c r="H612" s="6">
        <v>5</v>
      </c>
      <c r="I612" s="10" t="s">
        <v>55</v>
      </c>
      <c r="J612" s="10" t="s">
        <v>55</v>
      </c>
      <c r="K612" s="10" t="s">
        <v>55</v>
      </c>
      <c r="L612" s="6">
        <v>5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0</v>
      </c>
      <c r="E613" s="9" t="s">
        <v>18</v>
      </c>
      <c r="F613" s="9" t="s">
        <v>281</v>
      </c>
      <c r="G613" s="9" t="s">
        <v>273</v>
      </c>
      <c r="H613" s="6">
        <v>5</v>
      </c>
      <c r="I613" s="10" t="s">
        <v>55</v>
      </c>
      <c r="J613" s="10" t="s">
        <v>55</v>
      </c>
      <c r="K613" s="10" t="s">
        <v>55</v>
      </c>
      <c r="L613" s="6">
        <v>5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0</v>
      </c>
      <c r="E614" s="9" t="s">
        <v>18</v>
      </c>
      <c r="F614" s="9" t="s">
        <v>281</v>
      </c>
      <c r="G614" s="9" t="s">
        <v>274</v>
      </c>
      <c r="H614" s="6">
        <v>18</v>
      </c>
      <c r="I614" s="10" t="s">
        <v>55</v>
      </c>
      <c r="J614" s="10" t="s">
        <v>55</v>
      </c>
      <c r="K614" s="10" t="s">
        <v>55</v>
      </c>
      <c r="L614" s="6">
        <v>18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0</v>
      </c>
      <c r="E615" s="9" t="s">
        <v>18</v>
      </c>
      <c r="F615" s="9" t="s">
        <v>281</v>
      </c>
      <c r="G615" s="9" t="s">
        <v>275</v>
      </c>
      <c r="H615" s="6">
        <v>9</v>
      </c>
      <c r="I615" s="10" t="s">
        <v>55</v>
      </c>
      <c r="J615" s="10" t="s">
        <v>55</v>
      </c>
      <c r="K615" s="10" t="s">
        <v>55</v>
      </c>
      <c r="L615" s="6">
        <v>9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0</v>
      </c>
      <c r="E616" s="9" t="s">
        <v>18</v>
      </c>
      <c r="F616" s="9" t="s">
        <v>281</v>
      </c>
      <c r="G616" s="9" t="s">
        <v>276</v>
      </c>
      <c r="H616" s="6">
        <v>5</v>
      </c>
      <c r="I616" s="10" t="s">
        <v>55</v>
      </c>
      <c r="J616" s="10" t="s">
        <v>55</v>
      </c>
      <c r="K616" s="10" t="s">
        <v>55</v>
      </c>
      <c r="L616" s="6">
        <v>5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0</v>
      </c>
      <c r="E617" s="9" t="s">
        <v>18</v>
      </c>
      <c r="F617" s="9" t="s">
        <v>281</v>
      </c>
      <c r="G617" s="9" t="s">
        <v>277</v>
      </c>
      <c r="H617" s="6">
        <v>4</v>
      </c>
      <c r="I617" s="10" t="s">
        <v>55</v>
      </c>
      <c r="J617" s="10" t="s">
        <v>55</v>
      </c>
      <c r="K617" s="10" t="s">
        <v>55</v>
      </c>
      <c r="L617" s="6">
        <v>4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0</v>
      </c>
      <c r="E618" s="9" t="s">
        <v>18</v>
      </c>
      <c r="F618" s="9" t="s">
        <v>281</v>
      </c>
      <c r="G618" s="9" t="s">
        <v>278</v>
      </c>
      <c r="H618" s="6">
        <v>24</v>
      </c>
      <c r="I618" s="10" t="s">
        <v>55</v>
      </c>
      <c r="J618" s="10" t="s">
        <v>55</v>
      </c>
      <c r="K618" s="10" t="s">
        <v>55</v>
      </c>
      <c r="L618" s="6">
        <v>24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0</v>
      </c>
      <c r="E619" s="9" t="s">
        <v>18</v>
      </c>
      <c r="F619" s="9" t="s">
        <v>281</v>
      </c>
      <c r="G619" s="9" t="s">
        <v>279</v>
      </c>
      <c r="H619" s="6">
        <v>16</v>
      </c>
      <c r="I619" s="10" t="s">
        <v>55</v>
      </c>
      <c r="J619" s="10" t="s">
        <v>55</v>
      </c>
      <c r="K619" s="10" t="s">
        <v>55</v>
      </c>
      <c r="L619" s="6">
        <v>16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0</v>
      </c>
      <c r="E620" s="9" t="s">
        <v>18</v>
      </c>
      <c r="F620" s="9" t="s">
        <v>281</v>
      </c>
      <c r="G620" s="9" t="s">
        <v>280</v>
      </c>
      <c r="H620" s="6">
        <v>82</v>
      </c>
      <c r="I620" s="10" t="s">
        <v>55</v>
      </c>
      <c r="J620" s="10" t="s">
        <v>55</v>
      </c>
      <c r="K620" s="10" t="s">
        <v>55</v>
      </c>
      <c r="L620" s="6">
        <v>82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0</v>
      </c>
      <c r="E621" s="9" t="s">
        <v>18</v>
      </c>
      <c r="F621" s="9" t="s">
        <v>282</v>
      </c>
      <c r="G621" s="9" t="s">
        <v>6</v>
      </c>
      <c r="H621" s="6">
        <v>187</v>
      </c>
      <c r="I621" s="10" t="s">
        <v>55</v>
      </c>
      <c r="J621" s="10" t="s">
        <v>55</v>
      </c>
      <c r="K621" s="10" t="s">
        <v>55</v>
      </c>
      <c r="L621" s="6">
        <v>187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0</v>
      </c>
      <c r="E622" s="9" t="s">
        <v>18</v>
      </c>
      <c r="F622" s="9" t="s">
        <v>282</v>
      </c>
      <c r="G622" s="9" t="s">
        <v>272</v>
      </c>
      <c r="H622" s="6">
        <v>12</v>
      </c>
      <c r="I622" s="10" t="s">
        <v>55</v>
      </c>
      <c r="J622" s="10" t="s">
        <v>55</v>
      </c>
      <c r="K622" s="10" t="s">
        <v>55</v>
      </c>
      <c r="L622" s="6">
        <v>12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0</v>
      </c>
      <c r="E623" s="9" t="s">
        <v>18</v>
      </c>
      <c r="F623" s="9" t="s">
        <v>282</v>
      </c>
      <c r="G623" s="9" t="s">
        <v>273</v>
      </c>
      <c r="H623" s="6">
        <v>29</v>
      </c>
      <c r="I623" s="10" t="s">
        <v>55</v>
      </c>
      <c r="J623" s="10" t="s">
        <v>55</v>
      </c>
      <c r="K623" s="10" t="s">
        <v>55</v>
      </c>
      <c r="L623" s="6">
        <v>29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0</v>
      </c>
      <c r="E624" s="9" t="s">
        <v>18</v>
      </c>
      <c r="F624" s="9" t="s">
        <v>282</v>
      </c>
      <c r="G624" s="9" t="s">
        <v>274</v>
      </c>
      <c r="H624" s="6">
        <v>28</v>
      </c>
      <c r="I624" s="10" t="s">
        <v>55</v>
      </c>
      <c r="J624" s="10" t="s">
        <v>55</v>
      </c>
      <c r="K624" s="10" t="s">
        <v>55</v>
      </c>
      <c r="L624" s="6">
        <v>28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0</v>
      </c>
      <c r="E625" s="9" t="s">
        <v>18</v>
      </c>
      <c r="F625" s="9" t="s">
        <v>282</v>
      </c>
      <c r="G625" s="9" t="s">
        <v>275</v>
      </c>
      <c r="H625" s="6">
        <v>7</v>
      </c>
      <c r="I625" s="10" t="s">
        <v>55</v>
      </c>
      <c r="J625" s="10" t="s">
        <v>55</v>
      </c>
      <c r="K625" s="10" t="s">
        <v>55</v>
      </c>
      <c r="L625" s="6">
        <v>7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0</v>
      </c>
      <c r="E626" s="9" t="s">
        <v>18</v>
      </c>
      <c r="F626" s="9" t="s">
        <v>282</v>
      </c>
      <c r="G626" s="9" t="s">
        <v>276</v>
      </c>
      <c r="H626" s="6">
        <v>30</v>
      </c>
      <c r="I626" s="10" t="s">
        <v>55</v>
      </c>
      <c r="J626" s="10" t="s">
        <v>55</v>
      </c>
      <c r="K626" s="10" t="s">
        <v>55</v>
      </c>
      <c r="L626" s="6">
        <v>30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0</v>
      </c>
      <c r="E627" s="9" t="s">
        <v>18</v>
      </c>
      <c r="F627" s="9" t="s">
        <v>282</v>
      </c>
      <c r="G627" s="9" t="s">
        <v>277</v>
      </c>
      <c r="H627" s="6">
        <v>21</v>
      </c>
      <c r="I627" s="10" t="s">
        <v>55</v>
      </c>
      <c r="J627" s="10" t="s">
        <v>55</v>
      </c>
      <c r="K627" s="10" t="s">
        <v>55</v>
      </c>
      <c r="L627" s="6">
        <v>21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0</v>
      </c>
      <c r="E628" s="9" t="s">
        <v>18</v>
      </c>
      <c r="F628" s="9" t="s">
        <v>282</v>
      </c>
      <c r="G628" s="9" t="s">
        <v>278</v>
      </c>
      <c r="H628" s="6">
        <v>23</v>
      </c>
      <c r="I628" s="10" t="s">
        <v>55</v>
      </c>
      <c r="J628" s="10" t="s">
        <v>55</v>
      </c>
      <c r="K628" s="10" t="s">
        <v>55</v>
      </c>
      <c r="L628" s="6">
        <v>23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0</v>
      </c>
      <c r="E629" s="9" t="s">
        <v>18</v>
      </c>
      <c r="F629" s="9" t="s">
        <v>282</v>
      </c>
      <c r="G629" s="9" t="s">
        <v>279</v>
      </c>
      <c r="H629" s="6">
        <v>16</v>
      </c>
      <c r="I629" s="10" t="s">
        <v>55</v>
      </c>
      <c r="J629" s="10" t="s">
        <v>55</v>
      </c>
      <c r="K629" s="10" t="s">
        <v>55</v>
      </c>
      <c r="L629" s="6">
        <v>16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0</v>
      </c>
      <c r="E630" s="9" t="s">
        <v>18</v>
      </c>
      <c r="F630" s="9" t="s">
        <v>282</v>
      </c>
      <c r="G630" s="9" t="s">
        <v>280</v>
      </c>
      <c r="H630" s="6">
        <v>21</v>
      </c>
      <c r="I630" s="10" t="s">
        <v>55</v>
      </c>
      <c r="J630" s="10" t="s">
        <v>55</v>
      </c>
      <c r="K630" s="10" t="s">
        <v>55</v>
      </c>
      <c r="L630" s="6">
        <v>21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0</v>
      </c>
      <c r="E631" s="9" t="s">
        <v>18</v>
      </c>
      <c r="F631" s="9" t="s">
        <v>283</v>
      </c>
      <c r="G631" s="9" t="s">
        <v>6</v>
      </c>
      <c r="H631" s="6">
        <v>184</v>
      </c>
      <c r="I631" s="10" t="s">
        <v>55</v>
      </c>
      <c r="J631" s="10" t="s">
        <v>55</v>
      </c>
      <c r="K631" s="10" t="s">
        <v>55</v>
      </c>
      <c r="L631" s="6">
        <v>184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0</v>
      </c>
      <c r="E632" s="9" t="s">
        <v>18</v>
      </c>
      <c r="F632" s="9" t="s">
        <v>283</v>
      </c>
      <c r="G632" s="9" t="s">
        <v>272</v>
      </c>
      <c r="H632" s="6">
        <v>20</v>
      </c>
      <c r="I632" s="10" t="s">
        <v>55</v>
      </c>
      <c r="J632" s="10" t="s">
        <v>55</v>
      </c>
      <c r="K632" s="10" t="s">
        <v>55</v>
      </c>
      <c r="L632" s="6">
        <v>20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0</v>
      </c>
      <c r="E633" s="9" t="s">
        <v>18</v>
      </c>
      <c r="F633" s="9" t="s">
        <v>283</v>
      </c>
      <c r="G633" s="9" t="s">
        <v>273</v>
      </c>
      <c r="H633" s="6">
        <v>15</v>
      </c>
      <c r="I633" s="10" t="s">
        <v>55</v>
      </c>
      <c r="J633" s="10" t="s">
        <v>55</v>
      </c>
      <c r="K633" s="10" t="s">
        <v>55</v>
      </c>
      <c r="L633" s="6">
        <v>15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0</v>
      </c>
      <c r="E634" s="9" t="s">
        <v>18</v>
      </c>
      <c r="F634" s="9" t="s">
        <v>283</v>
      </c>
      <c r="G634" s="9" t="s">
        <v>274</v>
      </c>
      <c r="H634" s="6">
        <v>28</v>
      </c>
      <c r="I634" s="10" t="s">
        <v>55</v>
      </c>
      <c r="J634" s="10" t="s">
        <v>55</v>
      </c>
      <c r="K634" s="10" t="s">
        <v>55</v>
      </c>
      <c r="L634" s="6">
        <v>28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0</v>
      </c>
      <c r="E635" s="9" t="s">
        <v>18</v>
      </c>
      <c r="F635" s="9" t="s">
        <v>283</v>
      </c>
      <c r="G635" s="9" t="s">
        <v>275</v>
      </c>
      <c r="H635" s="6">
        <v>13</v>
      </c>
      <c r="I635" s="10" t="s">
        <v>55</v>
      </c>
      <c r="J635" s="10" t="s">
        <v>55</v>
      </c>
      <c r="K635" s="10" t="s">
        <v>55</v>
      </c>
      <c r="L635" s="6">
        <v>13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0</v>
      </c>
      <c r="E636" s="9" t="s">
        <v>18</v>
      </c>
      <c r="F636" s="9" t="s">
        <v>283</v>
      </c>
      <c r="G636" s="9" t="s">
        <v>276</v>
      </c>
      <c r="H636" s="6">
        <v>30</v>
      </c>
      <c r="I636" s="10" t="s">
        <v>55</v>
      </c>
      <c r="J636" s="10" t="s">
        <v>55</v>
      </c>
      <c r="K636" s="10" t="s">
        <v>55</v>
      </c>
      <c r="L636" s="6">
        <v>30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0</v>
      </c>
      <c r="E637" s="9" t="s">
        <v>18</v>
      </c>
      <c r="F637" s="9" t="s">
        <v>283</v>
      </c>
      <c r="G637" s="9" t="s">
        <v>277</v>
      </c>
      <c r="H637" s="6">
        <v>58</v>
      </c>
      <c r="I637" s="10" t="s">
        <v>55</v>
      </c>
      <c r="J637" s="10" t="s">
        <v>55</v>
      </c>
      <c r="K637" s="10" t="s">
        <v>55</v>
      </c>
      <c r="L637" s="6">
        <v>58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0</v>
      </c>
      <c r="E638" s="9" t="s">
        <v>18</v>
      </c>
      <c r="F638" s="9" t="s">
        <v>283</v>
      </c>
      <c r="G638" s="9" t="s">
        <v>278</v>
      </c>
      <c r="H638" s="6">
        <v>14</v>
      </c>
      <c r="I638" s="10" t="s">
        <v>55</v>
      </c>
      <c r="J638" s="10" t="s">
        <v>55</v>
      </c>
      <c r="K638" s="10" t="s">
        <v>55</v>
      </c>
      <c r="L638" s="6">
        <v>14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0</v>
      </c>
      <c r="E639" s="9" t="s">
        <v>18</v>
      </c>
      <c r="F639" s="9" t="s">
        <v>283</v>
      </c>
      <c r="G639" s="9" t="s">
        <v>279</v>
      </c>
      <c r="H639" s="6">
        <v>6</v>
      </c>
      <c r="I639" s="10" t="s">
        <v>55</v>
      </c>
      <c r="J639" s="10" t="s">
        <v>55</v>
      </c>
      <c r="K639" s="10" t="s">
        <v>55</v>
      </c>
      <c r="L639" s="6">
        <v>6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0</v>
      </c>
      <c r="E640" s="9" t="s">
        <v>18</v>
      </c>
      <c r="F640" s="9" t="s">
        <v>283</v>
      </c>
      <c r="G640" s="9" t="s">
        <v>280</v>
      </c>
      <c r="H640" s="10" t="s">
        <v>55</v>
      </c>
      <c r="I640" s="10" t="s">
        <v>55</v>
      </c>
      <c r="J640" s="10" t="s">
        <v>55</v>
      </c>
      <c r="K640" s="10" t="s">
        <v>55</v>
      </c>
      <c r="L640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DB7EDAB5-99A4-4826-AB00-6D7C53F3522B}">
  <sheetPr>
    <pageSetUpPr fitToPage="1"/>
  </sheetPr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91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2</v>
      </c>
      <c r="E11" s="5" t="s">
        <v>6</v>
      </c>
      <c r="F11" s="5" t="s">
        <v>6</v>
      </c>
      <c r="G11" s="5" t="s">
        <v>6</v>
      </c>
      <c r="H11" s="6">
        <v>2184241</v>
      </c>
      <c r="I11" s="6">
        <v>830900</v>
      </c>
      <c r="J11" s="6">
        <v>611255</v>
      </c>
      <c r="K11" s="6">
        <v>1164941</v>
      </c>
      <c r="L11" s="6">
        <v>188400</v>
      </c>
    </row>
    <row r="12" spans="1:12">
      <c r="A12" s="9" t="s">
        <v>27</v>
      </c>
      <c r="B12" s="9" t="s">
        <v>28</v>
      </c>
      <c r="C12" s="9" t="s">
        <v>29</v>
      </c>
      <c r="D12" s="9" t="s">
        <v>262</v>
      </c>
      <c r="E12" s="9" t="s">
        <v>6</v>
      </c>
      <c r="F12" s="9" t="s">
        <v>234</v>
      </c>
      <c r="G12" s="9" t="s">
        <v>6</v>
      </c>
      <c r="H12" s="6">
        <v>412673</v>
      </c>
      <c r="I12" s="6">
        <v>153529</v>
      </c>
      <c r="J12" s="6">
        <v>112797</v>
      </c>
      <c r="K12" s="6">
        <v>206105</v>
      </c>
      <c r="L12" s="6">
        <v>53039</v>
      </c>
    </row>
    <row r="13" spans="1:12">
      <c r="A13" s="9" t="s">
        <v>27</v>
      </c>
      <c r="B13" s="9" t="s">
        <v>28</v>
      </c>
      <c r="C13" s="9" t="s">
        <v>29</v>
      </c>
      <c r="D13" s="9" t="s">
        <v>262</v>
      </c>
      <c r="E13" s="9" t="s">
        <v>6</v>
      </c>
      <c r="F13" s="9" t="s">
        <v>235</v>
      </c>
      <c r="G13" s="9" t="s">
        <v>6</v>
      </c>
      <c r="H13" s="6">
        <v>1771568</v>
      </c>
      <c r="I13" s="6">
        <v>677371</v>
      </c>
      <c r="J13" s="6">
        <v>498458</v>
      </c>
      <c r="K13" s="6">
        <v>958836</v>
      </c>
      <c r="L13" s="6">
        <v>135361</v>
      </c>
    </row>
    <row r="14" spans="1:12">
      <c r="A14" s="9" t="s">
        <v>27</v>
      </c>
      <c r="B14" s="9" t="s">
        <v>28</v>
      </c>
      <c r="C14" s="9" t="s">
        <v>29</v>
      </c>
      <c r="D14" s="9" t="s">
        <v>262</v>
      </c>
      <c r="E14" s="9" t="s">
        <v>6</v>
      </c>
      <c r="F14" s="9" t="s">
        <v>235</v>
      </c>
      <c r="G14" s="9" t="s">
        <v>272</v>
      </c>
      <c r="H14" s="6">
        <v>13697</v>
      </c>
      <c r="I14" s="6">
        <v>4132</v>
      </c>
      <c r="J14" s="6">
        <v>3557</v>
      </c>
      <c r="K14" s="6">
        <v>5259</v>
      </c>
      <c r="L14" s="6">
        <v>4306</v>
      </c>
    </row>
    <row r="15" spans="1:12">
      <c r="A15" s="9" t="s">
        <v>27</v>
      </c>
      <c r="B15" s="9" t="s">
        <v>28</v>
      </c>
      <c r="C15" s="9" t="s">
        <v>29</v>
      </c>
      <c r="D15" s="9" t="s">
        <v>262</v>
      </c>
      <c r="E15" s="9" t="s">
        <v>6</v>
      </c>
      <c r="F15" s="9" t="s">
        <v>235</v>
      </c>
      <c r="G15" s="9" t="s">
        <v>273</v>
      </c>
      <c r="H15" s="6">
        <v>26052</v>
      </c>
      <c r="I15" s="6">
        <v>10880</v>
      </c>
      <c r="J15" s="6">
        <v>9510</v>
      </c>
      <c r="K15" s="6">
        <v>6588</v>
      </c>
      <c r="L15" s="6">
        <v>8584</v>
      </c>
    </row>
    <row r="16" spans="1:12">
      <c r="A16" s="9" t="s">
        <v>27</v>
      </c>
      <c r="B16" s="9" t="s">
        <v>28</v>
      </c>
      <c r="C16" s="9" t="s">
        <v>29</v>
      </c>
      <c r="D16" s="9" t="s">
        <v>262</v>
      </c>
      <c r="E16" s="9" t="s">
        <v>6</v>
      </c>
      <c r="F16" s="9" t="s">
        <v>235</v>
      </c>
      <c r="G16" s="9" t="s">
        <v>274</v>
      </c>
      <c r="H16" s="6">
        <v>29434</v>
      </c>
      <c r="I16" s="6">
        <v>15167</v>
      </c>
      <c r="J16" s="6">
        <v>13380</v>
      </c>
      <c r="K16" s="6">
        <v>5355</v>
      </c>
      <c r="L16" s="6">
        <v>8912</v>
      </c>
    </row>
    <row r="17" spans="1:12">
      <c r="A17" s="9" t="s">
        <v>27</v>
      </c>
      <c r="B17" s="9" t="s">
        <v>28</v>
      </c>
      <c r="C17" s="9" t="s">
        <v>29</v>
      </c>
      <c r="D17" s="9" t="s">
        <v>262</v>
      </c>
      <c r="E17" s="9" t="s">
        <v>6</v>
      </c>
      <c r="F17" s="9" t="s">
        <v>235</v>
      </c>
      <c r="G17" s="9" t="s">
        <v>275</v>
      </c>
      <c r="H17" s="6">
        <v>24176</v>
      </c>
      <c r="I17" s="6">
        <v>12977</v>
      </c>
      <c r="J17" s="6">
        <v>11544</v>
      </c>
      <c r="K17" s="6">
        <v>4464</v>
      </c>
      <c r="L17" s="6">
        <v>6735</v>
      </c>
    </row>
    <row r="18" spans="1:12">
      <c r="A18" s="9" t="s">
        <v>27</v>
      </c>
      <c r="B18" s="9" t="s">
        <v>28</v>
      </c>
      <c r="C18" s="9" t="s">
        <v>29</v>
      </c>
      <c r="D18" s="9" t="s">
        <v>262</v>
      </c>
      <c r="E18" s="9" t="s">
        <v>6</v>
      </c>
      <c r="F18" s="9" t="s">
        <v>235</v>
      </c>
      <c r="G18" s="9" t="s">
        <v>276</v>
      </c>
      <c r="H18" s="6">
        <v>24320</v>
      </c>
      <c r="I18" s="6">
        <v>13739</v>
      </c>
      <c r="J18" s="6">
        <v>12140</v>
      </c>
      <c r="K18" s="6">
        <v>3921</v>
      </c>
      <c r="L18" s="6">
        <v>6660</v>
      </c>
    </row>
    <row r="19" spans="1:12">
      <c r="A19" s="9" t="s">
        <v>27</v>
      </c>
      <c r="B19" s="9" t="s">
        <v>28</v>
      </c>
      <c r="C19" s="9" t="s">
        <v>29</v>
      </c>
      <c r="D19" s="9" t="s">
        <v>262</v>
      </c>
      <c r="E19" s="9" t="s">
        <v>6</v>
      </c>
      <c r="F19" s="9" t="s">
        <v>235</v>
      </c>
      <c r="G19" s="9" t="s">
        <v>277</v>
      </c>
      <c r="H19" s="6">
        <v>25249</v>
      </c>
      <c r="I19" s="6">
        <v>14566</v>
      </c>
      <c r="J19" s="6">
        <v>12721</v>
      </c>
      <c r="K19" s="6">
        <v>4246</v>
      </c>
      <c r="L19" s="6">
        <v>6437</v>
      </c>
    </row>
    <row r="20" spans="1:12">
      <c r="A20" s="9" t="s">
        <v>27</v>
      </c>
      <c r="B20" s="9" t="s">
        <v>28</v>
      </c>
      <c r="C20" s="9" t="s">
        <v>29</v>
      </c>
      <c r="D20" s="9" t="s">
        <v>262</v>
      </c>
      <c r="E20" s="9" t="s">
        <v>6</v>
      </c>
      <c r="F20" s="9" t="s">
        <v>235</v>
      </c>
      <c r="G20" s="9" t="s">
        <v>278</v>
      </c>
      <c r="H20" s="6">
        <v>29223</v>
      </c>
      <c r="I20" s="6">
        <v>17405</v>
      </c>
      <c r="J20" s="6">
        <v>15478</v>
      </c>
      <c r="K20" s="6">
        <v>5295</v>
      </c>
      <c r="L20" s="6">
        <v>6523</v>
      </c>
    </row>
    <row r="21" spans="1:12">
      <c r="A21" s="9" t="s">
        <v>27</v>
      </c>
      <c r="B21" s="9" t="s">
        <v>28</v>
      </c>
      <c r="C21" s="9" t="s">
        <v>29</v>
      </c>
      <c r="D21" s="9" t="s">
        <v>262</v>
      </c>
      <c r="E21" s="9" t="s">
        <v>6</v>
      </c>
      <c r="F21" s="9" t="s">
        <v>235</v>
      </c>
      <c r="G21" s="9" t="s">
        <v>279</v>
      </c>
      <c r="H21" s="6">
        <v>22184</v>
      </c>
      <c r="I21" s="6">
        <v>13178</v>
      </c>
      <c r="J21" s="6">
        <v>11758</v>
      </c>
      <c r="K21" s="6">
        <v>4455</v>
      </c>
      <c r="L21" s="6">
        <v>4551</v>
      </c>
    </row>
    <row r="22" spans="1:12">
      <c r="A22" s="9" t="s">
        <v>27</v>
      </c>
      <c r="B22" s="9" t="s">
        <v>28</v>
      </c>
      <c r="C22" s="9" t="s">
        <v>29</v>
      </c>
      <c r="D22" s="9" t="s">
        <v>262</v>
      </c>
      <c r="E22" s="9" t="s">
        <v>6</v>
      </c>
      <c r="F22" s="9" t="s">
        <v>235</v>
      </c>
      <c r="G22" s="9" t="s">
        <v>280</v>
      </c>
      <c r="H22" s="6">
        <v>1577233</v>
      </c>
      <c r="I22" s="6">
        <v>575327</v>
      </c>
      <c r="J22" s="6">
        <v>408370</v>
      </c>
      <c r="K22" s="6">
        <v>919253</v>
      </c>
      <c r="L22" s="6">
        <v>82653</v>
      </c>
    </row>
    <row r="23" spans="1:12">
      <c r="A23" s="9" t="s">
        <v>27</v>
      </c>
      <c r="B23" s="9" t="s">
        <v>28</v>
      </c>
      <c r="C23" s="9" t="s">
        <v>29</v>
      </c>
      <c r="D23" s="9" t="s">
        <v>262</v>
      </c>
      <c r="E23" s="9" t="s">
        <v>6</v>
      </c>
      <c r="F23" s="9" t="s">
        <v>281</v>
      </c>
      <c r="G23" s="9" t="s">
        <v>6</v>
      </c>
      <c r="H23" s="6">
        <v>1257218</v>
      </c>
      <c r="I23" s="6">
        <v>441890</v>
      </c>
      <c r="J23" s="6">
        <v>312220</v>
      </c>
      <c r="K23" s="6">
        <v>739004</v>
      </c>
      <c r="L23" s="6">
        <v>76324</v>
      </c>
    </row>
    <row r="24" spans="1:12">
      <c r="A24" s="9" t="s">
        <v>27</v>
      </c>
      <c r="B24" s="9" t="s">
        <v>28</v>
      </c>
      <c r="C24" s="9" t="s">
        <v>29</v>
      </c>
      <c r="D24" s="9" t="s">
        <v>262</v>
      </c>
      <c r="E24" s="9" t="s">
        <v>6</v>
      </c>
      <c r="F24" s="9" t="s">
        <v>281</v>
      </c>
      <c r="G24" s="9" t="s">
        <v>272</v>
      </c>
      <c r="H24" s="6">
        <v>5287</v>
      </c>
      <c r="I24" s="6">
        <v>1493</v>
      </c>
      <c r="J24" s="6">
        <v>1326</v>
      </c>
      <c r="K24" s="6">
        <v>1933</v>
      </c>
      <c r="L24" s="6">
        <v>1861</v>
      </c>
    </row>
    <row r="25" spans="1:12">
      <c r="A25" s="9" t="s">
        <v>27</v>
      </c>
      <c r="B25" s="9" t="s">
        <v>28</v>
      </c>
      <c r="C25" s="9" t="s">
        <v>29</v>
      </c>
      <c r="D25" s="9" t="s">
        <v>262</v>
      </c>
      <c r="E25" s="9" t="s">
        <v>6</v>
      </c>
      <c r="F25" s="9" t="s">
        <v>281</v>
      </c>
      <c r="G25" s="9" t="s">
        <v>273</v>
      </c>
      <c r="H25" s="6">
        <v>9839</v>
      </c>
      <c r="I25" s="6">
        <v>3916</v>
      </c>
      <c r="J25" s="6">
        <v>3487</v>
      </c>
      <c r="K25" s="6">
        <v>2442</v>
      </c>
      <c r="L25" s="6">
        <v>3481</v>
      </c>
    </row>
    <row r="26" spans="1:12">
      <c r="A26" s="9" t="s">
        <v>27</v>
      </c>
      <c r="B26" s="9" t="s">
        <v>28</v>
      </c>
      <c r="C26" s="9" t="s">
        <v>29</v>
      </c>
      <c r="D26" s="9" t="s">
        <v>262</v>
      </c>
      <c r="E26" s="9" t="s">
        <v>6</v>
      </c>
      <c r="F26" s="9" t="s">
        <v>281</v>
      </c>
      <c r="G26" s="9" t="s">
        <v>274</v>
      </c>
      <c r="H26" s="6">
        <v>9328</v>
      </c>
      <c r="I26" s="6">
        <v>4328</v>
      </c>
      <c r="J26" s="6">
        <v>3861</v>
      </c>
      <c r="K26" s="6">
        <v>1703</v>
      </c>
      <c r="L26" s="6">
        <v>3297</v>
      </c>
    </row>
    <row r="27" spans="1:12">
      <c r="A27" s="9" t="s">
        <v>27</v>
      </c>
      <c r="B27" s="9" t="s">
        <v>28</v>
      </c>
      <c r="C27" s="9" t="s">
        <v>29</v>
      </c>
      <c r="D27" s="9" t="s">
        <v>262</v>
      </c>
      <c r="E27" s="9" t="s">
        <v>6</v>
      </c>
      <c r="F27" s="9" t="s">
        <v>281</v>
      </c>
      <c r="G27" s="9" t="s">
        <v>275</v>
      </c>
      <c r="H27" s="6">
        <v>6935</v>
      </c>
      <c r="I27" s="6">
        <v>3402</v>
      </c>
      <c r="J27" s="6">
        <v>3056</v>
      </c>
      <c r="K27" s="6">
        <v>1395</v>
      </c>
      <c r="L27" s="6">
        <v>2138</v>
      </c>
    </row>
    <row r="28" spans="1:12">
      <c r="A28" s="9" t="s">
        <v>27</v>
      </c>
      <c r="B28" s="9" t="s">
        <v>28</v>
      </c>
      <c r="C28" s="9" t="s">
        <v>29</v>
      </c>
      <c r="D28" s="9" t="s">
        <v>262</v>
      </c>
      <c r="E28" s="9" t="s">
        <v>6</v>
      </c>
      <c r="F28" s="9" t="s">
        <v>281</v>
      </c>
      <c r="G28" s="9" t="s">
        <v>276</v>
      </c>
      <c r="H28" s="6">
        <v>6030</v>
      </c>
      <c r="I28" s="6">
        <v>3198</v>
      </c>
      <c r="J28" s="6">
        <v>2819</v>
      </c>
      <c r="K28" s="6">
        <v>1067</v>
      </c>
      <c r="L28" s="6">
        <v>1765</v>
      </c>
    </row>
    <row r="29" spans="1:12">
      <c r="A29" s="9" t="s">
        <v>27</v>
      </c>
      <c r="B29" s="9" t="s">
        <v>28</v>
      </c>
      <c r="C29" s="9" t="s">
        <v>29</v>
      </c>
      <c r="D29" s="9" t="s">
        <v>262</v>
      </c>
      <c r="E29" s="9" t="s">
        <v>6</v>
      </c>
      <c r="F29" s="9" t="s">
        <v>281</v>
      </c>
      <c r="G29" s="9" t="s">
        <v>277</v>
      </c>
      <c r="H29" s="6">
        <v>6703</v>
      </c>
      <c r="I29" s="6">
        <v>3619</v>
      </c>
      <c r="J29" s="6">
        <v>3057</v>
      </c>
      <c r="K29" s="6">
        <v>1238</v>
      </c>
      <c r="L29" s="6">
        <v>1846</v>
      </c>
    </row>
    <row r="30" spans="1:12">
      <c r="A30" s="9" t="s">
        <v>27</v>
      </c>
      <c r="B30" s="9" t="s">
        <v>28</v>
      </c>
      <c r="C30" s="9" t="s">
        <v>29</v>
      </c>
      <c r="D30" s="9" t="s">
        <v>262</v>
      </c>
      <c r="E30" s="9" t="s">
        <v>6</v>
      </c>
      <c r="F30" s="9" t="s">
        <v>281</v>
      </c>
      <c r="G30" s="9" t="s">
        <v>278</v>
      </c>
      <c r="H30" s="6">
        <v>8022</v>
      </c>
      <c r="I30" s="6">
        <v>4486</v>
      </c>
      <c r="J30" s="6">
        <v>3899</v>
      </c>
      <c r="K30" s="6">
        <v>1568</v>
      </c>
      <c r="L30" s="6">
        <v>1968</v>
      </c>
    </row>
    <row r="31" spans="1:12">
      <c r="A31" s="9" t="s">
        <v>27</v>
      </c>
      <c r="B31" s="9" t="s">
        <v>28</v>
      </c>
      <c r="C31" s="9" t="s">
        <v>29</v>
      </c>
      <c r="D31" s="9" t="s">
        <v>262</v>
      </c>
      <c r="E31" s="9" t="s">
        <v>6</v>
      </c>
      <c r="F31" s="9" t="s">
        <v>281</v>
      </c>
      <c r="G31" s="9" t="s">
        <v>279</v>
      </c>
      <c r="H31" s="6">
        <v>6634</v>
      </c>
      <c r="I31" s="6">
        <v>3790</v>
      </c>
      <c r="J31" s="6">
        <v>3334</v>
      </c>
      <c r="K31" s="6">
        <v>1253</v>
      </c>
      <c r="L31" s="6">
        <v>1591</v>
      </c>
    </row>
    <row r="32" spans="1:12">
      <c r="A32" s="9" t="s">
        <v>27</v>
      </c>
      <c r="B32" s="9" t="s">
        <v>28</v>
      </c>
      <c r="C32" s="9" t="s">
        <v>29</v>
      </c>
      <c r="D32" s="9" t="s">
        <v>262</v>
      </c>
      <c r="E32" s="9" t="s">
        <v>6</v>
      </c>
      <c r="F32" s="9" t="s">
        <v>281</v>
      </c>
      <c r="G32" s="9" t="s">
        <v>280</v>
      </c>
      <c r="H32" s="6">
        <v>1198440</v>
      </c>
      <c r="I32" s="6">
        <v>413658</v>
      </c>
      <c r="J32" s="6">
        <v>287381</v>
      </c>
      <c r="K32" s="6">
        <v>726405</v>
      </c>
      <c r="L32" s="6">
        <v>58377</v>
      </c>
    </row>
    <row r="33" spans="1:12">
      <c r="A33" s="9" t="s">
        <v>27</v>
      </c>
      <c r="B33" s="9" t="s">
        <v>28</v>
      </c>
      <c r="C33" s="9" t="s">
        <v>29</v>
      </c>
      <c r="D33" s="9" t="s">
        <v>262</v>
      </c>
      <c r="E33" s="9" t="s">
        <v>6</v>
      </c>
      <c r="F33" s="9" t="s">
        <v>282</v>
      </c>
      <c r="G33" s="9" t="s">
        <v>6</v>
      </c>
      <c r="H33" s="6">
        <v>409605</v>
      </c>
      <c r="I33" s="6">
        <v>182431</v>
      </c>
      <c r="J33" s="6">
        <v>142139</v>
      </c>
      <c r="K33" s="6">
        <v>187167</v>
      </c>
      <c r="L33" s="6">
        <v>40007</v>
      </c>
    </row>
    <row r="34" spans="1:12">
      <c r="A34" s="9" t="s">
        <v>27</v>
      </c>
      <c r="B34" s="9" t="s">
        <v>28</v>
      </c>
      <c r="C34" s="9" t="s">
        <v>29</v>
      </c>
      <c r="D34" s="9" t="s">
        <v>262</v>
      </c>
      <c r="E34" s="9" t="s">
        <v>6</v>
      </c>
      <c r="F34" s="9" t="s">
        <v>282</v>
      </c>
      <c r="G34" s="9" t="s">
        <v>272</v>
      </c>
      <c r="H34" s="6">
        <v>4639</v>
      </c>
      <c r="I34" s="6">
        <v>1423</v>
      </c>
      <c r="J34" s="6">
        <v>1265</v>
      </c>
      <c r="K34" s="6">
        <v>1903</v>
      </c>
      <c r="L34" s="6">
        <v>1313</v>
      </c>
    </row>
    <row r="35" spans="1:12">
      <c r="A35" s="9" t="s">
        <v>27</v>
      </c>
      <c r="B35" s="9" t="s">
        <v>28</v>
      </c>
      <c r="C35" s="9" t="s">
        <v>29</v>
      </c>
      <c r="D35" s="9" t="s">
        <v>262</v>
      </c>
      <c r="E35" s="9" t="s">
        <v>6</v>
      </c>
      <c r="F35" s="9" t="s">
        <v>282</v>
      </c>
      <c r="G35" s="9" t="s">
        <v>273</v>
      </c>
      <c r="H35" s="6">
        <v>8921</v>
      </c>
      <c r="I35" s="6">
        <v>3814</v>
      </c>
      <c r="J35" s="6">
        <v>3312</v>
      </c>
      <c r="K35" s="6">
        <v>2246</v>
      </c>
      <c r="L35" s="6">
        <v>2861</v>
      </c>
    </row>
    <row r="36" spans="1:12">
      <c r="A36" s="9" t="s">
        <v>27</v>
      </c>
      <c r="B36" s="9" t="s">
        <v>28</v>
      </c>
      <c r="C36" s="9" t="s">
        <v>29</v>
      </c>
      <c r="D36" s="9" t="s">
        <v>262</v>
      </c>
      <c r="E36" s="9" t="s">
        <v>6</v>
      </c>
      <c r="F36" s="9" t="s">
        <v>282</v>
      </c>
      <c r="G36" s="9" t="s">
        <v>274</v>
      </c>
      <c r="H36" s="6">
        <v>10998</v>
      </c>
      <c r="I36" s="6">
        <v>5844</v>
      </c>
      <c r="J36" s="6">
        <v>5183</v>
      </c>
      <c r="K36" s="6">
        <v>2085</v>
      </c>
      <c r="L36" s="6">
        <v>3069</v>
      </c>
    </row>
    <row r="37" spans="1:12">
      <c r="A37" s="9" t="s">
        <v>27</v>
      </c>
      <c r="B37" s="9" t="s">
        <v>28</v>
      </c>
      <c r="C37" s="9" t="s">
        <v>29</v>
      </c>
      <c r="D37" s="9" t="s">
        <v>262</v>
      </c>
      <c r="E37" s="9" t="s">
        <v>6</v>
      </c>
      <c r="F37" s="9" t="s">
        <v>282</v>
      </c>
      <c r="G37" s="9" t="s">
        <v>275</v>
      </c>
      <c r="H37" s="6">
        <v>9242</v>
      </c>
      <c r="I37" s="6">
        <v>5127</v>
      </c>
      <c r="J37" s="6">
        <v>4604</v>
      </c>
      <c r="K37" s="6">
        <v>1645</v>
      </c>
      <c r="L37" s="6">
        <v>2470</v>
      </c>
    </row>
    <row r="38" spans="1:12">
      <c r="A38" s="9" t="s">
        <v>27</v>
      </c>
      <c r="B38" s="9" t="s">
        <v>28</v>
      </c>
      <c r="C38" s="9" t="s">
        <v>29</v>
      </c>
      <c r="D38" s="9" t="s">
        <v>262</v>
      </c>
      <c r="E38" s="9" t="s">
        <v>6</v>
      </c>
      <c r="F38" s="9" t="s">
        <v>282</v>
      </c>
      <c r="G38" s="9" t="s">
        <v>276</v>
      </c>
      <c r="H38" s="6">
        <v>9565</v>
      </c>
      <c r="I38" s="6">
        <v>5743</v>
      </c>
      <c r="J38" s="6">
        <v>5055</v>
      </c>
      <c r="K38" s="6">
        <v>1297</v>
      </c>
      <c r="L38" s="6">
        <v>2525</v>
      </c>
    </row>
    <row r="39" spans="1:12">
      <c r="A39" s="9" t="s">
        <v>27</v>
      </c>
      <c r="B39" s="9" t="s">
        <v>28</v>
      </c>
      <c r="C39" s="9" t="s">
        <v>29</v>
      </c>
      <c r="D39" s="9" t="s">
        <v>262</v>
      </c>
      <c r="E39" s="9" t="s">
        <v>6</v>
      </c>
      <c r="F39" s="9" t="s">
        <v>282</v>
      </c>
      <c r="G39" s="9" t="s">
        <v>277</v>
      </c>
      <c r="H39" s="6">
        <v>10545</v>
      </c>
      <c r="I39" s="6">
        <v>6280</v>
      </c>
      <c r="J39" s="6">
        <v>5488</v>
      </c>
      <c r="K39" s="6">
        <v>1681</v>
      </c>
      <c r="L39" s="6">
        <v>2584</v>
      </c>
    </row>
    <row r="40" spans="1:12">
      <c r="A40" s="9" t="s">
        <v>27</v>
      </c>
      <c r="B40" s="9" t="s">
        <v>28</v>
      </c>
      <c r="C40" s="9" t="s">
        <v>29</v>
      </c>
      <c r="D40" s="9" t="s">
        <v>262</v>
      </c>
      <c r="E40" s="9" t="s">
        <v>6</v>
      </c>
      <c r="F40" s="9" t="s">
        <v>282</v>
      </c>
      <c r="G40" s="9" t="s">
        <v>278</v>
      </c>
      <c r="H40" s="6">
        <v>13146</v>
      </c>
      <c r="I40" s="6">
        <v>8122</v>
      </c>
      <c r="J40" s="6">
        <v>7329</v>
      </c>
      <c r="K40" s="6">
        <v>2154</v>
      </c>
      <c r="L40" s="6">
        <v>2870</v>
      </c>
    </row>
    <row r="41" spans="1:12">
      <c r="A41" s="9" t="s">
        <v>27</v>
      </c>
      <c r="B41" s="9" t="s">
        <v>28</v>
      </c>
      <c r="C41" s="9" t="s">
        <v>29</v>
      </c>
      <c r="D41" s="9" t="s">
        <v>262</v>
      </c>
      <c r="E41" s="9" t="s">
        <v>6</v>
      </c>
      <c r="F41" s="9" t="s">
        <v>282</v>
      </c>
      <c r="G41" s="9" t="s">
        <v>279</v>
      </c>
      <c r="H41" s="6">
        <v>10547</v>
      </c>
      <c r="I41" s="6">
        <v>6585</v>
      </c>
      <c r="J41" s="6">
        <v>5922</v>
      </c>
      <c r="K41" s="6">
        <v>1899</v>
      </c>
      <c r="L41" s="6">
        <v>2063</v>
      </c>
    </row>
    <row r="42" spans="1:12">
      <c r="A42" s="9" t="s">
        <v>27</v>
      </c>
      <c r="B42" s="9" t="s">
        <v>28</v>
      </c>
      <c r="C42" s="9" t="s">
        <v>29</v>
      </c>
      <c r="D42" s="9" t="s">
        <v>262</v>
      </c>
      <c r="E42" s="9" t="s">
        <v>6</v>
      </c>
      <c r="F42" s="9" t="s">
        <v>282</v>
      </c>
      <c r="G42" s="9" t="s">
        <v>280</v>
      </c>
      <c r="H42" s="6">
        <v>332002</v>
      </c>
      <c r="I42" s="6">
        <v>139493</v>
      </c>
      <c r="J42" s="6">
        <v>103981</v>
      </c>
      <c r="K42" s="6">
        <v>172257</v>
      </c>
      <c r="L42" s="6">
        <v>20252</v>
      </c>
    </row>
    <row r="43" spans="1:12">
      <c r="A43" s="9" t="s">
        <v>27</v>
      </c>
      <c r="B43" s="9" t="s">
        <v>28</v>
      </c>
      <c r="C43" s="9" t="s">
        <v>29</v>
      </c>
      <c r="D43" s="9" t="s">
        <v>262</v>
      </c>
      <c r="E43" s="9" t="s">
        <v>6</v>
      </c>
      <c r="F43" s="9" t="s">
        <v>283</v>
      </c>
      <c r="G43" s="9" t="s">
        <v>6</v>
      </c>
      <c r="H43" s="6">
        <v>104745</v>
      </c>
      <c r="I43" s="6">
        <v>53050</v>
      </c>
      <c r="J43" s="6">
        <v>44099</v>
      </c>
      <c r="K43" s="6">
        <v>32665</v>
      </c>
      <c r="L43" s="6">
        <v>19030</v>
      </c>
    </row>
    <row r="44" spans="1:12">
      <c r="A44" s="9" t="s">
        <v>27</v>
      </c>
      <c r="B44" s="9" t="s">
        <v>28</v>
      </c>
      <c r="C44" s="9" t="s">
        <v>29</v>
      </c>
      <c r="D44" s="9" t="s">
        <v>262</v>
      </c>
      <c r="E44" s="9" t="s">
        <v>6</v>
      </c>
      <c r="F44" s="9" t="s">
        <v>283</v>
      </c>
      <c r="G44" s="9" t="s">
        <v>272</v>
      </c>
      <c r="H44" s="6">
        <v>3771</v>
      </c>
      <c r="I44" s="6">
        <v>1216</v>
      </c>
      <c r="J44" s="6">
        <v>966</v>
      </c>
      <c r="K44" s="6">
        <v>1423</v>
      </c>
      <c r="L44" s="6">
        <v>1132</v>
      </c>
    </row>
    <row r="45" spans="1:12">
      <c r="A45" s="9" t="s">
        <v>27</v>
      </c>
      <c r="B45" s="9" t="s">
        <v>28</v>
      </c>
      <c r="C45" s="9" t="s">
        <v>29</v>
      </c>
      <c r="D45" s="9" t="s">
        <v>262</v>
      </c>
      <c r="E45" s="9" t="s">
        <v>6</v>
      </c>
      <c r="F45" s="9" t="s">
        <v>283</v>
      </c>
      <c r="G45" s="9" t="s">
        <v>273</v>
      </c>
      <c r="H45" s="6">
        <v>7292</v>
      </c>
      <c r="I45" s="6">
        <v>3150</v>
      </c>
      <c r="J45" s="6">
        <v>2711</v>
      </c>
      <c r="K45" s="6">
        <v>1900</v>
      </c>
      <c r="L45" s="6">
        <v>2242</v>
      </c>
    </row>
    <row r="46" spans="1:12">
      <c r="A46" s="9" t="s">
        <v>27</v>
      </c>
      <c r="B46" s="9" t="s">
        <v>28</v>
      </c>
      <c r="C46" s="9" t="s">
        <v>29</v>
      </c>
      <c r="D46" s="9" t="s">
        <v>262</v>
      </c>
      <c r="E46" s="9" t="s">
        <v>6</v>
      </c>
      <c r="F46" s="9" t="s">
        <v>283</v>
      </c>
      <c r="G46" s="9" t="s">
        <v>274</v>
      </c>
      <c r="H46" s="6">
        <v>9108</v>
      </c>
      <c r="I46" s="6">
        <v>4995</v>
      </c>
      <c r="J46" s="6">
        <v>4336</v>
      </c>
      <c r="K46" s="6">
        <v>1567</v>
      </c>
      <c r="L46" s="6">
        <v>2546</v>
      </c>
    </row>
    <row r="47" spans="1:12">
      <c r="A47" s="9" t="s">
        <v>27</v>
      </c>
      <c r="B47" s="9" t="s">
        <v>28</v>
      </c>
      <c r="C47" s="9" t="s">
        <v>29</v>
      </c>
      <c r="D47" s="9" t="s">
        <v>262</v>
      </c>
      <c r="E47" s="9" t="s">
        <v>6</v>
      </c>
      <c r="F47" s="9" t="s">
        <v>283</v>
      </c>
      <c r="G47" s="9" t="s">
        <v>275</v>
      </c>
      <c r="H47" s="6">
        <v>7999</v>
      </c>
      <c r="I47" s="6">
        <v>4448</v>
      </c>
      <c r="J47" s="6">
        <v>3884</v>
      </c>
      <c r="K47" s="6">
        <v>1424</v>
      </c>
      <c r="L47" s="6">
        <v>2127</v>
      </c>
    </row>
    <row r="48" spans="1:12">
      <c r="A48" s="9" t="s">
        <v>27</v>
      </c>
      <c r="B48" s="9" t="s">
        <v>28</v>
      </c>
      <c r="C48" s="9" t="s">
        <v>29</v>
      </c>
      <c r="D48" s="9" t="s">
        <v>262</v>
      </c>
      <c r="E48" s="9" t="s">
        <v>6</v>
      </c>
      <c r="F48" s="9" t="s">
        <v>283</v>
      </c>
      <c r="G48" s="9" t="s">
        <v>276</v>
      </c>
      <c r="H48" s="6">
        <v>8725</v>
      </c>
      <c r="I48" s="6">
        <v>4798</v>
      </c>
      <c r="J48" s="6">
        <v>4266</v>
      </c>
      <c r="K48" s="6">
        <v>1557</v>
      </c>
      <c r="L48" s="6">
        <v>2370</v>
      </c>
    </row>
    <row r="49" spans="1:12">
      <c r="A49" s="9" t="s">
        <v>27</v>
      </c>
      <c r="B49" s="9" t="s">
        <v>28</v>
      </c>
      <c r="C49" s="9" t="s">
        <v>29</v>
      </c>
      <c r="D49" s="9" t="s">
        <v>262</v>
      </c>
      <c r="E49" s="9" t="s">
        <v>6</v>
      </c>
      <c r="F49" s="9" t="s">
        <v>283</v>
      </c>
      <c r="G49" s="9" t="s">
        <v>277</v>
      </c>
      <c r="H49" s="6">
        <v>8001</v>
      </c>
      <c r="I49" s="6">
        <v>4667</v>
      </c>
      <c r="J49" s="6">
        <v>4176</v>
      </c>
      <c r="K49" s="6">
        <v>1327</v>
      </c>
      <c r="L49" s="6">
        <v>2007</v>
      </c>
    </row>
    <row r="50" spans="1:12">
      <c r="A50" s="9" t="s">
        <v>27</v>
      </c>
      <c r="B50" s="9" t="s">
        <v>28</v>
      </c>
      <c r="C50" s="9" t="s">
        <v>29</v>
      </c>
      <c r="D50" s="9" t="s">
        <v>262</v>
      </c>
      <c r="E50" s="9" t="s">
        <v>6</v>
      </c>
      <c r="F50" s="9" t="s">
        <v>283</v>
      </c>
      <c r="G50" s="9" t="s">
        <v>278</v>
      </c>
      <c r="H50" s="6">
        <v>8055</v>
      </c>
      <c r="I50" s="6">
        <v>4797</v>
      </c>
      <c r="J50" s="6">
        <v>4250</v>
      </c>
      <c r="K50" s="6">
        <v>1573</v>
      </c>
      <c r="L50" s="6">
        <v>1685</v>
      </c>
    </row>
    <row r="51" spans="1:12">
      <c r="A51" s="9" t="s">
        <v>27</v>
      </c>
      <c r="B51" s="9" t="s">
        <v>28</v>
      </c>
      <c r="C51" s="9" t="s">
        <v>29</v>
      </c>
      <c r="D51" s="9" t="s">
        <v>262</v>
      </c>
      <c r="E51" s="9" t="s">
        <v>6</v>
      </c>
      <c r="F51" s="9" t="s">
        <v>283</v>
      </c>
      <c r="G51" s="9" t="s">
        <v>279</v>
      </c>
      <c r="H51" s="6">
        <v>5003</v>
      </c>
      <c r="I51" s="6">
        <v>2803</v>
      </c>
      <c r="J51" s="6">
        <v>2502</v>
      </c>
      <c r="K51" s="6">
        <v>1303</v>
      </c>
      <c r="L51" s="6">
        <v>897</v>
      </c>
    </row>
    <row r="52" spans="1:12">
      <c r="A52" s="9" t="s">
        <v>27</v>
      </c>
      <c r="B52" s="9" t="s">
        <v>28</v>
      </c>
      <c r="C52" s="9" t="s">
        <v>29</v>
      </c>
      <c r="D52" s="9" t="s">
        <v>262</v>
      </c>
      <c r="E52" s="9" t="s">
        <v>6</v>
      </c>
      <c r="F52" s="9" t="s">
        <v>283</v>
      </c>
      <c r="G52" s="9" t="s">
        <v>280</v>
      </c>
      <c r="H52" s="6">
        <v>46791</v>
      </c>
      <c r="I52" s="6">
        <v>22176</v>
      </c>
      <c r="J52" s="6">
        <v>17008</v>
      </c>
      <c r="K52" s="6">
        <v>20591</v>
      </c>
      <c r="L52" s="6">
        <v>4024</v>
      </c>
    </row>
    <row r="53" spans="1:12">
      <c r="A53" s="9" t="s">
        <v>27</v>
      </c>
      <c r="B53" s="9" t="s">
        <v>28</v>
      </c>
      <c r="C53" s="9" t="s">
        <v>29</v>
      </c>
      <c r="D53" s="9" t="s">
        <v>262</v>
      </c>
      <c r="E53" s="9" t="s">
        <v>226</v>
      </c>
      <c r="F53" s="9" t="s">
        <v>6</v>
      </c>
      <c r="G53" s="9" t="s">
        <v>6</v>
      </c>
      <c r="H53" s="6">
        <v>1100039</v>
      </c>
      <c r="I53" s="6">
        <v>683079</v>
      </c>
      <c r="J53" s="6">
        <v>486419</v>
      </c>
      <c r="K53" s="6">
        <v>412254</v>
      </c>
      <c r="L53" s="6">
        <v>4706</v>
      </c>
    </row>
    <row r="54" spans="1:12">
      <c r="A54" s="9" t="s">
        <v>27</v>
      </c>
      <c r="B54" s="9" t="s">
        <v>28</v>
      </c>
      <c r="C54" s="9" t="s">
        <v>29</v>
      </c>
      <c r="D54" s="9" t="s">
        <v>262</v>
      </c>
      <c r="E54" s="9" t="s">
        <v>226</v>
      </c>
      <c r="F54" s="9" t="s">
        <v>234</v>
      </c>
      <c r="G54" s="9" t="s">
        <v>6</v>
      </c>
      <c r="H54" s="6">
        <v>201795</v>
      </c>
      <c r="I54" s="6">
        <v>127508</v>
      </c>
      <c r="J54" s="6">
        <v>90909</v>
      </c>
      <c r="K54" s="6">
        <v>72929</v>
      </c>
      <c r="L54" s="6">
        <v>1358</v>
      </c>
    </row>
    <row r="55" spans="1:12">
      <c r="A55" s="9" t="s">
        <v>27</v>
      </c>
      <c r="B55" s="9" t="s">
        <v>28</v>
      </c>
      <c r="C55" s="9" t="s">
        <v>29</v>
      </c>
      <c r="D55" s="9" t="s">
        <v>262</v>
      </c>
      <c r="E55" s="9" t="s">
        <v>226</v>
      </c>
      <c r="F55" s="9" t="s">
        <v>235</v>
      </c>
      <c r="G55" s="9" t="s">
        <v>6</v>
      </c>
      <c r="H55" s="6">
        <v>898244</v>
      </c>
      <c r="I55" s="6">
        <v>555571</v>
      </c>
      <c r="J55" s="6">
        <v>395510</v>
      </c>
      <c r="K55" s="6">
        <v>339325</v>
      </c>
      <c r="L55" s="6">
        <v>3348</v>
      </c>
    </row>
    <row r="56" spans="1:12">
      <c r="A56" s="9" t="s">
        <v>27</v>
      </c>
      <c r="B56" s="9" t="s">
        <v>28</v>
      </c>
      <c r="C56" s="9" t="s">
        <v>29</v>
      </c>
      <c r="D56" s="9" t="s">
        <v>262</v>
      </c>
      <c r="E56" s="9" t="s">
        <v>226</v>
      </c>
      <c r="F56" s="9" t="s">
        <v>235</v>
      </c>
      <c r="G56" s="9" t="s">
        <v>272</v>
      </c>
      <c r="H56" s="6">
        <v>9028</v>
      </c>
      <c r="I56" s="6">
        <v>4033</v>
      </c>
      <c r="J56" s="6">
        <v>3468</v>
      </c>
      <c r="K56" s="6">
        <v>4955</v>
      </c>
      <c r="L56" s="6">
        <v>40</v>
      </c>
    </row>
    <row r="57" spans="1:12">
      <c r="A57" s="9" t="s">
        <v>27</v>
      </c>
      <c r="B57" s="9" t="s">
        <v>28</v>
      </c>
      <c r="C57" s="9" t="s">
        <v>29</v>
      </c>
      <c r="D57" s="9" t="s">
        <v>262</v>
      </c>
      <c r="E57" s="9" t="s">
        <v>226</v>
      </c>
      <c r="F57" s="9" t="s">
        <v>235</v>
      </c>
      <c r="G57" s="9" t="s">
        <v>273</v>
      </c>
      <c r="H57" s="6">
        <v>16883</v>
      </c>
      <c r="I57" s="6">
        <v>10567</v>
      </c>
      <c r="J57" s="6">
        <v>9224</v>
      </c>
      <c r="K57" s="6">
        <v>6244</v>
      </c>
      <c r="L57" s="6">
        <v>72</v>
      </c>
    </row>
    <row r="58" spans="1:12">
      <c r="A58" s="9" t="s">
        <v>27</v>
      </c>
      <c r="B58" s="9" t="s">
        <v>28</v>
      </c>
      <c r="C58" s="9" t="s">
        <v>29</v>
      </c>
      <c r="D58" s="9" t="s">
        <v>262</v>
      </c>
      <c r="E58" s="9" t="s">
        <v>226</v>
      </c>
      <c r="F58" s="9" t="s">
        <v>235</v>
      </c>
      <c r="G58" s="9" t="s">
        <v>274</v>
      </c>
      <c r="H58" s="6">
        <v>19927</v>
      </c>
      <c r="I58" s="6">
        <v>14831</v>
      </c>
      <c r="J58" s="6">
        <v>13101</v>
      </c>
      <c r="K58" s="6">
        <v>5046</v>
      </c>
      <c r="L58" s="6">
        <v>50</v>
      </c>
    </row>
    <row r="59" spans="1:12">
      <c r="A59" s="9" t="s">
        <v>27</v>
      </c>
      <c r="B59" s="9" t="s">
        <v>28</v>
      </c>
      <c r="C59" s="9" t="s">
        <v>29</v>
      </c>
      <c r="D59" s="9" t="s">
        <v>262</v>
      </c>
      <c r="E59" s="9" t="s">
        <v>226</v>
      </c>
      <c r="F59" s="9" t="s">
        <v>235</v>
      </c>
      <c r="G59" s="9" t="s">
        <v>275</v>
      </c>
      <c r="H59" s="6">
        <v>16804</v>
      </c>
      <c r="I59" s="6">
        <v>12546</v>
      </c>
      <c r="J59" s="6">
        <v>11180</v>
      </c>
      <c r="K59" s="6">
        <v>4228</v>
      </c>
      <c r="L59" s="6">
        <v>30</v>
      </c>
    </row>
    <row r="60" spans="1:12">
      <c r="A60" s="9" t="s">
        <v>27</v>
      </c>
      <c r="B60" s="9" t="s">
        <v>28</v>
      </c>
      <c r="C60" s="9" t="s">
        <v>29</v>
      </c>
      <c r="D60" s="9" t="s">
        <v>262</v>
      </c>
      <c r="E60" s="9" t="s">
        <v>226</v>
      </c>
      <c r="F60" s="9" t="s">
        <v>235</v>
      </c>
      <c r="G60" s="9" t="s">
        <v>276</v>
      </c>
      <c r="H60" s="6">
        <v>17009</v>
      </c>
      <c r="I60" s="6">
        <v>13314</v>
      </c>
      <c r="J60" s="6">
        <v>11737</v>
      </c>
      <c r="K60" s="6">
        <v>3630</v>
      </c>
      <c r="L60" s="6">
        <v>65</v>
      </c>
    </row>
    <row r="61" spans="1:12">
      <c r="A61" s="9" t="s">
        <v>27</v>
      </c>
      <c r="B61" s="9" t="s">
        <v>28</v>
      </c>
      <c r="C61" s="9" t="s">
        <v>29</v>
      </c>
      <c r="D61" s="9" t="s">
        <v>262</v>
      </c>
      <c r="E61" s="9" t="s">
        <v>226</v>
      </c>
      <c r="F61" s="9" t="s">
        <v>235</v>
      </c>
      <c r="G61" s="9" t="s">
        <v>277</v>
      </c>
      <c r="H61" s="6">
        <v>17995</v>
      </c>
      <c r="I61" s="6">
        <v>14057</v>
      </c>
      <c r="J61" s="6">
        <v>12260</v>
      </c>
      <c r="K61" s="6">
        <v>3892</v>
      </c>
      <c r="L61" s="6">
        <v>46</v>
      </c>
    </row>
    <row r="62" spans="1:12">
      <c r="A62" s="9" t="s">
        <v>27</v>
      </c>
      <c r="B62" s="9" t="s">
        <v>28</v>
      </c>
      <c r="C62" s="9" t="s">
        <v>29</v>
      </c>
      <c r="D62" s="9" t="s">
        <v>262</v>
      </c>
      <c r="E62" s="9" t="s">
        <v>226</v>
      </c>
      <c r="F62" s="9" t="s">
        <v>235</v>
      </c>
      <c r="G62" s="9" t="s">
        <v>278</v>
      </c>
      <c r="H62" s="6">
        <v>21484</v>
      </c>
      <c r="I62" s="6">
        <v>16655</v>
      </c>
      <c r="J62" s="6">
        <v>14779</v>
      </c>
      <c r="K62" s="6">
        <v>4787</v>
      </c>
      <c r="L62" s="6">
        <v>42</v>
      </c>
    </row>
    <row r="63" spans="1:12">
      <c r="A63" s="9" t="s">
        <v>27</v>
      </c>
      <c r="B63" s="9" t="s">
        <v>28</v>
      </c>
      <c r="C63" s="9" t="s">
        <v>29</v>
      </c>
      <c r="D63" s="9" t="s">
        <v>262</v>
      </c>
      <c r="E63" s="9" t="s">
        <v>226</v>
      </c>
      <c r="F63" s="9" t="s">
        <v>235</v>
      </c>
      <c r="G63" s="9" t="s">
        <v>279</v>
      </c>
      <c r="H63" s="6">
        <v>16637</v>
      </c>
      <c r="I63" s="6">
        <v>12539</v>
      </c>
      <c r="J63" s="6">
        <v>11182</v>
      </c>
      <c r="K63" s="6">
        <v>4083</v>
      </c>
      <c r="L63" s="6">
        <v>15</v>
      </c>
    </row>
    <row r="64" spans="1:12">
      <c r="A64" s="9" t="s">
        <v>27</v>
      </c>
      <c r="B64" s="9" t="s">
        <v>28</v>
      </c>
      <c r="C64" s="9" t="s">
        <v>29</v>
      </c>
      <c r="D64" s="9" t="s">
        <v>262</v>
      </c>
      <c r="E64" s="9" t="s">
        <v>226</v>
      </c>
      <c r="F64" s="9" t="s">
        <v>235</v>
      </c>
      <c r="G64" s="9" t="s">
        <v>280</v>
      </c>
      <c r="H64" s="6">
        <v>762477</v>
      </c>
      <c r="I64" s="6">
        <v>457029</v>
      </c>
      <c r="J64" s="6">
        <v>308579</v>
      </c>
      <c r="K64" s="6">
        <v>302460</v>
      </c>
      <c r="L64" s="6">
        <v>2988</v>
      </c>
    </row>
    <row r="65" spans="1:12">
      <c r="A65" s="9" t="s">
        <v>27</v>
      </c>
      <c r="B65" s="9" t="s">
        <v>28</v>
      </c>
      <c r="C65" s="9" t="s">
        <v>29</v>
      </c>
      <c r="D65" s="9" t="s">
        <v>262</v>
      </c>
      <c r="E65" s="9" t="s">
        <v>226</v>
      </c>
      <c r="F65" s="9" t="s">
        <v>281</v>
      </c>
      <c r="G65" s="9" t="s">
        <v>6</v>
      </c>
      <c r="H65" s="6">
        <v>587578</v>
      </c>
      <c r="I65" s="6">
        <v>351168</v>
      </c>
      <c r="J65" s="6">
        <v>236250</v>
      </c>
      <c r="K65" s="6">
        <v>234179</v>
      </c>
      <c r="L65" s="6">
        <v>2231</v>
      </c>
    </row>
    <row r="66" spans="1:12">
      <c r="A66" s="9" t="s">
        <v>27</v>
      </c>
      <c r="B66" s="9" t="s">
        <v>28</v>
      </c>
      <c r="C66" s="9" t="s">
        <v>29</v>
      </c>
      <c r="D66" s="9" t="s">
        <v>262</v>
      </c>
      <c r="E66" s="9" t="s">
        <v>226</v>
      </c>
      <c r="F66" s="9" t="s">
        <v>281</v>
      </c>
      <c r="G66" s="9" t="s">
        <v>272</v>
      </c>
      <c r="H66" s="6">
        <v>3288</v>
      </c>
      <c r="I66" s="6">
        <v>1453</v>
      </c>
      <c r="J66" s="6">
        <v>1290</v>
      </c>
      <c r="K66" s="6">
        <v>1827</v>
      </c>
      <c r="L66" s="6">
        <v>8</v>
      </c>
    </row>
    <row r="67" spans="1:12">
      <c r="A67" s="9" t="s">
        <v>27</v>
      </c>
      <c r="B67" s="9" t="s">
        <v>28</v>
      </c>
      <c r="C67" s="9" t="s">
        <v>29</v>
      </c>
      <c r="D67" s="9" t="s">
        <v>262</v>
      </c>
      <c r="E67" s="9" t="s">
        <v>226</v>
      </c>
      <c r="F67" s="9" t="s">
        <v>281</v>
      </c>
      <c r="G67" s="9" t="s">
        <v>273</v>
      </c>
      <c r="H67" s="6">
        <v>6110</v>
      </c>
      <c r="I67" s="6">
        <v>3799</v>
      </c>
      <c r="J67" s="6">
        <v>3397</v>
      </c>
      <c r="K67" s="6">
        <v>2291</v>
      </c>
      <c r="L67" s="6">
        <v>20</v>
      </c>
    </row>
    <row r="68" spans="1:12">
      <c r="A68" s="9" t="s">
        <v>27</v>
      </c>
      <c r="B68" s="9" t="s">
        <v>28</v>
      </c>
      <c r="C68" s="9" t="s">
        <v>29</v>
      </c>
      <c r="D68" s="9" t="s">
        <v>262</v>
      </c>
      <c r="E68" s="9" t="s">
        <v>226</v>
      </c>
      <c r="F68" s="9" t="s">
        <v>281</v>
      </c>
      <c r="G68" s="9" t="s">
        <v>274</v>
      </c>
      <c r="H68" s="6">
        <v>5826</v>
      </c>
      <c r="I68" s="6">
        <v>4205</v>
      </c>
      <c r="J68" s="6">
        <v>3751</v>
      </c>
      <c r="K68" s="6">
        <v>1603</v>
      </c>
      <c r="L68" s="6">
        <v>18</v>
      </c>
    </row>
    <row r="69" spans="1:12">
      <c r="A69" s="9" t="s">
        <v>27</v>
      </c>
      <c r="B69" s="9" t="s">
        <v>28</v>
      </c>
      <c r="C69" s="9" t="s">
        <v>29</v>
      </c>
      <c r="D69" s="9" t="s">
        <v>262</v>
      </c>
      <c r="E69" s="9" t="s">
        <v>226</v>
      </c>
      <c r="F69" s="9" t="s">
        <v>281</v>
      </c>
      <c r="G69" s="9" t="s">
        <v>275</v>
      </c>
      <c r="H69" s="6">
        <v>4575</v>
      </c>
      <c r="I69" s="6">
        <v>3249</v>
      </c>
      <c r="J69" s="6">
        <v>2928</v>
      </c>
      <c r="K69" s="6">
        <v>1310</v>
      </c>
      <c r="L69" s="6">
        <v>16</v>
      </c>
    </row>
    <row r="70" spans="1:12">
      <c r="A70" s="9" t="s">
        <v>27</v>
      </c>
      <c r="B70" s="9" t="s">
        <v>28</v>
      </c>
      <c r="C70" s="9" t="s">
        <v>29</v>
      </c>
      <c r="D70" s="9" t="s">
        <v>262</v>
      </c>
      <c r="E70" s="9" t="s">
        <v>226</v>
      </c>
      <c r="F70" s="9" t="s">
        <v>281</v>
      </c>
      <c r="G70" s="9" t="s">
        <v>276</v>
      </c>
      <c r="H70" s="6">
        <v>4086</v>
      </c>
      <c r="I70" s="6">
        <v>3073</v>
      </c>
      <c r="J70" s="6">
        <v>2698</v>
      </c>
      <c r="K70" s="6">
        <v>1001</v>
      </c>
      <c r="L70" s="6">
        <v>12</v>
      </c>
    </row>
    <row r="71" spans="1:12">
      <c r="A71" s="9" t="s">
        <v>27</v>
      </c>
      <c r="B71" s="9" t="s">
        <v>28</v>
      </c>
      <c r="C71" s="9" t="s">
        <v>29</v>
      </c>
      <c r="D71" s="9" t="s">
        <v>262</v>
      </c>
      <c r="E71" s="9" t="s">
        <v>226</v>
      </c>
      <c r="F71" s="9" t="s">
        <v>281</v>
      </c>
      <c r="G71" s="9" t="s">
        <v>277</v>
      </c>
      <c r="H71" s="6">
        <v>4628</v>
      </c>
      <c r="I71" s="6">
        <v>3462</v>
      </c>
      <c r="J71" s="6">
        <v>2917</v>
      </c>
      <c r="K71" s="6">
        <v>1150</v>
      </c>
      <c r="L71" s="6">
        <v>16</v>
      </c>
    </row>
    <row r="72" spans="1:12">
      <c r="A72" s="9" t="s">
        <v>27</v>
      </c>
      <c r="B72" s="9" t="s">
        <v>28</v>
      </c>
      <c r="C72" s="9" t="s">
        <v>29</v>
      </c>
      <c r="D72" s="9" t="s">
        <v>262</v>
      </c>
      <c r="E72" s="9" t="s">
        <v>226</v>
      </c>
      <c r="F72" s="9" t="s">
        <v>281</v>
      </c>
      <c r="G72" s="9" t="s">
        <v>278</v>
      </c>
      <c r="H72" s="6">
        <v>5651</v>
      </c>
      <c r="I72" s="6">
        <v>4237</v>
      </c>
      <c r="J72" s="6">
        <v>3675</v>
      </c>
      <c r="K72" s="6">
        <v>1410</v>
      </c>
      <c r="L72" s="6">
        <v>4</v>
      </c>
    </row>
    <row r="73" spans="1:12">
      <c r="A73" s="9" t="s">
        <v>27</v>
      </c>
      <c r="B73" s="9" t="s">
        <v>28</v>
      </c>
      <c r="C73" s="9" t="s">
        <v>29</v>
      </c>
      <c r="D73" s="9" t="s">
        <v>262</v>
      </c>
      <c r="E73" s="9" t="s">
        <v>226</v>
      </c>
      <c r="F73" s="9" t="s">
        <v>281</v>
      </c>
      <c r="G73" s="9" t="s">
        <v>279</v>
      </c>
      <c r="H73" s="6">
        <v>4698</v>
      </c>
      <c r="I73" s="6">
        <v>3553</v>
      </c>
      <c r="J73" s="6">
        <v>3128</v>
      </c>
      <c r="K73" s="6">
        <v>1145</v>
      </c>
      <c r="L73" s="10" t="s">
        <v>55</v>
      </c>
    </row>
    <row r="74" spans="1:12">
      <c r="A74" s="9" t="s">
        <v>27</v>
      </c>
      <c r="B74" s="9" t="s">
        <v>28</v>
      </c>
      <c r="C74" s="9" t="s">
        <v>29</v>
      </c>
      <c r="D74" s="9" t="s">
        <v>262</v>
      </c>
      <c r="E74" s="9" t="s">
        <v>226</v>
      </c>
      <c r="F74" s="9" t="s">
        <v>281</v>
      </c>
      <c r="G74" s="9" t="s">
        <v>280</v>
      </c>
      <c r="H74" s="6">
        <v>548716</v>
      </c>
      <c r="I74" s="6">
        <v>324137</v>
      </c>
      <c r="J74" s="6">
        <v>212466</v>
      </c>
      <c r="K74" s="6">
        <v>222442</v>
      </c>
      <c r="L74" s="6">
        <v>2137</v>
      </c>
    </row>
    <row r="75" spans="1:12">
      <c r="A75" s="9" t="s">
        <v>27</v>
      </c>
      <c r="B75" s="9" t="s">
        <v>28</v>
      </c>
      <c r="C75" s="9" t="s">
        <v>29</v>
      </c>
      <c r="D75" s="9" t="s">
        <v>262</v>
      </c>
      <c r="E75" s="9" t="s">
        <v>226</v>
      </c>
      <c r="F75" s="9" t="s">
        <v>282</v>
      </c>
      <c r="G75" s="9" t="s">
        <v>6</v>
      </c>
      <c r="H75" s="6">
        <v>240076</v>
      </c>
      <c r="I75" s="6">
        <v>156034</v>
      </c>
      <c r="J75" s="6">
        <v>119336</v>
      </c>
      <c r="K75" s="6">
        <v>83140</v>
      </c>
      <c r="L75" s="6">
        <v>902</v>
      </c>
    </row>
    <row r="76" spans="1:12">
      <c r="A76" s="9" t="s">
        <v>27</v>
      </c>
      <c r="B76" s="9" t="s">
        <v>28</v>
      </c>
      <c r="C76" s="9" t="s">
        <v>29</v>
      </c>
      <c r="D76" s="9" t="s">
        <v>262</v>
      </c>
      <c r="E76" s="9" t="s">
        <v>226</v>
      </c>
      <c r="F76" s="9" t="s">
        <v>282</v>
      </c>
      <c r="G76" s="9" t="s">
        <v>272</v>
      </c>
      <c r="H76" s="6">
        <v>3223</v>
      </c>
      <c r="I76" s="6">
        <v>1412</v>
      </c>
      <c r="J76" s="6">
        <v>1260</v>
      </c>
      <c r="K76" s="6">
        <v>1799</v>
      </c>
      <c r="L76" s="6">
        <v>12</v>
      </c>
    </row>
    <row r="77" spans="1:12">
      <c r="A77" s="9" t="s">
        <v>27</v>
      </c>
      <c r="B77" s="9" t="s">
        <v>28</v>
      </c>
      <c r="C77" s="9" t="s">
        <v>29</v>
      </c>
      <c r="D77" s="9" t="s">
        <v>262</v>
      </c>
      <c r="E77" s="9" t="s">
        <v>226</v>
      </c>
      <c r="F77" s="9" t="s">
        <v>282</v>
      </c>
      <c r="G77" s="9" t="s">
        <v>273</v>
      </c>
      <c r="H77" s="6">
        <v>5897</v>
      </c>
      <c r="I77" s="6">
        <v>3705</v>
      </c>
      <c r="J77" s="6">
        <v>3203</v>
      </c>
      <c r="K77" s="6">
        <v>2165</v>
      </c>
      <c r="L77" s="6">
        <v>27</v>
      </c>
    </row>
    <row r="78" spans="1:12">
      <c r="A78" s="9" t="s">
        <v>27</v>
      </c>
      <c r="B78" s="9" t="s">
        <v>28</v>
      </c>
      <c r="C78" s="9" t="s">
        <v>29</v>
      </c>
      <c r="D78" s="9" t="s">
        <v>262</v>
      </c>
      <c r="E78" s="9" t="s">
        <v>226</v>
      </c>
      <c r="F78" s="9" t="s">
        <v>282</v>
      </c>
      <c r="G78" s="9" t="s">
        <v>274</v>
      </c>
      <c r="H78" s="6">
        <v>7706</v>
      </c>
      <c r="I78" s="6">
        <v>5746</v>
      </c>
      <c r="J78" s="6">
        <v>5107</v>
      </c>
      <c r="K78" s="6">
        <v>1948</v>
      </c>
      <c r="L78" s="6">
        <v>12</v>
      </c>
    </row>
    <row r="79" spans="1:12">
      <c r="A79" s="9" t="s">
        <v>27</v>
      </c>
      <c r="B79" s="9" t="s">
        <v>28</v>
      </c>
      <c r="C79" s="9" t="s">
        <v>29</v>
      </c>
      <c r="D79" s="9" t="s">
        <v>262</v>
      </c>
      <c r="E79" s="9" t="s">
        <v>226</v>
      </c>
      <c r="F79" s="9" t="s">
        <v>282</v>
      </c>
      <c r="G79" s="9" t="s">
        <v>275</v>
      </c>
      <c r="H79" s="6">
        <v>6577</v>
      </c>
      <c r="I79" s="6">
        <v>4984</v>
      </c>
      <c r="J79" s="6">
        <v>4491</v>
      </c>
      <c r="K79" s="6">
        <v>1587</v>
      </c>
      <c r="L79" s="6">
        <v>6</v>
      </c>
    </row>
    <row r="80" spans="1:12">
      <c r="A80" s="9" t="s">
        <v>27</v>
      </c>
      <c r="B80" s="9" t="s">
        <v>28</v>
      </c>
      <c r="C80" s="9" t="s">
        <v>29</v>
      </c>
      <c r="D80" s="9" t="s">
        <v>262</v>
      </c>
      <c r="E80" s="9" t="s">
        <v>226</v>
      </c>
      <c r="F80" s="9" t="s">
        <v>282</v>
      </c>
      <c r="G80" s="9" t="s">
        <v>276</v>
      </c>
      <c r="H80" s="6">
        <v>6847</v>
      </c>
      <c r="I80" s="6">
        <v>5631</v>
      </c>
      <c r="J80" s="6">
        <v>4948</v>
      </c>
      <c r="K80" s="6">
        <v>1193</v>
      </c>
      <c r="L80" s="6">
        <v>23</v>
      </c>
    </row>
    <row r="81" spans="1:12">
      <c r="A81" s="9" t="s">
        <v>27</v>
      </c>
      <c r="B81" s="9" t="s">
        <v>28</v>
      </c>
      <c r="C81" s="9" t="s">
        <v>29</v>
      </c>
      <c r="D81" s="9" t="s">
        <v>262</v>
      </c>
      <c r="E81" s="9" t="s">
        <v>226</v>
      </c>
      <c r="F81" s="9" t="s">
        <v>282</v>
      </c>
      <c r="G81" s="9" t="s">
        <v>277</v>
      </c>
      <c r="H81" s="6">
        <v>7647</v>
      </c>
      <c r="I81" s="6">
        <v>6067</v>
      </c>
      <c r="J81" s="6">
        <v>5300</v>
      </c>
      <c r="K81" s="6">
        <v>1565</v>
      </c>
      <c r="L81" s="6">
        <v>15</v>
      </c>
    </row>
    <row r="82" spans="1:12">
      <c r="A82" s="9" t="s">
        <v>27</v>
      </c>
      <c r="B82" s="9" t="s">
        <v>28</v>
      </c>
      <c r="C82" s="9" t="s">
        <v>29</v>
      </c>
      <c r="D82" s="9" t="s">
        <v>262</v>
      </c>
      <c r="E82" s="9" t="s">
        <v>226</v>
      </c>
      <c r="F82" s="9" t="s">
        <v>282</v>
      </c>
      <c r="G82" s="9" t="s">
        <v>278</v>
      </c>
      <c r="H82" s="6">
        <v>9806</v>
      </c>
      <c r="I82" s="6">
        <v>7827</v>
      </c>
      <c r="J82" s="6">
        <v>7060</v>
      </c>
      <c r="K82" s="6">
        <v>1959</v>
      </c>
      <c r="L82" s="6">
        <v>20</v>
      </c>
    </row>
    <row r="83" spans="1:12">
      <c r="A83" s="9" t="s">
        <v>27</v>
      </c>
      <c r="B83" s="9" t="s">
        <v>28</v>
      </c>
      <c r="C83" s="9" t="s">
        <v>29</v>
      </c>
      <c r="D83" s="9" t="s">
        <v>262</v>
      </c>
      <c r="E83" s="9" t="s">
        <v>226</v>
      </c>
      <c r="F83" s="9" t="s">
        <v>282</v>
      </c>
      <c r="G83" s="9" t="s">
        <v>279</v>
      </c>
      <c r="H83" s="6">
        <v>8104</v>
      </c>
      <c r="I83" s="6">
        <v>6325</v>
      </c>
      <c r="J83" s="6">
        <v>5687</v>
      </c>
      <c r="K83" s="6">
        <v>1764</v>
      </c>
      <c r="L83" s="6">
        <v>15</v>
      </c>
    </row>
    <row r="84" spans="1:12">
      <c r="A84" s="9" t="s">
        <v>27</v>
      </c>
      <c r="B84" s="9" t="s">
        <v>28</v>
      </c>
      <c r="C84" s="9" t="s">
        <v>29</v>
      </c>
      <c r="D84" s="9" t="s">
        <v>262</v>
      </c>
      <c r="E84" s="9" t="s">
        <v>226</v>
      </c>
      <c r="F84" s="9" t="s">
        <v>282</v>
      </c>
      <c r="G84" s="9" t="s">
        <v>280</v>
      </c>
      <c r="H84" s="6">
        <v>184269</v>
      </c>
      <c r="I84" s="6">
        <v>114337</v>
      </c>
      <c r="J84" s="6">
        <v>82280</v>
      </c>
      <c r="K84" s="6">
        <v>69160</v>
      </c>
      <c r="L84" s="6">
        <v>772</v>
      </c>
    </row>
    <row r="85" spans="1:12">
      <c r="A85" s="9" t="s">
        <v>27</v>
      </c>
      <c r="B85" s="9" t="s">
        <v>28</v>
      </c>
      <c r="C85" s="9" t="s">
        <v>29</v>
      </c>
      <c r="D85" s="9" t="s">
        <v>262</v>
      </c>
      <c r="E85" s="9" t="s">
        <v>226</v>
      </c>
      <c r="F85" s="9" t="s">
        <v>283</v>
      </c>
      <c r="G85" s="9" t="s">
        <v>6</v>
      </c>
      <c r="H85" s="6">
        <v>70590</v>
      </c>
      <c r="I85" s="6">
        <v>48369</v>
      </c>
      <c r="J85" s="6">
        <v>39924</v>
      </c>
      <c r="K85" s="6">
        <v>22006</v>
      </c>
      <c r="L85" s="6">
        <v>215</v>
      </c>
    </row>
    <row r="86" spans="1:12">
      <c r="A86" s="9" t="s">
        <v>27</v>
      </c>
      <c r="B86" s="9" t="s">
        <v>28</v>
      </c>
      <c r="C86" s="9" t="s">
        <v>29</v>
      </c>
      <c r="D86" s="9" t="s">
        <v>262</v>
      </c>
      <c r="E86" s="9" t="s">
        <v>226</v>
      </c>
      <c r="F86" s="9" t="s">
        <v>283</v>
      </c>
      <c r="G86" s="9" t="s">
        <v>272</v>
      </c>
      <c r="H86" s="6">
        <v>2517</v>
      </c>
      <c r="I86" s="6">
        <v>1168</v>
      </c>
      <c r="J86" s="6">
        <v>918</v>
      </c>
      <c r="K86" s="6">
        <v>1329</v>
      </c>
      <c r="L86" s="6">
        <v>20</v>
      </c>
    </row>
    <row r="87" spans="1:12">
      <c r="A87" s="9" t="s">
        <v>27</v>
      </c>
      <c r="B87" s="9" t="s">
        <v>28</v>
      </c>
      <c r="C87" s="9" t="s">
        <v>29</v>
      </c>
      <c r="D87" s="9" t="s">
        <v>262</v>
      </c>
      <c r="E87" s="9" t="s">
        <v>226</v>
      </c>
      <c r="F87" s="9" t="s">
        <v>283</v>
      </c>
      <c r="G87" s="9" t="s">
        <v>273</v>
      </c>
      <c r="H87" s="6">
        <v>4876</v>
      </c>
      <c r="I87" s="6">
        <v>3063</v>
      </c>
      <c r="J87" s="6">
        <v>2624</v>
      </c>
      <c r="K87" s="6">
        <v>1788</v>
      </c>
      <c r="L87" s="6">
        <v>25</v>
      </c>
    </row>
    <row r="88" spans="1:12">
      <c r="A88" s="9" t="s">
        <v>27</v>
      </c>
      <c r="B88" s="9" t="s">
        <v>28</v>
      </c>
      <c r="C88" s="9" t="s">
        <v>29</v>
      </c>
      <c r="D88" s="9" t="s">
        <v>262</v>
      </c>
      <c r="E88" s="9" t="s">
        <v>226</v>
      </c>
      <c r="F88" s="9" t="s">
        <v>283</v>
      </c>
      <c r="G88" s="9" t="s">
        <v>274</v>
      </c>
      <c r="H88" s="6">
        <v>6395</v>
      </c>
      <c r="I88" s="6">
        <v>4880</v>
      </c>
      <c r="J88" s="6">
        <v>4243</v>
      </c>
      <c r="K88" s="6">
        <v>1495</v>
      </c>
      <c r="L88" s="6">
        <v>20</v>
      </c>
    </row>
    <row r="89" spans="1:12">
      <c r="A89" s="9" t="s">
        <v>27</v>
      </c>
      <c r="B89" s="9" t="s">
        <v>28</v>
      </c>
      <c r="C89" s="9" t="s">
        <v>29</v>
      </c>
      <c r="D89" s="9" t="s">
        <v>262</v>
      </c>
      <c r="E89" s="9" t="s">
        <v>226</v>
      </c>
      <c r="F89" s="9" t="s">
        <v>283</v>
      </c>
      <c r="G89" s="9" t="s">
        <v>275</v>
      </c>
      <c r="H89" s="6">
        <v>5652</v>
      </c>
      <c r="I89" s="6">
        <v>4313</v>
      </c>
      <c r="J89" s="6">
        <v>3761</v>
      </c>
      <c r="K89" s="6">
        <v>1331</v>
      </c>
      <c r="L89" s="6">
        <v>8</v>
      </c>
    </row>
    <row r="90" spans="1:12">
      <c r="A90" s="9" t="s">
        <v>27</v>
      </c>
      <c r="B90" s="9" t="s">
        <v>28</v>
      </c>
      <c r="C90" s="9" t="s">
        <v>29</v>
      </c>
      <c r="D90" s="9" t="s">
        <v>262</v>
      </c>
      <c r="E90" s="9" t="s">
        <v>226</v>
      </c>
      <c r="F90" s="9" t="s">
        <v>283</v>
      </c>
      <c r="G90" s="9" t="s">
        <v>276</v>
      </c>
      <c r="H90" s="6">
        <v>6076</v>
      </c>
      <c r="I90" s="6">
        <v>4610</v>
      </c>
      <c r="J90" s="6">
        <v>4091</v>
      </c>
      <c r="K90" s="6">
        <v>1436</v>
      </c>
      <c r="L90" s="6">
        <v>30</v>
      </c>
    </row>
    <row r="91" spans="1:12">
      <c r="A91" s="9" t="s">
        <v>27</v>
      </c>
      <c r="B91" s="9" t="s">
        <v>28</v>
      </c>
      <c r="C91" s="9" t="s">
        <v>29</v>
      </c>
      <c r="D91" s="9" t="s">
        <v>262</v>
      </c>
      <c r="E91" s="9" t="s">
        <v>226</v>
      </c>
      <c r="F91" s="9" t="s">
        <v>283</v>
      </c>
      <c r="G91" s="9" t="s">
        <v>277</v>
      </c>
      <c r="H91" s="6">
        <v>5720</v>
      </c>
      <c r="I91" s="6">
        <v>4528</v>
      </c>
      <c r="J91" s="6">
        <v>4043</v>
      </c>
      <c r="K91" s="6">
        <v>1177</v>
      </c>
      <c r="L91" s="6">
        <v>15</v>
      </c>
    </row>
    <row r="92" spans="1:12">
      <c r="A92" s="9" t="s">
        <v>27</v>
      </c>
      <c r="B92" s="9" t="s">
        <v>28</v>
      </c>
      <c r="C92" s="9" t="s">
        <v>29</v>
      </c>
      <c r="D92" s="9" t="s">
        <v>262</v>
      </c>
      <c r="E92" s="9" t="s">
        <v>226</v>
      </c>
      <c r="F92" s="9" t="s">
        <v>283</v>
      </c>
      <c r="G92" s="9" t="s">
        <v>278</v>
      </c>
      <c r="H92" s="6">
        <v>6027</v>
      </c>
      <c r="I92" s="6">
        <v>4591</v>
      </c>
      <c r="J92" s="6">
        <v>4044</v>
      </c>
      <c r="K92" s="6">
        <v>1418</v>
      </c>
      <c r="L92" s="6">
        <v>18</v>
      </c>
    </row>
    <row r="93" spans="1:12">
      <c r="A93" s="9" t="s">
        <v>27</v>
      </c>
      <c r="B93" s="9" t="s">
        <v>28</v>
      </c>
      <c r="C93" s="9" t="s">
        <v>29</v>
      </c>
      <c r="D93" s="9" t="s">
        <v>262</v>
      </c>
      <c r="E93" s="9" t="s">
        <v>226</v>
      </c>
      <c r="F93" s="9" t="s">
        <v>283</v>
      </c>
      <c r="G93" s="9" t="s">
        <v>279</v>
      </c>
      <c r="H93" s="6">
        <v>3835</v>
      </c>
      <c r="I93" s="6">
        <v>2661</v>
      </c>
      <c r="J93" s="6">
        <v>2367</v>
      </c>
      <c r="K93" s="6">
        <v>1174</v>
      </c>
      <c r="L93" s="10" t="s">
        <v>55</v>
      </c>
    </row>
    <row r="94" spans="1:12">
      <c r="A94" s="9" t="s">
        <v>27</v>
      </c>
      <c r="B94" s="9" t="s">
        <v>28</v>
      </c>
      <c r="C94" s="9" t="s">
        <v>29</v>
      </c>
      <c r="D94" s="9" t="s">
        <v>262</v>
      </c>
      <c r="E94" s="9" t="s">
        <v>226</v>
      </c>
      <c r="F94" s="9" t="s">
        <v>283</v>
      </c>
      <c r="G94" s="9" t="s">
        <v>280</v>
      </c>
      <c r="H94" s="6">
        <v>29492</v>
      </c>
      <c r="I94" s="6">
        <v>18555</v>
      </c>
      <c r="J94" s="6">
        <v>13833</v>
      </c>
      <c r="K94" s="6">
        <v>10858</v>
      </c>
      <c r="L94" s="6">
        <v>79</v>
      </c>
    </row>
    <row r="95" spans="1:12">
      <c r="A95" s="9" t="s">
        <v>27</v>
      </c>
      <c r="B95" s="9" t="s">
        <v>28</v>
      </c>
      <c r="C95" s="9" t="s">
        <v>29</v>
      </c>
      <c r="D95" s="9" t="s">
        <v>262</v>
      </c>
      <c r="E95" s="9" t="s">
        <v>227</v>
      </c>
      <c r="F95" s="9" t="s">
        <v>6</v>
      </c>
      <c r="G95" s="9" t="s">
        <v>6</v>
      </c>
      <c r="H95" s="6">
        <v>765163</v>
      </c>
      <c r="I95" s="6">
        <v>449837</v>
      </c>
      <c r="J95" s="6">
        <v>419392</v>
      </c>
      <c r="K95" s="6">
        <v>312770</v>
      </c>
      <c r="L95" s="6">
        <v>2556</v>
      </c>
    </row>
    <row r="96" spans="1:12">
      <c r="A96" s="9" t="s">
        <v>27</v>
      </c>
      <c r="B96" s="9" t="s">
        <v>28</v>
      </c>
      <c r="C96" s="9" t="s">
        <v>29</v>
      </c>
      <c r="D96" s="9" t="s">
        <v>262</v>
      </c>
      <c r="E96" s="9" t="s">
        <v>227</v>
      </c>
      <c r="F96" s="9" t="s">
        <v>234</v>
      </c>
      <c r="G96" s="9" t="s">
        <v>6</v>
      </c>
      <c r="H96" s="6">
        <v>141442</v>
      </c>
      <c r="I96" s="6">
        <v>85347</v>
      </c>
      <c r="J96" s="6">
        <v>78902</v>
      </c>
      <c r="K96" s="6">
        <v>55324</v>
      </c>
      <c r="L96" s="6">
        <v>771</v>
      </c>
    </row>
    <row r="97" spans="1:12">
      <c r="A97" s="9" t="s">
        <v>27</v>
      </c>
      <c r="B97" s="9" t="s">
        <v>28</v>
      </c>
      <c r="C97" s="9" t="s">
        <v>29</v>
      </c>
      <c r="D97" s="9" t="s">
        <v>262</v>
      </c>
      <c r="E97" s="9" t="s">
        <v>227</v>
      </c>
      <c r="F97" s="9" t="s">
        <v>235</v>
      </c>
      <c r="G97" s="9" t="s">
        <v>6</v>
      </c>
      <c r="H97" s="6">
        <v>623721</v>
      </c>
      <c r="I97" s="6">
        <v>364490</v>
      </c>
      <c r="J97" s="6">
        <v>340490</v>
      </c>
      <c r="K97" s="6">
        <v>257446</v>
      </c>
      <c r="L97" s="6">
        <v>1785</v>
      </c>
    </row>
    <row r="98" spans="1:12">
      <c r="A98" s="9" t="s">
        <v>27</v>
      </c>
      <c r="B98" s="9" t="s">
        <v>28</v>
      </c>
      <c r="C98" s="9" t="s">
        <v>29</v>
      </c>
      <c r="D98" s="9" t="s">
        <v>262</v>
      </c>
      <c r="E98" s="9" t="s">
        <v>227</v>
      </c>
      <c r="F98" s="9" t="s">
        <v>235</v>
      </c>
      <c r="G98" s="9" t="s">
        <v>272</v>
      </c>
      <c r="H98" s="6">
        <v>7949</v>
      </c>
      <c r="I98" s="6">
        <v>3451</v>
      </c>
      <c r="J98" s="6">
        <v>3189</v>
      </c>
      <c r="K98" s="6">
        <v>4487</v>
      </c>
      <c r="L98" s="6">
        <v>11</v>
      </c>
    </row>
    <row r="99" spans="1:12">
      <c r="A99" s="9" t="s">
        <v>27</v>
      </c>
      <c r="B99" s="9" t="s">
        <v>28</v>
      </c>
      <c r="C99" s="9" t="s">
        <v>29</v>
      </c>
      <c r="D99" s="9" t="s">
        <v>262</v>
      </c>
      <c r="E99" s="9" t="s">
        <v>227</v>
      </c>
      <c r="F99" s="9" t="s">
        <v>235</v>
      </c>
      <c r="G99" s="9" t="s">
        <v>273</v>
      </c>
      <c r="H99" s="6">
        <v>14788</v>
      </c>
      <c r="I99" s="6">
        <v>9111</v>
      </c>
      <c r="J99" s="6">
        <v>8554</v>
      </c>
      <c r="K99" s="6">
        <v>5629</v>
      </c>
      <c r="L99" s="6">
        <v>48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2</v>
      </c>
      <c r="E100" s="9" t="s">
        <v>227</v>
      </c>
      <c r="F100" s="9" t="s">
        <v>235</v>
      </c>
      <c r="G100" s="9" t="s">
        <v>274</v>
      </c>
      <c r="H100" s="6">
        <v>17153</v>
      </c>
      <c r="I100" s="6">
        <v>12618</v>
      </c>
      <c r="J100" s="6">
        <v>11962</v>
      </c>
      <c r="K100" s="6">
        <v>4497</v>
      </c>
      <c r="L100" s="6">
        <v>38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2</v>
      </c>
      <c r="E101" s="9" t="s">
        <v>227</v>
      </c>
      <c r="F101" s="9" t="s">
        <v>235</v>
      </c>
      <c r="G101" s="9" t="s">
        <v>275</v>
      </c>
      <c r="H101" s="6">
        <v>14460</v>
      </c>
      <c r="I101" s="6">
        <v>10736</v>
      </c>
      <c r="J101" s="6">
        <v>10172</v>
      </c>
      <c r="K101" s="6">
        <v>3708</v>
      </c>
      <c r="L101" s="6">
        <v>16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2</v>
      </c>
      <c r="E102" s="9" t="s">
        <v>227</v>
      </c>
      <c r="F102" s="9" t="s">
        <v>235</v>
      </c>
      <c r="G102" s="9" t="s">
        <v>276</v>
      </c>
      <c r="H102" s="6">
        <v>14575</v>
      </c>
      <c r="I102" s="6">
        <v>11364</v>
      </c>
      <c r="J102" s="6">
        <v>10713</v>
      </c>
      <c r="K102" s="6">
        <v>3164</v>
      </c>
      <c r="L102" s="6">
        <v>47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2</v>
      </c>
      <c r="E103" s="9" t="s">
        <v>227</v>
      </c>
      <c r="F103" s="9" t="s">
        <v>235</v>
      </c>
      <c r="G103" s="9" t="s">
        <v>277</v>
      </c>
      <c r="H103" s="6">
        <v>14904</v>
      </c>
      <c r="I103" s="6">
        <v>11596</v>
      </c>
      <c r="J103" s="6">
        <v>10906</v>
      </c>
      <c r="K103" s="6">
        <v>3280</v>
      </c>
      <c r="L103" s="6">
        <v>28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2</v>
      </c>
      <c r="E104" s="9" t="s">
        <v>227</v>
      </c>
      <c r="F104" s="9" t="s">
        <v>235</v>
      </c>
      <c r="G104" s="9" t="s">
        <v>278</v>
      </c>
      <c r="H104" s="6">
        <v>17756</v>
      </c>
      <c r="I104" s="6">
        <v>13675</v>
      </c>
      <c r="J104" s="6">
        <v>13110</v>
      </c>
      <c r="K104" s="6">
        <v>4065</v>
      </c>
      <c r="L104" s="6">
        <v>16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2</v>
      </c>
      <c r="E105" s="9" t="s">
        <v>227</v>
      </c>
      <c r="F105" s="9" t="s">
        <v>235</v>
      </c>
      <c r="G105" s="9" t="s">
        <v>279</v>
      </c>
      <c r="H105" s="6">
        <v>13936</v>
      </c>
      <c r="I105" s="6">
        <v>10451</v>
      </c>
      <c r="J105" s="6">
        <v>10030</v>
      </c>
      <c r="K105" s="6">
        <v>3475</v>
      </c>
      <c r="L105" s="6">
        <v>10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2</v>
      </c>
      <c r="E106" s="9" t="s">
        <v>227</v>
      </c>
      <c r="F106" s="9" t="s">
        <v>235</v>
      </c>
      <c r="G106" s="9" t="s">
        <v>280</v>
      </c>
      <c r="H106" s="6">
        <v>508200</v>
      </c>
      <c r="I106" s="6">
        <v>281488</v>
      </c>
      <c r="J106" s="6">
        <v>261854</v>
      </c>
      <c r="K106" s="6">
        <v>225141</v>
      </c>
      <c r="L106" s="6">
        <v>1571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2</v>
      </c>
      <c r="E107" s="9" t="s">
        <v>227</v>
      </c>
      <c r="F107" s="9" t="s">
        <v>281</v>
      </c>
      <c r="G107" s="9" t="s">
        <v>6</v>
      </c>
      <c r="H107" s="6">
        <v>392861</v>
      </c>
      <c r="I107" s="6">
        <v>217102</v>
      </c>
      <c r="J107" s="6">
        <v>201350</v>
      </c>
      <c r="K107" s="6">
        <v>174615</v>
      </c>
      <c r="L107" s="6">
        <v>1144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2</v>
      </c>
      <c r="E108" s="9" t="s">
        <v>227</v>
      </c>
      <c r="F108" s="9" t="s">
        <v>281</v>
      </c>
      <c r="G108" s="9" t="s">
        <v>272</v>
      </c>
      <c r="H108" s="6">
        <v>2957</v>
      </c>
      <c r="I108" s="6">
        <v>1304</v>
      </c>
      <c r="J108" s="6">
        <v>1204</v>
      </c>
      <c r="K108" s="6">
        <v>1649</v>
      </c>
      <c r="L108" s="6">
        <v>4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2</v>
      </c>
      <c r="E109" s="9" t="s">
        <v>227</v>
      </c>
      <c r="F109" s="9" t="s">
        <v>281</v>
      </c>
      <c r="G109" s="9" t="s">
        <v>273</v>
      </c>
      <c r="H109" s="6">
        <v>5519</v>
      </c>
      <c r="I109" s="6">
        <v>3403</v>
      </c>
      <c r="J109" s="6">
        <v>3191</v>
      </c>
      <c r="K109" s="6">
        <v>2108</v>
      </c>
      <c r="L109" s="6">
        <v>8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2</v>
      </c>
      <c r="E110" s="9" t="s">
        <v>227</v>
      </c>
      <c r="F110" s="9" t="s">
        <v>281</v>
      </c>
      <c r="G110" s="9" t="s">
        <v>274</v>
      </c>
      <c r="H110" s="6">
        <v>5121</v>
      </c>
      <c r="I110" s="6">
        <v>3669</v>
      </c>
      <c r="J110" s="6">
        <v>3461</v>
      </c>
      <c r="K110" s="6">
        <v>1434</v>
      </c>
      <c r="L110" s="6">
        <v>18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2</v>
      </c>
      <c r="E111" s="9" t="s">
        <v>227</v>
      </c>
      <c r="F111" s="9" t="s">
        <v>281</v>
      </c>
      <c r="G111" s="9" t="s">
        <v>275</v>
      </c>
      <c r="H111" s="6">
        <v>4051</v>
      </c>
      <c r="I111" s="6">
        <v>2868</v>
      </c>
      <c r="J111" s="6">
        <v>2709</v>
      </c>
      <c r="K111" s="6">
        <v>1175</v>
      </c>
      <c r="L111" s="6">
        <v>8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2</v>
      </c>
      <c r="E112" s="9" t="s">
        <v>227</v>
      </c>
      <c r="F112" s="9" t="s">
        <v>281</v>
      </c>
      <c r="G112" s="9" t="s">
        <v>276</v>
      </c>
      <c r="H112" s="6">
        <v>3540</v>
      </c>
      <c r="I112" s="6">
        <v>2643</v>
      </c>
      <c r="J112" s="6">
        <v>2463</v>
      </c>
      <c r="K112" s="6">
        <v>885</v>
      </c>
      <c r="L112" s="6">
        <v>12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2</v>
      </c>
      <c r="E113" s="9" t="s">
        <v>227</v>
      </c>
      <c r="F113" s="9" t="s">
        <v>281</v>
      </c>
      <c r="G113" s="9" t="s">
        <v>277</v>
      </c>
      <c r="H113" s="6">
        <v>3763</v>
      </c>
      <c r="I113" s="6">
        <v>2758</v>
      </c>
      <c r="J113" s="6">
        <v>2569</v>
      </c>
      <c r="K113" s="6">
        <v>997</v>
      </c>
      <c r="L113" s="6">
        <v>8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2</v>
      </c>
      <c r="E114" s="9" t="s">
        <v>227</v>
      </c>
      <c r="F114" s="9" t="s">
        <v>281</v>
      </c>
      <c r="G114" s="9" t="s">
        <v>278</v>
      </c>
      <c r="H114" s="6">
        <v>4630</v>
      </c>
      <c r="I114" s="6">
        <v>3440</v>
      </c>
      <c r="J114" s="6">
        <v>3280</v>
      </c>
      <c r="K114" s="6">
        <v>1190</v>
      </c>
      <c r="L114" s="10" t="s">
        <v>55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2</v>
      </c>
      <c r="E115" s="9" t="s">
        <v>227</v>
      </c>
      <c r="F115" s="9" t="s">
        <v>281</v>
      </c>
      <c r="G115" s="9" t="s">
        <v>279</v>
      </c>
      <c r="H115" s="6">
        <v>3877</v>
      </c>
      <c r="I115" s="6">
        <v>2927</v>
      </c>
      <c r="J115" s="6">
        <v>2786</v>
      </c>
      <c r="K115" s="6">
        <v>950</v>
      </c>
      <c r="L115" s="10" t="s">
        <v>55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2</v>
      </c>
      <c r="E116" s="9" t="s">
        <v>227</v>
      </c>
      <c r="F116" s="9" t="s">
        <v>281</v>
      </c>
      <c r="G116" s="9" t="s">
        <v>280</v>
      </c>
      <c r="H116" s="6">
        <v>359403</v>
      </c>
      <c r="I116" s="6">
        <v>194090</v>
      </c>
      <c r="J116" s="6">
        <v>179687</v>
      </c>
      <c r="K116" s="6">
        <v>164227</v>
      </c>
      <c r="L116" s="6">
        <v>1086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2</v>
      </c>
      <c r="E117" s="9" t="s">
        <v>227</v>
      </c>
      <c r="F117" s="9" t="s">
        <v>282</v>
      </c>
      <c r="G117" s="9" t="s">
        <v>6</v>
      </c>
      <c r="H117" s="6">
        <v>175689</v>
      </c>
      <c r="I117" s="6">
        <v>110167</v>
      </c>
      <c r="J117" s="6">
        <v>103972</v>
      </c>
      <c r="K117" s="6">
        <v>65032</v>
      </c>
      <c r="L117" s="6">
        <v>490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2</v>
      </c>
      <c r="E118" s="9" t="s">
        <v>227</v>
      </c>
      <c r="F118" s="9" t="s">
        <v>282</v>
      </c>
      <c r="G118" s="9" t="s">
        <v>272</v>
      </c>
      <c r="H118" s="6">
        <v>2911</v>
      </c>
      <c r="I118" s="6">
        <v>1239</v>
      </c>
      <c r="J118" s="6">
        <v>1159</v>
      </c>
      <c r="K118" s="6">
        <v>1665</v>
      </c>
      <c r="L118" s="6">
        <v>7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2</v>
      </c>
      <c r="E119" s="9" t="s">
        <v>227</v>
      </c>
      <c r="F119" s="9" t="s">
        <v>282</v>
      </c>
      <c r="G119" s="9" t="s">
        <v>273</v>
      </c>
      <c r="H119" s="6">
        <v>5230</v>
      </c>
      <c r="I119" s="6">
        <v>3213</v>
      </c>
      <c r="J119" s="6">
        <v>3009</v>
      </c>
      <c r="K119" s="6">
        <v>1996</v>
      </c>
      <c r="L119" s="6">
        <v>21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2</v>
      </c>
      <c r="E120" s="9" t="s">
        <v>227</v>
      </c>
      <c r="F120" s="9" t="s">
        <v>282</v>
      </c>
      <c r="G120" s="9" t="s">
        <v>274</v>
      </c>
      <c r="H120" s="6">
        <v>6676</v>
      </c>
      <c r="I120" s="6">
        <v>4904</v>
      </c>
      <c r="J120" s="6">
        <v>4648</v>
      </c>
      <c r="K120" s="6">
        <v>1766</v>
      </c>
      <c r="L120" s="6">
        <v>6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2</v>
      </c>
      <c r="E121" s="9" t="s">
        <v>227</v>
      </c>
      <c r="F121" s="9" t="s">
        <v>282</v>
      </c>
      <c r="G121" s="9" t="s">
        <v>275</v>
      </c>
      <c r="H121" s="6">
        <v>5685</v>
      </c>
      <c r="I121" s="6">
        <v>4285</v>
      </c>
      <c r="J121" s="6">
        <v>4083</v>
      </c>
      <c r="K121" s="6">
        <v>1400</v>
      </c>
      <c r="L121" s="10" t="s">
        <v>55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2</v>
      </c>
      <c r="E122" s="9" t="s">
        <v>227</v>
      </c>
      <c r="F122" s="9" t="s">
        <v>282</v>
      </c>
      <c r="G122" s="9" t="s">
        <v>276</v>
      </c>
      <c r="H122" s="6">
        <v>5908</v>
      </c>
      <c r="I122" s="6">
        <v>4840</v>
      </c>
      <c r="J122" s="6">
        <v>4537</v>
      </c>
      <c r="K122" s="6">
        <v>1063</v>
      </c>
      <c r="L122" s="6">
        <v>5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2</v>
      </c>
      <c r="E123" s="9" t="s">
        <v>227</v>
      </c>
      <c r="F123" s="9" t="s">
        <v>282</v>
      </c>
      <c r="G123" s="9" t="s">
        <v>277</v>
      </c>
      <c r="H123" s="6">
        <v>6369</v>
      </c>
      <c r="I123" s="6">
        <v>5041</v>
      </c>
      <c r="J123" s="6">
        <v>4774</v>
      </c>
      <c r="K123" s="6">
        <v>1323</v>
      </c>
      <c r="L123" s="6">
        <v>5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2</v>
      </c>
      <c r="E124" s="9" t="s">
        <v>227</v>
      </c>
      <c r="F124" s="9" t="s">
        <v>282</v>
      </c>
      <c r="G124" s="9" t="s">
        <v>278</v>
      </c>
      <c r="H124" s="6">
        <v>8145</v>
      </c>
      <c r="I124" s="6">
        <v>6464</v>
      </c>
      <c r="J124" s="6">
        <v>6260</v>
      </c>
      <c r="K124" s="6">
        <v>1671</v>
      </c>
      <c r="L124" s="6">
        <v>10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2</v>
      </c>
      <c r="E125" s="9" t="s">
        <v>227</v>
      </c>
      <c r="F125" s="9" t="s">
        <v>282</v>
      </c>
      <c r="G125" s="9" t="s">
        <v>279</v>
      </c>
      <c r="H125" s="6">
        <v>6791</v>
      </c>
      <c r="I125" s="6">
        <v>5259</v>
      </c>
      <c r="J125" s="6">
        <v>5081</v>
      </c>
      <c r="K125" s="6">
        <v>1522</v>
      </c>
      <c r="L125" s="6">
        <v>10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2</v>
      </c>
      <c r="E126" s="9" t="s">
        <v>227</v>
      </c>
      <c r="F126" s="9" t="s">
        <v>282</v>
      </c>
      <c r="G126" s="9" t="s">
        <v>280</v>
      </c>
      <c r="H126" s="6">
        <v>127974</v>
      </c>
      <c r="I126" s="6">
        <v>74922</v>
      </c>
      <c r="J126" s="6">
        <v>70421</v>
      </c>
      <c r="K126" s="6">
        <v>52626</v>
      </c>
      <c r="L126" s="6">
        <v>426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2</v>
      </c>
      <c r="E127" s="9" t="s">
        <v>227</v>
      </c>
      <c r="F127" s="9" t="s">
        <v>283</v>
      </c>
      <c r="G127" s="9" t="s">
        <v>6</v>
      </c>
      <c r="H127" s="6">
        <v>55171</v>
      </c>
      <c r="I127" s="6">
        <v>37221</v>
      </c>
      <c r="J127" s="6">
        <v>35168</v>
      </c>
      <c r="K127" s="6">
        <v>17799</v>
      </c>
      <c r="L127" s="6">
        <v>151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2</v>
      </c>
      <c r="E128" s="9" t="s">
        <v>227</v>
      </c>
      <c r="F128" s="9" t="s">
        <v>283</v>
      </c>
      <c r="G128" s="9" t="s">
        <v>272</v>
      </c>
      <c r="H128" s="6">
        <v>2081</v>
      </c>
      <c r="I128" s="6">
        <v>908</v>
      </c>
      <c r="J128" s="6">
        <v>826</v>
      </c>
      <c r="K128" s="6">
        <v>1173</v>
      </c>
      <c r="L128" s="10" t="s">
        <v>55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2</v>
      </c>
      <c r="E129" s="9" t="s">
        <v>227</v>
      </c>
      <c r="F129" s="9" t="s">
        <v>283</v>
      </c>
      <c r="G129" s="9" t="s">
        <v>273</v>
      </c>
      <c r="H129" s="6">
        <v>4039</v>
      </c>
      <c r="I129" s="6">
        <v>2495</v>
      </c>
      <c r="J129" s="6">
        <v>2354</v>
      </c>
      <c r="K129" s="6">
        <v>1525</v>
      </c>
      <c r="L129" s="6">
        <v>19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2</v>
      </c>
      <c r="E130" s="9" t="s">
        <v>227</v>
      </c>
      <c r="F130" s="9" t="s">
        <v>283</v>
      </c>
      <c r="G130" s="9" t="s">
        <v>274</v>
      </c>
      <c r="H130" s="6">
        <v>5356</v>
      </c>
      <c r="I130" s="6">
        <v>4045</v>
      </c>
      <c r="J130" s="6">
        <v>3853</v>
      </c>
      <c r="K130" s="6">
        <v>1297</v>
      </c>
      <c r="L130" s="6">
        <v>14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2</v>
      </c>
      <c r="E131" s="9" t="s">
        <v>227</v>
      </c>
      <c r="F131" s="9" t="s">
        <v>283</v>
      </c>
      <c r="G131" s="9" t="s">
        <v>275</v>
      </c>
      <c r="H131" s="6">
        <v>4724</v>
      </c>
      <c r="I131" s="6">
        <v>3583</v>
      </c>
      <c r="J131" s="6">
        <v>3380</v>
      </c>
      <c r="K131" s="6">
        <v>1133</v>
      </c>
      <c r="L131" s="6">
        <v>8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2</v>
      </c>
      <c r="E132" s="9" t="s">
        <v>227</v>
      </c>
      <c r="F132" s="9" t="s">
        <v>283</v>
      </c>
      <c r="G132" s="9" t="s">
        <v>276</v>
      </c>
      <c r="H132" s="6">
        <v>5127</v>
      </c>
      <c r="I132" s="6">
        <v>3881</v>
      </c>
      <c r="J132" s="6">
        <v>3713</v>
      </c>
      <c r="K132" s="6">
        <v>1216</v>
      </c>
      <c r="L132" s="6">
        <v>30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2</v>
      </c>
      <c r="E133" s="9" t="s">
        <v>227</v>
      </c>
      <c r="F133" s="9" t="s">
        <v>283</v>
      </c>
      <c r="G133" s="9" t="s">
        <v>277</v>
      </c>
      <c r="H133" s="6">
        <v>4772</v>
      </c>
      <c r="I133" s="6">
        <v>3797</v>
      </c>
      <c r="J133" s="6">
        <v>3563</v>
      </c>
      <c r="K133" s="6">
        <v>960</v>
      </c>
      <c r="L133" s="6">
        <v>15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2</v>
      </c>
      <c r="E134" s="9" t="s">
        <v>227</v>
      </c>
      <c r="F134" s="9" t="s">
        <v>283</v>
      </c>
      <c r="G134" s="9" t="s">
        <v>278</v>
      </c>
      <c r="H134" s="6">
        <v>4981</v>
      </c>
      <c r="I134" s="6">
        <v>3771</v>
      </c>
      <c r="J134" s="6">
        <v>3570</v>
      </c>
      <c r="K134" s="6">
        <v>1204</v>
      </c>
      <c r="L134" s="6">
        <v>6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2</v>
      </c>
      <c r="E135" s="9" t="s">
        <v>227</v>
      </c>
      <c r="F135" s="9" t="s">
        <v>283</v>
      </c>
      <c r="G135" s="9" t="s">
        <v>279</v>
      </c>
      <c r="H135" s="6">
        <v>3268</v>
      </c>
      <c r="I135" s="6">
        <v>2265</v>
      </c>
      <c r="J135" s="6">
        <v>2163</v>
      </c>
      <c r="K135" s="6">
        <v>1003</v>
      </c>
      <c r="L135" s="10" t="s">
        <v>55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2</v>
      </c>
      <c r="E136" s="9" t="s">
        <v>227</v>
      </c>
      <c r="F136" s="9" t="s">
        <v>283</v>
      </c>
      <c r="G136" s="9" t="s">
        <v>280</v>
      </c>
      <c r="H136" s="6">
        <v>20823</v>
      </c>
      <c r="I136" s="6">
        <v>12476</v>
      </c>
      <c r="J136" s="6">
        <v>11746</v>
      </c>
      <c r="K136" s="6">
        <v>8288</v>
      </c>
      <c r="L136" s="6">
        <v>59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2</v>
      </c>
      <c r="E137" s="9" t="s">
        <v>228</v>
      </c>
      <c r="F137" s="9" t="s">
        <v>6</v>
      </c>
      <c r="G137" s="9" t="s">
        <v>6</v>
      </c>
      <c r="H137" s="6">
        <v>895233</v>
      </c>
      <c r="I137" s="6">
        <v>144383</v>
      </c>
      <c r="J137" s="6">
        <v>122440</v>
      </c>
      <c r="K137" s="6">
        <v>749231</v>
      </c>
      <c r="L137" s="6">
        <v>1619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2</v>
      </c>
      <c r="E138" s="9" t="s">
        <v>228</v>
      </c>
      <c r="F138" s="9" t="s">
        <v>234</v>
      </c>
      <c r="G138" s="9" t="s">
        <v>6</v>
      </c>
      <c r="H138" s="6">
        <v>157955</v>
      </c>
      <c r="I138" s="6">
        <v>25213</v>
      </c>
      <c r="J138" s="6">
        <v>21305</v>
      </c>
      <c r="K138" s="6">
        <v>132333</v>
      </c>
      <c r="L138" s="6">
        <v>409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2</v>
      </c>
      <c r="E139" s="9" t="s">
        <v>228</v>
      </c>
      <c r="F139" s="9" t="s">
        <v>235</v>
      </c>
      <c r="G139" s="9" t="s">
        <v>6</v>
      </c>
      <c r="H139" s="6">
        <v>737278</v>
      </c>
      <c r="I139" s="6">
        <v>119170</v>
      </c>
      <c r="J139" s="6">
        <v>101135</v>
      </c>
      <c r="K139" s="6">
        <v>616898</v>
      </c>
      <c r="L139" s="6">
        <v>1210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2</v>
      </c>
      <c r="E140" s="9" t="s">
        <v>228</v>
      </c>
      <c r="F140" s="9" t="s">
        <v>235</v>
      </c>
      <c r="G140" s="9" t="s">
        <v>272</v>
      </c>
      <c r="H140" s="6">
        <v>397</v>
      </c>
      <c r="I140" s="6">
        <v>93</v>
      </c>
      <c r="J140" s="6">
        <v>89</v>
      </c>
      <c r="K140" s="6">
        <v>304</v>
      </c>
      <c r="L140" s="10" t="s">
        <v>55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2</v>
      </c>
      <c r="E141" s="9" t="s">
        <v>228</v>
      </c>
      <c r="F141" s="9" t="s">
        <v>235</v>
      </c>
      <c r="G141" s="9" t="s">
        <v>273</v>
      </c>
      <c r="H141" s="6">
        <v>625</v>
      </c>
      <c r="I141" s="6">
        <v>287</v>
      </c>
      <c r="J141" s="6">
        <v>260</v>
      </c>
      <c r="K141" s="6">
        <v>332</v>
      </c>
      <c r="L141" s="6">
        <v>6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2</v>
      </c>
      <c r="E142" s="9" t="s">
        <v>228</v>
      </c>
      <c r="F142" s="9" t="s">
        <v>235</v>
      </c>
      <c r="G142" s="9" t="s">
        <v>274</v>
      </c>
      <c r="H142" s="6">
        <v>611</v>
      </c>
      <c r="I142" s="6">
        <v>320</v>
      </c>
      <c r="J142" s="6">
        <v>268</v>
      </c>
      <c r="K142" s="6">
        <v>291</v>
      </c>
      <c r="L142" s="10" t="s">
        <v>55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2</v>
      </c>
      <c r="E143" s="9" t="s">
        <v>228</v>
      </c>
      <c r="F143" s="9" t="s">
        <v>235</v>
      </c>
      <c r="G143" s="9" t="s">
        <v>275</v>
      </c>
      <c r="H143" s="6">
        <v>652</v>
      </c>
      <c r="I143" s="6">
        <v>422</v>
      </c>
      <c r="J143" s="6">
        <v>364</v>
      </c>
      <c r="K143" s="6">
        <v>220</v>
      </c>
      <c r="L143" s="6">
        <v>10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2</v>
      </c>
      <c r="E144" s="9" t="s">
        <v>228</v>
      </c>
      <c r="F144" s="9" t="s">
        <v>235</v>
      </c>
      <c r="G144" s="9" t="s">
        <v>276</v>
      </c>
      <c r="H144" s="6">
        <v>671</v>
      </c>
      <c r="I144" s="6">
        <v>383</v>
      </c>
      <c r="J144" s="6">
        <v>374</v>
      </c>
      <c r="K144" s="6">
        <v>278</v>
      </c>
      <c r="L144" s="6">
        <v>10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2</v>
      </c>
      <c r="E145" s="9" t="s">
        <v>228</v>
      </c>
      <c r="F145" s="9" t="s">
        <v>235</v>
      </c>
      <c r="G145" s="9" t="s">
        <v>277</v>
      </c>
      <c r="H145" s="6">
        <v>840</v>
      </c>
      <c r="I145" s="6">
        <v>502</v>
      </c>
      <c r="J145" s="6">
        <v>454</v>
      </c>
      <c r="K145" s="6">
        <v>338</v>
      </c>
      <c r="L145" s="10" t="s">
        <v>55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2</v>
      </c>
      <c r="E146" s="9" t="s">
        <v>228</v>
      </c>
      <c r="F146" s="9" t="s">
        <v>235</v>
      </c>
      <c r="G146" s="9" t="s">
        <v>278</v>
      </c>
      <c r="H146" s="6">
        <v>1224</v>
      </c>
      <c r="I146" s="6">
        <v>722</v>
      </c>
      <c r="J146" s="6">
        <v>671</v>
      </c>
      <c r="K146" s="6">
        <v>497</v>
      </c>
      <c r="L146" s="6">
        <v>5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2</v>
      </c>
      <c r="E147" s="9" t="s">
        <v>228</v>
      </c>
      <c r="F147" s="9" t="s">
        <v>235</v>
      </c>
      <c r="G147" s="9" t="s">
        <v>279</v>
      </c>
      <c r="H147" s="6">
        <v>986</v>
      </c>
      <c r="I147" s="6">
        <v>629</v>
      </c>
      <c r="J147" s="6">
        <v>571</v>
      </c>
      <c r="K147" s="6">
        <v>357</v>
      </c>
      <c r="L147" s="10" t="s">
        <v>55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2</v>
      </c>
      <c r="E148" s="9" t="s">
        <v>228</v>
      </c>
      <c r="F148" s="9" t="s">
        <v>235</v>
      </c>
      <c r="G148" s="9" t="s">
        <v>280</v>
      </c>
      <c r="H148" s="6">
        <v>731272</v>
      </c>
      <c r="I148" s="6">
        <v>115812</v>
      </c>
      <c r="J148" s="6">
        <v>98084</v>
      </c>
      <c r="K148" s="6">
        <v>614281</v>
      </c>
      <c r="L148" s="6">
        <v>1179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2</v>
      </c>
      <c r="E149" s="9" t="s">
        <v>228</v>
      </c>
      <c r="F149" s="9" t="s">
        <v>281</v>
      </c>
      <c r="G149" s="9" t="s">
        <v>6</v>
      </c>
      <c r="H149" s="6">
        <v>592544</v>
      </c>
      <c r="I149" s="6">
        <v>88807</v>
      </c>
      <c r="J149" s="6">
        <v>74654</v>
      </c>
      <c r="K149" s="6">
        <v>502753</v>
      </c>
      <c r="L149" s="6">
        <v>984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2</v>
      </c>
      <c r="E150" s="9" t="s">
        <v>228</v>
      </c>
      <c r="F150" s="9" t="s">
        <v>281</v>
      </c>
      <c r="G150" s="9" t="s">
        <v>272</v>
      </c>
      <c r="H150" s="6">
        <v>146</v>
      </c>
      <c r="I150" s="6">
        <v>40</v>
      </c>
      <c r="J150" s="6">
        <v>36</v>
      </c>
      <c r="K150" s="6">
        <v>106</v>
      </c>
      <c r="L150" s="10" t="s">
        <v>55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2</v>
      </c>
      <c r="E151" s="9" t="s">
        <v>228</v>
      </c>
      <c r="F151" s="9" t="s">
        <v>281</v>
      </c>
      <c r="G151" s="9" t="s">
        <v>273</v>
      </c>
      <c r="H151" s="6">
        <v>256</v>
      </c>
      <c r="I151" s="6">
        <v>109</v>
      </c>
      <c r="J151" s="6">
        <v>82</v>
      </c>
      <c r="K151" s="6">
        <v>147</v>
      </c>
      <c r="L151" s="10" t="s">
        <v>55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2</v>
      </c>
      <c r="E152" s="9" t="s">
        <v>228</v>
      </c>
      <c r="F152" s="9" t="s">
        <v>281</v>
      </c>
      <c r="G152" s="9" t="s">
        <v>274</v>
      </c>
      <c r="H152" s="6">
        <v>217</v>
      </c>
      <c r="I152" s="6">
        <v>123</v>
      </c>
      <c r="J152" s="6">
        <v>110</v>
      </c>
      <c r="K152" s="6">
        <v>94</v>
      </c>
      <c r="L152" s="10" t="s">
        <v>55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2</v>
      </c>
      <c r="E153" s="9" t="s">
        <v>228</v>
      </c>
      <c r="F153" s="9" t="s">
        <v>281</v>
      </c>
      <c r="G153" s="9" t="s">
        <v>275</v>
      </c>
      <c r="H153" s="6">
        <v>234</v>
      </c>
      <c r="I153" s="6">
        <v>149</v>
      </c>
      <c r="J153" s="6">
        <v>128</v>
      </c>
      <c r="K153" s="6">
        <v>81</v>
      </c>
      <c r="L153" s="6">
        <v>4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2</v>
      </c>
      <c r="E154" s="9" t="s">
        <v>228</v>
      </c>
      <c r="F154" s="9" t="s">
        <v>281</v>
      </c>
      <c r="G154" s="9" t="s">
        <v>276</v>
      </c>
      <c r="H154" s="6">
        <v>192</v>
      </c>
      <c r="I154" s="6">
        <v>121</v>
      </c>
      <c r="J154" s="6">
        <v>117</v>
      </c>
      <c r="K154" s="6">
        <v>66</v>
      </c>
      <c r="L154" s="6">
        <v>5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2</v>
      </c>
      <c r="E155" s="9" t="s">
        <v>228</v>
      </c>
      <c r="F155" s="9" t="s">
        <v>281</v>
      </c>
      <c r="G155" s="9" t="s">
        <v>277</v>
      </c>
      <c r="H155" s="6">
        <v>241</v>
      </c>
      <c r="I155" s="6">
        <v>157</v>
      </c>
      <c r="J155" s="6">
        <v>140</v>
      </c>
      <c r="K155" s="6">
        <v>84</v>
      </c>
      <c r="L155" s="10" t="s">
        <v>55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2</v>
      </c>
      <c r="E156" s="9" t="s">
        <v>228</v>
      </c>
      <c r="F156" s="9" t="s">
        <v>281</v>
      </c>
      <c r="G156" s="9" t="s">
        <v>278</v>
      </c>
      <c r="H156" s="6">
        <v>401</v>
      </c>
      <c r="I156" s="6">
        <v>243</v>
      </c>
      <c r="J156" s="6">
        <v>218</v>
      </c>
      <c r="K156" s="6">
        <v>158</v>
      </c>
      <c r="L156" s="10" t="s">
        <v>55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2</v>
      </c>
      <c r="E157" s="9" t="s">
        <v>228</v>
      </c>
      <c r="F157" s="9" t="s">
        <v>281</v>
      </c>
      <c r="G157" s="9" t="s">
        <v>279</v>
      </c>
      <c r="H157" s="6">
        <v>336</v>
      </c>
      <c r="I157" s="6">
        <v>232</v>
      </c>
      <c r="J157" s="6">
        <v>206</v>
      </c>
      <c r="K157" s="6">
        <v>104</v>
      </c>
      <c r="L157" s="10" t="s">
        <v>55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2</v>
      </c>
      <c r="E158" s="9" t="s">
        <v>228</v>
      </c>
      <c r="F158" s="9" t="s">
        <v>281</v>
      </c>
      <c r="G158" s="9" t="s">
        <v>280</v>
      </c>
      <c r="H158" s="6">
        <v>590521</v>
      </c>
      <c r="I158" s="6">
        <v>87633</v>
      </c>
      <c r="J158" s="6">
        <v>73617</v>
      </c>
      <c r="K158" s="6">
        <v>501913</v>
      </c>
      <c r="L158" s="6">
        <v>975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2</v>
      </c>
      <c r="E159" s="9" t="s">
        <v>228</v>
      </c>
      <c r="F159" s="9" t="s">
        <v>282</v>
      </c>
      <c r="G159" s="9" t="s">
        <v>6</v>
      </c>
      <c r="H159" s="6">
        <v>129570</v>
      </c>
      <c r="I159" s="6">
        <v>25773</v>
      </c>
      <c r="J159" s="6">
        <v>22359</v>
      </c>
      <c r="K159" s="6">
        <v>103595</v>
      </c>
      <c r="L159" s="6">
        <v>202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2</v>
      </c>
      <c r="E160" s="9" t="s">
        <v>228</v>
      </c>
      <c r="F160" s="9" t="s">
        <v>282</v>
      </c>
      <c r="G160" s="9" t="s">
        <v>272</v>
      </c>
      <c r="H160" s="6">
        <v>109</v>
      </c>
      <c r="I160" s="6">
        <v>5</v>
      </c>
      <c r="J160" s="6">
        <v>5</v>
      </c>
      <c r="K160" s="6">
        <v>104</v>
      </c>
      <c r="L160" s="10" t="s">
        <v>55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2</v>
      </c>
      <c r="E161" s="9" t="s">
        <v>228</v>
      </c>
      <c r="F161" s="9" t="s">
        <v>282</v>
      </c>
      <c r="G161" s="9" t="s">
        <v>273</v>
      </c>
      <c r="H161" s="6">
        <v>178</v>
      </c>
      <c r="I161" s="6">
        <v>97</v>
      </c>
      <c r="J161" s="6">
        <v>97</v>
      </c>
      <c r="K161" s="6">
        <v>81</v>
      </c>
      <c r="L161" s="10" t="s">
        <v>55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2</v>
      </c>
      <c r="E162" s="9" t="s">
        <v>228</v>
      </c>
      <c r="F162" s="9" t="s">
        <v>282</v>
      </c>
      <c r="G162" s="9" t="s">
        <v>274</v>
      </c>
      <c r="H162" s="6">
        <v>214</v>
      </c>
      <c r="I162" s="6">
        <v>82</v>
      </c>
      <c r="J162" s="6">
        <v>65</v>
      </c>
      <c r="K162" s="6">
        <v>132</v>
      </c>
      <c r="L162" s="10" t="s">
        <v>55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2</v>
      </c>
      <c r="E163" s="9" t="s">
        <v>228</v>
      </c>
      <c r="F163" s="9" t="s">
        <v>282</v>
      </c>
      <c r="G163" s="9" t="s">
        <v>275</v>
      </c>
      <c r="H163" s="6">
        <v>202</v>
      </c>
      <c r="I163" s="6">
        <v>138</v>
      </c>
      <c r="J163" s="6">
        <v>113</v>
      </c>
      <c r="K163" s="6">
        <v>58</v>
      </c>
      <c r="L163" s="6">
        <v>6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2</v>
      </c>
      <c r="E164" s="9" t="s">
        <v>228</v>
      </c>
      <c r="F164" s="9" t="s">
        <v>282</v>
      </c>
      <c r="G164" s="9" t="s">
        <v>276</v>
      </c>
      <c r="H164" s="6">
        <v>216</v>
      </c>
      <c r="I164" s="6">
        <v>107</v>
      </c>
      <c r="J164" s="6">
        <v>102</v>
      </c>
      <c r="K164" s="6">
        <v>104</v>
      </c>
      <c r="L164" s="6">
        <v>5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2</v>
      </c>
      <c r="E165" s="9" t="s">
        <v>228</v>
      </c>
      <c r="F165" s="9" t="s">
        <v>282</v>
      </c>
      <c r="G165" s="9" t="s">
        <v>277</v>
      </c>
      <c r="H165" s="6">
        <v>329</v>
      </c>
      <c r="I165" s="6">
        <v>213</v>
      </c>
      <c r="J165" s="6">
        <v>188</v>
      </c>
      <c r="K165" s="6">
        <v>116</v>
      </c>
      <c r="L165" s="10" t="s">
        <v>55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2</v>
      </c>
      <c r="E166" s="9" t="s">
        <v>228</v>
      </c>
      <c r="F166" s="9" t="s">
        <v>282</v>
      </c>
      <c r="G166" s="9" t="s">
        <v>278</v>
      </c>
      <c r="H166" s="6">
        <v>475</v>
      </c>
      <c r="I166" s="6">
        <v>280</v>
      </c>
      <c r="J166" s="6">
        <v>254</v>
      </c>
      <c r="K166" s="6">
        <v>190</v>
      </c>
      <c r="L166" s="6">
        <v>5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2</v>
      </c>
      <c r="E167" s="9" t="s">
        <v>228</v>
      </c>
      <c r="F167" s="9" t="s">
        <v>282</v>
      </c>
      <c r="G167" s="9" t="s">
        <v>279</v>
      </c>
      <c r="H167" s="6">
        <v>385</v>
      </c>
      <c r="I167" s="6">
        <v>255</v>
      </c>
      <c r="J167" s="6">
        <v>230</v>
      </c>
      <c r="K167" s="6">
        <v>130</v>
      </c>
      <c r="L167" s="10" t="s">
        <v>55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2</v>
      </c>
      <c r="E168" s="9" t="s">
        <v>228</v>
      </c>
      <c r="F168" s="9" t="s">
        <v>282</v>
      </c>
      <c r="G168" s="9" t="s">
        <v>280</v>
      </c>
      <c r="H168" s="6">
        <v>127462</v>
      </c>
      <c r="I168" s="6">
        <v>24596</v>
      </c>
      <c r="J168" s="6">
        <v>21305</v>
      </c>
      <c r="K168" s="6">
        <v>102680</v>
      </c>
      <c r="L168" s="6">
        <v>186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2</v>
      </c>
      <c r="E169" s="9" t="s">
        <v>228</v>
      </c>
      <c r="F169" s="9" t="s">
        <v>283</v>
      </c>
      <c r="G169" s="9" t="s">
        <v>6</v>
      </c>
      <c r="H169" s="6">
        <v>15164</v>
      </c>
      <c r="I169" s="6">
        <v>4590</v>
      </c>
      <c r="J169" s="6">
        <v>4122</v>
      </c>
      <c r="K169" s="6">
        <v>10550</v>
      </c>
      <c r="L169" s="6">
        <v>24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2</v>
      </c>
      <c r="E170" s="9" t="s">
        <v>228</v>
      </c>
      <c r="F170" s="9" t="s">
        <v>283</v>
      </c>
      <c r="G170" s="9" t="s">
        <v>272</v>
      </c>
      <c r="H170" s="6">
        <v>142</v>
      </c>
      <c r="I170" s="6">
        <v>48</v>
      </c>
      <c r="J170" s="6">
        <v>48</v>
      </c>
      <c r="K170" s="6">
        <v>94</v>
      </c>
      <c r="L170" s="10" t="s">
        <v>55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2</v>
      </c>
      <c r="E171" s="9" t="s">
        <v>228</v>
      </c>
      <c r="F171" s="9" t="s">
        <v>283</v>
      </c>
      <c r="G171" s="9" t="s">
        <v>273</v>
      </c>
      <c r="H171" s="6">
        <v>191</v>
      </c>
      <c r="I171" s="6">
        <v>81</v>
      </c>
      <c r="J171" s="6">
        <v>81</v>
      </c>
      <c r="K171" s="6">
        <v>104</v>
      </c>
      <c r="L171" s="6">
        <v>6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2</v>
      </c>
      <c r="E172" s="9" t="s">
        <v>228</v>
      </c>
      <c r="F172" s="9" t="s">
        <v>283</v>
      </c>
      <c r="G172" s="9" t="s">
        <v>274</v>
      </c>
      <c r="H172" s="6">
        <v>180</v>
      </c>
      <c r="I172" s="6">
        <v>115</v>
      </c>
      <c r="J172" s="6">
        <v>93</v>
      </c>
      <c r="K172" s="6">
        <v>65</v>
      </c>
      <c r="L172" s="10" t="s">
        <v>55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2</v>
      </c>
      <c r="E173" s="9" t="s">
        <v>228</v>
      </c>
      <c r="F173" s="9" t="s">
        <v>283</v>
      </c>
      <c r="G173" s="9" t="s">
        <v>275</v>
      </c>
      <c r="H173" s="6">
        <v>216</v>
      </c>
      <c r="I173" s="6">
        <v>135</v>
      </c>
      <c r="J173" s="6">
        <v>123</v>
      </c>
      <c r="K173" s="6">
        <v>81</v>
      </c>
      <c r="L173" s="10" t="s">
        <v>55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2</v>
      </c>
      <c r="E174" s="9" t="s">
        <v>228</v>
      </c>
      <c r="F174" s="9" t="s">
        <v>283</v>
      </c>
      <c r="G174" s="9" t="s">
        <v>276</v>
      </c>
      <c r="H174" s="6">
        <v>263</v>
      </c>
      <c r="I174" s="6">
        <v>155</v>
      </c>
      <c r="J174" s="6">
        <v>155</v>
      </c>
      <c r="K174" s="6">
        <v>108</v>
      </c>
      <c r="L174" s="10" t="s">
        <v>55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2</v>
      </c>
      <c r="E175" s="9" t="s">
        <v>228</v>
      </c>
      <c r="F175" s="9" t="s">
        <v>283</v>
      </c>
      <c r="G175" s="9" t="s">
        <v>277</v>
      </c>
      <c r="H175" s="6">
        <v>270</v>
      </c>
      <c r="I175" s="6">
        <v>132</v>
      </c>
      <c r="J175" s="6">
        <v>126</v>
      </c>
      <c r="K175" s="6">
        <v>138</v>
      </c>
      <c r="L175" s="10" t="s">
        <v>55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2</v>
      </c>
      <c r="E176" s="9" t="s">
        <v>228</v>
      </c>
      <c r="F176" s="9" t="s">
        <v>283</v>
      </c>
      <c r="G176" s="9" t="s">
        <v>278</v>
      </c>
      <c r="H176" s="6">
        <v>348</v>
      </c>
      <c r="I176" s="6">
        <v>199</v>
      </c>
      <c r="J176" s="6">
        <v>199</v>
      </c>
      <c r="K176" s="6">
        <v>149</v>
      </c>
      <c r="L176" s="10" t="s">
        <v>55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2</v>
      </c>
      <c r="E177" s="9" t="s">
        <v>228</v>
      </c>
      <c r="F177" s="9" t="s">
        <v>283</v>
      </c>
      <c r="G177" s="9" t="s">
        <v>279</v>
      </c>
      <c r="H177" s="6">
        <v>265</v>
      </c>
      <c r="I177" s="6">
        <v>142</v>
      </c>
      <c r="J177" s="6">
        <v>135</v>
      </c>
      <c r="K177" s="6">
        <v>123</v>
      </c>
      <c r="L177" s="10" t="s">
        <v>55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2</v>
      </c>
      <c r="E178" s="9" t="s">
        <v>228</v>
      </c>
      <c r="F178" s="9" t="s">
        <v>283</v>
      </c>
      <c r="G178" s="9" t="s">
        <v>280</v>
      </c>
      <c r="H178" s="6">
        <v>13289</v>
      </c>
      <c r="I178" s="6">
        <v>3583</v>
      </c>
      <c r="J178" s="6">
        <v>3162</v>
      </c>
      <c r="K178" s="6">
        <v>9688</v>
      </c>
      <c r="L178" s="6">
        <v>18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2</v>
      </c>
      <c r="E179" s="9" t="s">
        <v>18</v>
      </c>
      <c r="F179" s="9" t="s">
        <v>6</v>
      </c>
      <c r="G179" s="9" t="s">
        <v>6</v>
      </c>
      <c r="H179" s="6">
        <v>188969</v>
      </c>
      <c r="I179" s="6">
        <v>3438</v>
      </c>
      <c r="J179" s="6">
        <v>2396</v>
      </c>
      <c r="K179" s="6">
        <v>3456</v>
      </c>
      <c r="L179" s="6">
        <v>182075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2</v>
      </c>
      <c r="E180" s="9" t="s">
        <v>18</v>
      </c>
      <c r="F180" s="9" t="s">
        <v>234</v>
      </c>
      <c r="G180" s="9" t="s">
        <v>6</v>
      </c>
      <c r="H180" s="6">
        <v>52923</v>
      </c>
      <c r="I180" s="6">
        <v>808</v>
      </c>
      <c r="J180" s="6">
        <v>583</v>
      </c>
      <c r="K180" s="6">
        <v>843</v>
      </c>
      <c r="L180" s="6">
        <v>51272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2</v>
      </c>
      <c r="E181" s="9" t="s">
        <v>18</v>
      </c>
      <c r="F181" s="9" t="s">
        <v>235</v>
      </c>
      <c r="G181" s="9" t="s">
        <v>6</v>
      </c>
      <c r="H181" s="6">
        <v>136046</v>
      </c>
      <c r="I181" s="6">
        <v>2630</v>
      </c>
      <c r="J181" s="6">
        <v>1813</v>
      </c>
      <c r="K181" s="6">
        <v>2613</v>
      </c>
      <c r="L181" s="6">
        <v>130803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2</v>
      </c>
      <c r="E182" s="9" t="s">
        <v>18</v>
      </c>
      <c r="F182" s="9" t="s">
        <v>235</v>
      </c>
      <c r="G182" s="9" t="s">
        <v>272</v>
      </c>
      <c r="H182" s="6">
        <v>4272</v>
      </c>
      <c r="I182" s="6">
        <v>6</v>
      </c>
      <c r="J182" s="10" t="s">
        <v>55</v>
      </c>
      <c r="K182" s="10" t="s">
        <v>55</v>
      </c>
      <c r="L182" s="6">
        <v>4266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2</v>
      </c>
      <c r="E183" s="9" t="s">
        <v>18</v>
      </c>
      <c r="F183" s="9" t="s">
        <v>235</v>
      </c>
      <c r="G183" s="9" t="s">
        <v>273</v>
      </c>
      <c r="H183" s="6">
        <v>8544</v>
      </c>
      <c r="I183" s="6">
        <v>26</v>
      </c>
      <c r="J183" s="6">
        <v>26</v>
      </c>
      <c r="K183" s="6">
        <v>12</v>
      </c>
      <c r="L183" s="6">
        <v>8506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2</v>
      </c>
      <c r="E184" s="9" t="s">
        <v>18</v>
      </c>
      <c r="F184" s="9" t="s">
        <v>235</v>
      </c>
      <c r="G184" s="9" t="s">
        <v>274</v>
      </c>
      <c r="H184" s="6">
        <v>8896</v>
      </c>
      <c r="I184" s="6">
        <v>16</v>
      </c>
      <c r="J184" s="6">
        <v>11</v>
      </c>
      <c r="K184" s="6">
        <v>18</v>
      </c>
      <c r="L184" s="6">
        <v>8862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2</v>
      </c>
      <c r="E185" s="9" t="s">
        <v>18</v>
      </c>
      <c r="F185" s="9" t="s">
        <v>235</v>
      </c>
      <c r="G185" s="9" t="s">
        <v>275</v>
      </c>
      <c r="H185" s="6">
        <v>6720</v>
      </c>
      <c r="I185" s="6">
        <v>9</v>
      </c>
      <c r="J185" s="10" t="s">
        <v>55</v>
      </c>
      <c r="K185" s="6">
        <v>16</v>
      </c>
      <c r="L185" s="6">
        <v>6695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2</v>
      </c>
      <c r="E186" s="9" t="s">
        <v>18</v>
      </c>
      <c r="F186" s="9" t="s">
        <v>235</v>
      </c>
      <c r="G186" s="9" t="s">
        <v>276</v>
      </c>
      <c r="H186" s="6">
        <v>6640</v>
      </c>
      <c r="I186" s="6">
        <v>42</v>
      </c>
      <c r="J186" s="6">
        <v>29</v>
      </c>
      <c r="K186" s="6">
        <v>13</v>
      </c>
      <c r="L186" s="6">
        <v>6585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2</v>
      </c>
      <c r="E187" s="9" t="s">
        <v>18</v>
      </c>
      <c r="F187" s="9" t="s">
        <v>235</v>
      </c>
      <c r="G187" s="9" t="s">
        <v>277</v>
      </c>
      <c r="H187" s="6">
        <v>6414</v>
      </c>
      <c r="I187" s="6">
        <v>7</v>
      </c>
      <c r="J187" s="6">
        <v>7</v>
      </c>
      <c r="K187" s="6">
        <v>16</v>
      </c>
      <c r="L187" s="6">
        <v>6391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2</v>
      </c>
      <c r="E188" s="9" t="s">
        <v>18</v>
      </c>
      <c r="F188" s="9" t="s">
        <v>235</v>
      </c>
      <c r="G188" s="9" t="s">
        <v>278</v>
      </c>
      <c r="H188" s="6">
        <v>6515</v>
      </c>
      <c r="I188" s="6">
        <v>28</v>
      </c>
      <c r="J188" s="6">
        <v>28</v>
      </c>
      <c r="K188" s="6">
        <v>11</v>
      </c>
      <c r="L188" s="6">
        <v>6476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2</v>
      </c>
      <c r="E189" s="9" t="s">
        <v>18</v>
      </c>
      <c r="F189" s="9" t="s">
        <v>235</v>
      </c>
      <c r="G189" s="9" t="s">
        <v>279</v>
      </c>
      <c r="H189" s="6">
        <v>4561</v>
      </c>
      <c r="I189" s="6">
        <v>10</v>
      </c>
      <c r="J189" s="6">
        <v>5</v>
      </c>
      <c r="K189" s="6">
        <v>15</v>
      </c>
      <c r="L189" s="6">
        <v>4536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2</v>
      </c>
      <c r="E190" s="9" t="s">
        <v>18</v>
      </c>
      <c r="F190" s="9" t="s">
        <v>235</v>
      </c>
      <c r="G190" s="9" t="s">
        <v>280</v>
      </c>
      <c r="H190" s="6">
        <v>83484</v>
      </c>
      <c r="I190" s="6">
        <v>2486</v>
      </c>
      <c r="J190" s="6">
        <v>1707</v>
      </c>
      <c r="K190" s="6">
        <v>2512</v>
      </c>
      <c r="L190" s="6">
        <v>78486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2</v>
      </c>
      <c r="E191" s="9" t="s">
        <v>18</v>
      </c>
      <c r="F191" s="9" t="s">
        <v>281</v>
      </c>
      <c r="G191" s="9" t="s">
        <v>6</v>
      </c>
      <c r="H191" s="6">
        <v>77096</v>
      </c>
      <c r="I191" s="6">
        <v>1915</v>
      </c>
      <c r="J191" s="6">
        <v>1316</v>
      </c>
      <c r="K191" s="6">
        <v>2072</v>
      </c>
      <c r="L191" s="6">
        <v>73109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2</v>
      </c>
      <c r="E192" s="9" t="s">
        <v>18</v>
      </c>
      <c r="F192" s="9" t="s">
        <v>281</v>
      </c>
      <c r="G192" s="9" t="s">
        <v>272</v>
      </c>
      <c r="H192" s="6">
        <v>1853</v>
      </c>
      <c r="I192" s="10" t="s">
        <v>55</v>
      </c>
      <c r="J192" s="10" t="s">
        <v>55</v>
      </c>
      <c r="K192" s="10" t="s">
        <v>55</v>
      </c>
      <c r="L192" s="6">
        <v>1853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2</v>
      </c>
      <c r="E193" s="9" t="s">
        <v>18</v>
      </c>
      <c r="F193" s="9" t="s">
        <v>281</v>
      </c>
      <c r="G193" s="9" t="s">
        <v>273</v>
      </c>
      <c r="H193" s="6">
        <v>3473</v>
      </c>
      <c r="I193" s="6">
        <v>8</v>
      </c>
      <c r="J193" s="6">
        <v>8</v>
      </c>
      <c r="K193" s="6">
        <v>4</v>
      </c>
      <c r="L193" s="6">
        <v>3461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2</v>
      </c>
      <c r="E194" s="9" t="s">
        <v>18</v>
      </c>
      <c r="F194" s="9" t="s">
        <v>281</v>
      </c>
      <c r="G194" s="9" t="s">
        <v>274</v>
      </c>
      <c r="H194" s="6">
        <v>3285</v>
      </c>
      <c r="I194" s="10" t="s">
        <v>55</v>
      </c>
      <c r="J194" s="10" t="s">
        <v>55</v>
      </c>
      <c r="K194" s="6">
        <v>6</v>
      </c>
      <c r="L194" s="6">
        <v>3279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2</v>
      </c>
      <c r="E195" s="9" t="s">
        <v>18</v>
      </c>
      <c r="F195" s="9" t="s">
        <v>281</v>
      </c>
      <c r="G195" s="9" t="s">
        <v>275</v>
      </c>
      <c r="H195" s="6">
        <v>2126</v>
      </c>
      <c r="I195" s="6">
        <v>4</v>
      </c>
      <c r="J195" s="10" t="s">
        <v>55</v>
      </c>
      <c r="K195" s="6">
        <v>4</v>
      </c>
      <c r="L195" s="6">
        <v>2118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2</v>
      </c>
      <c r="E196" s="9" t="s">
        <v>18</v>
      </c>
      <c r="F196" s="9" t="s">
        <v>281</v>
      </c>
      <c r="G196" s="9" t="s">
        <v>276</v>
      </c>
      <c r="H196" s="6">
        <v>1752</v>
      </c>
      <c r="I196" s="6">
        <v>4</v>
      </c>
      <c r="J196" s="6">
        <v>4</v>
      </c>
      <c r="K196" s="10" t="s">
        <v>55</v>
      </c>
      <c r="L196" s="6">
        <v>1748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2</v>
      </c>
      <c r="E197" s="9" t="s">
        <v>18</v>
      </c>
      <c r="F197" s="9" t="s">
        <v>281</v>
      </c>
      <c r="G197" s="9" t="s">
        <v>277</v>
      </c>
      <c r="H197" s="6">
        <v>1834</v>
      </c>
      <c r="I197" s="10" t="s">
        <v>55</v>
      </c>
      <c r="J197" s="10" t="s">
        <v>55</v>
      </c>
      <c r="K197" s="6">
        <v>4</v>
      </c>
      <c r="L197" s="6">
        <v>1830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2</v>
      </c>
      <c r="E198" s="9" t="s">
        <v>18</v>
      </c>
      <c r="F198" s="9" t="s">
        <v>281</v>
      </c>
      <c r="G198" s="9" t="s">
        <v>278</v>
      </c>
      <c r="H198" s="6">
        <v>1970</v>
      </c>
      <c r="I198" s="6">
        <v>6</v>
      </c>
      <c r="J198" s="6">
        <v>6</v>
      </c>
      <c r="K198" s="10" t="s">
        <v>55</v>
      </c>
      <c r="L198" s="6">
        <v>1964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2</v>
      </c>
      <c r="E199" s="9" t="s">
        <v>18</v>
      </c>
      <c r="F199" s="9" t="s">
        <v>281</v>
      </c>
      <c r="G199" s="9" t="s">
        <v>279</v>
      </c>
      <c r="H199" s="6">
        <v>1600</v>
      </c>
      <c r="I199" s="6">
        <v>5</v>
      </c>
      <c r="J199" s="10" t="s">
        <v>55</v>
      </c>
      <c r="K199" s="6">
        <v>4</v>
      </c>
      <c r="L199" s="6">
        <v>1591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2</v>
      </c>
      <c r="E200" s="9" t="s">
        <v>18</v>
      </c>
      <c r="F200" s="9" t="s">
        <v>281</v>
      </c>
      <c r="G200" s="9" t="s">
        <v>280</v>
      </c>
      <c r="H200" s="6">
        <v>59203</v>
      </c>
      <c r="I200" s="6">
        <v>1888</v>
      </c>
      <c r="J200" s="6">
        <v>1298</v>
      </c>
      <c r="K200" s="6">
        <v>2050</v>
      </c>
      <c r="L200" s="6">
        <v>55265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2</v>
      </c>
      <c r="E201" s="9" t="s">
        <v>18</v>
      </c>
      <c r="F201" s="9" t="s">
        <v>282</v>
      </c>
      <c r="G201" s="9" t="s">
        <v>6</v>
      </c>
      <c r="H201" s="6">
        <v>39959</v>
      </c>
      <c r="I201" s="6">
        <v>624</v>
      </c>
      <c r="J201" s="6">
        <v>444</v>
      </c>
      <c r="K201" s="6">
        <v>432</v>
      </c>
      <c r="L201" s="6">
        <v>38903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2</v>
      </c>
      <c r="E202" s="9" t="s">
        <v>18</v>
      </c>
      <c r="F202" s="9" t="s">
        <v>282</v>
      </c>
      <c r="G202" s="9" t="s">
        <v>272</v>
      </c>
      <c r="H202" s="6">
        <v>1307</v>
      </c>
      <c r="I202" s="6">
        <v>6</v>
      </c>
      <c r="J202" s="10" t="s">
        <v>55</v>
      </c>
      <c r="K202" s="10" t="s">
        <v>55</v>
      </c>
      <c r="L202" s="6">
        <v>1301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2</v>
      </c>
      <c r="E203" s="9" t="s">
        <v>18</v>
      </c>
      <c r="F203" s="9" t="s">
        <v>282</v>
      </c>
      <c r="G203" s="9" t="s">
        <v>273</v>
      </c>
      <c r="H203" s="6">
        <v>2846</v>
      </c>
      <c r="I203" s="6">
        <v>12</v>
      </c>
      <c r="J203" s="6">
        <v>12</v>
      </c>
      <c r="K203" s="10" t="s">
        <v>55</v>
      </c>
      <c r="L203" s="6">
        <v>2834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2</v>
      </c>
      <c r="E204" s="9" t="s">
        <v>18</v>
      </c>
      <c r="F204" s="9" t="s">
        <v>282</v>
      </c>
      <c r="G204" s="9" t="s">
        <v>274</v>
      </c>
      <c r="H204" s="6">
        <v>3078</v>
      </c>
      <c r="I204" s="6">
        <v>16</v>
      </c>
      <c r="J204" s="6">
        <v>11</v>
      </c>
      <c r="K204" s="6">
        <v>5</v>
      </c>
      <c r="L204" s="6">
        <v>3057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2</v>
      </c>
      <c r="E205" s="9" t="s">
        <v>18</v>
      </c>
      <c r="F205" s="9" t="s">
        <v>282</v>
      </c>
      <c r="G205" s="9" t="s">
        <v>275</v>
      </c>
      <c r="H205" s="6">
        <v>2463</v>
      </c>
      <c r="I205" s="6">
        <v>5</v>
      </c>
      <c r="J205" s="10" t="s">
        <v>55</v>
      </c>
      <c r="K205" s="10" t="s">
        <v>55</v>
      </c>
      <c r="L205" s="6">
        <v>2458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2</v>
      </c>
      <c r="E206" s="9" t="s">
        <v>18</v>
      </c>
      <c r="F206" s="9" t="s">
        <v>282</v>
      </c>
      <c r="G206" s="9" t="s">
        <v>276</v>
      </c>
      <c r="H206" s="6">
        <v>2502</v>
      </c>
      <c r="I206" s="6">
        <v>5</v>
      </c>
      <c r="J206" s="6">
        <v>5</v>
      </c>
      <c r="K206" s="10" t="s">
        <v>55</v>
      </c>
      <c r="L206" s="6">
        <v>2497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2</v>
      </c>
      <c r="E207" s="9" t="s">
        <v>18</v>
      </c>
      <c r="F207" s="9" t="s">
        <v>282</v>
      </c>
      <c r="G207" s="9" t="s">
        <v>277</v>
      </c>
      <c r="H207" s="6">
        <v>2569</v>
      </c>
      <c r="I207" s="10" t="s">
        <v>55</v>
      </c>
      <c r="J207" s="10" t="s">
        <v>55</v>
      </c>
      <c r="K207" s="10" t="s">
        <v>55</v>
      </c>
      <c r="L207" s="6">
        <v>2569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2</v>
      </c>
      <c r="E208" s="9" t="s">
        <v>18</v>
      </c>
      <c r="F208" s="9" t="s">
        <v>282</v>
      </c>
      <c r="G208" s="9" t="s">
        <v>278</v>
      </c>
      <c r="H208" s="6">
        <v>2865</v>
      </c>
      <c r="I208" s="6">
        <v>15</v>
      </c>
      <c r="J208" s="6">
        <v>15</v>
      </c>
      <c r="K208" s="6">
        <v>5</v>
      </c>
      <c r="L208" s="6">
        <v>2845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2</v>
      </c>
      <c r="E209" s="9" t="s">
        <v>18</v>
      </c>
      <c r="F209" s="9" t="s">
        <v>282</v>
      </c>
      <c r="G209" s="9" t="s">
        <v>279</v>
      </c>
      <c r="H209" s="6">
        <v>2058</v>
      </c>
      <c r="I209" s="6">
        <v>5</v>
      </c>
      <c r="J209" s="6">
        <v>5</v>
      </c>
      <c r="K209" s="6">
        <v>5</v>
      </c>
      <c r="L209" s="6">
        <v>2048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2</v>
      </c>
      <c r="E210" s="9" t="s">
        <v>18</v>
      </c>
      <c r="F210" s="9" t="s">
        <v>282</v>
      </c>
      <c r="G210" s="9" t="s">
        <v>280</v>
      </c>
      <c r="H210" s="6">
        <v>20271</v>
      </c>
      <c r="I210" s="6">
        <v>560</v>
      </c>
      <c r="J210" s="6">
        <v>396</v>
      </c>
      <c r="K210" s="6">
        <v>417</v>
      </c>
      <c r="L210" s="6">
        <v>19294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2</v>
      </c>
      <c r="E211" s="9" t="s">
        <v>18</v>
      </c>
      <c r="F211" s="9" t="s">
        <v>283</v>
      </c>
      <c r="G211" s="9" t="s">
        <v>6</v>
      </c>
      <c r="H211" s="6">
        <v>18991</v>
      </c>
      <c r="I211" s="6">
        <v>91</v>
      </c>
      <c r="J211" s="6">
        <v>53</v>
      </c>
      <c r="K211" s="6">
        <v>109</v>
      </c>
      <c r="L211" s="6">
        <v>18791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2</v>
      </c>
      <c r="E212" s="9" t="s">
        <v>18</v>
      </c>
      <c r="F212" s="9" t="s">
        <v>283</v>
      </c>
      <c r="G212" s="9" t="s">
        <v>272</v>
      </c>
      <c r="H212" s="6">
        <v>1112</v>
      </c>
      <c r="I212" s="10" t="s">
        <v>55</v>
      </c>
      <c r="J212" s="10" t="s">
        <v>55</v>
      </c>
      <c r="K212" s="10" t="s">
        <v>55</v>
      </c>
      <c r="L212" s="6">
        <v>1112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2</v>
      </c>
      <c r="E213" s="9" t="s">
        <v>18</v>
      </c>
      <c r="F213" s="9" t="s">
        <v>283</v>
      </c>
      <c r="G213" s="9" t="s">
        <v>273</v>
      </c>
      <c r="H213" s="6">
        <v>2225</v>
      </c>
      <c r="I213" s="6">
        <v>6</v>
      </c>
      <c r="J213" s="6">
        <v>6</v>
      </c>
      <c r="K213" s="6">
        <v>8</v>
      </c>
      <c r="L213" s="6">
        <v>2211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2</v>
      </c>
      <c r="E214" s="9" t="s">
        <v>18</v>
      </c>
      <c r="F214" s="9" t="s">
        <v>283</v>
      </c>
      <c r="G214" s="9" t="s">
        <v>274</v>
      </c>
      <c r="H214" s="6">
        <v>2533</v>
      </c>
      <c r="I214" s="10" t="s">
        <v>55</v>
      </c>
      <c r="J214" s="10" t="s">
        <v>55</v>
      </c>
      <c r="K214" s="6">
        <v>7</v>
      </c>
      <c r="L214" s="6">
        <v>2526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2</v>
      </c>
      <c r="E215" s="9" t="s">
        <v>18</v>
      </c>
      <c r="F215" s="9" t="s">
        <v>283</v>
      </c>
      <c r="G215" s="9" t="s">
        <v>275</v>
      </c>
      <c r="H215" s="6">
        <v>2131</v>
      </c>
      <c r="I215" s="10" t="s">
        <v>55</v>
      </c>
      <c r="J215" s="10" t="s">
        <v>55</v>
      </c>
      <c r="K215" s="6">
        <v>12</v>
      </c>
      <c r="L215" s="6">
        <v>2119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2</v>
      </c>
      <c r="E216" s="9" t="s">
        <v>18</v>
      </c>
      <c r="F216" s="9" t="s">
        <v>283</v>
      </c>
      <c r="G216" s="9" t="s">
        <v>276</v>
      </c>
      <c r="H216" s="6">
        <v>2386</v>
      </c>
      <c r="I216" s="6">
        <v>33</v>
      </c>
      <c r="J216" s="6">
        <v>20</v>
      </c>
      <c r="K216" s="6">
        <v>13</v>
      </c>
      <c r="L216" s="6">
        <v>2340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2</v>
      </c>
      <c r="E217" s="9" t="s">
        <v>18</v>
      </c>
      <c r="F217" s="9" t="s">
        <v>283</v>
      </c>
      <c r="G217" s="9" t="s">
        <v>277</v>
      </c>
      <c r="H217" s="6">
        <v>2011</v>
      </c>
      <c r="I217" s="6">
        <v>7</v>
      </c>
      <c r="J217" s="6">
        <v>7</v>
      </c>
      <c r="K217" s="6">
        <v>12</v>
      </c>
      <c r="L217" s="6">
        <v>1992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2</v>
      </c>
      <c r="E218" s="9" t="s">
        <v>18</v>
      </c>
      <c r="F218" s="9" t="s">
        <v>283</v>
      </c>
      <c r="G218" s="9" t="s">
        <v>278</v>
      </c>
      <c r="H218" s="6">
        <v>1680</v>
      </c>
      <c r="I218" s="6">
        <v>7</v>
      </c>
      <c r="J218" s="6">
        <v>7</v>
      </c>
      <c r="K218" s="6">
        <v>6</v>
      </c>
      <c r="L218" s="6">
        <v>1667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2</v>
      </c>
      <c r="E219" s="9" t="s">
        <v>18</v>
      </c>
      <c r="F219" s="9" t="s">
        <v>283</v>
      </c>
      <c r="G219" s="9" t="s">
        <v>279</v>
      </c>
      <c r="H219" s="6">
        <v>903</v>
      </c>
      <c r="I219" s="10" t="s">
        <v>55</v>
      </c>
      <c r="J219" s="10" t="s">
        <v>55</v>
      </c>
      <c r="K219" s="6">
        <v>6</v>
      </c>
      <c r="L219" s="6">
        <v>897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2</v>
      </c>
      <c r="E220" s="9" t="s">
        <v>18</v>
      </c>
      <c r="F220" s="9" t="s">
        <v>283</v>
      </c>
      <c r="G220" s="9" t="s">
        <v>280</v>
      </c>
      <c r="H220" s="6">
        <v>4010</v>
      </c>
      <c r="I220" s="6">
        <v>38</v>
      </c>
      <c r="J220" s="6">
        <v>13</v>
      </c>
      <c r="K220" s="6">
        <v>45</v>
      </c>
      <c r="L220" s="6">
        <v>3927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2</v>
      </c>
      <c r="E221" s="9" t="s">
        <v>6</v>
      </c>
      <c r="F221" s="9" t="s">
        <v>6</v>
      </c>
      <c r="G221" s="9" t="s">
        <v>6</v>
      </c>
      <c r="H221" s="6">
        <v>43191</v>
      </c>
      <c r="I221" s="6">
        <v>18717</v>
      </c>
      <c r="J221" s="6">
        <v>12343</v>
      </c>
      <c r="K221" s="6">
        <v>22844</v>
      </c>
      <c r="L221" s="6">
        <v>1630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2</v>
      </c>
      <c r="E222" s="9" t="s">
        <v>6</v>
      </c>
      <c r="F222" s="9" t="s">
        <v>234</v>
      </c>
      <c r="G222" s="9" t="s">
        <v>6</v>
      </c>
      <c r="H222" s="6">
        <v>7776</v>
      </c>
      <c r="I222" s="6">
        <v>3303</v>
      </c>
      <c r="J222" s="6">
        <v>2246</v>
      </c>
      <c r="K222" s="6">
        <v>4060</v>
      </c>
      <c r="L222" s="6">
        <v>413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2</v>
      </c>
      <c r="E223" s="9" t="s">
        <v>6</v>
      </c>
      <c r="F223" s="9" t="s">
        <v>235</v>
      </c>
      <c r="G223" s="9" t="s">
        <v>6</v>
      </c>
      <c r="H223" s="6">
        <v>35415</v>
      </c>
      <c r="I223" s="6">
        <v>15414</v>
      </c>
      <c r="J223" s="6">
        <v>10097</v>
      </c>
      <c r="K223" s="6">
        <v>18784</v>
      </c>
      <c r="L223" s="6">
        <v>1217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2</v>
      </c>
      <c r="E224" s="9" t="s">
        <v>6</v>
      </c>
      <c r="F224" s="9" t="s">
        <v>235</v>
      </c>
      <c r="G224" s="9" t="s">
        <v>272</v>
      </c>
      <c r="H224" s="6">
        <v>177</v>
      </c>
      <c r="I224" s="6">
        <v>50</v>
      </c>
      <c r="J224" s="6">
        <v>39</v>
      </c>
      <c r="K224" s="6">
        <v>99</v>
      </c>
      <c r="L224" s="6">
        <v>28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2</v>
      </c>
      <c r="E225" s="9" t="s">
        <v>6</v>
      </c>
      <c r="F225" s="9" t="s">
        <v>235</v>
      </c>
      <c r="G225" s="9" t="s">
        <v>273</v>
      </c>
      <c r="H225" s="6">
        <v>354</v>
      </c>
      <c r="I225" s="6">
        <v>218</v>
      </c>
      <c r="J225" s="6">
        <v>184</v>
      </c>
      <c r="K225" s="6">
        <v>73</v>
      </c>
      <c r="L225" s="6">
        <v>63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2</v>
      </c>
      <c r="E226" s="9" t="s">
        <v>6</v>
      </c>
      <c r="F226" s="9" t="s">
        <v>235</v>
      </c>
      <c r="G226" s="9" t="s">
        <v>274</v>
      </c>
      <c r="H226" s="6">
        <v>484</v>
      </c>
      <c r="I226" s="6">
        <v>362</v>
      </c>
      <c r="J226" s="6">
        <v>313</v>
      </c>
      <c r="K226" s="6">
        <v>76</v>
      </c>
      <c r="L226" s="6">
        <v>46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2</v>
      </c>
      <c r="E227" s="9" t="s">
        <v>6</v>
      </c>
      <c r="F227" s="9" t="s">
        <v>235</v>
      </c>
      <c r="G227" s="9" t="s">
        <v>275</v>
      </c>
      <c r="H227" s="6">
        <v>363</v>
      </c>
      <c r="I227" s="6">
        <v>271</v>
      </c>
      <c r="J227" s="6">
        <v>227</v>
      </c>
      <c r="K227" s="6">
        <v>53</v>
      </c>
      <c r="L227" s="6">
        <v>39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2</v>
      </c>
      <c r="E228" s="9" t="s">
        <v>6</v>
      </c>
      <c r="F228" s="9" t="s">
        <v>235</v>
      </c>
      <c r="G228" s="9" t="s">
        <v>276</v>
      </c>
      <c r="H228" s="6">
        <v>330</v>
      </c>
      <c r="I228" s="6">
        <v>272</v>
      </c>
      <c r="J228" s="6">
        <v>227</v>
      </c>
      <c r="K228" s="6">
        <v>28</v>
      </c>
      <c r="L228" s="6">
        <v>30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2</v>
      </c>
      <c r="E229" s="9" t="s">
        <v>6</v>
      </c>
      <c r="F229" s="9" t="s">
        <v>235</v>
      </c>
      <c r="G229" s="9" t="s">
        <v>277</v>
      </c>
      <c r="H229" s="6">
        <v>406</v>
      </c>
      <c r="I229" s="6">
        <v>303</v>
      </c>
      <c r="J229" s="6">
        <v>250</v>
      </c>
      <c r="K229" s="6">
        <v>63</v>
      </c>
      <c r="L229" s="6">
        <v>40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2</v>
      </c>
      <c r="E230" s="9" t="s">
        <v>6</v>
      </c>
      <c r="F230" s="9" t="s">
        <v>235</v>
      </c>
      <c r="G230" s="9" t="s">
        <v>278</v>
      </c>
      <c r="H230" s="6">
        <v>443</v>
      </c>
      <c r="I230" s="6">
        <v>297</v>
      </c>
      <c r="J230" s="6">
        <v>249</v>
      </c>
      <c r="K230" s="6">
        <v>91</v>
      </c>
      <c r="L230" s="6">
        <v>55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2</v>
      </c>
      <c r="E231" s="9" t="s">
        <v>6</v>
      </c>
      <c r="F231" s="9" t="s">
        <v>235</v>
      </c>
      <c r="G231" s="9" t="s">
        <v>279</v>
      </c>
      <c r="H231" s="6">
        <v>383</v>
      </c>
      <c r="I231" s="6">
        <v>213</v>
      </c>
      <c r="J231" s="6">
        <v>195</v>
      </c>
      <c r="K231" s="6">
        <v>115</v>
      </c>
      <c r="L231" s="6">
        <v>55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2</v>
      </c>
      <c r="E232" s="9" t="s">
        <v>6</v>
      </c>
      <c r="F232" s="9" t="s">
        <v>235</v>
      </c>
      <c r="G232" s="9" t="s">
        <v>280</v>
      </c>
      <c r="H232" s="6">
        <v>32475</v>
      </c>
      <c r="I232" s="6">
        <v>13428</v>
      </c>
      <c r="J232" s="6">
        <v>8413</v>
      </c>
      <c r="K232" s="6">
        <v>18186</v>
      </c>
      <c r="L232" s="6">
        <v>861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2</v>
      </c>
      <c r="E233" s="9" t="s">
        <v>6</v>
      </c>
      <c r="F233" s="9" t="s">
        <v>281</v>
      </c>
      <c r="G233" s="9" t="s">
        <v>6</v>
      </c>
      <c r="H233" s="6">
        <v>25402</v>
      </c>
      <c r="I233" s="6">
        <v>10114</v>
      </c>
      <c r="J233" s="6">
        <v>6322</v>
      </c>
      <c r="K233" s="6">
        <v>14549</v>
      </c>
      <c r="L233" s="6">
        <v>739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2</v>
      </c>
      <c r="E234" s="9" t="s">
        <v>6</v>
      </c>
      <c r="F234" s="9" t="s">
        <v>281</v>
      </c>
      <c r="G234" s="9" t="s">
        <v>272</v>
      </c>
      <c r="H234" s="6">
        <v>38</v>
      </c>
      <c r="I234" s="6">
        <v>12</v>
      </c>
      <c r="J234" s="6">
        <v>12</v>
      </c>
      <c r="K234" s="6">
        <v>22</v>
      </c>
      <c r="L234" s="6">
        <v>4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2</v>
      </c>
      <c r="E235" s="9" t="s">
        <v>6</v>
      </c>
      <c r="F235" s="9" t="s">
        <v>281</v>
      </c>
      <c r="G235" s="9" t="s">
        <v>273</v>
      </c>
      <c r="H235" s="6">
        <v>121</v>
      </c>
      <c r="I235" s="6">
        <v>62</v>
      </c>
      <c r="J235" s="6">
        <v>53</v>
      </c>
      <c r="K235" s="6">
        <v>33</v>
      </c>
      <c r="L235" s="6">
        <v>26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2</v>
      </c>
      <c r="E236" s="9" t="s">
        <v>6</v>
      </c>
      <c r="F236" s="9" t="s">
        <v>281</v>
      </c>
      <c r="G236" s="9" t="s">
        <v>274</v>
      </c>
      <c r="H236" s="6">
        <v>90</v>
      </c>
      <c r="I236" s="6">
        <v>50</v>
      </c>
      <c r="J236" s="6">
        <v>45</v>
      </c>
      <c r="K236" s="6">
        <v>24</v>
      </c>
      <c r="L236" s="6">
        <v>16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2</v>
      </c>
      <c r="E237" s="9" t="s">
        <v>6</v>
      </c>
      <c r="F237" s="9" t="s">
        <v>281</v>
      </c>
      <c r="G237" s="9" t="s">
        <v>275</v>
      </c>
      <c r="H237" s="6">
        <v>78</v>
      </c>
      <c r="I237" s="6">
        <v>58</v>
      </c>
      <c r="J237" s="6">
        <v>46</v>
      </c>
      <c r="K237" s="6">
        <v>8</v>
      </c>
      <c r="L237" s="6">
        <v>12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2</v>
      </c>
      <c r="E238" s="9" t="s">
        <v>6</v>
      </c>
      <c r="F238" s="9" t="s">
        <v>281</v>
      </c>
      <c r="G238" s="9" t="s">
        <v>276</v>
      </c>
      <c r="H238" s="6">
        <v>58</v>
      </c>
      <c r="I238" s="6">
        <v>49</v>
      </c>
      <c r="J238" s="6">
        <v>41</v>
      </c>
      <c r="K238" s="6">
        <v>5</v>
      </c>
      <c r="L238" s="6">
        <v>4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2</v>
      </c>
      <c r="E239" s="9" t="s">
        <v>6</v>
      </c>
      <c r="F239" s="9" t="s">
        <v>281</v>
      </c>
      <c r="G239" s="9" t="s">
        <v>277</v>
      </c>
      <c r="H239" s="6">
        <v>82</v>
      </c>
      <c r="I239" s="6">
        <v>61</v>
      </c>
      <c r="J239" s="6">
        <v>45</v>
      </c>
      <c r="K239" s="6">
        <v>21</v>
      </c>
      <c r="L239" s="10" t="s">
        <v>55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2</v>
      </c>
      <c r="E240" s="9" t="s">
        <v>6</v>
      </c>
      <c r="F240" s="9" t="s">
        <v>281</v>
      </c>
      <c r="G240" s="9" t="s">
        <v>278</v>
      </c>
      <c r="H240" s="6">
        <v>124</v>
      </c>
      <c r="I240" s="6">
        <v>69</v>
      </c>
      <c r="J240" s="6">
        <v>69</v>
      </c>
      <c r="K240" s="6">
        <v>32</v>
      </c>
      <c r="L240" s="6">
        <v>23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2</v>
      </c>
      <c r="E241" s="9" t="s">
        <v>6</v>
      </c>
      <c r="F241" s="9" t="s">
        <v>281</v>
      </c>
      <c r="G241" s="9" t="s">
        <v>279</v>
      </c>
      <c r="H241" s="6">
        <v>88</v>
      </c>
      <c r="I241" s="6">
        <v>37</v>
      </c>
      <c r="J241" s="6">
        <v>37</v>
      </c>
      <c r="K241" s="6">
        <v>33</v>
      </c>
      <c r="L241" s="6">
        <v>18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2</v>
      </c>
      <c r="E242" s="9" t="s">
        <v>6</v>
      </c>
      <c r="F242" s="9" t="s">
        <v>281</v>
      </c>
      <c r="G242" s="9" t="s">
        <v>280</v>
      </c>
      <c r="H242" s="6">
        <v>24723</v>
      </c>
      <c r="I242" s="6">
        <v>9716</v>
      </c>
      <c r="J242" s="6">
        <v>5974</v>
      </c>
      <c r="K242" s="6">
        <v>14371</v>
      </c>
      <c r="L242" s="6">
        <v>636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2</v>
      </c>
      <c r="E243" s="9" t="s">
        <v>6</v>
      </c>
      <c r="F243" s="9" t="s">
        <v>282</v>
      </c>
      <c r="G243" s="9" t="s">
        <v>6</v>
      </c>
      <c r="H243" s="6">
        <v>7975</v>
      </c>
      <c r="I243" s="6">
        <v>4026</v>
      </c>
      <c r="J243" s="6">
        <v>2786</v>
      </c>
      <c r="K243" s="6">
        <v>3656</v>
      </c>
      <c r="L243" s="6">
        <v>293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2</v>
      </c>
      <c r="E244" s="9" t="s">
        <v>6</v>
      </c>
      <c r="F244" s="9" t="s">
        <v>282</v>
      </c>
      <c r="G244" s="9" t="s">
        <v>272</v>
      </c>
      <c r="H244" s="6">
        <v>62</v>
      </c>
      <c r="I244" s="6">
        <v>26</v>
      </c>
      <c r="J244" s="6">
        <v>21</v>
      </c>
      <c r="K244" s="6">
        <v>25</v>
      </c>
      <c r="L244" s="6">
        <v>11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2</v>
      </c>
      <c r="E245" s="9" t="s">
        <v>6</v>
      </c>
      <c r="F245" s="9" t="s">
        <v>282</v>
      </c>
      <c r="G245" s="9" t="s">
        <v>273</v>
      </c>
      <c r="H245" s="6">
        <v>93</v>
      </c>
      <c r="I245" s="6">
        <v>67</v>
      </c>
      <c r="J245" s="6">
        <v>57</v>
      </c>
      <c r="K245" s="6">
        <v>15</v>
      </c>
      <c r="L245" s="6">
        <v>11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2</v>
      </c>
      <c r="E246" s="9" t="s">
        <v>6</v>
      </c>
      <c r="F246" s="9" t="s">
        <v>282</v>
      </c>
      <c r="G246" s="9" t="s">
        <v>274</v>
      </c>
      <c r="H246" s="6">
        <v>194</v>
      </c>
      <c r="I246" s="6">
        <v>147</v>
      </c>
      <c r="J246" s="6">
        <v>130</v>
      </c>
      <c r="K246" s="6">
        <v>31</v>
      </c>
      <c r="L246" s="6">
        <v>16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2</v>
      </c>
      <c r="E247" s="9" t="s">
        <v>6</v>
      </c>
      <c r="F247" s="9" t="s">
        <v>282</v>
      </c>
      <c r="G247" s="9" t="s">
        <v>275</v>
      </c>
      <c r="H247" s="6">
        <v>128</v>
      </c>
      <c r="I247" s="6">
        <v>96</v>
      </c>
      <c r="J247" s="6">
        <v>84</v>
      </c>
      <c r="K247" s="6">
        <v>27</v>
      </c>
      <c r="L247" s="6">
        <v>5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2</v>
      </c>
      <c r="E248" s="9" t="s">
        <v>6</v>
      </c>
      <c r="F248" s="9" t="s">
        <v>282</v>
      </c>
      <c r="G248" s="9" t="s">
        <v>276</v>
      </c>
      <c r="H248" s="6">
        <v>119</v>
      </c>
      <c r="I248" s="6">
        <v>109</v>
      </c>
      <c r="J248" s="6">
        <v>98</v>
      </c>
      <c r="K248" s="6">
        <v>10</v>
      </c>
      <c r="L248" s="10" t="s">
        <v>55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2</v>
      </c>
      <c r="E249" s="9" t="s">
        <v>6</v>
      </c>
      <c r="F249" s="9" t="s">
        <v>282</v>
      </c>
      <c r="G249" s="9" t="s">
        <v>277</v>
      </c>
      <c r="H249" s="6">
        <v>201</v>
      </c>
      <c r="I249" s="6">
        <v>146</v>
      </c>
      <c r="J249" s="6">
        <v>121</v>
      </c>
      <c r="K249" s="6">
        <v>30</v>
      </c>
      <c r="L249" s="6">
        <v>25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2</v>
      </c>
      <c r="E250" s="9" t="s">
        <v>6</v>
      </c>
      <c r="F250" s="9" t="s">
        <v>282</v>
      </c>
      <c r="G250" s="9" t="s">
        <v>278</v>
      </c>
      <c r="H250" s="6">
        <v>172</v>
      </c>
      <c r="I250" s="6">
        <v>127</v>
      </c>
      <c r="J250" s="6">
        <v>107</v>
      </c>
      <c r="K250" s="6">
        <v>27</v>
      </c>
      <c r="L250" s="6">
        <v>18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2</v>
      </c>
      <c r="E251" s="9" t="s">
        <v>6</v>
      </c>
      <c r="F251" s="9" t="s">
        <v>282</v>
      </c>
      <c r="G251" s="9" t="s">
        <v>279</v>
      </c>
      <c r="H251" s="6">
        <v>214</v>
      </c>
      <c r="I251" s="6">
        <v>123</v>
      </c>
      <c r="J251" s="6">
        <v>113</v>
      </c>
      <c r="K251" s="6">
        <v>66</v>
      </c>
      <c r="L251" s="6">
        <v>25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2</v>
      </c>
      <c r="E252" s="9" t="s">
        <v>6</v>
      </c>
      <c r="F252" s="9" t="s">
        <v>282</v>
      </c>
      <c r="G252" s="9" t="s">
        <v>280</v>
      </c>
      <c r="H252" s="6">
        <v>6792</v>
      </c>
      <c r="I252" s="6">
        <v>3185</v>
      </c>
      <c r="J252" s="6">
        <v>2055</v>
      </c>
      <c r="K252" s="6">
        <v>3425</v>
      </c>
      <c r="L252" s="6">
        <v>182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2</v>
      </c>
      <c r="E253" s="9" t="s">
        <v>6</v>
      </c>
      <c r="F253" s="9" t="s">
        <v>283</v>
      </c>
      <c r="G253" s="9" t="s">
        <v>6</v>
      </c>
      <c r="H253" s="6">
        <v>2038</v>
      </c>
      <c r="I253" s="6">
        <v>1274</v>
      </c>
      <c r="J253" s="6">
        <v>989</v>
      </c>
      <c r="K253" s="6">
        <v>579</v>
      </c>
      <c r="L253" s="6">
        <v>185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2</v>
      </c>
      <c r="E254" s="9" t="s">
        <v>6</v>
      </c>
      <c r="F254" s="9" t="s">
        <v>283</v>
      </c>
      <c r="G254" s="9" t="s">
        <v>272</v>
      </c>
      <c r="H254" s="6">
        <v>77</v>
      </c>
      <c r="I254" s="6">
        <v>12</v>
      </c>
      <c r="J254" s="6">
        <v>6</v>
      </c>
      <c r="K254" s="6">
        <v>52</v>
      </c>
      <c r="L254" s="6">
        <v>13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2</v>
      </c>
      <c r="E255" s="9" t="s">
        <v>6</v>
      </c>
      <c r="F255" s="9" t="s">
        <v>283</v>
      </c>
      <c r="G255" s="9" t="s">
        <v>273</v>
      </c>
      <c r="H255" s="6">
        <v>140</v>
      </c>
      <c r="I255" s="6">
        <v>89</v>
      </c>
      <c r="J255" s="6">
        <v>74</v>
      </c>
      <c r="K255" s="6">
        <v>25</v>
      </c>
      <c r="L255" s="6">
        <v>26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2</v>
      </c>
      <c r="E256" s="9" t="s">
        <v>6</v>
      </c>
      <c r="F256" s="9" t="s">
        <v>283</v>
      </c>
      <c r="G256" s="9" t="s">
        <v>274</v>
      </c>
      <c r="H256" s="6">
        <v>200</v>
      </c>
      <c r="I256" s="6">
        <v>165</v>
      </c>
      <c r="J256" s="6">
        <v>138</v>
      </c>
      <c r="K256" s="6">
        <v>21</v>
      </c>
      <c r="L256" s="6">
        <v>14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2</v>
      </c>
      <c r="E257" s="9" t="s">
        <v>6</v>
      </c>
      <c r="F257" s="9" t="s">
        <v>283</v>
      </c>
      <c r="G257" s="9" t="s">
        <v>275</v>
      </c>
      <c r="H257" s="6">
        <v>157</v>
      </c>
      <c r="I257" s="6">
        <v>117</v>
      </c>
      <c r="J257" s="6">
        <v>97</v>
      </c>
      <c r="K257" s="6">
        <v>18</v>
      </c>
      <c r="L257" s="6">
        <v>22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2</v>
      </c>
      <c r="E258" s="9" t="s">
        <v>6</v>
      </c>
      <c r="F258" s="9" t="s">
        <v>283</v>
      </c>
      <c r="G258" s="9" t="s">
        <v>276</v>
      </c>
      <c r="H258" s="6">
        <v>153</v>
      </c>
      <c r="I258" s="6">
        <v>114</v>
      </c>
      <c r="J258" s="6">
        <v>88</v>
      </c>
      <c r="K258" s="6">
        <v>13</v>
      </c>
      <c r="L258" s="6">
        <v>26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2</v>
      </c>
      <c r="E259" s="9" t="s">
        <v>6</v>
      </c>
      <c r="F259" s="9" t="s">
        <v>283</v>
      </c>
      <c r="G259" s="9" t="s">
        <v>277</v>
      </c>
      <c r="H259" s="6">
        <v>123</v>
      </c>
      <c r="I259" s="6">
        <v>96</v>
      </c>
      <c r="J259" s="6">
        <v>84</v>
      </c>
      <c r="K259" s="6">
        <v>12</v>
      </c>
      <c r="L259" s="6">
        <v>15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2</v>
      </c>
      <c r="E260" s="9" t="s">
        <v>6</v>
      </c>
      <c r="F260" s="9" t="s">
        <v>283</v>
      </c>
      <c r="G260" s="9" t="s">
        <v>278</v>
      </c>
      <c r="H260" s="6">
        <v>147</v>
      </c>
      <c r="I260" s="6">
        <v>101</v>
      </c>
      <c r="J260" s="6">
        <v>73</v>
      </c>
      <c r="K260" s="6">
        <v>32</v>
      </c>
      <c r="L260" s="6">
        <v>14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2</v>
      </c>
      <c r="E261" s="9" t="s">
        <v>6</v>
      </c>
      <c r="F261" s="9" t="s">
        <v>283</v>
      </c>
      <c r="G261" s="9" t="s">
        <v>279</v>
      </c>
      <c r="H261" s="6">
        <v>81</v>
      </c>
      <c r="I261" s="6">
        <v>53</v>
      </c>
      <c r="J261" s="6">
        <v>45</v>
      </c>
      <c r="K261" s="6">
        <v>16</v>
      </c>
      <c r="L261" s="6">
        <v>12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2</v>
      </c>
      <c r="E262" s="9" t="s">
        <v>6</v>
      </c>
      <c r="F262" s="9" t="s">
        <v>283</v>
      </c>
      <c r="G262" s="9" t="s">
        <v>280</v>
      </c>
      <c r="H262" s="6">
        <v>960</v>
      </c>
      <c r="I262" s="6">
        <v>527</v>
      </c>
      <c r="J262" s="6">
        <v>384</v>
      </c>
      <c r="K262" s="6">
        <v>390</v>
      </c>
      <c r="L262" s="6">
        <v>43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2</v>
      </c>
      <c r="E263" s="9" t="s">
        <v>226</v>
      </c>
      <c r="F263" s="9" t="s">
        <v>6</v>
      </c>
      <c r="G263" s="9" t="s">
        <v>6</v>
      </c>
      <c r="H263" s="6">
        <v>23500</v>
      </c>
      <c r="I263" s="6">
        <v>15677</v>
      </c>
      <c r="J263" s="6">
        <v>9843</v>
      </c>
      <c r="K263" s="6">
        <v>7760</v>
      </c>
      <c r="L263" s="6">
        <v>63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2</v>
      </c>
      <c r="E264" s="9" t="s">
        <v>226</v>
      </c>
      <c r="F264" s="9" t="s">
        <v>234</v>
      </c>
      <c r="G264" s="9" t="s">
        <v>6</v>
      </c>
      <c r="H264" s="6">
        <v>4168</v>
      </c>
      <c r="I264" s="6">
        <v>2795</v>
      </c>
      <c r="J264" s="6">
        <v>1839</v>
      </c>
      <c r="K264" s="6">
        <v>1364</v>
      </c>
      <c r="L264" s="6">
        <v>9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2</v>
      </c>
      <c r="E265" s="9" t="s">
        <v>226</v>
      </c>
      <c r="F265" s="9" t="s">
        <v>235</v>
      </c>
      <c r="G265" s="9" t="s">
        <v>6</v>
      </c>
      <c r="H265" s="6">
        <v>19332</v>
      </c>
      <c r="I265" s="6">
        <v>12882</v>
      </c>
      <c r="J265" s="6">
        <v>8004</v>
      </c>
      <c r="K265" s="6">
        <v>6396</v>
      </c>
      <c r="L265" s="6">
        <v>54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2</v>
      </c>
      <c r="E266" s="9" t="s">
        <v>226</v>
      </c>
      <c r="F266" s="9" t="s">
        <v>235</v>
      </c>
      <c r="G266" s="9" t="s">
        <v>272</v>
      </c>
      <c r="H266" s="6">
        <v>143</v>
      </c>
      <c r="I266" s="6">
        <v>50</v>
      </c>
      <c r="J266" s="6">
        <v>39</v>
      </c>
      <c r="K266" s="6">
        <v>93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2</v>
      </c>
      <c r="E267" s="9" t="s">
        <v>226</v>
      </c>
      <c r="F267" s="9" t="s">
        <v>235</v>
      </c>
      <c r="G267" s="9" t="s">
        <v>273</v>
      </c>
      <c r="H267" s="6">
        <v>261</v>
      </c>
      <c r="I267" s="6">
        <v>204</v>
      </c>
      <c r="J267" s="6">
        <v>174</v>
      </c>
      <c r="K267" s="6">
        <v>57</v>
      </c>
      <c r="L267" s="10" t="s">
        <v>55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2</v>
      </c>
      <c r="E268" s="9" t="s">
        <v>226</v>
      </c>
      <c r="F268" s="9" t="s">
        <v>235</v>
      </c>
      <c r="G268" s="9" t="s">
        <v>274</v>
      </c>
      <c r="H268" s="6">
        <v>420</v>
      </c>
      <c r="I268" s="6">
        <v>353</v>
      </c>
      <c r="J268" s="6">
        <v>304</v>
      </c>
      <c r="K268" s="6">
        <v>67</v>
      </c>
      <c r="L268" s="10" t="s">
        <v>55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2</v>
      </c>
      <c r="E269" s="9" t="s">
        <v>226</v>
      </c>
      <c r="F269" s="9" t="s">
        <v>235</v>
      </c>
      <c r="G269" s="9" t="s">
        <v>275</v>
      </c>
      <c r="H269" s="6">
        <v>307</v>
      </c>
      <c r="I269" s="6">
        <v>257</v>
      </c>
      <c r="J269" s="6">
        <v>213</v>
      </c>
      <c r="K269" s="6">
        <v>46</v>
      </c>
      <c r="L269" s="6">
        <v>4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2</v>
      </c>
      <c r="E270" s="9" t="s">
        <v>226</v>
      </c>
      <c r="F270" s="9" t="s">
        <v>235</v>
      </c>
      <c r="G270" s="9" t="s">
        <v>276</v>
      </c>
      <c r="H270" s="6">
        <v>300</v>
      </c>
      <c r="I270" s="6">
        <v>272</v>
      </c>
      <c r="J270" s="6">
        <v>227</v>
      </c>
      <c r="K270" s="6">
        <v>28</v>
      </c>
      <c r="L270" s="10" t="s">
        <v>55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2</v>
      </c>
      <c r="E271" s="9" t="s">
        <v>226</v>
      </c>
      <c r="F271" s="9" t="s">
        <v>235</v>
      </c>
      <c r="G271" s="9" t="s">
        <v>277</v>
      </c>
      <c r="H271" s="6">
        <v>361</v>
      </c>
      <c r="I271" s="6">
        <v>298</v>
      </c>
      <c r="J271" s="6">
        <v>245</v>
      </c>
      <c r="K271" s="6">
        <v>63</v>
      </c>
      <c r="L271" s="10" t="s">
        <v>55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2</v>
      </c>
      <c r="E272" s="9" t="s">
        <v>226</v>
      </c>
      <c r="F272" s="9" t="s">
        <v>235</v>
      </c>
      <c r="G272" s="9" t="s">
        <v>278</v>
      </c>
      <c r="H272" s="6">
        <v>364</v>
      </c>
      <c r="I272" s="6">
        <v>284</v>
      </c>
      <c r="J272" s="6">
        <v>236</v>
      </c>
      <c r="K272" s="6">
        <v>80</v>
      </c>
      <c r="L272" s="10" t="s">
        <v>55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2</v>
      </c>
      <c r="E273" s="9" t="s">
        <v>226</v>
      </c>
      <c r="F273" s="9" t="s">
        <v>235</v>
      </c>
      <c r="G273" s="9" t="s">
        <v>279</v>
      </c>
      <c r="H273" s="6">
        <v>309</v>
      </c>
      <c r="I273" s="6">
        <v>199</v>
      </c>
      <c r="J273" s="6">
        <v>181</v>
      </c>
      <c r="K273" s="6">
        <v>110</v>
      </c>
      <c r="L273" s="10" t="s">
        <v>55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2</v>
      </c>
      <c r="E274" s="9" t="s">
        <v>226</v>
      </c>
      <c r="F274" s="9" t="s">
        <v>235</v>
      </c>
      <c r="G274" s="9" t="s">
        <v>280</v>
      </c>
      <c r="H274" s="6">
        <v>16867</v>
      </c>
      <c r="I274" s="6">
        <v>10965</v>
      </c>
      <c r="J274" s="6">
        <v>6385</v>
      </c>
      <c r="K274" s="6">
        <v>5852</v>
      </c>
      <c r="L274" s="6">
        <v>50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2</v>
      </c>
      <c r="E275" s="9" t="s">
        <v>226</v>
      </c>
      <c r="F275" s="9" t="s">
        <v>281</v>
      </c>
      <c r="G275" s="9" t="s">
        <v>6</v>
      </c>
      <c r="H275" s="6">
        <v>12818</v>
      </c>
      <c r="I275" s="6">
        <v>8232</v>
      </c>
      <c r="J275" s="6">
        <v>4767</v>
      </c>
      <c r="K275" s="6">
        <v>4539</v>
      </c>
      <c r="L275" s="6">
        <v>47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2</v>
      </c>
      <c r="E276" s="9" t="s">
        <v>226</v>
      </c>
      <c r="F276" s="9" t="s">
        <v>281</v>
      </c>
      <c r="G276" s="9" t="s">
        <v>272</v>
      </c>
      <c r="H276" s="6">
        <v>34</v>
      </c>
      <c r="I276" s="6">
        <v>12</v>
      </c>
      <c r="J276" s="6">
        <v>12</v>
      </c>
      <c r="K276" s="6">
        <v>22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2</v>
      </c>
      <c r="E277" s="9" t="s">
        <v>226</v>
      </c>
      <c r="F277" s="9" t="s">
        <v>281</v>
      </c>
      <c r="G277" s="9" t="s">
        <v>273</v>
      </c>
      <c r="H277" s="6">
        <v>87</v>
      </c>
      <c r="I277" s="6">
        <v>54</v>
      </c>
      <c r="J277" s="6">
        <v>49</v>
      </c>
      <c r="K277" s="6">
        <v>33</v>
      </c>
      <c r="L277" s="10" t="s">
        <v>55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2</v>
      </c>
      <c r="E278" s="9" t="s">
        <v>226</v>
      </c>
      <c r="F278" s="9" t="s">
        <v>281</v>
      </c>
      <c r="G278" s="9" t="s">
        <v>274</v>
      </c>
      <c r="H278" s="6">
        <v>66</v>
      </c>
      <c r="I278" s="6">
        <v>46</v>
      </c>
      <c r="J278" s="6">
        <v>41</v>
      </c>
      <c r="K278" s="6">
        <v>20</v>
      </c>
      <c r="L278" s="10" t="s">
        <v>55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2</v>
      </c>
      <c r="E279" s="9" t="s">
        <v>226</v>
      </c>
      <c r="F279" s="9" t="s">
        <v>281</v>
      </c>
      <c r="G279" s="9" t="s">
        <v>275</v>
      </c>
      <c r="H279" s="6">
        <v>62</v>
      </c>
      <c r="I279" s="6">
        <v>50</v>
      </c>
      <c r="J279" s="6">
        <v>38</v>
      </c>
      <c r="K279" s="6">
        <v>8</v>
      </c>
      <c r="L279" s="6">
        <v>4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2</v>
      </c>
      <c r="E280" s="9" t="s">
        <v>226</v>
      </c>
      <c r="F280" s="9" t="s">
        <v>281</v>
      </c>
      <c r="G280" s="9" t="s">
        <v>276</v>
      </c>
      <c r="H280" s="6">
        <v>54</v>
      </c>
      <c r="I280" s="6">
        <v>49</v>
      </c>
      <c r="J280" s="6">
        <v>41</v>
      </c>
      <c r="K280" s="6">
        <v>5</v>
      </c>
      <c r="L280" s="10" t="s">
        <v>55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2</v>
      </c>
      <c r="E281" s="9" t="s">
        <v>226</v>
      </c>
      <c r="F281" s="9" t="s">
        <v>281</v>
      </c>
      <c r="G281" s="9" t="s">
        <v>277</v>
      </c>
      <c r="H281" s="6">
        <v>82</v>
      </c>
      <c r="I281" s="6">
        <v>61</v>
      </c>
      <c r="J281" s="6">
        <v>45</v>
      </c>
      <c r="K281" s="6">
        <v>21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2</v>
      </c>
      <c r="E282" s="9" t="s">
        <v>226</v>
      </c>
      <c r="F282" s="9" t="s">
        <v>281</v>
      </c>
      <c r="G282" s="9" t="s">
        <v>278</v>
      </c>
      <c r="H282" s="6">
        <v>93</v>
      </c>
      <c r="I282" s="6">
        <v>61</v>
      </c>
      <c r="J282" s="6">
        <v>61</v>
      </c>
      <c r="K282" s="6">
        <v>32</v>
      </c>
      <c r="L282" s="10" t="s">
        <v>5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2</v>
      </c>
      <c r="E283" s="9" t="s">
        <v>226</v>
      </c>
      <c r="F283" s="9" t="s">
        <v>281</v>
      </c>
      <c r="G283" s="9" t="s">
        <v>279</v>
      </c>
      <c r="H283" s="6">
        <v>66</v>
      </c>
      <c r="I283" s="6">
        <v>33</v>
      </c>
      <c r="J283" s="6">
        <v>33</v>
      </c>
      <c r="K283" s="6">
        <v>33</v>
      </c>
      <c r="L283" s="10" t="s">
        <v>55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2</v>
      </c>
      <c r="E284" s="9" t="s">
        <v>226</v>
      </c>
      <c r="F284" s="9" t="s">
        <v>281</v>
      </c>
      <c r="G284" s="9" t="s">
        <v>280</v>
      </c>
      <c r="H284" s="6">
        <v>12274</v>
      </c>
      <c r="I284" s="6">
        <v>7866</v>
      </c>
      <c r="J284" s="6">
        <v>4447</v>
      </c>
      <c r="K284" s="6">
        <v>4365</v>
      </c>
      <c r="L284" s="6">
        <v>43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2</v>
      </c>
      <c r="E285" s="9" t="s">
        <v>226</v>
      </c>
      <c r="F285" s="9" t="s">
        <v>282</v>
      </c>
      <c r="G285" s="9" t="s">
        <v>6</v>
      </c>
      <c r="H285" s="6">
        <v>4948</v>
      </c>
      <c r="I285" s="6">
        <v>3450</v>
      </c>
      <c r="J285" s="6">
        <v>2322</v>
      </c>
      <c r="K285" s="6">
        <v>1491</v>
      </c>
      <c r="L285" s="6">
        <v>7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2</v>
      </c>
      <c r="E286" s="9" t="s">
        <v>226</v>
      </c>
      <c r="F286" s="9" t="s">
        <v>282</v>
      </c>
      <c r="G286" s="9" t="s">
        <v>272</v>
      </c>
      <c r="H286" s="6">
        <v>51</v>
      </c>
      <c r="I286" s="6">
        <v>26</v>
      </c>
      <c r="J286" s="6">
        <v>21</v>
      </c>
      <c r="K286" s="6">
        <v>25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2</v>
      </c>
      <c r="E287" s="9" t="s">
        <v>226</v>
      </c>
      <c r="F287" s="9" t="s">
        <v>282</v>
      </c>
      <c r="G287" s="9" t="s">
        <v>273</v>
      </c>
      <c r="H287" s="6">
        <v>77</v>
      </c>
      <c r="I287" s="6">
        <v>67</v>
      </c>
      <c r="J287" s="6">
        <v>57</v>
      </c>
      <c r="K287" s="6">
        <v>10</v>
      </c>
      <c r="L287" s="10" t="s">
        <v>55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2</v>
      </c>
      <c r="E288" s="9" t="s">
        <v>226</v>
      </c>
      <c r="F288" s="9" t="s">
        <v>282</v>
      </c>
      <c r="G288" s="9" t="s">
        <v>274</v>
      </c>
      <c r="H288" s="6">
        <v>168</v>
      </c>
      <c r="I288" s="6">
        <v>142</v>
      </c>
      <c r="J288" s="6">
        <v>125</v>
      </c>
      <c r="K288" s="6">
        <v>26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2</v>
      </c>
      <c r="E289" s="9" t="s">
        <v>226</v>
      </c>
      <c r="F289" s="9" t="s">
        <v>282</v>
      </c>
      <c r="G289" s="9" t="s">
        <v>275</v>
      </c>
      <c r="H289" s="6">
        <v>116</v>
      </c>
      <c r="I289" s="6">
        <v>96</v>
      </c>
      <c r="J289" s="6">
        <v>84</v>
      </c>
      <c r="K289" s="6">
        <v>20</v>
      </c>
      <c r="L289" s="10" t="s">
        <v>55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2</v>
      </c>
      <c r="E290" s="9" t="s">
        <v>226</v>
      </c>
      <c r="F290" s="9" t="s">
        <v>282</v>
      </c>
      <c r="G290" s="9" t="s">
        <v>276</v>
      </c>
      <c r="H290" s="6">
        <v>119</v>
      </c>
      <c r="I290" s="6">
        <v>109</v>
      </c>
      <c r="J290" s="6">
        <v>98</v>
      </c>
      <c r="K290" s="6">
        <v>10</v>
      </c>
      <c r="L290" s="10" t="s">
        <v>5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2</v>
      </c>
      <c r="E291" s="9" t="s">
        <v>226</v>
      </c>
      <c r="F291" s="9" t="s">
        <v>282</v>
      </c>
      <c r="G291" s="9" t="s">
        <v>277</v>
      </c>
      <c r="H291" s="6">
        <v>171</v>
      </c>
      <c r="I291" s="6">
        <v>141</v>
      </c>
      <c r="J291" s="6">
        <v>116</v>
      </c>
      <c r="K291" s="6">
        <v>30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2</v>
      </c>
      <c r="E292" s="9" t="s">
        <v>226</v>
      </c>
      <c r="F292" s="9" t="s">
        <v>282</v>
      </c>
      <c r="G292" s="9" t="s">
        <v>278</v>
      </c>
      <c r="H292" s="6">
        <v>138</v>
      </c>
      <c r="I292" s="6">
        <v>122</v>
      </c>
      <c r="J292" s="6">
        <v>102</v>
      </c>
      <c r="K292" s="6">
        <v>16</v>
      </c>
      <c r="L292" s="10" t="s">
        <v>55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2</v>
      </c>
      <c r="E293" s="9" t="s">
        <v>226</v>
      </c>
      <c r="F293" s="9" t="s">
        <v>282</v>
      </c>
      <c r="G293" s="9" t="s">
        <v>279</v>
      </c>
      <c r="H293" s="6">
        <v>174</v>
      </c>
      <c r="I293" s="6">
        <v>113</v>
      </c>
      <c r="J293" s="6">
        <v>103</v>
      </c>
      <c r="K293" s="6">
        <v>61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2</v>
      </c>
      <c r="E294" s="9" t="s">
        <v>226</v>
      </c>
      <c r="F294" s="9" t="s">
        <v>282</v>
      </c>
      <c r="G294" s="9" t="s">
        <v>280</v>
      </c>
      <c r="H294" s="6">
        <v>3934</v>
      </c>
      <c r="I294" s="6">
        <v>2634</v>
      </c>
      <c r="J294" s="6">
        <v>1616</v>
      </c>
      <c r="K294" s="6">
        <v>1293</v>
      </c>
      <c r="L294" s="6">
        <v>7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2</v>
      </c>
      <c r="E295" s="9" t="s">
        <v>226</v>
      </c>
      <c r="F295" s="9" t="s">
        <v>283</v>
      </c>
      <c r="G295" s="9" t="s">
        <v>6</v>
      </c>
      <c r="H295" s="6">
        <v>1566</v>
      </c>
      <c r="I295" s="6">
        <v>1200</v>
      </c>
      <c r="J295" s="6">
        <v>915</v>
      </c>
      <c r="K295" s="6">
        <v>366</v>
      </c>
      <c r="L295" s="10" t="s">
        <v>5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2</v>
      </c>
      <c r="E296" s="9" t="s">
        <v>226</v>
      </c>
      <c r="F296" s="9" t="s">
        <v>283</v>
      </c>
      <c r="G296" s="9" t="s">
        <v>272</v>
      </c>
      <c r="H296" s="6">
        <v>58</v>
      </c>
      <c r="I296" s="6">
        <v>12</v>
      </c>
      <c r="J296" s="6">
        <v>6</v>
      </c>
      <c r="K296" s="6">
        <v>46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2</v>
      </c>
      <c r="E297" s="9" t="s">
        <v>226</v>
      </c>
      <c r="F297" s="9" t="s">
        <v>283</v>
      </c>
      <c r="G297" s="9" t="s">
        <v>273</v>
      </c>
      <c r="H297" s="6">
        <v>97</v>
      </c>
      <c r="I297" s="6">
        <v>83</v>
      </c>
      <c r="J297" s="6">
        <v>68</v>
      </c>
      <c r="K297" s="6">
        <v>14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2</v>
      </c>
      <c r="E298" s="9" t="s">
        <v>226</v>
      </c>
      <c r="F298" s="9" t="s">
        <v>283</v>
      </c>
      <c r="G298" s="9" t="s">
        <v>274</v>
      </c>
      <c r="H298" s="6">
        <v>186</v>
      </c>
      <c r="I298" s="6">
        <v>165</v>
      </c>
      <c r="J298" s="6">
        <v>138</v>
      </c>
      <c r="K298" s="6">
        <v>21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2</v>
      </c>
      <c r="E299" s="9" t="s">
        <v>226</v>
      </c>
      <c r="F299" s="9" t="s">
        <v>283</v>
      </c>
      <c r="G299" s="9" t="s">
        <v>275</v>
      </c>
      <c r="H299" s="6">
        <v>129</v>
      </c>
      <c r="I299" s="6">
        <v>111</v>
      </c>
      <c r="J299" s="6">
        <v>91</v>
      </c>
      <c r="K299" s="6">
        <v>18</v>
      </c>
      <c r="L299" s="10" t="s">
        <v>55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2</v>
      </c>
      <c r="E300" s="9" t="s">
        <v>226</v>
      </c>
      <c r="F300" s="9" t="s">
        <v>283</v>
      </c>
      <c r="G300" s="9" t="s">
        <v>276</v>
      </c>
      <c r="H300" s="6">
        <v>127</v>
      </c>
      <c r="I300" s="6">
        <v>114</v>
      </c>
      <c r="J300" s="6">
        <v>88</v>
      </c>
      <c r="K300" s="6">
        <v>13</v>
      </c>
      <c r="L300" s="10" t="s">
        <v>55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2</v>
      </c>
      <c r="E301" s="9" t="s">
        <v>226</v>
      </c>
      <c r="F301" s="9" t="s">
        <v>283</v>
      </c>
      <c r="G301" s="9" t="s">
        <v>277</v>
      </c>
      <c r="H301" s="6">
        <v>108</v>
      </c>
      <c r="I301" s="6">
        <v>96</v>
      </c>
      <c r="J301" s="6">
        <v>84</v>
      </c>
      <c r="K301" s="6">
        <v>12</v>
      </c>
      <c r="L301" s="10" t="s">
        <v>55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2</v>
      </c>
      <c r="E302" s="9" t="s">
        <v>226</v>
      </c>
      <c r="F302" s="9" t="s">
        <v>283</v>
      </c>
      <c r="G302" s="9" t="s">
        <v>278</v>
      </c>
      <c r="H302" s="6">
        <v>133</v>
      </c>
      <c r="I302" s="6">
        <v>101</v>
      </c>
      <c r="J302" s="6">
        <v>73</v>
      </c>
      <c r="K302" s="6">
        <v>32</v>
      </c>
      <c r="L302" s="10" t="s">
        <v>55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2</v>
      </c>
      <c r="E303" s="9" t="s">
        <v>226</v>
      </c>
      <c r="F303" s="9" t="s">
        <v>283</v>
      </c>
      <c r="G303" s="9" t="s">
        <v>279</v>
      </c>
      <c r="H303" s="6">
        <v>69</v>
      </c>
      <c r="I303" s="6">
        <v>53</v>
      </c>
      <c r="J303" s="6">
        <v>45</v>
      </c>
      <c r="K303" s="6">
        <v>16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2</v>
      </c>
      <c r="E304" s="9" t="s">
        <v>226</v>
      </c>
      <c r="F304" s="9" t="s">
        <v>283</v>
      </c>
      <c r="G304" s="9" t="s">
        <v>280</v>
      </c>
      <c r="H304" s="6">
        <v>659</v>
      </c>
      <c r="I304" s="6">
        <v>465</v>
      </c>
      <c r="J304" s="6">
        <v>322</v>
      </c>
      <c r="K304" s="6">
        <v>194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2</v>
      </c>
      <c r="E305" s="9" t="s">
        <v>227</v>
      </c>
      <c r="F305" s="9" t="s">
        <v>6</v>
      </c>
      <c r="G305" s="9" t="s">
        <v>6</v>
      </c>
      <c r="H305" s="6">
        <v>14608</v>
      </c>
      <c r="I305" s="6">
        <v>8916</v>
      </c>
      <c r="J305" s="6">
        <v>8278</v>
      </c>
      <c r="K305" s="6">
        <v>5672</v>
      </c>
      <c r="L305" s="6">
        <v>20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2</v>
      </c>
      <c r="E306" s="9" t="s">
        <v>227</v>
      </c>
      <c r="F306" s="9" t="s">
        <v>234</v>
      </c>
      <c r="G306" s="9" t="s">
        <v>6</v>
      </c>
      <c r="H306" s="6">
        <v>2597</v>
      </c>
      <c r="I306" s="6">
        <v>1576</v>
      </c>
      <c r="J306" s="6">
        <v>1507</v>
      </c>
      <c r="K306" s="6">
        <v>1018</v>
      </c>
      <c r="L306" s="6">
        <v>3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2</v>
      </c>
      <c r="E307" s="9" t="s">
        <v>227</v>
      </c>
      <c r="F307" s="9" t="s">
        <v>235</v>
      </c>
      <c r="G307" s="9" t="s">
        <v>6</v>
      </c>
      <c r="H307" s="6">
        <v>12011</v>
      </c>
      <c r="I307" s="6">
        <v>7340</v>
      </c>
      <c r="J307" s="6">
        <v>6771</v>
      </c>
      <c r="K307" s="6">
        <v>4654</v>
      </c>
      <c r="L307" s="6">
        <v>17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2</v>
      </c>
      <c r="E308" s="9" t="s">
        <v>227</v>
      </c>
      <c r="F308" s="9" t="s">
        <v>235</v>
      </c>
      <c r="G308" s="9" t="s">
        <v>272</v>
      </c>
      <c r="H308" s="6">
        <v>130</v>
      </c>
      <c r="I308" s="6">
        <v>45</v>
      </c>
      <c r="J308" s="6">
        <v>39</v>
      </c>
      <c r="K308" s="6">
        <v>85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2</v>
      </c>
      <c r="E309" s="9" t="s">
        <v>227</v>
      </c>
      <c r="F309" s="9" t="s">
        <v>235</v>
      </c>
      <c r="G309" s="9" t="s">
        <v>273</v>
      </c>
      <c r="H309" s="6">
        <v>226</v>
      </c>
      <c r="I309" s="6">
        <v>169</v>
      </c>
      <c r="J309" s="6">
        <v>156</v>
      </c>
      <c r="K309" s="6">
        <v>57</v>
      </c>
      <c r="L309" s="10" t="s">
        <v>55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2</v>
      </c>
      <c r="E310" s="9" t="s">
        <v>227</v>
      </c>
      <c r="F310" s="9" t="s">
        <v>235</v>
      </c>
      <c r="G310" s="9" t="s">
        <v>274</v>
      </c>
      <c r="H310" s="6">
        <v>348</v>
      </c>
      <c r="I310" s="6">
        <v>289</v>
      </c>
      <c r="J310" s="6">
        <v>264</v>
      </c>
      <c r="K310" s="6">
        <v>59</v>
      </c>
      <c r="L310" s="10" t="s">
        <v>55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2</v>
      </c>
      <c r="E311" s="9" t="s">
        <v>227</v>
      </c>
      <c r="F311" s="9" t="s">
        <v>235</v>
      </c>
      <c r="G311" s="9" t="s">
        <v>275</v>
      </c>
      <c r="H311" s="6">
        <v>271</v>
      </c>
      <c r="I311" s="6">
        <v>225</v>
      </c>
      <c r="J311" s="6">
        <v>208</v>
      </c>
      <c r="K311" s="6">
        <v>46</v>
      </c>
      <c r="L311" s="10" t="s">
        <v>55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2</v>
      </c>
      <c r="E312" s="9" t="s">
        <v>227</v>
      </c>
      <c r="F312" s="9" t="s">
        <v>235</v>
      </c>
      <c r="G312" s="9" t="s">
        <v>276</v>
      </c>
      <c r="H312" s="6">
        <v>213</v>
      </c>
      <c r="I312" s="6">
        <v>196</v>
      </c>
      <c r="J312" s="6">
        <v>191</v>
      </c>
      <c r="K312" s="6">
        <v>17</v>
      </c>
      <c r="L312" s="10" t="s">
        <v>55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2</v>
      </c>
      <c r="E313" s="9" t="s">
        <v>227</v>
      </c>
      <c r="F313" s="9" t="s">
        <v>235</v>
      </c>
      <c r="G313" s="9" t="s">
        <v>277</v>
      </c>
      <c r="H313" s="6">
        <v>325</v>
      </c>
      <c r="I313" s="6">
        <v>267</v>
      </c>
      <c r="J313" s="6">
        <v>230</v>
      </c>
      <c r="K313" s="6">
        <v>58</v>
      </c>
      <c r="L313" s="10" t="s">
        <v>55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2</v>
      </c>
      <c r="E314" s="9" t="s">
        <v>227</v>
      </c>
      <c r="F314" s="9" t="s">
        <v>235</v>
      </c>
      <c r="G314" s="9" t="s">
        <v>278</v>
      </c>
      <c r="H314" s="6">
        <v>293</v>
      </c>
      <c r="I314" s="6">
        <v>237</v>
      </c>
      <c r="J314" s="6">
        <v>226</v>
      </c>
      <c r="K314" s="6">
        <v>56</v>
      </c>
      <c r="L314" s="10" t="s">
        <v>55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2</v>
      </c>
      <c r="E315" s="9" t="s">
        <v>227</v>
      </c>
      <c r="F315" s="9" t="s">
        <v>235</v>
      </c>
      <c r="G315" s="9" t="s">
        <v>279</v>
      </c>
      <c r="H315" s="6">
        <v>280</v>
      </c>
      <c r="I315" s="6">
        <v>184</v>
      </c>
      <c r="J315" s="6">
        <v>171</v>
      </c>
      <c r="K315" s="6">
        <v>96</v>
      </c>
      <c r="L315" s="10" t="s">
        <v>55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2</v>
      </c>
      <c r="E316" s="9" t="s">
        <v>227</v>
      </c>
      <c r="F316" s="9" t="s">
        <v>235</v>
      </c>
      <c r="G316" s="9" t="s">
        <v>280</v>
      </c>
      <c r="H316" s="6">
        <v>9925</v>
      </c>
      <c r="I316" s="6">
        <v>5728</v>
      </c>
      <c r="J316" s="6">
        <v>5286</v>
      </c>
      <c r="K316" s="6">
        <v>4180</v>
      </c>
      <c r="L316" s="6">
        <v>17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2</v>
      </c>
      <c r="E317" s="9" t="s">
        <v>227</v>
      </c>
      <c r="F317" s="9" t="s">
        <v>281</v>
      </c>
      <c r="G317" s="9" t="s">
        <v>6</v>
      </c>
      <c r="H317" s="6">
        <v>7619</v>
      </c>
      <c r="I317" s="6">
        <v>4365</v>
      </c>
      <c r="J317" s="6">
        <v>3988</v>
      </c>
      <c r="K317" s="6">
        <v>3244</v>
      </c>
      <c r="L317" s="6">
        <v>10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2</v>
      </c>
      <c r="E318" s="9" t="s">
        <v>227</v>
      </c>
      <c r="F318" s="9" t="s">
        <v>281</v>
      </c>
      <c r="G318" s="9" t="s">
        <v>272</v>
      </c>
      <c r="H318" s="6">
        <v>34</v>
      </c>
      <c r="I318" s="6">
        <v>12</v>
      </c>
      <c r="J318" s="6">
        <v>12</v>
      </c>
      <c r="K318" s="6">
        <v>22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2</v>
      </c>
      <c r="E319" s="9" t="s">
        <v>227</v>
      </c>
      <c r="F319" s="9" t="s">
        <v>281</v>
      </c>
      <c r="G319" s="9" t="s">
        <v>273</v>
      </c>
      <c r="H319" s="6">
        <v>78</v>
      </c>
      <c r="I319" s="6">
        <v>45</v>
      </c>
      <c r="J319" s="6">
        <v>45</v>
      </c>
      <c r="K319" s="6">
        <v>33</v>
      </c>
      <c r="L319" s="10" t="s">
        <v>55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2</v>
      </c>
      <c r="E320" s="9" t="s">
        <v>227</v>
      </c>
      <c r="F320" s="9" t="s">
        <v>281</v>
      </c>
      <c r="G320" s="9" t="s">
        <v>274</v>
      </c>
      <c r="H320" s="6">
        <v>54</v>
      </c>
      <c r="I320" s="6">
        <v>42</v>
      </c>
      <c r="J320" s="6">
        <v>37</v>
      </c>
      <c r="K320" s="6">
        <v>12</v>
      </c>
      <c r="L320" s="10" t="s">
        <v>55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2</v>
      </c>
      <c r="E321" s="9" t="s">
        <v>227</v>
      </c>
      <c r="F321" s="9" t="s">
        <v>281</v>
      </c>
      <c r="G321" s="9" t="s">
        <v>275</v>
      </c>
      <c r="H321" s="6">
        <v>58</v>
      </c>
      <c r="I321" s="6">
        <v>50</v>
      </c>
      <c r="J321" s="6">
        <v>38</v>
      </c>
      <c r="K321" s="6">
        <v>8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2</v>
      </c>
      <c r="E322" s="9" t="s">
        <v>227</v>
      </c>
      <c r="F322" s="9" t="s">
        <v>281</v>
      </c>
      <c r="G322" s="9" t="s">
        <v>276</v>
      </c>
      <c r="H322" s="6">
        <v>41</v>
      </c>
      <c r="I322" s="6">
        <v>41</v>
      </c>
      <c r="J322" s="6">
        <v>41</v>
      </c>
      <c r="K322" s="10" t="s">
        <v>55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2</v>
      </c>
      <c r="E323" s="9" t="s">
        <v>227</v>
      </c>
      <c r="F323" s="9" t="s">
        <v>281</v>
      </c>
      <c r="G323" s="9" t="s">
        <v>277</v>
      </c>
      <c r="H323" s="6">
        <v>78</v>
      </c>
      <c r="I323" s="6">
        <v>57</v>
      </c>
      <c r="J323" s="6">
        <v>41</v>
      </c>
      <c r="K323" s="6">
        <v>21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2</v>
      </c>
      <c r="E324" s="9" t="s">
        <v>227</v>
      </c>
      <c r="F324" s="9" t="s">
        <v>281</v>
      </c>
      <c r="G324" s="9" t="s">
        <v>278</v>
      </c>
      <c r="H324" s="6">
        <v>89</v>
      </c>
      <c r="I324" s="6">
        <v>61</v>
      </c>
      <c r="J324" s="6">
        <v>61</v>
      </c>
      <c r="K324" s="6">
        <v>28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2</v>
      </c>
      <c r="E325" s="9" t="s">
        <v>227</v>
      </c>
      <c r="F325" s="9" t="s">
        <v>281</v>
      </c>
      <c r="G325" s="9" t="s">
        <v>279</v>
      </c>
      <c r="H325" s="6">
        <v>62</v>
      </c>
      <c r="I325" s="6">
        <v>33</v>
      </c>
      <c r="J325" s="6">
        <v>33</v>
      </c>
      <c r="K325" s="6">
        <v>29</v>
      </c>
      <c r="L325" s="10" t="s">
        <v>55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2</v>
      </c>
      <c r="E326" s="9" t="s">
        <v>227</v>
      </c>
      <c r="F326" s="9" t="s">
        <v>281</v>
      </c>
      <c r="G326" s="9" t="s">
        <v>280</v>
      </c>
      <c r="H326" s="6">
        <v>7125</v>
      </c>
      <c r="I326" s="6">
        <v>4024</v>
      </c>
      <c r="J326" s="6">
        <v>3680</v>
      </c>
      <c r="K326" s="6">
        <v>3091</v>
      </c>
      <c r="L326" s="6">
        <v>10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2</v>
      </c>
      <c r="E327" s="9" t="s">
        <v>227</v>
      </c>
      <c r="F327" s="9" t="s">
        <v>282</v>
      </c>
      <c r="G327" s="9" t="s">
        <v>6</v>
      </c>
      <c r="H327" s="6">
        <v>3274</v>
      </c>
      <c r="I327" s="6">
        <v>2149</v>
      </c>
      <c r="J327" s="6">
        <v>2011</v>
      </c>
      <c r="K327" s="6">
        <v>1118</v>
      </c>
      <c r="L327" s="6">
        <v>7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2</v>
      </c>
      <c r="E328" s="9" t="s">
        <v>227</v>
      </c>
      <c r="F328" s="9" t="s">
        <v>282</v>
      </c>
      <c r="G328" s="9" t="s">
        <v>272</v>
      </c>
      <c r="H328" s="6">
        <v>46</v>
      </c>
      <c r="I328" s="6">
        <v>21</v>
      </c>
      <c r="J328" s="6">
        <v>21</v>
      </c>
      <c r="K328" s="6">
        <v>25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2</v>
      </c>
      <c r="E329" s="9" t="s">
        <v>227</v>
      </c>
      <c r="F329" s="9" t="s">
        <v>282</v>
      </c>
      <c r="G329" s="9" t="s">
        <v>273</v>
      </c>
      <c r="H329" s="6">
        <v>72</v>
      </c>
      <c r="I329" s="6">
        <v>62</v>
      </c>
      <c r="J329" s="6">
        <v>57</v>
      </c>
      <c r="K329" s="6">
        <v>10</v>
      </c>
      <c r="L329" s="10" t="s">
        <v>55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2</v>
      </c>
      <c r="E330" s="9" t="s">
        <v>227</v>
      </c>
      <c r="F330" s="9" t="s">
        <v>282</v>
      </c>
      <c r="G330" s="9" t="s">
        <v>274</v>
      </c>
      <c r="H330" s="6">
        <v>140</v>
      </c>
      <c r="I330" s="6">
        <v>114</v>
      </c>
      <c r="J330" s="6">
        <v>108</v>
      </c>
      <c r="K330" s="6">
        <v>26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2</v>
      </c>
      <c r="E331" s="9" t="s">
        <v>227</v>
      </c>
      <c r="F331" s="9" t="s">
        <v>282</v>
      </c>
      <c r="G331" s="9" t="s">
        <v>275</v>
      </c>
      <c r="H331" s="6">
        <v>104</v>
      </c>
      <c r="I331" s="6">
        <v>84</v>
      </c>
      <c r="J331" s="6">
        <v>79</v>
      </c>
      <c r="K331" s="6">
        <v>20</v>
      </c>
      <c r="L331" s="10" t="s">
        <v>55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2</v>
      </c>
      <c r="E332" s="9" t="s">
        <v>227</v>
      </c>
      <c r="F332" s="9" t="s">
        <v>282</v>
      </c>
      <c r="G332" s="9" t="s">
        <v>276</v>
      </c>
      <c r="H332" s="6">
        <v>103</v>
      </c>
      <c r="I332" s="6">
        <v>93</v>
      </c>
      <c r="J332" s="6">
        <v>88</v>
      </c>
      <c r="K332" s="6">
        <v>10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2</v>
      </c>
      <c r="E333" s="9" t="s">
        <v>227</v>
      </c>
      <c r="F333" s="9" t="s">
        <v>282</v>
      </c>
      <c r="G333" s="9" t="s">
        <v>277</v>
      </c>
      <c r="H333" s="6">
        <v>151</v>
      </c>
      <c r="I333" s="6">
        <v>126</v>
      </c>
      <c r="J333" s="6">
        <v>111</v>
      </c>
      <c r="K333" s="6">
        <v>25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2</v>
      </c>
      <c r="E334" s="9" t="s">
        <v>227</v>
      </c>
      <c r="F334" s="9" t="s">
        <v>282</v>
      </c>
      <c r="G334" s="9" t="s">
        <v>278</v>
      </c>
      <c r="H334" s="6">
        <v>107</v>
      </c>
      <c r="I334" s="6">
        <v>97</v>
      </c>
      <c r="J334" s="6">
        <v>92</v>
      </c>
      <c r="K334" s="6">
        <v>10</v>
      </c>
      <c r="L334" s="10" t="s">
        <v>55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2</v>
      </c>
      <c r="E335" s="9" t="s">
        <v>227</v>
      </c>
      <c r="F335" s="9" t="s">
        <v>282</v>
      </c>
      <c r="G335" s="9" t="s">
        <v>279</v>
      </c>
      <c r="H335" s="6">
        <v>149</v>
      </c>
      <c r="I335" s="6">
        <v>98</v>
      </c>
      <c r="J335" s="6">
        <v>93</v>
      </c>
      <c r="K335" s="6">
        <v>51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2</v>
      </c>
      <c r="E336" s="9" t="s">
        <v>227</v>
      </c>
      <c r="F336" s="9" t="s">
        <v>282</v>
      </c>
      <c r="G336" s="9" t="s">
        <v>280</v>
      </c>
      <c r="H336" s="6">
        <v>2402</v>
      </c>
      <c r="I336" s="6">
        <v>1454</v>
      </c>
      <c r="J336" s="6">
        <v>1362</v>
      </c>
      <c r="K336" s="6">
        <v>941</v>
      </c>
      <c r="L336" s="6">
        <v>7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2</v>
      </c>
      <c r="E337" s="9" t="s">
        <v>227</v>
      </c>
      <c r="F337" s="9" t="s">
        <v>283</v>
      </c>
      <c r="G337" s="9" t="s">
        <v>6</v>
      </c>
      <c r="H337" s="6">
        <v>1118</v>
      </c>
      <c r="I337" s="6">
        <v>826</v>
      </c>
      <c r="J337" s="6">
        <v>772</v>
      </c>
      <c r="K337" s="6">
        <v>292</v>
      </c>
      <c r="L337" s="10" t="s">
        <v>55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2</v>
      </c>
      <c r="E338" s="9" t="s">
        <v>227</v>
      </c>
      <c r="F338" s="9" t="s">
        <v>283</v>
      </c>
      <c r="G338" s="9" t="s">
        <v>272</v>
      </c>
      <c r="H338" s="6">
        <v>50</v>
      </c>
      <c r="I338" s="6">
        <v>12</v>
      </c>
      <c r="J338" s="6">
        <v>6</v>
      </c>
      <c r="K338" s="6">
        <v>38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2</v>
      </c>
      <c r="E339" s="9" t="s">
        <v>227</v>
      </c>
      <c r="F339" s="9" t="s">
        <v>283</v>
      </c>
      <c r="G339" s="9" t="s">
        <v>273</v>
      </c>
      <c r="H339" s="6">
        <v>76</v>
      </c>
      <c r="I339" s="6">
        <v>62</v>
      </c>
      <c r="J339" s="6">
        <v>54</v>
      </c>
      <c r="K339" s="6">
        <v>14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2</v>
      </c>
      <c r="E340" s="9" t="s">
        <v>227</v>
      </c>
      <c r="F340" s="9" t="s">
        <v>283</v>
      </c>
      <c r="G340" s="9" t="s">
        <v>274</v>
      </c>
      <c r="H340" s="6">
        <v>154</v>
      </c>
      <c r="I340" s="6">
        <v>133</v>
      </c>
      <c r="J340" s="6">
        <v>119</v>
      </c>
      <c r="K340" s="6">
        <v>21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2</v>
      </c>
      <c r="E341" s="9" t="s">
        <v>227</v>
      </c>
      <c r="F341" s="9" t="s">
        <v>283</v>
      </c>
      <c r="G341" s="9" t="s">
        <v>275</v>
      </c>
      <c r="H341" s="6">
        <v>109</v>
      </c>
      <c r="I341" s="6">
        <v>91</v>
      </c>
      <c r="J341" s="6">
        <v>91</v>
      </c>
      <c r="K341" s="6">
        <v>18</v>
      </c>
      <c r="L341" s="10" t="s">
        <v>55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2</v>
      </c>
      <c r="E342" s="9" t="s">
        <v>227</v>
      </c>
      <c r="F342" s="9" t="s">
        <v>283</v>
      </c>
      <c r="G342" s="9" t="s">
        <v>276</v>
      </c>
      <c r="H342" s="6">
        <v>69</v>
      </c>
      <c r="I342" s="6">
        <v>62</v>
      </c>
      <c r="J342" s="6">
        <v>62</v>
      </c>
      <c r="K342" s="6">
        <v>7</v>
      </c>
      <c r="L342" s="10" t="s">
        <v>55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2</v>
      </c>
      <c r="E343" s="9" t="s">
        <v>227</v>
      </c>
      <c r="F343" s="9" t="s">
        <v>283</v>
      </c>
      <c r="G343" s="9" t="s">
        <v>277</v>
      </c>
      <c r="H343" s="6">
        <v>96</v>
      </c>
      <c r="I343" s="6">
        <v>84</v>
      </c>
      <c r="J343" s="6">
        <v>78</v>
      </c>
      <c r="K343" s="6">
        <v>12</v>
      </c>
      <c r="L343" s="10" t="s">
        <v>55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2</v>
      </c>
      <c r="E344" s="9" t="s">
        <v>227</v>
      </c>
      <c r="F344" s="9" t="s">
        <v>283</v>
      </c>
      <c r="G344" s="9" t="s">
        <v>278</v>
      </c>
      <c r="H344" s="6">
        <v>97</v>
      </c>
      <c r="I344" s="6">
        <v>79</v>
      </c>
      <c r="J344" s="6">
        <v>73</v>
      </c>
      <c r="K344" s="6">
        <v>18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2</v>
      </c>
      <c r="E345" s="9" t="s">
        <v>227</v>
      </c>
      <c r="F345" s="9" t="s">
        <v>283</v>
      </c>
      <c r="G345" s="9" t="s">
        <v>279</v>
      </c>
      <c r="H345" s="6">
        <v>69</v>
      </c>
      <c r="I345" s="6">
        <v>53</v>
      </c>
      <c r="J345" s="6">
        <v>45</v>
      </c>
      <c r="K345" s="6">
        <v>16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2</v>
      </c>
      <c r="E346" s="9" t="s">
        <v>227</v>
      </c>
      <c r="F346" s="9" t="s">
        <v>283</v>
      </c>
      <c r="G346" s="9" t="s">
        <v>280</v>
      </c>
      <c r="H346" s="6">
        <v>398</v>
      </c>
      <c r="I346" s="6">
        <v>250</v>
      </c>
      <c r="J346" s="6">
        <v>244</v>
      </c>
      <c r="K346" s="6">
        <v>148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2</v>
      </c>
      <c r="E347" s="9" t="s">
        <v>228</v>
      </c>
      <c r="F347" s="9" t="s">
        <v>6</v>
      </c>
      <c r="G347" s="9" t="s">
        <v>6</v>
      </c>
      <c r="H347" s="6">
        <v>18065</v>
      </c>
      <c r="I347" s="6">
        <v>2991</v>
      </c>
      <c r="J347" s="6">
        <v>2473</v>
      </c>
      <c r="K347" s="6">
        <v>15048</v>
      </c>
      <c r="L347" s="6">
        <v>26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2</v>
      </c>
      <c r="E348" s="9" t="s">
        <v>228</v>
      </c>
      <c r="F348" s="9" t="s">
        <v>234</v>
      </c>
      <c r="G348" s="9" t="s">
        <v>6</v>
      </c>
      <c r="H348" s="6">
        <v>3190</v>
      </c>
      <c r="I348" s="6">
        <v>496</v>
      </c>
      <c r="J348" s="6">
        <v>401</v>
      </c>
      <c r="K348" s="6">
        <v>2687</v>
      </c>
      <c r="L348" s="6">
        <v>7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2</v>
      </c>
      <c r="E349" s="9" t="s">
        <v>228</v>
      </c>
      <c r="F349" s="9" t="s">
        <v>235</v>
      </c>
      <c r="G349" s="9" t="s">
        <v>6</v>
      </c>
      <c r="H349" s="6">
        <v>14875</v>
      </c>
      <c r="I349" s="6">
        <v>2495</v>
      </c>
      <c r="J349" s="6">
        <v>2072</v>
      </c>
      <c r="K349" s="6">
        <v>12361</v>
      </c>
      <c r="L349" s="6">
        <v>19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2</v>
      </c>
      <c r="E350" s="9" t="s">
        <v>228</v>
      </c>
      <c r="F350" s="9" t="s">
        <v>235</v>
      </c>
      <c r="G350" s="9" t="s">
        <v>272</v>
      </c>
      <c r="H350" s="6">
        <v>6</v>
      </c>
      <c r="I350" s="10" t="s">
        <v>55</v>
      </c>
      <c r="J350" s="10" t="s">
        <v>55</v>
      </c>
      <c r="K350" s="6">
        <v>6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2</v>
      </c>
      <c r="E351" s="9" t="s">
        <v>228</v>
      </c>
      <c r="F351" s="9" t="s">
        <v>235</v>
      </c>
      <c r="G351" s="9" t="s">
        <v>273</v>
      </c>
      <c r="H351" s="6">
        <v>30</v>
      </c>
      <c r="I351" s="6">
        <v>14</v>
      </c>
      <c r="J351" s="6">
        <v>10</v>
      </c>
      <c r="K351" s="6">
        <v>16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2</v>
      </c>
      <c r="E352" s="9" t="s">
        <v>228</v>
      </c>
      <c r="F352" s="9" t="s">
        <v>235</v>
      </c>
      <c r="G352" s="9" t="s">
        <v>274</v>
      </c>
      <c r="H352" s="6">
        <v>18</v>
      </c>
      <c r="I352" s="6">
        <v>9</v>
      </c>
      <c r="J352" s="6">
        <v>9</v>
      </c>
      <c r="K352" s="6">
        <v>9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2</v>
      </c>
      <c r="E353" s="9" t="s">
        <v>228</v>
      </c>
      <c r="F353" s="9" t="s">
        <v>235</v>
      </c>
      <c r="G353" s="9" t="s">
        <v>275</v>
      </c>
      <c r="H353" s="6">
        <v>21</v>
      </c>
      <c r="I353" s="6">
        <v>14</v>
      </c>
      <c r="J353" s="6">
        <v>14</v>
      </c>
      <c r="K353" s="6">
        <v>7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2</v>
      </c>
      <c r="E354" s="9" t="s">
        <v>228</v>
      </c>
      <c r="F354" s="9" t="s">
        <v>235</v>
      </c>
      <c r="G354" s="9" t="s">
        <v>276</v>
      </c>
      <c r="H354" s="10" t="s">
        <v>55</v>
      </c>
      <c r="I354" s="10" t="s">
        <v>55</v>
      </c>
      <c r="J354" s="10" t="s">
        <v>55</v>
      </c>
      <c r="K354" s="10" t="s">
        <v>55</v>
      </c>
      <c r="L354" s="10" t="s">
        <v>55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2</v>
      </c>
      <c r="E355" s="9" t="s">
        <v>228</v>
      </c>
      <c r="F355" s="9" t="s">
        <v>235</v>
      </c>
      <c r="G355" s="9" t="s">
        <v>277</v>
      </c>
      <c r="H355" s="6">
        <v>5</v>
      </c>
      <c r="I355" s="6">
        <v>5</v>
      </c>
      <c r="J355" s="6">
        <v>5</v>
      </c>
      <c r="K355" s="10" t="s">
        <v>55</v>
      </c>
      <c r="L355" s="10" t="s">
        <v>55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2</v>
      </c>
      <c r="E356" s="9" t="s">
        <v>228</v>
      </c>
      <c r="F356" s="9" t="s">
        <v>235</v>
      </c>
      <c r="G356" s="9" t="s">
        <v>278</v>
      </c>
      <c r="H356" s="6">
        <v>24</v>
      </c>
      <c r="I356" s="6">
        <v>13</v>
      </c>
      <c r="J356" s="6">
        <v>13</v>
      </c>
      <c r="K356" s="6">
        <v>11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2</v>
      </c>
      <c r="E357" s="9" t="s">
        <v>228</v>
      </c>
      <c r="F357" s="9" t="s">
        <v>235</v>
      </c>
      <c r="G357" s="9" t="s">
        <v>279</v>
      </c>
      <c r="H357" s="6">
        <v>19</v>
      </c>
      <c r="I357" s="6">
        <v>14</v>
      </c>
      <c r="J357" s="6">
        <v>14</v>
      </c>
      <c r="K357" s="6">
        <v>5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2</v>
      </c>
      <c r="E358" s="9" t="s">
        <v>228</v>
      </c>
      <c r="F358" s="9" t="s">
        <v>235</v>
      </c>
      <c r="G358" s="9" t="s">
        <v>280</v>
      </c>
      <c r="H358" s="6">
        <v>14752</v>
      </c>
      <c r="I358" s="6">
        <v>2426</v>
      </c>
      <c r="J358" s="6">
        <v>2007</v>
      </c>
      <c r="K358" s="6">
        <v>12307</v>
      </c>
      <c r="L358" s="6">
        <v>19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2</v>
      </c>
      <c r="E359" s="9" t="s">
        <v>228</v>
      </c>
      <c r="F359" s="9" t="s">
        <v>281</v>
      </c>
      <c r="G359" s="9" t="s">
        <v>6</v>
      </c>
      <c r="H359" s="6">
        <v>11863</v>
      </c>
      <c r="I359" s="6">
        <v>1856</v>
      </c>
      <c r="J359" s="6">
        <v>1534</v>
      </c>
      <c r="K359" s="6">
        <v>9993</v>
      </c>
      <c r="L359" s="6">
        <v>14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2</v>
      </c>
      <c r="E360" s="9" t="s">
        <v>228</v>
      </c>
      <c r="F360" s="9" t="s">
        <v>281</v>
      </c>
      <c r="G360" s="9" t="s">
        <v>272</v>
      </c>
      <c r="H360" s="10" t="s">
        <v>55</v>
      </c>
      <c r="I360" s="10" t="s">
        <v>55</v>
      </c>
      <c r="J360" s="10" t="s">
        <v>55</v>
      </c>
      <c r="K360" s="10" t="s">
        <v>55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2</v>
      </c>
      <c r="E361" s="9" t="s">
        <v>228</v>
      </c>
      <c r="F361" s="9" t="s">
        <v>281</v>
      </c>
      <c r="G361" s="9" t="s">
        <v>273</v>
      </c>
      <c r="H361" s="6">
        <v>8</v>
      </c>
      <c r="I361" s="6">
        <v>8</v>
      </c>
      <c r="J361" s="6">
        <v>4</v>
      </c>
      <c r="K361" s="10" t="s">
        <v>55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2</v>
      </c>
      <c r="E362" s="9" t="s">
        <v>228</v>
      </c>
      <c r="F362" s="9" t="s">
        <v>281</v>
      </c>
      <c r="G362" s="9" t="s">
        <v>274</v>
      </c>
      <c r="H362" s="6">
        <v>8</v>
      </c>
      <c r="I362" s="6">
        <v>4</v>
      </c>
      <c r="J362" s="6">
        <v>4</v>
      </c>
      <c r="K362" s="6">
        <v>4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2</v>
      </c>
      <c r="E363" s="9" t="s">
        <v>228</v>
      </c>
      <c r="F363" s="9" t="s">
        <v>281</v>
      </c>
      <c r="G363" s="9" t="s">
        <v>275</v>
      </c>
      <c r="H363" s="6">
        <v>8</v>
      </c>
      <c r="I363" s="6">
        <v>8</v>
      </c>
      <c r="J363" s="6">
        <v>8</v>
      </c>
      <c r="K363" s="10" t="s">
        <v>55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2</v>
      </c>
      <c r="E364" s="9" t="s">
        <v>228</v>
      </c>
      <c r="F364" s="9" t="s">
        <v>281</v>
      </c>
      <c r="G364" s="9" t="s">
        <v>276</v>
      </c>
      <c r="H364" s="10" t="s">
        <v>55</v>
      </c>
      <c r="I364" s="10" t="s">
        <v>55</v>
      </c>
      <c r="J364" s="10" t="s">
        <v>55</v>
      </c>
      <c r="K364" s="10" t="s">
        <v>55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2</v>
      </c>
      <c r="E365" s="9" t="s">
        <v>228</v>
      </c>
      <c r="F365" s="9" t="s">
        <v>281</v>
      </c>
      <c r="G365" s="9" t="s">
        <v>277</v>
      </c>
      <c r="H365" s="10" t="s">
        <v>55</v>
      </c>
      <c r="I365" s="10" t="s">
        <v>55</v>
      </c>
      <c r="J365" s="10" t="s">
        <v>55</v>
      </c>
      <c r="K365" s="10" t="s">
        <v>55</v>
      </c>
      <c r="L365" s="10" t="s">
        <v>55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2</v>
      </c>
      <c r="E366" s="9" t="s">
        <v>228</v>
      </c>
      <c r="F366" s="9" t="s">
        <v>281</v>
      </c>
      <c r="G366" s="9" t="s">
        <v>278</v>
      </c>
      <c r="H366" s="6">
        <v>8</v>
      </c>
      <c r="I366" s="6">
        <v>8</v>
      </c>
      <c r="J366" s="6">
        <v>8</v>
      </c>
      <c r="K366" s="10" t="s">
        <v>55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2</v>
      </c>
      <c r="E367" s="9" t="s">
        <v>228</v>
      </c>
      <c r="F367" s="9" t="s">
        <v>281</v>
      </c>
      <c r="G367" s="9" t="s">
        <v>279</v>
      </c>
      <c r="H367" s="6">
        <v>4</v>
      </c>
      <c r="I367" s="6">
        <v>4</v>
      </c>
      <c r="J367" s="6">
        <v>4</v>
      </c>
      <c r="K367" s="10" t="s">
        <v>55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2</v>
      </c>
      <c r="E368" s="9" t="s">
        <v>228</v>
      </c>
      <c r="F368" s="9" t="s">
        <v>281</v>
      </c>
      <c r="G368" s="9" t="s">
        <v>280</v>
      </c>
      <c r="H368" s="6">
        <v>11827</v>
      </c>
      <c r="I368" s="6">
        <v>1824</v>
      </c>
      <c r="J368" s="6">
        <v>1506</v>
      </c>
      <c r="K368" s="6">
        <v>9989</v>
      </c>
      <c r="L368" s="6">
        <v>14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2</v>
      </c>
      <c r="E369" s="9" t="s">
        <v>228</v>
      </c>
      <c r="F369" s="9" t="s">
        <v>282</v>
      </c>
      <c r="G369" s="9" t="s">
        <v>6</v>
      </c>
      <c r="H369" s="6">
        <v>2725</v>
      </c>
      <c r="I369" s="6">
        <v>565</v>
      </c>
      <c r="J369" s="6">
        <v>464</v>
      </c>
      <c r="K369" s="6">
        <v>2155</v>
      </c>
      <c r="L369" s="6">
        <v>5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2</v>
      </c>
      <c r="E370" s="9" t="s">
        <v>228</v>
      </c>
      <c r="F370" s="9" t="s">
        <v>282</v>
      </c>
      <c r="G370" s="9" t="s">
        <v>272</v>
      </c>
      <c r="H370" s="10" t="s">
        <v>55</v>
      </c>
      <c r="I370" s="10" t="s">
        <v>55</v>
      </c>
      <c r="J370" s="10" t="s">
        <v>55</v>
      </c>
      <c r="K370" s="10" t="s">
        <v>55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2</v>
      </c>
      <c r="E371" s="9" t="s">
        <v>228</v>
      </c>
      <c r="F371" s="9" t="s">
        <v>282</v>
      </c>
      <c r="G371" s="9" t="s">
        <v>273</v>
      </c>
      <c r="H371" s="6">
        <v>5</v>
      </c>
      <c r="I371" s="10" t="s">
        <v>55</v>
      </c>
      <c r="J371" s="10" t="s">
        <v>55</v>
      </c>
      <c r="K371" s="6">
        <v>5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2</v>
      </c>
      <c r="E372" s="9" t="s">
        <v>228</v>
      </c>
      <c r="F372" s="9" t="s">
        <v>282</v>
      </c>
      <c r="G372" s="9" t="s">
        <v>274</v>
      </c>
      <c r="H372" s="6">
        <v>10</v>
      </c>
      <c r="I372" s="6">
        <v>5</v>
      </c>
      <c r="J372" s="6">
        <v>5</v>
      </c>
      <c r="K372" s="6">
        <v>5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2</v>
      </c>
      <c r="E373" s="9" t="s">
        <v>228</v>
      </c>
      <c r="F373" s="9" t="s">
        <v>282</v>
      </c>
      <c r="G373" s="9" t="s">
        <v>275</v>
      </c>
      <c r="H373" s="6">
        <v>7</v>
      </c>
      <c r="I373" s="10" t="s">
        <v>55</v>
      </c>
      <c r="J373" s="10" t="s">
        <v>55</v>
      </c>
      <c r="K373" s="6">
        <v>7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2</v>
      </c>
      <c r="E374" s="9" t="s">
        <v>228</v>
      </c>
      <c r="F374" s="9" t="s">
        <v>282</v>
      </c>
      <c r="G374" s="9" t="s">
        <v>276</v>
      </c>
      <c r="H374" s="10" t="s">
        <v>55</v>
      </c>
      <c r="I374" s="10" t="s">
        <v>55</v>
      </c>
      <c r="J374" s="10" t="s">
        <v>55</v>
      </c>
      <c r="K374" s="10" t="s">
        <v>55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2</v>
      </c>
      <c r="E375" s="9" t="s">
        <v>228</v>
      </c>
      <c r="F375" s="9" t="s">
        <v>282</v>
      </c>
      <c r="G375" s="9" t="s">
        <v>277</v>
      </c>
      <c r="H375" s="6">
        <v>5</v>
      </c>
      <c r="I375" s="6">
        <v>5</v>
      </c>
      <c r="J375" s="6">
        <v>5</v>
      </c>
      <c r="K375" s="10" t="s">
        <v>55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2</v>
      </c>
      <c r="E376" s="9" t="s">
        <v>228</v>
      </c>
      <c r="F376" s="9" t="s">
        <v>282</v>
      </c>
      <c r="G376" s="9" t="s">
        <v>278</v>
      </c>
      <c r="H376" s="6">
        <v>16</v>
      </c>
      <c r="I376" s="6">
        <v>5</v>
      </c>
      <c r="J376" s="6">
        <v>5</v>
      </c>
      <c r="K376" s="6">
        <v>11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2</v>
      </c>
      <c r="E377" s="9" t="s">
        <v>228</v>
      </c>
      <c r="F377" s="9" t="s">
        <v>282</v>
      </c>
      <c r="G377" s="9" t="s">
        <v>279</v>
      </c>
      <c r="H377" s="6">
        <v>15</v>
      </c>
      <c r="I377" s="6">
        <v>10</v>
      </c>
      <c r="J377" s="6">
        <v>10</v>
      </c>
      <c r="K377" s="6">
        <v>5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2</v>
      </c>
      <c r="E378" s="9" t="s">
        <v>228</v>
      </c>
      <c r="F378" s="9" t="s">
        <v>282</v>
      </c>
      <c r="G378" s="9" t="s">
        <v>280</v>
      </c>
      <c r="H378" s="6">
        <v>2667</v>
      </c>
      <c r="I378" s="6">
        <v>540</v>
      </c>
      <c r="J378" s="6">
        <v>439</v>
      </c>
      <c r="K378" s="6">
        <v>2122</v>
      </c>
      <c r="L378" s="6">
        <v>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2</v>
      </c>
      <c r="E379" s="9" t="s">
        <v>228</v>
      </c>
      <c r="F379" s="9" t="s">
        <v>283</v>
      </c>
      <c r="G379" s="9" t="s">
        <v>6</v>
      </c>
      <c r="H379" s="6">
        <v>287</v>
      </c>
      <c r="I379" s="6">
        <v>74</v>
      </c>
      <c r="J379" s="6">
        <v>74</v>
      </c>
      <c r="K379" s="6">
        <v>213</v>
      </c>
      <c r="L379" s="10" t="s">
        <v>55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2</v>
      </c>
      <c r="E380" s="9" t="s">
        <v>228</v>
      </c>
      <c r="F380" s="9" t="s">
        <v>283</v>
      </c>
      <c r="G380" s="9" t="s">
        <v>272</v>
      </c>
      <c r="H380" s="6">
        <v>6</v>
      </c>
      <c r="I380" s="10" t="s">
        <v>55</v>
      </c>
      <c r="J380" s="10" t="s">
        <v>55</v>
      </c>
      <c r="K380" s="6">
        <v>6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2</v>
      </c>
      <c r="E381" s="9" t="s">
        <v>228</v>
      </c>
      <c r="F381" s="9" t="s">
        <v>283</v>
      </c>
      <c r="G381" s="9" t="s">
        <v>273</v>
      </c>
      <c r="H381" s="6">
        <v>17</v>
      </c>
      <c r="I381" s="6">
        <v>6</v>
      </c>
      <c r="J381" s="6">
        <v>6</v>
      </c>
      <c r="K381" s="6">
        <v>11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2</v>
      </c>
      <c r="E382" s="9" t="s">
        <v>228</v>
      </c>
      <c r="F382" s="9" t="s">
        <v>283</v>
      </c>
      <c r="G382" s="9" t="s">
        <v>274</v>
      </c>
      <c r="H382" s="10" t="s">
        <v>55</v>
      </c>
      <c r="I382" s="10" t="s">
        <v>55</v>
      </c>
      <c r="J382" s="10" t="s">
        <v>55</v>
      </c>
      <c r="K382" s="10" t="s">
        <v>55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2</v>
      </c>
      <c r="E383" s="9" t="s">
        <v>228</v>
      </c>
      <c r="F383" s="9" t="s">
        <v>283</v>
      </c>
      <c r="G383" s="9" t="s">
        <v>275</v>
      </c>
      <c r="H383" s="6">
        <v>6</v>
      </c>
      <c r="I383" s="6">
        <v>6</v>
      </c>
      <c r="J383" s="6">
        <v>6</v>
      </c>
      <c r="K383" s="10" t="s">
        <v>55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2</v>
      </c>
      <c r="E384" s="9" t="s">
        <v>228</v>
      </c>
      <c r="F384" s="9" t="s">
        <v>283</v>
      </c>
      <c r="G384" s="9" t="s">
        <v>276</v>
      </c>
      <c r="H384" s="10" t="s">
        <v>55</v>
      </c>
      <c r="I384" s="10" t="s">
        <v>55</v>
      </c>
      <c r="J384" s="10" t="s">
        <v>55</v>
      </c>
      <c r="K384" s="10" t="s">
        <v>55</v>
      </c>
      <c r="L384" s="10" t="s">
        <v>55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2</v>
      </c>
      <c r="E385" s="9" t="s">
        <v>228</v>
      </c>
      <c r="F385" s="9" t="s">
        <v>283</v>
      </c>
      <c r="G385" s="9" t="s">
        <v>277</v>
      </c>
      <c r="H385" s="10" t="s">
        <v>55</v>
      </c>
      <c r="I385" s="10" t="s">
        <v>55</v>
      </c>
      <c r="J385" s="10" t="s">
        <v>55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2</v>
      </c>
      <c r="E386" s="9" t="s">
        <v>228</v>
      </c>
      <c r="F386" s="9" t="s">
        <v>283</v>
      </c>
      <c r="G386" s="9" t="s">
        <v>278</v>
      </c>
      <c r="H386" s="10" t="s">
        <v>55</v>
      </c>
      <c r="I386" s="10" t="s">
        <v>55</v>
      </c>
      <c r="J386" s="10" t="s">
        <v>55</v>
      </c>
      <c r="K386" s="10" t="s">
        <v>55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2</v>
      </c>
      <c r="E387" s="9" t="s">
        <v>228</v>
      </c>
      <c r="F387" s="9" t="s">
        <v>283</v>
      </c>
      <c r="G387" s="9" t="s">
        <v>279</v>
      </c>
      <c r="H387" s="10" t="s">
        <v>55</v>
      </c>
      <c r="I387" s="10" t="s">
        <v>55</v>
      </c>
      <c r="J387" s="10" t="s">
        <v>55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2</v>
      </c>
      <c r="E388" s="9" t="s">
        <v>228</v>
      </c>
      <c r="F388" s="9" t="s">
        <v>283</v>
      </c>
      <c r="G388" s="9" t="s">
        <v>280</v>
      </c>
      <c r="H388" s="6">
        <v>258</v>
      </c>
      <c r="I388" s="6">
        <v>62</v>
      </c>
      <c r="J388" s="6">
        <v>62</v>
      </c>
      <c r="K388" s="6">
        <v>196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2</v>
      </c>
      <c r="E389" s="9" t="s">
        <v>18</v>
      </c>
      <c r="F389" s="9" t="s">
        <v>6</v>
      </c>
      <c r="G389" s="9" t="s">
        <v>6</v>
      </c>
      <c r="H389" s="6">
        <v>1626</v>
      </c>
      <c r="I389" s="6">
        <v>49</v>
      </c>
      <c r="J389" s="6">
        <v>27</v>
      </c>
      <c r="K389" s="6">
        <v>36</v>
      </c>
      <c r="L389" s="6">
        <v>1541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2</v>
      </c>
      <c r="E390" s="9" t="s">
        <v>18</v>
      </c>
      <c r="F390" s="9" t="s">
        <v>234</v>
      </c>
      <c r="G390" s="9" t="s">
        <v>6</v>
      </c>
      <c r="H390" s="6">
        <v>418</v>
      </c>
      <c r="I390" s="6">
        <v>12</v>
      </c>
      <c r="J390" s="6">
        <v>6</v>
      </c>
      <c r="K390" s="6">
        <v>9</v>
      </c>
      <c r="L390" s="6">
        <v>397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2</v>
      </c>
      <c r="E391" s="9" t="s">
        <v>18</v>
      </c>
      <c r="F391" s="9" t="s">
        <v>235</v>
      </c>
      <c r="G391" s="9" t="s">
        <v>6</v>
      </c>
      <c r="H391" s="6">
        <v>1208</v>
      </c>
      <c r="I391" s="6">
        <v>37</v>
      </c>
      <c r="J391" s="6">
        <v>21</v>
      </c>
      <c r="K391" s="6">
        <v>27</v>
      </c>
      <c r="L391" s="6">
        <v>1144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2</v>
      </c>
      <c r="E392" s="9" t="s">
        <v>18</v>
      </c>
      <c r="F392" s="9" t="s">
        <v>235</v>
      </c>
      <c r="G392" s="9" t="s">
        <v>272</v>
      </c>
      <c r="H392" s="6">
        <v>28</v>
      </c>
      <c r="I392" s="10" t="s">
        <v>55</v>
      </c>
      <c r="J392" s="10" t="s">
        <v>55</v>
      </c>
      <c r="K392" s="10" t="s">
        <v>55</v>
      </c>
      <c r="L392" s="6">
        <v>28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2</v>
      </c>
      <c r="E393" s="9" t="s">
        <v>18</v>
      </c>
      <c r="F393" s="9" t="s">
        <v>235</v>
      </c>
      <c r="G393" s="9" t="s">
        <v>273</v>
      </c>
      <c r="H393" s="6">
        <v>63</v>
      </c>
      <c r="I393" s="10" t="s">
        <v>55</v>
      </c>
      <c r="J393" s="10" t="s">
        <v>55</v>
      </c>
      <c r="K393" s="10" t="s">
        <v>55</v>
      </c>
      <c r="L393" s="6">
        <v>63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2</v>
      </c>
      <c r="E394" s="9" t="s">
        <v>18</v>
      </c>
      <c r="F394" s="9" t="s">
        <v>235</v>
      </c>
      <c r="G394" s="9" t="s">
        <v>274</v>
      </c>
      <c r="H394" s="6">
        <v>46</v>
      </c>
      <c r="I394" s="10" t="s">
        <v>55</v>
      </c>
      <c r="J394" s="10" t="s">
        <v>55</v>
      </c>
      <c r="K394" s="10" t="s">
        <v>55</v>
      </c>
      <c r="L394" s="6">
        <v>46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2</v>
      </c>
      <c r="E395" s="9" t="s">
        <v>18</v>
      </c>
      <c r="F395" s="9" t="s">
        <v>235</v>
      </c>
      <c r="G395" s="9" t="s">
        <v>275</v>
      </c>
      <c r="H395" s="6">
        <v>35</v>
      </c>
      <c r="I395" s="10" t="s">
        <v>55</v>
      </c>
      <c r="J395" s="10" t="s">
        <v>55</v>
      </c>
      <c r="K395" s="10" t="s">
        <v>55</v>
      </c>
      <c r="L395" s="6">
        <v>35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2</v>
      </c>
      <c r="E396" s="9" t="s">
        <v>18</v>
      </c>
      <c r="F396" s="9" t="s">
        <v>235</v>
      </c>
      <c r="G396" s="9" t="s">
        <v>276</v>
      </c>
      <c r="H396" s="6">
        <v>30</v>
      </c>
      <c r="I396" s="10" t="s">
        <v>55</v>
      </c>
      <c r="J396" s="10" t="s">
        <v>55</v>
      </c>
      <c r="K396" s="10" t="s">
        <v>55</v>
      </c>
      <c r="L396" s="6">
        <v>30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2</v>
      </c>
      <c r="E397" s="9" t="s">
        <v>18</v>
      </c>
      <c r="F397" s="9" t="s">
        <v>235</v>
      </c>
      <c r="G397" s="9" t="s">
        <v>277</v>
      </c>
      <c r="H397" s="6">
        <v>40</v>
      </c>
      <c r="I397" s="10" t="s">
        <v>55</v>
      </c>
      <c r="J397" s="10" t="s">
        <v>55</v>
      </c>
      <c r="K397" s="10" t="s">
        <v>55</v>
      </c>
      <c r="L397" s="6">
        <v>40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2</v>
      </c>
      <c r="E398" s="9" t="s">
        <v>18</v>
      </c>
      <c r="F398" s="9" t="s">
        <v>235</v>
      </c>
      <c r="G398" s="9" t="s">
        <v>278</v>
      </c>
      <c r="H398" s="6">
        <v>55</v>
      </c>
      <c r="I398" s="10" t="s">
        <v>55</v>
      </c>
      <c r="J398" s="10" t="s">
        <v>55</v>
      </c>
      <c r="K398" s="10" t="s">
        <v>55</v>
      </c>
      <c r="L398" s="6">
        <v>55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2</v>
      </c>
      <c r="E399" s="9" t="s">
        <v>18</v>
      </c>
      <c r="F399" s="9" t="s">
        <v>235</v>
      </c>
      <c r="G399" s="9" t="s">
        <v>279</v>
      </c>
      <c r="H399" s="6">
        <v>55</v>
      </c>
      <c r="I399" s="10" t="s">
        <v>55</v>
      </c>
      <c r="J399" s="10" t="s">
        <v>55</v>
      </c>
      <c r="K399" s="10" t="s">
        <v>55</v>
      </c>
      <c r="L399" s="6">
        <v>55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2</v>
      </c>
      <c r="E400" s="9" t="s">
        <v>18</v>
      </c>
      <c r="F400" s="9" t="s">
        <v>235</v>
      </c>
      <c r="G400" s="9" t="s">
        <v>280</v>
      </c>
      <c r="H400" s="6">
        <v>856</v>
      </c>
      <c r="I400" s="6">
        <v>37</v>
      </c>
      <c r="J400" s="6">
        <v>21</v>
      </c>
      <c r="K400" s="6">
        <v>27</v>
      </c>
      <c r="L400" s="6">
        <v>792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2</v>
      </c>
      <c r="E401" s="9" t="s">
        <v>18</v>
      </c>
      <c r="F401" s="9" t="s">
        <v>281</v>
      </c>
      <c r="G401" s="9" t="s">
        <v>6</v>
      </c>
      <c r="H401" s="6">
        <v>721</v>
      </c>
      <c r="I401" s="6">
        <v>26</v>
      </c>
      <c r="J401" s="6">
        <v>21</v>
      </c>
      <c r="K401" s="6">
        <v>17</v>
      </c>
      <c r="L401" s="6">
        <v>678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2</v>
      </c>
      <c r="E402" s="9" t="s">
        <v>18</v>
      </c>
      <c r="F402" s="9" t="s">
        <v>281</v>
      </c>
      <c r="G402" s="9" t="s">
        <v>272</v>
      </c>
      <c r="H402" s="6">
        <v>4</v>
      </c>
      <c r="I402" s="10" t="s">
        <v>55</v>
      </c>
      <c r="J402" s="10" t="s">
        <v>55</v>
      </c>
      <c r="K402" s="10" t="s">
        <v>55</v>
      </c>
      <c r="L402" s="6">
        <v>4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2</v>
      </c>
      <c r="E403" s="9" t="s">
        <v>18</v>
      </c>
      <c r="F403" s="9" t="s">
        <v>281</v>
      </c>
      <c r="G403" s="9" t="s">
        <v>273</v>
      </c>
      <c r="H403" s="6">
        <v>26</v>
      </c>
      <c r="I403" s="10" t="s">
        <v>55</v>
      </c>
      <c r="J403" s="10" t="s">
        <v>55</v>
      </c>
      <c r="K403" s="10" t="s">
        <v>55</v>
      </c>
      <c r="L403" s="6">
        <v>26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2</v>
      </c>
      <c r="E404" s="9" t="s">
        <v>18</v>
      </c>
      <c r="F404" s="9" t="s">
        <v>281</v>
      </c>
      <c r="G404" s="9" t="s">
        <v>274</v>
      </c>
      <c r="H404" s="6">
        <v>16</v>
      </c>
      <c r="I404" s="10" t="s">
        <v>55</v>
      </c>
      <c r="J404" s="10" t="s">
        <v>55</v>
      </c>
      <c r="K404" s="10" t="s">
        <v>55</v>
      </c>
      <c r="L404" s="6">
        <v>16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2</v>
      </c>
      <c r="E405" s="9" t="s">
        <v>18</v>
      </c>
      <c r="F405" s="9" t="s">
        <v>281</v>
      </c>
      <c r="G405" s="9" t="s">
        <v>275</v>
      </c>
      <c r="H405" s="6">
        <v>8</v>
      </c>
      <c r="I405" s="10" t="s">
        <v>55</v>
      </c>
      <c r="J405" s="10" t="s">
        <v>55</v>
      </c>
      <c r="K405" s="10" t="s">
        <v>55</v>
      </c>
      <c r="L405" s="6">
        <v>8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2</v>
      </c>
      <c r="E406" s="9" t="s">
        <v>18</v>
      </c>
      <c r="F406" s="9" t="s">
        <v>281</v>
      </c>
      <c r="G406" s="9" t="s">
        <v>276</v>
      </c>
      <c r="H406" s="6">
        <v>4</v>
      </c>
      <c r="I406" s="10" t="s">
        <v>55</v>
      </c>
      <c r="J406" s="10" t="s">
        <v>55</v>
      </c>
      <c r="K406" s="10" t="s">
        <v>55</v>
      </c>
      <c r="L406" s="6">
        <v>4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2</v>
      </c>
      <c r="E407" s="9" t="s">
        <v>18</v>
      </c>
      <c r="F407" s="9" t="s">
        <v>281</v>
      </c>
      <c r="G407" s="9" t="s">
        <v>277</v>
      </c>
      <c r="H407" s="10" t="s">
        <v>55</v>
      </c>
      <c r="I407" s="10" t="s">
        <v>55</v>
      </c>
      <c r="J407" s="10" t="s">
        <v>55</v>
      </c>
      <c r="K407" s="10" t="s">
        <v>55</v>
      </c>
      <c r="L407" s="10" t="s">
        <v>55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2</v>
      </c>
      <c r="E408" s="9" t="s">
        <v>18</v>
      </c>
      <c r="F408" s="9" t="s">
        <v>281</v>
      </c>
      <c r="G408" s="9" t="s">
        <v>278</v>
      </c>
      <c r="H408" s="6">
        <v>23</v>
      </c>
      <c r="I408" s="10" t="s">
        <v>55</v>
      </c>
      <c r="J408" s="10" t="s">
        <v>55</v>
      </c>
      <c r="K408" s="10" t="s">
        <v>55</v>
      </c>
      <c r="L408" s="6">
        <v>23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2</v>
      </c>
      <c r="E409" s="9" t="s">
        <v>18</v>
      </c>
      <c r="F409" s="9" t="s">
        <v>281</v>
      </c>
      <c r="G409" s="9" t="s">
        <v>279</v>
      </c>
      <c r="H409" s="6">
        <v>18</v>
      </c>
      <c r="I409" s="10" t="s">
        <v>55</v>
      </c>
      <c r="J409" s="10" t="s">
        <v>55</v>
      </c>
      <c r="K409" s="10" t="s">
        <v>55</v>
      </c>
      <c r="L409" s="6">
        <v>18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2</v>
      </c>
      <c r="E410" s="9" t="s">
        <v>18</v>
      </c>
      <c r="F410" s="9" t="s">
        <v>281</v>
      </c>
      <c r="G410" s="9" t="s">
        <v>280</v>
      </c>
      <c r="H410" s="6">
        <v>622</v>
      </c>
      <c r="I410" s="6">
        <v>26</v>
      </c>
      <c r="J410" s="6">
        <v>21</v>
      </c>
      <c r="K410" s="6">
        <v>17</v>
      </c>
      <c r="L410" s="6">
        <v>579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2</v>
      </c>
      <c r="E411" s="9" t="s">
        <v>18</v>
      </c>
      <c r="F411" s="9" t="s">
        <v>282</v>
      </c>
      <c r="G411" s="9" t="s">
        <v>6</v>
      </c>
      <c r="H411" s="6">
        <v>302</v>
      </c>
      <c r="I411" s="6">
        <v>11</v>
      </c>
      <c r="J411" s="10" t="s">
        <v>55</v>
      </c>
      <c r="K411" s="6">
        <v>10</v>
      </c>
      <c r="L411" s="6">
        <v>281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2</v>
      </c>
      <c r="E412" s="9" t="s">
        <v>18</v>
      </c>
      <c r="F412" s="9" t="s">
        <v>282</v>
      </c>
      <c r="G412" s="9" t="s">
        <v>272</v>
      </c>
      <c r="H412" s="6">
        <v>11</v>
      </c>
      <c r="I412" s="10" t="s">
        <v>55</v>
      </c>
      <c r="J412" s="10" t="s">
        <v>55</v>
      </c>
      <c r="K412" s="10" t="s">
        <v>55</v>
      </c>
      <c r="L412" s="6">
        <v>11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2</v>
      </c>
      <c r="E413" s="9" t="s">
        <v>18</v>
      </c>
      <c r="F413" s="9" t="s">
        <v>282</v>
      </c>
      <c r="G413" s="9" t="s">
        <v>273</v>
      </c>
      <c r="H413" s="6">
        <v>11</v>
      </c>
      <c r="I413" s="10" t="s">
        <v>55</v>
      </c>
      <c r="J413" s="10" t="s">
        <v>55</v>
      </c>
      <c r="K413" s="10" t="s">
        <v>55</v>
      </c>
      <c r="L413" s="6">
        <v>11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2</v>
      </c>
      <c r="E414" s="9" t="s">
        <v>18</v>
      </c>
      <c r="F414" s="9" t="s">
        <v>282</v>
      </c>
      <c r="G414" s="9" t="s">
        <v>274</v>
      </c>
      <c r="H414" s="6">
        <v>16</v>
      </c>
      <c r="I414" s="10" t="s">
        <v>55</v>
      </c>
      <c r="J414" s="10" t="s">
        <v>55</v>
      </c>
      <c r="K414" s="10" t="s">
        <v>55</v>
      </c>
      <c r="L414" s="6">
        <v>16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2</v>
      </c>
      <c r="E415" s="9" t="s">
        <v>18</v>
      </c>
      <c r="F415" s="9" t="s">
        <v>282</v>
      </c>
      <c r="G415" s="9" t="s">
        <v>275</v>
      </c>
      <c r="H415" s="6">
        <v>5</v>
      </c>
      <c r="I415" s="10" t="s">
        <v>55</v>
      </c>
      <c r="J415" s="10" t="s">
        <v>55</v>
      </c>
      <c r="K415" s="10" t="s">
        <v>55</v>
      </c>
      <c r="L415" s="6">
        <v>5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2</v>
      </c>
      <c r="E416" s="9" t="s">
        <v>18</v>
      </c>
      <c r="F416" s="9" t="s">
        <v>282</v>
      </c>
      <c r="G416" s="9" t="s">
        <v>276</v>
      </c>
      <c r="H416" s="10" t="s">
        <v>55</v>
      </c>
      <c r="I416" s="10" t="s">
        <v>55</v>
      </c>
      <c r="J416" s="10" t="s">
        <v>55</v>
      </c>
      <c r="K416" s="10" t="s">
        <v>55</v>
      </c>
      <c r="L416" s="10" t="s">
        <v>55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2</v>
      </c>
      <c r="E417" s="9" t="s">
        <v>18</v>
      </c>
      <c r="F417" s="9" t="s">
        <v>282</v>
      </c>
      <c r="G417" s="9" t="s">
        <v>277</v>
      </c>
      <c r="H417" s="6">
        <v>25</v>
      </c>
      <c r="I417" s="10" t="s">
        <v>55</v>
      </c>
      <c r="J417" s="10" t="s">
        <v>55</v>
      </c>
      <c r="K417" s="10" t="s">
        <v>55</v>
      </c>
      <c r="L417" s="6">
        <v>25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2</v>
      </c>
      <c r="E418" s="9" t="s">
        <v>18</v>
      </c>
      <c r="F418" s="9" t="s">
        <v>282</v>
      </c>
      <c r="G418" s="9" t="s">
        <v>278</v>
      </c>
      <c r="H418" s="6">
        <v>18</v>
      </c>
      <c r="I418" s="10" t="s">
        <v>55</v>
      </c>
      <c r="J418" s="10" t="s">
        <v>55</v>
      </c>
      <c r="K418" s="10" t="s">
        <v>55</v>
      </c>
      <c r="L418" s="6">
        <v>18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2</v>
      </c>
      <c r="E419" s="9" t="s">
        <v>18</v>
      </c>
      <c r="F419" s="9" t="s">
        <v>282</v>
      </c>
      <c r="G419" s="9" t="s">
        <v>279</v>
      </c>
      <c r="H419" s="6">
        <v>25</v>
      </c>
      <c r="I419" s="10" t="s">
        <v>55</v>
      </c>
      <c r="J419" s="10" t="s">
        <v>55</v>
      </c>
      <c r="K419" s="10" t="s">
        <v>55</v>
      </c>
      <c r="L419" s="6">
        <v>25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2</v>
      </c>
      <c r="E420" s="9" t="s">
        <v>18</v>
      </c>
      <c r="F420" s="9" t="s">
        <v>282</v>
      </c>
      <c r="G420" s="9" t="s">
        <v>280</v>
      </c>
      <c r="H420" s="6">
        <v>191</v>
      </c>
      <c r="I420" s="6">
        <v>11</v>
      </c>
      <c r="J420" s="10" t="s">
        <v>55</v>
      </c>
      <c r="K420" s="6">
        <v>10</v>
      </c>
      <c r="L420" s="6">
        <v>170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2</v>
      </c>
      <c r="E421" s="9" t="s">
        <v>18</v>
      </c>
      <c r="F421" s="9" t="s">
        <v>283</v>
      </c>
      <c r="G421" s="9" t="s">
        <v>6</v>
      </c>
      <c r="H421" s="6">
        <v>185</v>
      </c>
      <c r="I421" s="10" t="s">
        <v>55</v>
      </c>
      <c r="J421" s="10" t="s">
        <v>55</v>
      </c>
      <c r="K421" s="10" t="s">
        <v>55</v>
      </c>
      <c r="L421" s="6">
        <v>185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2</v>
      </c>
      <c r="E422" s="9" t="s">
        <v>18</v>
      </c>
      <c r="F422" s="9" t="s">
        <v>283</v>
      </c>
      <c r="G422" s="9" t="s">
        <v>272</v>
      </c>
      <c r="H422" s="6">
        <v>13</v>
      </c>
      <c r="I422" s="10" t="s">
        <v>55</v>
      </c>
      <c r="J422" s="10" t="s">
        <v>55</v>
      </c>
      <c r="K422" s="10" t="s">
        <v>55</v>
      </c>
      <c r="L422" s="6">
        <v>13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2</v>
      </c>
      <c r="E423" s="9" t="s">
        <v>18</v>
      </c>
      <c r="F423" s="9" t="s">
        <v>283</v>
      </c>
      <c r="G423" s="9" t="s">
        <v>273</v>
      </c>
      <c r="H423" s="6">
        <v>26</v>
      </c>
      <c r="I423" s="10" t="s">
        <v>55</v>
      </c>
      <c r="J423" s="10" t="s">
        <v>55</v>
      </c>
      <c r="K423" s="10" t="s">
        <v>55</v>
      </c>
      <c r="L423" s="6">
        <v>26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2</v>
      </c>
      <c r="E424" s="9" t="s">
        <v>18</v>
      </c>
      <c r="F424" s="9" t="s">
        <v>283</v>
      </c>
      <c r="G424" s="9" t="s">
        <v>274</v>
      </c>
      <c r="H424" s="6">
        <v>14</v>
      </c>
      <c r="I424" s="10" t="s">
        <v>55</v>
      </c>
      <c r="J424" s="10" t="s">
        <v>55</v>
      </c>
      <c r="K424" s="10" t="s">
        <v>55</v>
      </c>
      <c r="L424" s="6">
        <v>14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2</v>
      </c>
      <c r="E425" s="9" t="s">
        <v>18</v>
      </c>
      <c r="F425" s="9" t="s">
        <v>283</v>
      </c>
      <c r="G425" s="9" t="s">
        <v>275</v>
      </c>
      <c r="H425" s="6">
        <v>22</v>
      </c>
      <c r="I425" s="10" t="s">
        <v>55</v>
      </c>
      <c r="J425" s="10" t="s">
        <v>55</v>
      </c>
      <c r="K425" s="10" t="s">
        <v>55</v>
      </c>
      <c r="L425" s="6">
        <v>22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2</v>
      </c>
      <c r="E426" s="9" t="s">
        <v>18</v>
      </c>
      <c r="F426" s="9" t="s">
        <v>283</v>
      </c>
      <c r="G426" s="9" t="s">
        <v>276</v>
      </c>
      <c r="H426" s="6">
        <v>26</v>
      </c>
      <c r="I426" s="10" t="s">
        <v>55</v>
      </c>
      <c r="J426" s="10" t="s">
        <v>55</v>
      </c>
      <c r="K426" s="10" t="s">
        <v>55</v>
      </c>
      <c r="L426" s="6">
        <v>26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2</v>
      </c>
      <c r="E427" s="9" t="s">
        <v>18</v>
      </c>
      <c r="F427" s="9" t="s">
        <v>283</v>
      </c>
      <c r="G427" s="9" t="s">
        <v>277</v>
      </c>
      <c r="H427" s="6">
        <v>15</v>
      </c>
      <c r="I427" s="10" t="s">
        <v>55</v>
      </c>
      <c r="J427" s="10" t="s">
        <v>55</v>
      </c>
      <c r="K427" s="10" t="s">
        <v>55</v>
      </c>
      <c r="L427" s="6">
        <v>15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2</v>
      </c>
      <c r="E428" s="9" t="s">
        <v>18</v>
      </c>
      <c r="F428" s="9" t="s">
        <v>283</v>
      </c>
      <c r="G428" s="9" t="s">
        <v>278</v>
      </c>
      <c r="H428" s="6">
        <v>14</v>
      </c>
      <c r="I428" s="10" t="s">
        <v>55</v>
      </c>
      <c r="J428" s="10" t="s">
        <v>55</v>
      </c>
      <c r="K428" s="10" t="s">
        <v>55</v>
      </c>
      <c r="L428" s="6">
        <v>14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2</v>
      </c>
      <c r="E429" s="9" t="s">
        <v>18</v>
      </c>
      <c r="F429" s="9" t="s">
        <v>283</v>
      </c>
      <c r="G429" s="9" t="s">
        <v>279</v>
      </c>
      <c r="H429" s="6">
        <v>12</v>
      </c>
      <c r="I429" s="10" t="s">
        <v>55</v>
      </c>
      <c r="J429" s="10" t="s">
        <v>55</v>
      </c>
      <c r="K429" s="10" t="s">
        <v>55</v>
      </c>
      <c r="L429" s="6">
        <v>12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2</v>
      </c>
      <c r="E430" s="9" t="s">
        <v>18</v>
      </c>
      <c r="F430" s="9" t="s">
        <v>283</v>
      </c>
      <c r="G430" s="9" t="s">
        <v>280</v>
      </c>
      <c r="H430" s="6">
        <v>43</v>
      </c>
      <c r="I430" s="10" t="s">
        <v>55</v>
      </c>
      <c r="J430" s="10" t="s">
        <v>55</v>
      </c>
      <c r="K430" s="10" t="s">
        <v>55</v>
      </c>
      <c r="L430" s="6">
        <v>43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2</v>
      </c>
      <c r="E431" s="9" t="s">
        <v>6</v>
      </c>
      <c r="F431" s="9" t="s">
        <v>6</v>
      </c>
      <c r="G431" s="9" t="s">
        <v>6</v>
      </c>
      <c r="H431" s="6">
        <v>3761</v>
      </c>
      <c r="I431" s="6">
        <v>1615</v>
      </c>
      <c r="J431" s="6">
        <v>988</v>
      </c>
      <c r="K431" s="6">
        <v>2008</v>
      </c>
      <c r="L431" s="6">
        <v>138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2</v>
      </c>
      <c r="E432" s="9" t="s">
        <v>6</v>
      </c>
      <c r="F432" s="9" t="s">
        <v>234</v>
      </c>
      <c r="G432" s="9" t="s">
        <v>6</v>
      </c>
      <c r="H432" s="6">
        <v>697</v>
      </c>
      <c r="I432" s="6">
        <v>292</v>
      </c>
      <c r="J432" s="6">
        <v>184</v>
      </c>
      <c r="K432" s="6">
        <v>373</v>
      </c>
      <c r="L432" s="6">
        <v>32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2</v>
      </c>
      <c r="E433" s="9" t="s">
        <v>6</v>
      </c>
      <c r="F433" s="9" t="s">
        <v>235</v>
      </c>
      <c r="G433" s="9" t="s">
        <v>6</v>
      </c>
      <c r="H433" s="6">
        <v>3064</v>
      </c>
      <c r="I433" s="6">
        <v>1323</v>
      </c>
      <c r="J433" s="6">
        <v>804</v>
      </c>
      <c r="K433" s="6">
        <v>1635</v>
      </c>
      <c r="L433" s="6">
        <v>106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2</v>
      </c>
      <c r="E434" s="9" t="s">
        <v>6</v>
      </c>
      <c r="F434" s="9" t="s">
        <v>235</v>
      </c>
      <c r="G434" s="9" t="s">
        <v>272</v>
      </c>
      <c r="H434" s="6">
        <v>7</v>
      </c>
      <c r="I434" s="10" t="s">
        <v>55</v>
      </c>
      <c r="J434" s="10" t="s">
        <v>55</v>
      </c>
      <c r="K434" s="6">
        <v>7</v>
      </c>
      <c r="L434" s="10" t="s">
        <v>55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2</v>
      </c>
      <c r="E435" s="9" t="s">
        <v>6</v>
      </c>
      <c r="F435" s="9" t="s">
        <v>235</v>
      </c>
      <c r="G435" s="9" t="s">
        <v>273</v>
      </c>
      <c r="H435" s="6">
        <v>39</v>
      </c>
      <c r="I435" s="6">
        <v>18</v>
      </c>
      <c r="J435" s="6">
        <v>18</v>
      </c>
      <c r="K435" s="6">
        <v>6</v>
      </c>
      <c r="L435" s="6">
        <v>15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2</v>
      </c>
      <c r="E436" s="9" t="s">
        <v>6</v>
      </c>
      <c r="F436" s="9" t="s">
        <v>235</v>
      </c>
      <c r="G436" s="9" t="s">
        <v>274</v>
      </c>
      <c r="H436" s="6">
        <v>52</v>
      </c>
      <c r="I436" s="6">
        <v>46</v>
      </c>
      <c r="J436" s="6">
        <v>21</v>
      </c>
      <c r="K436" s="10" t="s">
        <v>55</v>
      </c>
      <c r="L436" s="6">
        <v>6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2</v>
      </c>
      <c r="E437" s="9" t="s">
        <v>6</v>
      </c>
      <c r="F437" s="9" t="s">
        <v>235</v>
      </c>
      <c r="G437" s="9" t="s">
        <v>275</v>
      </c>
      <c r="H437" s="6">
        <v>34</v>
      </c>
      <c r="I437" s="6">
        <v>30</v>
      </c>
      <c r="J437" s="6">
        <v>26</v>
      </c>
      <c r="K437" s="6">
        <v>4</v>
      </c>
      <c r="L437" s="10" t="s">
        <v>55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2</v>
      </c>
      <c r="E438" s="9" t="s">
        <v>6</v>
      </c>
      <c r="F438" s="9" t="s">
        <v>235</v>
      </c>
      <c r="G438" s="9" t="s">
        <v>276</v>
      </c>
      <c r="H438" s="6">
        <v>12</v>
      </c>
      <c r="I438" s="6">
        <v>6</v>
      </c>
      <c r="J438" s="10" t="s">
        <v>55</v>
      </c>
      <c r="K438" s="10" t="s">
        <v>55</v>
      </c>
      <c r="L438" s="6">
        <v>6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2</v>
      </c>
      <c r="E439" s="9" t="s">
        <v>6</v>
      </c>
      <c r="F439" s="9" t="s">
        <v>235</v>
      </c>
      <c r="G439" s="9" t="s">
        <v>277</v>
      </c>
      <c r="H439" s="6">
        <v>24</v>
      </c>
      <c r="I439" s="6">
        <v>24</v>
      </c>
      <c r="J439" s="6">
        <v>15</v>
      </c>
      <c r="K439" s="10" t="s">
        <v>55</v>
      </c>
      <c r="L439" s="10" t="s">
        <v>55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2</v>
      </c>
      <c r="E440" s="9" t="s">
        <v>6</v>
      </c>
      <c r="F440" s="9" t="s">
        <v>235</v>
      </c>
      <c r="G440" s="9" t="s">
        <v>278</v>
      </c>
      <c r="H440" s="6">
        <v>21</v>
      </c>
      <c r="I440" s="6">
        <v>16</v>
      </c>
      <c r="J440" s="6">
        <v>16</v>
      </c>
      <c r="K440" s="10" t="s">
        <v>55</v>
      </c>
      <c r="L440" s="6">
        <v>5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2</v>
      </c>
      <c r="E441" s="9" t="s">
        <v>6</v>
      </c>
      <c r="F441" s="9" t="s">
        <v>235</v>
      </c>
      <c r="G441" s="9" t="s">
        <v>279</v>
      </c>
      <c r="H441" s="6">
        <v>10</v>
      </c>
      <c r="I441" s="6">
        <v>10</v>
      </c>
      <c r="J441" s="6">
        <v>10</v>
      </c>
      <c r="K441" s="10" t="s">
        <v>55</v>
      </c>
      <c r="L441" s="10" t="s">
        <v>55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2</v>
      </c>
      <c r="E442" s="9" t="s">
        <v>6</v>
      </c>
      <c r="F442" s="9" t="s">
        <v>235</v>
      </c>
      <c r="G442" s="9" t="s">
        <v>280</v>
      </c>
      <c r="H442" s="6">
        <v>2865</v>
      </c>
      <c r="I442" s="6">
        <v>1173</v>
      </c>
      <c r="J442" s="6">
        <v>698</v>
      </c>
      <c r="K442" s="6">
        <v>1618</v>
      </c>
      <c r="L442" s="6">
        <v>74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2</v>
      </c>
      <c r="E443" s="9" t="s">
        <v>6</v>
      </c>
      <c r="F443" s="9" t="s">
        <v>281</v>
      </c>
      <c r="G443" s="9" t="s">
        <v>6</v>
      </c>
      <c r="H443" s="6">
        <v>2235</v>
      </c>
      <c r="I443" s="6">
        <v>913</v>
      </c>
      <c r="J443" s="6">
        <v>522</v>
      </c>
      <c r="K443" s="6">
        <v>1257</v>
      </c>
      <c r="L443" s="6">
        <v>65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2</v>
      </c>
      <c r="E444" s="9" t="s">
        <v>6</v>
      </c>
      <c r="F444" s="9" t="s">
        <v>281</v>
      </c>
      <c r="G444" s="9" t="s">
        <v>272</v>
      </c>
      <c r="H444" s="10" t="s">
        <v>55</v>
      </c>
      <c r="I444" s="10" t="s">
        <v>55</v>
      </c>
      <c r="J444" s="10" t="s">
        <v>55</v>
      </c>
      <c r="K444" s="10" t="s">
        <v>55</v>
      </c>
      <c r="L444" s="10" t="s">
        <v>55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2</v>
      </c>
      <c r="E445" s="9" t="s">
        <v>6</v>
      </c>
      <c r="F445" s="9" t="s">
        <v>281</v>
      </c>
      <c r="G445" s="9" t="s">
        <v>273</v>
      </c>
      <c r="H445" s="6">
        <v>12</v>
      </c>
      <c r="I445" s="6">
        <v>4</v>
      </c>
      <c r="J445" s="6">
        <v>4</v>
      </c>
      <c r="K445" s="10" t="s">
        <v>55</v>
      </c>
      <c r="L445" s="6">
        <v>8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2</v>
      </c>
      <c r="E446" s="9" t="s">
        <v>6</v>
      </c>
      <c r="F446" s="9" t="s">
        <v>281</v>
      </c>
      <c r="G446" s="9" t="s">
        <v>274</v>
      </c>
      <c r="H446" s="6">
        <v>4</v>
      </c>
      <c r="I446" s="6">
        <v>4</v>
      </c>
      <c r="J446" s="6">
        <v>4</v>
      </c>
      <c r="K446" s="10" t="s">
        <v>55</v>
      </c>
      <c r="L446" s="10" t="s">
        <v>55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2</v>
      </c>
      <c r="E447" s="9" t="s">
        <v>6</v>
      </c>
      <c r="F447" s="9" t="s">
        <v>281</v>
      </c>
      <c r="G447" s="9" t="s">
        <v>275</v>
      </c>
      <c r="H447" s="6">
        <v>8</v>
      </c>
      <c r="I447" s="6">
        <v>4</v>
      </c>
      <c r="J447" s="10" t="s">
        <v>55</v>
      </c>
      <c r="K447" s="6">
        <v>4</v>
      </c>
      <c r="L447" s="10" t="s">
        <v>55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2</v>
      </c>
      <c r="E448" s="9" t="s">
        <v>6</v>
      </c>
      <c r="F448" s="9" t="s">
        <v>281</v>
      </c>
      <c r="G448" s="9" t="s">
        <v>276</v>
      </c>
      <c r="H448" s="10" t="s">
        <v>55</v>
      </c>
      <c r="I448" s="10" t="s">
        <v>55</v>
      </c>
      <c r="J448" s="10" t="s">
        <v>55</v>
      </c>
      <c r="K448" s="10" t="s">
        <v>55</v>
      </c>
      <c r="L448" s="10" t="s">
        <v>55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2</v>
      </c>
      <c r="E449" s="9" t="s">
        <v>6</v>
      </c>
      <c r="F449" s="9" t="s">
        <v>281</v>
      </c>
      <c r="G449" s="9" t="s">
        <v>277</v>
      </c>
      <c r="H449" s="6">
        <v>4</v>
      </c>
      <c r="I449" s="6">
        <v>4</v>
      </c>
      <c r="J449" s="10" t="s">
        <v>55</v>
      </c>
      <c r="K449" s="10" t="s">
        <v>55</v>
      </c>
      <c r="L449" s="10" t="s">
        <v>55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2</v>
      </c>
      <c r="E450" s="9" t="s">
        <v>6</v>
      </c>
      <c r="F450" s="9" t="s">
        <v>281</v>
      </c>
      <c r="G450" s="9" t="s">
        <v>278</v>
      </c>
      <c r="H450" s="6">
        <v>5</v>
      </c>
      <c r="I450" s="10" t="s">
        <v>55</v>
      </c>
      <c r="J450" s="10" t="s">
        <v>55</v>
      </c>
      <c r="K450" s="10" t="s">
        <v>55</v>
      </c>
      <c r="L450" s="6">
        <v>5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2</v>
      </c>
      <c r="E451" s="9" t="s">
        <v>6</v>
      </c>
      <c r="F451" s="9" t="s">
        <v>281</v>
      </c>
      <c r="G451" s="9" t="s">
        <v>279</v>
      </c>
      <c r="H451" s="10" t="s">
        <v>55</v>
      </c>
      <c r="I451" s="10" t="s">
        <v>55</v>
      </c>
      <c r="J451" s="10" t="s">
        <v>55</v>
      </c>
      <c r="K451" s="10" t="s">
        <v>55</v>
      </c>
      <c r="L451" s="10" t="s">
        <v>55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2</v>
      </c>
      <c r="E452" s="9" t="s">
        <v>6</v>
      </c>
      <c r="F452" s="9" t="s">
        <v>281</v>
      </c>
      <c r="G452" s="9" t="s">
        <v>280</v>
      </c>
      <c r="H452" s="6">
        <v>2202</v>
      </c>
      <c r="I452" s="6">
        <v>897</v>
      </c>
      <c r="J452" s="6">
        <v>514</v>
      </c>
      <c r="K452" s="6">
        <v>1253</v>
      </c>
      <c r="L452" s="6">
        <v>52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2</v>
      </c>
      <c r="E453" s="9" t="s">
        <v>6</v>
      </c>
      <c r="F453" s="9" t="s">
        <v>282</v>
      </c>
      <c r="G453" s="9" t="s">
        <v>6</v>
      </c>
      <c r="H453" s="6">
        <v>653</v>
      </c>
      <c r="I453" s="6">
        <v>326</v>
      </c>
      <c r="J453" s="6">
        <v>223</v>
      </c>
      <c r="K453" s="6">
        <v>312</v>
      </c>
      <c r="L453" s="6">
        <v>15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2</v>
      </c>
      <c r="E454" s="9" t="s">
        <v>6</v>
      </c>
      <c r="F454" s="9" t="s">
        <v>282</v>
      </c>
      <c r="G454" s="9" t="s">
        <v>272</v>
      </c>
      <c r="H454" s="10" t="s">
        <v>55</v>
      </c>
      <c r="I454" s="10" t="s">
        <v>55</v>
      </c>
      <c r="J454" s="10" t="s">
        <v>55</v>
      </c>
      <c r="K454" s="10" t="s">
        <v>55</v>
      </c>
      <c r="L454" s="10" t="s">
        <v>55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2</v>
      </c>
      <c r="E455" s="9" t="s">
        <v>6</v>
      </c>
      <c r="F455" s="9" t="s">
        <v>282</v>
      </c>
      <c r="G455" s="9" t="s">
        <v>273</v>
      </c>
      <c r="H455" s="10" t="s">
        <v>55</v>
      </c>
      <c r="I455" s="10" t="s">
        <v>55</v>
      </c>
      <c r="J455" s="10" t="s">
        <v>55</v>
      </c>
      <c r="K455" s="10" t="s">
        <v>55</v>
      </c>
      <c r="L455" s="10" t="s">
        <v>55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2</v>
      </c>
      <c r="E456" s="9" t="s">
        <v>6</v>
      </c>
      <c r="F456" s="9" t="s">
        <v>282</v>
      </c>
      <c r="G456" s="9" t="s">
        <v>274</v>
      </c>
      <c r="H456" s="6">
        <v>11</v>
      </c>
      <c r="I456" s="6">
        <v>11</v>
      </c>
      <c r="J456" s="6">
        <v>5</v>
      </c>
      <c r="K456" s="10" t="s">
        <v>55</v>
      </c>
      <c r="L456" s="10" t="s">
        <v>55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2</v>
      </c>
      <c r="E457" s="9" t="s">
        <v>6</v>
      </c>
      <c r="F457" s="9" t="s">
        <v>282</v>
      </c>
      <c r="G457" s="9" t="s">
        <v>275</v>
      </c>
      <c r="H457" s="6">
        <v>20</v>
      </c>
      <c r="I457" s="6">
        <v>20</v>
      </c>
      <c r="J457" s="6">
        <v>20</v>
      </c>
      <c r="K457" s="10" t="s">
        <v>55</v>
      </c>
      <c r="L457" s="10" t="s">
        <v>55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2</v>
      </c>
      <c r="E458" s="9" t="s">
        <v>6</v>
      </c>
      <c r="F458" s="9" t="s">
        <v>282</v>
      </c>
      <c r="G458" s="9" t="s">
        <v>276</v>
      </c>
      <c r="H458" s="6">
        <v>6</v>
      </c>
      <c r="I458" s="6">
        <v>6</v>
      </c>
      <c r="J458" s="10" t="s">
        <v>55</v>
      </c>
      <c r="K458" s="10" t="s">
        <v>55</v>
      </c>
      <c r="L458" s="10" t="s">
        <v>55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2</v>
      </c>
      <c r="E459" s="9" t="s">
        <v>6</v>
      </c>
      <c r="F459" s="9" t="s">
        <v>282</v>
      </c>
      <c r="G459" s="9" t="s">
        <v>277</v>
      </c>
      <c r="H459" s="6">
        <v>20</v>
      </c>
      <c r="I459" s="6">
        <v>20</v>
      </c>
      <c r="J459" s="6">
        <v>15</v>
      </c>
      <c r="K459" s="10" t="s">
        <v>55</v>
      </c>
      <c r="L459" s="10" t="s">
        <v>55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2</v>
      </c>
      <c r="E460" s="9" t="s">
        <v>6</v>
      </c>
      <c r="F460" s="9" t="s">
        <v>282</v>
      </c>
      <c r="G460" s="9" t="s">
        <v>278</v>
      </c>
      <c r="H460" s="6">
        <v>10</v>
      </c>
      <c r="I460" s="6">
        <v>10</v>
      </c>
      <c r="J460" s="6">
        <v>10</v>
      </c>
      <c r="K460" s="10" t="s">
        <v>55</v>
      </c>
      <c r="L460" s="10" t="s">
        <v>55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2</v>
      </c>
      <c r="E461" s="9" t="s">
        <v>6</v>
      </c>
      <c r="F461" s="9" t="s">
        <v>282</v>
      </c>
      <c r="G461" s="9" t="s">
        <v>279</v>
      </c>
      <c r="H461" s="6">
        <v>10</v>
      </c>
      <c r="I461" s="6">
        <v>10</v>
      </c>
      <c r="J461" s="6">
        <v>10</v>
      </c>
      <c r="K461" s="10" t="s">
        <v>55</v>
      </c>
      <c r="L461" s="10" t="s">
        <v>55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2</v>
      </c>
      <c r="E462" s="9" t="s">
        <v>6</v>
      </c>
      <c r="F462" s="9" t="s">
        <v>282</v>
      </c>
      <c r="G462" s="9" t="s">
        <v>280</v>
      </c>
      <c r="H462" s="6">
        <v>576</v>
      </c>
      <c r="I462" s="6">
        <v>249</v>
      </c>
      <c r="J462" s="6">
        <v>163</v>
      </c>
      <c r="K462" s="6">
        <v>312</v>
      </c>
      <c r="L462" s="6">
        <v>15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2</v>
      </c>
      <c r="E463" s="9" t="s">
        <v>6</v>
      </c>
      <c r="F463" s="9" t="s">
        <v>283</v>
      </c>
      <c r="G463" s="9" t="s">
        <v>6</v>
      </c>
      <c r="H463" s="6">
        <v>176</v>
      </c>
      <c r="I463" s="6">
        <v>84</v>
      </c>
      <c r="J463" s="6">
        <v>59</v>
      </c>
      <c r="K463" s="6">
        <v>66</v>
      </c>
      <c r="L463" s="6">
        <v>26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2</v>
      </c>
      <c r="E464" s="9" t="s">
        <v>6</v>
      </c>
      <c r="F464" s="9" t="s">
        <v>283</v>
      </c>
      <c r="G464" s="9" t="s">
        <v>272</v>
      </c>
      <c r="H464" s="6">
        <v>7</v>
      </c>
      <c r="I464" s="10" t="s">
        <v>55</v>
      </c>
      <c r="J464" s="10" t="s">
        <v>55</v>
      </c>
      <c r="K464" s="6">
        <v>7</v>
      </c>
      <c r="L464" s="10" t="s">
        <v>55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2</v>
      </c>
      <c r="E465" s="9" t="s">
        <v>6</v>
      </c>
      <c r="F465" s="9" t="s">
        <v>283</v>
      </c>
      <c r="G465" s="9" t="s">
        <v>273</v>
      </c>
      <c r="H465" s="6">
        <v>27</v>
      </c>
      <c r="I465" s="6">
        <v>14</v>
      </c>
      <c r="J465" s="6">
        <v>14</v>
      </c>
      <c r="K465" s="6">
        <v>6</v>
      </c>
      <c r="L465" s="6">
        <v>7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2</v>
      </c>
      <c r="E466" s="9" t="s">
        <v>6</v>
      </c>
      <c r="F466" s="9" t="s">
        <v>283</v>
      </c>
      <c r="G466" s="9" t="s">
        <v>274</v>
      </c>
      <c r="H466" s="6">
        <v>37</v>
      </c>
      <c r="I466" s="6">
        <v>31</v>
      </c>
      <c r="J466" s="6">
        <v>12</v>
      </c>
      <c r="K466" s="10" t="s">
        <v>55</v>
      </c>
      <c r="L466" s="6">
        <v>6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2</v>
      </c>
      <c r="E467" s="9" t="s">
        <v>6</v>
      </c>
      <c r="F467" s="9" t="s">
        <v>283</v>
      </c>
      <c r="G467" s="9" t="s">
        <v>275</v>
      </c>
      <c r="H467" s="6">
        <v>6</v>
      </c>
      <c r="I467" s="6">
        <v>6</v>
      </c>
      <c r="J467" s="6">
        <v>6</v>
      </c>
      <c r="K467" s="10" t="s">
        <v>55</v>
      </c>
      <c r="L467" s="10" t="s">
        <v>55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2</v>
      </c>
      <c r="E468" s="9" t="s">
        <v>6</v>
      </c>
      <c r="F468" s="9" t="s">
        <v>283</v>
      </c>
      <c r="G468" s="9" t="s">
        <v>276</v>
      </c>
      <c r="H468" s="6">
        <v>6</v>
      </c>
      <c r="I468" s="10" t="s">
        <v>55</v>
      </c>
      <c r="J468" s="10" t="s">
        <v>55</v>
      </c>
      <c r="K468" s="10" t="s">
        <v>55</v>
      </c>
      <c r="L468" s="6">
        <v>6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2</v>
      </c>
      <c r="E469" s="9" t="s">
        <v>6</v>
      </c>
      <c r="F469" s="9" t="s">
        <v>283</v>
      </c>
      <c r="G469" s="9" t="s">
        <v>277</v>
      </c>
      <c r="H469" s="10" t="s">
        <v>55</v>
      </c>
      <c r="I469" s="10" t="s">
        <v>55</v>
      </c>
      <c r="J469" s="10" t="s">
        <v>55</v>
      </c>
      <c r="K469" s="10" t="s">
        <v>55</v>
      </c>
      <c r="L469" s="10" t="s">
        <v>55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2</v>
      </c>
      <c r="E470" s="9" t="s">
        <v>6</v>
      </c>
      <c r="F470" s="9" t="s">
        <v>283</v>
      </c>
      <c r="G470" s="9" t="s">
        <v>278</v>
      </c>
      <c r="H470" s="6">
        <v>6</v>
      </c>
      <c r="I470" s="6">
        <v>6</v>
      </c>
      <c r="J470" s="6">
        <v>6</v>
      </c>
      <c r="K470" s="10" t="s">
        <v>55</v>
      </c>
      <c r="L470" s="10" t="s">
        <v>55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2</v>
      </c>
      <c r="E471" s="9" t="s">
        <v>6</v>
      </c>
      <c r="F471" s="9" t="s">
        <v>283</v>
      </c>
      <c r="G471" s="9" t="s">
        <v>279</v>
      </c>
      <c r="H471" s="10" t="s">
        <v>55</v>
      </c>
      <c r="I471" s="10" t="s">
        <v>55</v>
      </c>
      <c r="J471" s="10" t="s">
        <v>55</v>
      </c>
      <c r="K471" s="10" t="s">
        <v>55</v>
      </c>
      <c r="L471" s="10" t="s">
        <v>55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2</v>
      </c>
      <c r="E472" s="9" t="s">
        <v>6</v>
      </c>
      <c r="F472" s="9" t="s">
        <v>283</v>
      </c>
      <c r="G472" s="9" t="s">
        <v>280</v>
      </c>
      <c r="H472" s="6">
        <v>87</v>
      </c>
      <c r="I472" s="6">
        <v>27</v>
      </c>
      <c r="J472" s="6">
        <v>21</v>
      </c>
      <c r="K472" s="6">
        <v>53</v>
      </c>
      <c r="L472" s="6">
        <v>7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2</v>
      </c>
      <c r="E473" s="9" t="s">
        <v>226</v>
      </c>
      <c r="F473" s="9" t="s">
        <v>6</v>
      </c>
      <c r="G473" s="9" t="s">
        <v>6</v>
      </c>
      <c r="H473" s="6">
        <v>1966</v>
      </c>
      <c r="I473" s="6">
        <v>1323</v>
      </c>
      <c r="J473" s="6">
        <v>741</v>
      </c>
      <c r="K473" s="6">
        <v>639</v>
      </c>
      <c r="L473" s="6">
        <v>4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2</v>
      </c>
      <c r="E474" s="9" t="s">
        <v>226</v>
      </c>
      <c r="F474" s="9" t="s">
        <v>234</v>
      </c>
      <c r="G474" s="9" t="s">
        <v>6</v>
      </c>
      <c r="H474" s="6">
        <v>386</v>
      </c>
      <c r="I474" s="6">
        <v>246</v>
      </c>
      <c r="J474" s="6">
        <v>141</v>
      </c>
      <c r="K474" s="6">
        <v>140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2</v>
      </c>
      <c r="E475" s="9" t="s">
        <v>226</v>
      </c>
      <c r="F475" s="9" t="s">
        <v>235</v>
      </c>
      <c r="G475" s="9" t="s">
        <v>6</v>
      </c>
      <c r="H475" s="6">
        <v>1580</v>
      </c>
      <c r="I475" s="6">
        <v>1077</v>
      </c>
      <c r="J475" s="6">
        <v>600</v>
      </c>
      <c r="K475" s="6">
        <v>499</v>
      </c>
      <c r="L475" s="6">
        <v>4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2</v>
      </c>
      <c r="E476" s="9" t="s">
        <v>226</v>
      </c>
      <c r="F476" s="9" t="s">
        <v>235</v>
      </c>
      <c r="G476" s="9" t="s">
        <v>272</v>
      </c>
      <c r="H476" s="6">
        <v>7</v>
      </c>
      <c r="I476" s="10" t="s">
        <v>55</v>
      </c>
      <c r="J476" s="10" t="s">
        <v>55</v>
      </c>
      <c r="K476" s="6">
        <v>7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2</v>
      </c>
      <c r="E477" s="9" t="s">
        <v>226</v>
      </c>
      <c r="F477" s="9" t="s">
        <v>235</v>
      </c>
      <c r="G477" s="9" t="s">
        <v>273</v>
      </c>
      <c r="H477" s="6">
        <v>24</v>
      </c>
      <c r="I477" s="6">
        <v>18</v>
      </c>
      <c r="J477" s="6">
        <v>18</v>
      </c>
      <c r="K477" s="6">
        <v>6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2</v>
      </c>
      <c r="E478" s="9" t="s">
        <v>226</v>
      </c>
      <c r="F478" s="9" t="s">
        <v>235</v>
      </c>
      <c r="G478" s="9" t="s">
        <v>274</v>
      </c>
      <c r="H478" s="6">
        <v>46</v>
      </c>
      <c r="I478" s="6">
        <v>46</v>
      </c>
      <c r="J478" s="6">
        <v>21</v>
      </c>
      <c r="K478" s="10" t="s">
        <v>55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2</v>
      </c>
      <c r="E479" s="9" t="s">
        <v>226</v>
      </c>
      <c r="F479" s="9" t="s">
        <v>235</v>
      </c>
      <c r="G479" s="9" t="s">
        <v>275</v>
      </c>
      <c r="H479" s="6">
        <v>34</v>
      </c>
      <c r="I479" s="6">
        <v>30</v>
      </c>
      <c r="J479" s="6">
        <v>26</v>
      </c>
      <c r="K479" s="6">
        <v>4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2</v>
      </c>
      <c r="E480" s="9" t="s">
        <v>226</v>
      </c>
      <c r="F480" s="9" t="s">
        <v>235</v>
      </c>
      <c r="G480" s="9" t="s">
        <v>276</v>
      </c>
      <c r="H480" s="6">
        <v>6</v>
      </c>
      <c r="I480" s="6">
        <v>6</v>
      </c>
      <c r="J480" s="10" t="s">
        <v>55</v>
      </c>
      <c r="K480" s="10" t="s">
        <v>55</v>
      </c>
      <c r="L480" s="10" t="s">
        <v>5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2</v>
      </c>
      <c r="E481" s="9" t="s">
        <v>226</v>
      </c>
      <c r="F481" s="9" t="s">
        <v>235</v>
      </c>
      <c r="G481" s="9" t="s">
        <v>277</v>
      </c>
      <c r="H481" s="6">
        <v>24</v>
      </c>
      <c r="I481" s="6">
        <v>24</v>
      </c>
      <c r="J481" s="6">
        <v>15</v>
      </c>
      <c r="K481" s="10" t="s">
        <v>55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2</v>
      </c>
      <c r="E482" s="9" t="s">
        <v>226</v>
      </c>
      <c r="F482" s="9" t="s">
        <v>235</v>
      </c>
      <c r="G482" s="9" t="s">
        <v>278</v>
      </c>
      <c r="H482" s="6">
        <v>16</v>
      </c>
      <c r="I482" s="6">
        <v>16</v>
      </c>
      <c r="J482" s="6">
        <v>16</v>
      </c>
      <c r="K482" s="10" t="s">
        <v>55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2</v>
      </c>
      <c r="E483" s="9" t="s">
        <v>226</v>
      </c>
      <c r="F483" s="9" t="s">
        <v>235</v>
      </c>
      <c r="G483" s="9" t="s">
        <v>279</v>
      </c>
      <c r="H483" s="6">
        <v>10</v>
      </c>
      <c r="I483" s="6">
        <v>10</v>
      </c>
      <c r="J483" s="6">
        <v>10</v>
      </c>
      <c r="K483" s="10" t="s">
        <v>55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2</v>
      </c>
      <c r="E484" s="9" t="s">
        <v>226</v>
      </c>
      <c r="F484" s="9" t="s">
        <v>235</v>
      </c>
      <c r="G484" s="9" t="s">
        <v>280</v>
      </c>
      <c r="H484" s="6">
        <v>1413</v>
      </c>
      <c r="I484" s="6">
        <v>927</v>
      </c>
      <c r="J484" s="6">
        <v>494</v>
      </c>
      <c r="K484" s="6">
        <v>482</v>
      </c>
      <c r="L484" s="6">
        <v>4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2</v>
      </c>
      <c r="E485" s="9" t="s">
        <v>226</v>
      </c>
      <c r="F485" s="9" t="s">
        <v>281</v>
      </c>
      <c r="G485" s="9" t="s">
        <v>6</v>
      </c>
      <c r="H485" s="6">
        <v>1110</v>
      </c>
      <c r="I485" s="6">
        <v>723</v>
      </c>
      <c r="J485" s="6">
        <v>363</v>
      </c>
      <c r="K485" s="6">
        <v>383</v>
      </c>
      <c r="L485" s="6">
        <v>4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2</v>
      </c>
      <c r="E486" s="9" t="s">
        <v>226</v>
      </c>
      <c r="F486" s="9" t="s">
        <v>281</v>
      </c>
      <c r="G486" s="9" t="s">
        <v>272</v>
      </c>
      <c r="H486" s="10" t="s">
        <v>55</v>
      </c>
      <c r="I486" s="10" t="s">
        <v>55</v>
      </c>
      <c r="J486" s="10" t="s">
        <v>55</v>
      </c>
      <c r="K486" s="10" t="s">
        <v>55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2</v>
      </c>
      <c r="E487" s="9" t="s">
        <v>226</v>
      </c>
      <c r="F487" s="9" t="s">
        <v>281</v>
      </c>
      <c r="G487" s="9" t="s">
        <v>273</v>
      </c>
      <c r="H487" s="6">
        <v>4</v>
      </c>
      <c r="I487" s="6">
        <v>4</v>
      </c>
      <c r="J487" s="6">
        <v>4</v>
      </c>
      <c r="K487" s="10" t="s">
        <v>55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2</v>
      </c>
      <c r="E488" s="9" t="s">
        <v>226</v>
      </c>
      <c r="F488" s="9" t="s">
        <v>281</v>
      </c>
      <c r="G488" s="9" t="s">
        <v>274</v>
      </c>
      <c r="H488" s="6">
        <v>4</v>
      </c>
      <c r="I488" s="6">
        <v>4</v>
      </c>
      <c r="J488" s="6">
        <v>4</v>
      </c>
      <c r="K488" s="10" t="s">
        <v>55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2</v>
      </c>
      <c r="E489" s="9" t="s">
        <v>226</v>
      </c>
      <c r="F489" s="9" t="s">
        <v>281</v>
      </c>
      <c r="G489" s="9" t="s">
        <v>275</v>
      </c>
      <c r="H489" s="6">
        <v>8</v>
      </c>
      <c r="I489" s="6">
        <v>4</v>
      </c>
      <c r="J489" s="10" t="s">
        <v>55</v>
      </c>
      <c r="K489" s="6">
        <v>4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2</v>
      </c>
      <c r="E490" s="9" t="s">
        <v>226</v>
      </c>
      <c r="F490" s="9" t="s">
        <v>281</v>
      </c>
      <c r="G490" s="9" t="s">
        <v>276</v>
      </c>
      <c r="H490" s="10" t="s">
        <v>55</v>
      </c>
      <c r="I490" s="10" t="s">
        <v>55</v>
      </c>
      <c r="J490" s="10" t="s">
        <v>55</v>
      </c>
      <c r="K490" s="10" t="s">
        <v>55</v>
      </c>
      <c r="L490" s="10" t="s">
        <v>5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2</v>
      </c>
      <c r="E491" s="9" t="s">
        <v>226</v>
      </c>
      <c r="F491" s="9" t="s">
        <v>281</v>
      </c>
      <c r="G491" s="9" t="s">
        <v>277</v>
      </c>
      <c r="H491" s="6">
        <v>4</v>
      </c>
      <c r="I491" s="6">
        <v>4</v>
      </c>
      <c r="J491" s="10" t="s">
        <v>55</v>
      </c>
      <c r="K491" s="10" t="s">
        <v>55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2</v>
      </c>
      <c r="E492" s="9" t="s">
        <v>226</v>
      </c>
      <c r="F492" s="9" t="s">
        <v>281</v>
      </c>
      <c r="G492" s="9" t="s">
        <v>278</v>
      </c>
      <c r="H492" s="10" t="s">
        <v>55</v>
      </c>
      <c r="I492" s="10" t="s">
        <v>55</v>
      </c>
      <c r="J492" s="10" t="s">
        <v>55</v>
      </c>
      <c r="K492" s="10" t="s">
        <v>55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2</v>
      </c>
      <c r="E493" s="9" t="s">
        <v>226</v>
      </c>
      <c r="F493" s="9" t="s">
        <v>281</v>
      </c>
      <c r="G493" s="9" t="s">
        <v>279</v>
      </c>
      <c r="H493" s="10" t="s">
        <v>55</v>
      </c>
      <c r="I493" s="10" t="s">
        <v>55</v>
      </c>
      <c r="J493" s="10" t="s">
        <v>55</v>
      </c>
      <c r="K493" s="10" t="s">
        <v>55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2</v>
      </c>
      <c r="E494" s="9" t="s">
        <v>226</v>
      </c>
      <c r="F494" s="9" t="s">
        <v>281</v>
      </c>
      <c r="G494" s="9" t="s">
        <v>280</v>
      </c>
      <c r="H494" s="6">
        <v>1090</v>
      </c>
      <c r="I494" s="6">
        <v>707</v>
      </c>
      <c r="J494" s="6">
        <v>355</v>
      </c>
      <c r="K494" s="6">
        <v>379</v>
      </c>
      <c r="L494" s="6">
        <v>4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2</v>
      </c>
      <c r="E495" s="9" t="s">
        <v>226</v>
      </c>
      <c r="F495" s="9" t="s">
        <v>282</v>
      </c>
      <c r="G495" s="9" t="s">
        <v>6</v>
      </c>
      <c r="H495" s="6">
        <v>349</v>
      </c>
      <c r="I495" s="6">
        <v>270</v>
      </c>
      <c r="J495" s="6">
        <v>178</v>
      </c>
      <c r="K495" s="6">
        <v>79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2</v>
      </c>
      <c r="E496" s="9" t="s">
        <v>226</v>
      </c>
      <c r="F496" s="9" t="s">
        <v>282</v>
      </c>
      <c r="G496" s="9" t="s">
        <v>272</v>
      </c>
      <c r="H496" s="10" t="s">
        <v>55</v>
      </c>
      <c r="I496" s="10" t="s">
        <v>55</v>
      </c>
      <c r="J496" s="10" t="s">
        <v>55</v>
      </c>
      <c r="K496" s="10" t="s">
        <v>55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2</v>
      </c>
      <c r="E497" s="9" t="s">
        <v>226</v>
      </c>
      <c r="F497" s="9" t="s">
        <v>282</v>
      </c>
      <c r="G497" s="9" t="s">
        <v>273</v>
      </c>
      <c r="H497" s="10" t="s">
        <v>55</v>
      </c>
      <c r="I497" s="10" t="s">
        <v>55</v>
      </c>
      <c r="J497" s="10" t="s">
        <v>55</v>
      </c>
      <c r="K497" s="10" t="s">
        <v>55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2</v>
      </c>
      <c r="E498" s="9" t="s">
        <v>226</v>
      </c>
      <c r="F498" s="9" t="s">
        <v>282</v>
      </c>
      <c r="G498" s="9" t="s">
        <v>274</v>
      </c>
      <c r="H498" s="6">
        <v>11</v>
      </c>
      <c r="I498" s="6">
        <v>11</v>
      </c>
      <c r="J498" s="6">
        <v>5</v>
      </c>
      <c r="K498" s="10" t="s">
        <v>55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2</v>
      </c>
      <c r="E499" s="9" t="s">
        <v>226</v>
      </c>
      <c r="F499" s="9" t="s">
        <v>282</v>
      </c>
      <c r="G499" s="9" t="s">
        <v>275</v>
      </c>
      <c r="H499" s="6">
        <v>20</v>
      </c>
      <c r="I499" s="6">
        <v>20</v>
      </c>
      <c r="J499" s="6">
        <v>20</v>
      </c>
      <c r="K499" s="10" t="s">
        <v>55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2</v>
      </c>
      <c r="E500" s="9" t="s">
        <v>226</v>
      </c>
      <c r="F500" s="9" t="s">
        <v>282</v>
      </c>
      <c r="G500" s="9" t="s">
        <v>276</v>
      </c>
      <c r="H500" s="6">
        <v>6</v>
      </c>
      <c r="I500" s="6">
        <v>6</v>
      </c>
      <c r="J500" s="10" t="s">
        <v>55</v>
      </c>
      <c r="K500" s="10" t="s">
        <v>55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2</v>
      </c>
      <c r="E501" s="9" t="s">
        <v>226</v>
      </c>
      <c r="F501" s="9" t="s">
        <v>282</v>
      </c>
      <c r="G501" s="9" t="s">
        <v>277</v>
      </c>
      <c r="H501" s="6">
        <v>20</v>
      </c>
      <c r="I501" s="6">
        <v>20</v>
      </c>
      <c r="J501" s="6">
        <v>15</v>
      </c>
      <c r="K501" s="10" t="s">
        <v>55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2</v>
      </c>
      <c r="E502" s="9" t="s">
        <v>226</v>
      </c>
      <c r="F502" s="9" t="s">
        <v>282</v>
      </c>
      <c r="G502" s="9" t="s">
        <v>278</v>
      </c>
      <c r="H502" s="6">
        <v>10</v>
      </c>
      <c r="I502" s="6">
        <v>10</v>
      </c>
      <c r="J502" s="6">
        <v>10</v>
      </c>
      <c r="K502" s="10" t="s">
        <v>55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2</v>
      </c>
      <c r="E503" s="9" t="s">
        <v>226</v>
      </c>
      <c r="F503" s="9" t="s">
        <v>282</v>
      </c>
      <c r="G503" s="9" t="s">
        <v>279</v>
      </c>
      <c r="H503" s="6">
        <v>10</v>
      </c>
      <c r="I503" s="6">
        <v>10</v>
      </c>
      <c r="J503" s="6">
        <v>10</v>
      </c>
      <c r="K503" s="10" t="s">
        <v>55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2</v>
      </c>
      <c r="E504" s="9" t="s">
        <v>226</v>
      </c>
      <c r="F504" s="9" t="s">
        <v>282</v>
      </c>
      <c r="G504" s="9" t="s">
        <v>280</v>
      </c>
      <c r="H504" s="6">
        <v>272</v>
      </c>
      <c r="I504" s="6">
        <v>193</v>
      </c>
      <c r="J504" s="6">
        <v>118</v>
      </c>
      <c r="K504" s="6">
        <v>79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2</v>
      </c>
      <c r="E505" s="9" t="s">
        <v>226</v>
      </c>
      <c r="F505" s="9" t="s">
        <v>283</v>
      </c>
      <c r="G505" s="9" t="s">
        <v>6</v>
      </c>
      <c r="H505" s="6">
        <v>121</v>
      </c>
      <c r="I505" s="6">
        <v>84</v>
      </c>
      <c r="J505" s="6">
        <v>59</v>
      </c>
      <c r="K505" s="6">
        <v>37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2</v>
      </c>
      <c r="E506" s="9" t="s">
        <v>226</v>
      </c>
      <c r="F506" s="9" t="s">
        <v>283</v>
      </c>
      <c r="G506" s="9" t="s">
        <v>272</v>
      </c>
      <c r="H506" s="6">
        <v>7</v>
      </c>
      <c r="I506" s="10" t="s">
        <v>55</v>
      </c>
      <c r="J506" s="10" t="s">
        <v>55</v>
      </c>
      <c r="K506" s="6">
        <v>7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2</v>
      </c>
      <c r="E507" s="9" t="s">
        <v>226</v>
      </c>
      <c r="F507" s="9" t="s">
        <v>283</v>
      </c>
      <c r="G507" s="9" t="s">
        <v>273</v>
      </c>
      <c r="H507" s="6">
        <v>20</v>
      </c>
      <c r="I507" s="6">
        <v>14</v>
      </c>
      <c r="J507" s="6">
        <v>14</v>
      </c>
      <c r="K507" s="6">
        <v>6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2</v>
      </c>
      <c r="E508" s="9" t="s">
        <v>226</v>
      </c>
      <c r="F508" s="9" t="s">
        <v>283</v>
      </c>
      <c r="G508" s="9" t="s">
        <v>274</v>
      </c>
      <c r="H508" s="6">
        <v>31</v>
      </c>
      <c r="I508" s="6">
        <v>31</v>
      </c>
      <c r="J508" s="6">
        <v>12</v>
      </c>
      <c r="K508" s="10" t="s">
        <v>55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2</v>
      </c>
      <c r="E509" s="9" t="s">
        <v>226</v>
      </c>
      <c r="F509" s="9" t="s">
        <v>283</v>
      </c>
      <c r="G509" s="9" t="s">
        <v>275</v>
      </c>
      <c r="H509" s="6">
        <v>6</v>
      </c>
      <c r="I509" s="6">
        <v>6</v>
      </c>
      <c r="J509" s="6">
        <v>6</v>
      </c>
      <c r="K509" s="10" t="s">
        <v>55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2</v>
      </c>
      <c r="E510" s="9" t="s">
        <v>226</v>
      </c>
      <c r="F510" s="9" t="s">
        <v>283</v>
      </c>
      <c r="G510" s="9" t="s">
        <v>276</v>
      </c>
      <c r="H510" s="10" t="s">
        <v>55</v>
      </c>
      <c r="I510" s="10" t="s">
        <v>55</v>
      </c>
      <c r="J510" s="10" t="s">
        <v>55</v>
      </c>
      <c r="K510" s="10" t="s">
        <v>55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2</v>
      </c>
      <c r="E511" s="9" t="s">
        <v>226</v>
      </c>
      <c r="F511" s="9" t="s">
        <v>283</v>
      </c>
      <c r="G511" s="9" t="s">
        <v>277</v>
      </c>
      <c r="H511" s="10" t="s">
        <v>55</v>
      </c>
      <c r="I511" s="10" t="s">
        <v>55</v>
      </c>
      <c r="J511" s="10" t="s">
        <v>55</v>
      </c>
      <c r="K511" s="10" t="s">
        <v>55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2</v>
      </c>
      <c r="E512" s="9" t="s">
        <v>226</v>
      </c>
      <c r="F512" s="9" t="s">
        <v>283</v>
      </c>
      <c r="G512" s="9" t="s">
        <v>278</v>
      </c>
      <c r="H512" s="6">
        <v>6</v>
      </c>
      <c r="I512" s="6">
        <v>6</v>
      </c>
      <c r="J512" s="6">
        <v>6</v>
      </c>
      <c r="K512" s="10" t="s">
        <v>55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2</v>
      </c>
      <c r="E513" s="9" t="s">
        <v>226</v>
      </c>
      <c r="F513" s="9" t="s">
        <v>283</v>
      </c>
      <c r="G513" s="9" t="s">
        <v>279</v>
      </c>
      <c r="H513" s="10" t="s">
        <v>55</v>
      </c>
      <c r="I513" s="10" t="s">
        <v>55</v>
      </c>
      <c r="J513" s="10" t="s">
        <v>55</v>
      </c>
      <c r="K513" s="10" t="s">
        <v>55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2</v>
      </c>
      <c r="E514" s="9" t="s">
        <v>226</v>
      </c>
      <c r="F514" s="9" t="s">
        <v>283</v>
      </c>
      <c r="G514" s="9" t="s">
        <v>280</v>
      </c>
      <c r="H514" s="6">
        <v>51</v>
      </c>
      <c r="I514" s="6">
        <v>27</v>
      </c>
      <c r="J514" s="6">
        <v>21</v>
      </c>
      <c r="K514" s="6">
        <v>24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2</v>
      </c>
      <c r="E515" s="9" t="s">
        <v>227</v>
      </c>
      <c r="F515" s="9" t="s">
        <v>6</v>
      </c>
      <c r="G515" s="9" t="s">
        <v>6</v>
      </c>
      <c r="H515" s="6">
        <v>1233</v>
      </c>
      <c r="I515" s="6">
        <v>722</v>
      </c>
      <c r="J515" s="6">
        <v>635</v>
      </c>
      <c r="K515" s="6">
        <v>511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2</v>
      </c>
      <c r="E516" s="9" t="s">
        <v>227</v>
      </c>
      <c r="F516" s="9" t="s">
        <v>234</v>
      </c>
      <c r="G516" s="9" t="s">
        <v>6</v>
      </c>
      <c r="H516" s="6">
        <v>261</v>
      </c>
      <c r="I516" s="6">
        <v>136</v>
      </c>
      <c r="J516" s="6">
        <v>118</v>
      </c>
      <c r="K516" s="6">
        <v>125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2</v>
      </c>
      <c r="E517" s="9" t="s">
        <v>227</v>
      </c>
      <c r="F517" s="9" t="s">
        <v>235</v>
      </c>
      <c r="G517" s="9" t="s">
        <v>6</v>
      </c>
      <c r="H517" s="6">
        <v>972</v>
      </c>
      <c r="I517" s="6">
        <v>586</v>
      </c>
      <c r="J517" s="6">
        <v>517</v>
      </c>
      <c r="K517" s="6">
        <v>386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2</v>
      </c>
      <c r="E518" s="9" t="s">
        <v>227</v>
      </c>
      <c r="F518" s="9" t="s">
        <v>235</v>
      </c>
      <c r="G518" s="9" t="s">
        <v>272</v>
      </c>
      <c r="H518" s="6">
        <v>7</v>
      </c>
      <c r="I518" s="10" t="s">
        <v>55</v>
      </c>
      <c r="J518" s="10" t="s">
        <v>55</v>
      </c>
      <c r="K518" s="6">
        <v>7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2</v>
      </c>
      <c r="E519" s="9" t="s">
        <v>227</v>
      </c>
      <c r="F519" s="9" t="s">
        <v>235</v>
      </c>
      <c r="G519" s="9" t="s">
        <v>273</v>
      </c>
      <c r="H519" s="6">
        <v>16</v>
      </c>
      <c r="I519" s="6">
        <v>10</v>
      </c>
      <c r="J519" s="6">
        <v>10</v>
      </c>
      <c r="K519" s="6">
        <v>6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2</v>
      </c>
      <c r="E520" s="9" t="s">
        <v>227</v>
      </c>
      <c r="F520" s="9" t="s">
        <v>235</v>
      </c>
      <c r="G520" s="9" t="s">
        <v>274</v>
      </c>
      <c r="H520" s="6">
        <v>33</v>
      </c>
      <c r="I520" s="6">
        <v>33</v>
      </c>
      <c r="J520" s="6">
        <v>21</v>
      </c>
      <c r="K520" s="10" t="s">
        <v>55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2</v>
      </c>
      <c r="E521" s="9" t="s">
        <v>227</v>
      </c>
      <c r="F521" s="9" t="s">
        <v>235</v>
      </c>
      <c r="G521" s="9" t="s">
        <v>275</v>
      </c>
      <c r="H521" s="6">
        <v>34</v>
      </c>
      <c r="I521" s="6">
        <v>30</v>
      </c>
      <c r="J521" s="6">
        <v>26</v>
      </c>
      <c r="K521" s="6">
        <v>4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2</v>
      </c>
      <c r="E522" s="9" t="s">
        <v>227</v>
      </c>
      <c r="F522" s="9" t="s">
        <v>235</v>
      </c>
      <c r="G522" s="9" t="s">
        <v>276</v>
      </c>
      <c r="H522" s="10" t="s">
        <v>55</v>
      </c>
      <c r="I522" s="10" t="s">
        <v>55</v>
      </c>
      <c r="J522" s="10" t="s">
        <v>55</v>
      </c>
      <c r="K522" s="10" t="s">
        <v>55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2</v>
      </c>
      <c r="E523" s="9" t="s">
        <v>227</v>
      </c>
      <c r="F523" s="9" t="s">
        <v>235</v>
      </c>
      <c r="G523" s="9" t="s">
        <v>277</v>
      </c>
      <c r="H523" s="6">
        <v>19</v>
      </c>
      <c r="I523" s="6">
        <v>19</v>
      </c>
      <c r="J523" s="6">
        <v>15</v>
      </c>
      <c r="K523" s="10" t="s">
        <v>55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2</v>
      </c>
      <c r="E524" s="9" t="s">
        <v>227</v>
      </c>
      <c r="F524" s="9" t="s">
        <v>235</v>
      </c>
      <c r="G524" s="9" t="s">
        <v>278</v>
      </c>
      <c r="H524" s="6">
        <v>11</v>
      </c>
      <c r="I524" s="6">
        <v>11</v>
      </c>
      <c r="J524" s="6">
        <v>11</v>
      </c>
      <c r="K524" s="10" t="s">
        <v>55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2</v>
      </c>
      <c r="E525" s="9" t="s">
        <v>227</v>
      </c>
      <c r="F525" s="9" t="s">
        <v>235</v>
      </c>
      <c r="G525" s="9" t="s">
        <v>279</v>
      </c>
      <c r="H525" s="6">
        <v>5</v>
      </c>
      <c r="I525" s="6">
        <v>5</v>
      </c>
      <c r="J525" s="6">
        <v>5</v>
      </c>
      <c r="K525" s="10" t="s">
        <v>55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2</v>
      </c>
      <c r="E526" s="9" t="s">
        <v>227</v>
      </c>
      <c r="F526" s="9" t="s">
        <v>235</v>
      </c>
      <c r="G526" s="9" t="s">
        <v>280</v>
      </c>
      <c r="H526" s="6">
        <v>847</v>
      </c>
      <c r="I526" s="6">
        <v>478</v>
      </c>
      <c r="J526" s="6">
        <v>429</v>
      </c>
      <c r="K526" s="6">
        <v>369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2</v>
      </c>
      <c r="E527" s="9" t="s">
        <v>227</v>
      </c>
      <c r="F527" s="9" t="s">
        <v>281</v>
      </c>
      <c r="G527" s="9" t="s">
        <v>6</v>
      </c>
      <c r="H527" s="6">
        <v>641</v>
      </c>
      <c r="I527" s="6">
        <v>366</v>
      </c>
      <c r="J527" s="6">
        <v>314</v>
      </c>
      <c r="K527" s="6">
        <v>275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2</v>
      </c>
      <c r="E528" s="9" t="s">
        <v>227</v>
      </c>
      <c r="F528" s="9" t="s">
        <v>281</v>
      </c>
      <c r="G528" s="9" t="s">
        <v>272</v>
      </c>
      <c r="H528" s="10" t="s">
        <v>55</v>
      </c>
      <c r="I528" s="10" t="s">
        <v>55</v>
      </c>
      <c r="J528" s="10" t="s">
        <v>55</v>
      </c>
      <c r="K528" s="10" t="s">
        <v>55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2</v>
      </c>
      <c r="E529" s="9" t="s">
        <v>227</v>
      </c>
      <c r="F529" s="9" t="s">
        <v>281</v>
      </c>
      <c r="G529" s="9" t="s">
        <v>273</v>
      </c>
      <c r="H529" s="6">
        <v>4</v>
      </c>
      <c r="I529" s="6">
        <v>4</v>
      </c>
      <c r="J529" s="6">
        <v>4</v>
      </c>
      <c r="K529" s="10" t="s">
        <v>55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2</v>
      </c>
      <c r="E530" s="9" t="s">
        <v>227</v>
      </c>
      <c r="F530" s="9" t="s">
        <v>281</v>
      </c>
      <c r="G530" s="9" t="s">
        <v>274</v>
      </c>
      <c r="H530" s="6">
        <v>4</v>
      </c>
      <c r="I530" s="6">
        <v>4</v>
      </c>
      <c r="J530" s="6">
        <v>4</v>
      </c>
      <c r="K530" s="10" t="s">
        <v>55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2</v>
      </c>
      <c r="E531" s="9" t="s">
        <v>227</v>
      </c>
      <c r="F531" s="9" t="s">
        <v>281</v>
      </c>
      <c r="G531" s="9" t="s">
        <v>275</v>
      </c>
      <c r="H531" s="6">
        <v>8</v>
      </c>
      <c r="I531" s="6">
        <v>4</v>
      </c>
      <c r="J531" s="10" t="s">
        <v>55</v>
      </c>
      <c r="K531" s="6">
        <v>4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2</v>
      </c>
      <c r="E532" s="9" t="s">
        <v>227</v>
      </c>
      <c r="F532" s="9" t="s">
        <v>281</v>
      </c>
      <c r="G532" s="9" t="s">
        <v>276</v>
      </c>
      <c r="H532" s="10" t="s">
        <v>55</v>
      </c>
      <c r="I532" s="10" t="s">
        <v>55</v>
      </c>
      <c r="J532" s="10" t="s">
        <v>55</v>
      </c>
      <c r="K532" s="10" t="s">
        <v>55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2</v>
      </c>
      <c r="E533" s="9" t="s">
        <v>227</v>
      </c>
      <c r="F533" s="9" t="s">
        <v>281</v>
      </c>
      <c r="G533" s="9" t="s">
        <v>277</v>
      </c>
      <c r="H533" s="6">
        <v>4</v>
      </c>
      <c r="I533" s="6">
        <v>4</v>
      </c>
      <c r="J533" s="10" t="s">
        <v>55</v>
      </c>
      <c r="K533" s="10" t="s">
        <v>55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2</v>
      </c>
      <c r="E534" s="9" t="s">
        <v>227</v>
      </c>
      <c r="F534" s="9" t="s">
        <v>281</v>
      </c>
      <c r="G534" s="9" t="s">
        <v>278</v>
      </c>
      <c r="H534" s="10" t="s">
        <v>55</v>
      </c>
      <c r="I534" s="10" t="s">
        <v>55</v>
      </c>
      <c r="J534" s="10" t="s">
        <v>55</v>
      </c>
      <c r="K534" s="10" t="s">
        <v>55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2</v>
      </c>
      <c r="E535" s="9" t="s">
        <v>227</v>
      </c>
      <c r="F535" s="9" t="s">
        <v>281</v>
      </c>
      <c r="G535" s="9" t="s">
        <v>279</v>
      </c>
      <c r="H535" s="10" t="s">
        <v>55</v>
      </c>
      <c r="I535" s="10" t="s">
        <v>55</v>
      </c>
      <c r="J535" s="10" t="s">
        <v>55</v>
      </c>
      <c r="K535" s="10" t="s">
        <v>55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2</v>
      </c>
      <c r="E536" s="9" t="s">
        <v>227</v>
      </c>
      <c r="F536" s="9" t="s">
        <v>281</v>
      </c>
      <c r="G536" s="9" t="s">
        <v>280</v>
      </c>
      <c r="H536" s="6">
        <v>621</v>
      </c>
      <c r="I536" s="6">
        <v>350</v>
      </c>
      <c r="J536" s="6">
        <v>306</v>
      </c>
      <c r="K536" s="6">
        <v>271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2</v>
      </c>
      <c r="E537" s="9" t="s">
        <v>227</v>
      </c>
      <c r="F537" s="9" t="s">
        <v>282</v>
      </c>
      <c r="G537" s="9" t="s">
        <v>6</v>
      </c>
      <c r="H537" s="6">
        <v>237</v>
      </c>
      <c r="I537" s="6">
        <v>163</v>
      </c>
      <c r="J537" s="6">
        <v>152</v>
      </c>
      <c r="K537" s="6">
        <v>74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2</v>
      </c>
      <c r="E538" s="9" t="s">
        <v>227</v>
      </c>
      <c r="F538" s="9" t="s">
        <v>282</v>
      </c>
      <c r="G538" s="9" t="s">
        <v>272</v>
      </c>
      <c r="H538" s="10" t="s">
        <v>55</v>
      </c>
      <c r="I538" s="10" t="s">
        <v>55</v>
      </c>
      <c r="J538" s="10" t="s">
        <v>55</v>
      </c>
      <c r="K538" s="10" t="s">
        <v>55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2</v>
      </c>
      <c r="E539" s="9" t="s">
        <v>227</v>
      </c>
      <c r="F539" s="9" t="s">
        <v>282</v>
      </c>
      <c r="G539" s="9" t="s">
        <v>273</v>
      </c>
      <c r="H539" s="10" t="s">
        <v>55</v>
      </c>
      <c r="I539" s="10" t="s">
        <v>55</v>
      </c>
      <c r="J539" s="10" t="s">
        <v>55</v>
      </c>
      <c r="K539" s="10" t="s">
        <v>55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2</v>
      </c>
      <c r="E540" s="9" t="s">
        <v>227</v>
      </c>
      <c r="F540" s="9" t="s">
        <v>282</v>
      </c>
      <c r="G540" s="9" t="s">
        <v>274</v>
      </c>
      <c r="H540" s="6">
        <v>11</v>
      </c>
      <c r="I540" s="6">
        <v>11</v>
      </c>
      <c r="J540" s="6">
        <v>5</v>
      </c>
      <c r="K540" s="10" t="s">
        <v>55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2</v>
      </c>
      <c r="E541" s="9" t="s">
        <v>227</v>
      </c>
      <c r="F541" s="9" t="s">
        <v>282</v>
      </c>
      <c r="G541" s="9" t="s">
        <v>275</v>
      </c>
      <c r="H541" s="6">
        <v>20</v>
      </c>
      <c r="I541" s="6">
        <v>20</v>
      </c>
      <c r="J541" s="6">
        <v>20</v>
      </c>
      <c r="K541" s="10" t="s">
        <v>55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2</v>
      </c>
      <c r="E542" s="9" t="s">
        <v>227</v>
      </c>
      <c r="F542" s="9" t="s">
        <v>282</v>
      </c>
      <c r="G542" s="9" t="s">
        <v>276</v>
      </c>
      <c r="H542" s="10" t="s">
        <v>55</v>
      </c>
      <c r="I542" s="10" t="s">
        <v>55</v>
      </c>
      <c r="J542" s="10" t="s">
        <v>55</v>
      </c>
      <c r="K542" s="10" t="s">
        <v>55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2</v>
      </c>
      <c r="E543" s="9" t="s">
        <v>227</v>
      </c>
      <c r="F543" s="9" t="s">
        <v>282</v>
      </c>
      <c r="G543" s="9" t="s">
        <v>277</v>
      </c>
      <c r="H543" s="6">
        <v>15</v>
      </c>
      <c r="I543" s="6">
        <v>15</v>
      </c>
      <c r="J543" s="6">
        <v>15</v>
      </c>
      <c r="K543" s="10" t="s">
        <v>55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2</v>
      </c>
      <c r="E544" s="9" t="s">
        <v>227</v>
      </c>
      <c r="F544" s="9" t="s">
        <v>282</v>
      </c>
      <c r="G544" s="9" t="s">
        <v>278</v>
      </c>
      <c r="H544" s="6">
        <v>5</v>
      </c>
      <c r="I544" s="6">
        <v>5</v>
      </c>
      <c r="J544" s="6">
        <v>5</v>
      </c>
      <c r="K544" s="10" t="s">
        <v>55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2</v>
      </c>
      <c r="E545" s="9" t="s">
        <v>227</v>
      </c>
      <c r="F545" s="9" t="s">
        <v>282</v>
      </c>
      <c r="G545" s="9" t="s">
        <v>279</v>
      </c>
      <c r="H545" s="6">
        <v>5</v>
      </c>
      <c r="I545" s="6">
        <v>5</v>
      </c>
      <c r="J545" s="6">
        <v>5</v>
      </c>
      <c r="K545" s="10" t="s">
        <v>55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2</v>
      </c>
      <c r="E546" s="9" t="s">
        <v>227</v>
      </c>
      <c r="F546" s="9" t="s">
        <v>282</v>
      </c>
      <c r="G546" s="9" t="s">
        <v>280</v>
      </c>
      <c r="H546" s="6">
        <v>181</v>
      </c>
      <c r="I546" s="6">
        <v>107</v>
      </c>
      <c r="J546" s="6">
        <v>102</v>
      </c>
      <c r="K546" s="6">
        <v>74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2</v>
      </c>
      <c r="E547" s="9" t="s">
        <v>227</v>
      </c>
      <c r="F547" s="9" t="s">
        <v>283</v>
      </c>
      <c r="G547" s="9" t="s">
        <v>6</v>
      </c>
      <c r="H547" s="6">
        <v>94</v>
      </c>
      <c r="I547" s="6">
        <v>57</v>
      </c>
      <c r="J547" s="6">
        <v>51</v>
      </c>
      <c r="K547" s="6">
        <v>37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2</v>
      </c>
      <c r="E548" s="9" t="s">
        <v>227</v>
      </c>
      <c r="F548" s="9" t="s">
        <v>283</v>
      </c>
      <c r="G548" s="9" t="s">
        <v>272</v>
      </c>
      <c r="H548" s="6">
        <v>7</v>
      </c>
      <c r="I548" s="10" t="s">
        <v>55</v>
      </c>
      <c r="J548" s="10" t="s">
        <v>55</v>
      </c>
      <c r="K548" s="6">
        <v>7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2</v>
      </c>
      <c r="E549" s="9" t="s">
        <v>227</v>
      </c>
      <c r="F549" s="9" t="s">
        <v>283</v>
      </c>
      <c r="G549" s="9" t="s">
        <v>273</v>
      </c>
      <c r="H549" s="6">
        <v>12</v>
      </c>
      <c r="I549" s="6">
        <v>6</v>
      </c>
      <c r="J549" s="6">
        <v>6</v>
      </c>
      <c r="K549" s="6">
        <v>6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2</v>
      </c>
      <c r="E550" s="9" t="s">
        <v>227</v>
      </c>
      <c r="F550" s="9" t="s">
        <v>283</v>
      </c>
      <c r="G550" s="9" t="s">
        <v>274</v>
      </c>
      <c r="H550" s="6">
        <v>18</v>
      </c>
      <c r="I550" s="6">
        <v>18</v>
      </c>
      <c r="J550" s="6">
        <v>12</v>
      </c>
      <c r="K550" s="10" t="s">
        <v>55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2</v>
      </c>
      <c r="E551" s="9" t="s">
        <v>227</v>
      </c>
      <c r="F551" s="9" t="s">
        <v>283</v>
      </c>
      <c r="G551" s="9" t="s">
        <v>275</v>
      </c>
      <c r="H551" s="6">
        <v>6</v>
      </c>
      <c r="I551" s="6">
        <v>6</v>
      </c>
      <c r="J551" s="6">
        <v>6</v>
      </c>
      <c r="K551" s="10" t="s">
        <v>55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2</v>
      </c>
      <c r="E552" s="9" t="s">
        <v>227</v>
      </c>
      <c r="F552" s="9" t="s">
        <v>283</v>
      </c>
      <c r="G552" s="9" t="s">
        <v>276</v>
      </c>
      <c r="H552" s="10" t="s">
        <v>55</v>
      </c>
      <c r="I552" s="10" t="s">
        <v>55</v>
      </c>
      <c r="J552" s="10" t="s">
        <v>55</v>
      </c>
      <c r="K552" s="10" t="s">
        <v>55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2</v>
      </c>
      <c r="E553" s="9" t="s">
        <v>227</v>
      </c>
      <c r="F553" s="9" t="s">
        <v>283</v>
      </c>
      <c r="G553" s="9" t="s">
        <v>277</v>
      </c>
      <c r="H553" s="10" t="s">
        <v>55</v>
      </c>
      <c r="I553" s="10" t="s">
        <v>55</v>
      </c>
      <c r="J553" s="10" t="s">
        <v>55</v>
      </c>
      <c r="K553" s="10" t="s">
        <v>55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2</v>
      </c>
      <c r="E554" s="9" t="s">
        <v>227</v>
      </c>
      <c r="F554" s="9" t="s">
        <v>283</v>
      </c>
      <c r="G554" s="9" t="s">
        <v>278</v>
      </c>
      <c r="H554" s="6">
        <v>6</v>
      </c>
      <c r="I554" s="6">
        <v>6</v>
      </c>
      <c r="J554" s="6">
        <v>6</v>
      </c>
      <c r="K554" s="10" t="s">
        <v>55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2</v>
      </c>
      <c r="E555" s="9" t="s">
        <v>227</v>
      </c>
      <c r="F555" s="9" t="s">
        <v>283</v>
      </c>
      <c r="G555" s="9" t="s">
        <v>279</v>
      </c>
      <c r="H555" s="10" t="s">
        <v>55</v>
      </c>
      <c r="I555" s="10" t="s">
        <v>55</v>
      </c>
      <c r="J555" s="10" t="s">
        <v>55</v>
      </c>
      <c r="K555" s="10" t="s">
        <v>55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2</v>
      </c>
      <c r="E556" s="9" t="s">
        <v>227</v>
      </c>
      <c r="F556" s="9" t="s">
        <v>283</v>
      </c>
      <c r="G556" s="9" t="s">
        <v>280</v>
      </c>
      <c r="H556" s="6">
        <v>45</v>
      </c>
      <c r="I556" s="6">
        <v>21</v>
      </c>
      <c r="J556" s="6">
        <v>21</v>
      </c>
      <c r="K556" s="6">
        <v>24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2</v>
      </c>
      <c r="E557" s="9" t="s">
        <v>228</v>
      </c>
      <c r="F557" s="9" t="s">
        <v>6</v>
      </c>
      <c r="G557" s="9" t="s">
        <v>6</v>
      </c>
      <c r="H557" s="6">
        <v>1661</v>
      </c>
      <c r="I557" s="6">
        <v>292</v>
      </c>
      <c r="J557" s="6">
        <v>247</v>
      </c>
      <c r="K557" s="6">
        <v>1364</v>
      </c>
      <c r="L557" s="6">
        <v>5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2</v>
      </c>
      <c r="E558" s="9" t="s">
        <v>228</v>
      </c>
      <c r="F558" s="9" t="s">
        <v>234</v>
      </c>
      <c r="G558" s="9" t="s">
        <v>6</v>
      </c>
      <c r="H558" s="6">
        <v>279</v>
      </c>
      <c r="I558" s="6">
        <v>46</v>
      </c>
      <c r="J558" s="6">
        <v>43</v>
      </c>
      <c r="K558" s="6">
        <v>233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2</v>
      </c>
      <c r="E559" s="9" t="s">
        <v>228</v>
      </c>
      <c r="F559" s="9" t="s">
        <v>235</v>
      </c>
      <c r="G559" s="9" t="s">
        <v>6</v>
      </c>
      <c r="H559" s="6">
        <v>1382</v>
      </c>
      <c r="I559" s="6">
        <v>246</v>
      </c>
      <c r="J559" s="6">
        <v>204</v>
      </c>
      <c r="K559" s="6">
        <v>1131</v>
      </c>
      <c r="L559" s="6">
        <v>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2</v>
      </c>
      <c r="E560" s="9" t="s">
        <v>228</v>
      </c>
      <c r="F560" s="9" t="s">
        <v>235</v>
      </c>
      <c r="G560" s="9" t="s">
        <v>272</v>
      </c>
      <c r="H560" s="10" t="s">
        <v>55</v>
      </c>
      <c r="I560" s="10" t="s">
        <v>55</v>
      </c>
      <c r="J560" s="10" t="s">
        <v>55</v>
      </c>
      <c r="K560" s="10" t="s">
        <v>55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2</v>
      </c>
      <c r="E561" s="9" t="s">
        <v>228</v>
      </c>
      <c r="F561" s="9" t="s">
        <v>235</v>
      </c>
      <c r="G561" s="9" t="s">
        <v>273</v>
      </c>
      <c r="H561" s="10" t="s">
        <v>55</v>
      </c>
      <c r="I561" s="10" t="s">
        <v>55</v>
      </c>
      <c r="J561" s="10" t="s">
        <v>55</v>
      </c>
      <c r="K561" s="10" t="s">
        <v>55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2</v>
      </c>
      <c r="E562" s="9" t="s">
        <v>228</v>
      </c>
      <c r="F562" s="9" t="s">
        <v>235</v>
      </c>
      <c r="G562" s="9" t="s">
        <v>274</v>
      </c>
      <c r="H562" s="10" t="s">
        <v>55</v>
      </c>
      <c r="I562" s="10" t="s">
        <v>55</v>
      </c>
      <c r="J562" s="10" t="s">
        <v>55</v>
      </c>
      <c r="K562" s="10" t="s">
        <v>55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2</v>
      </c>
      <c r="E563" s="9" t="s">
        <v>228</v>
      </c>
      <c r="F563" s="9" t="s">
        <v>235</v>
      </c>
      <c r="G563" s="9" t="s">
        <v>275</v>
      </c>
      <c r="H563" s="10" t="s">
        <v>55</v>
      </c>
      <c r="I563" s="10" t="s">
        <v>55</v>
      </c>
      <c r="J563" s="10" t="s">
        <v>55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2</v>
      </c>
      <c r="E564" s="9" t="s">
        <v>228</v>
      </c>
      <c r="F564" s="9" t="s">
        <v>235</v>
      </c>
      <c r="G564" s="9" t="s">
        <v>276</v>
      </c>
      <c r="H564" s="10" t="s">
        <v>55</v>
      </c>
      <c r="I564" s="10" t="s">
        <v>55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2</v>
      </c>
      <c r="E565" s="9" t="s">
        <v>228</v>
      </c>
      <c r="F565" s="9" t="s">
        <v>235</v>
      </c>
      <c r="G565" s="9" t="s">
        <v>277</v>
      </c>
      <c r="H565" s="10" t="s">
        <v>55</v>
      </c>
      <c r="I565" s="10" t="s">
        <v>55</v>
      </c>
      <c r="J565" s="10" t="s">
        <v>55</v>
      </c>
      <c r="K565" s="10" t="s">
        <v>55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2</v>
      </c>
      <c r="E566" s="9" t="s">
        <v>228</v>
      </c>
      <c r="F566" s="9" t="s">
        <v>235</v>
      </c>
      <c r="G566" s="9" t="s">
        <v>278</v>
      </c>
      <c r="H566" s="10" t="s">
        <v>55</v>
      </c>
      <c r="I566" s="10" t="s">
        <v>55</v>
      </c>
      <c r="J566" s="10" t="s">
        <v>55</v>
      </c>
      <c r="K566" s="10" t="s">
        <v>55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2</v>
      </c>
      <c r="E567" s="9" t="s">
        <v>228</v>
      </c>
      <c r="F567" s="9" t="s">
        <v>235</v>
      </c>
      <c r="G567" s="9" t="s">
        <v>279</v>
      </c>
      <c r="H567" s="10" t="s">
        <v>55</v>
      </c>
      <c r="I567" s="10" t="s">
        <v>55</v>
      </c>
      <c r="J567" s="10" t="s">
        <v>55</v>
      </c>
      <c r="K567" s="10" t="s">
        <v>55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2</v>
      </c>
      <c r="E568" s="9" t="s">
        <v>228</v>
      </c>
      <c r="F568" s="9" t="s">
        <v>235</v>
      </c>
      <c r="G568" s="9" t="s">
        <v>280</v>
      </c>
      <c r="H568" s="6">
        <v>1382</v>
      </c>
      <c r="I568" s="6">
        <v>246</v>
      </c>
      <c r="J568" s="6">
        <v>204</v>
      </c>
      <c r="K568" s="6">
        <v>1131</v>
      </c>
      <c r="L568" s="6">
        <v>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2</v>
      </c>
      <c r="E569" s="9" t="s">
        <v>228</v>
      </c>
      <c r="F569" s="9" t="s">
        <v>281</v>
      </c>
      <c r="G569" s="9" t="s">
        <v>6</v>
      </c>
      <c r="H569" s="6">
        <v>1069</v>
      </c>
      <c r="I569" s="6">
        <v>190</v>
      </c>
      <c r="J569" s="6">
        <v>159</v>
      </c>
      <c r="K569" s="6">
        <v>874</v>
      </c>
      <c r="L569" s="6">
        <v>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2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2</v>
      </c>
      <c r="E571" s="9" t="s">
        <v>228</v>
      </c>
      <c r="F571" s="9" t="s">
        <v>281</v>
      </c>
      <c r="G571" s="9" t="s">
        <v>273</v>
      </c>
      <c r="H571" s="10" t="s">
        <v>55</v>
      </c>
      <c r="I571" s="10" t="s">
        <v>55</v>
      </c>
      <c r="J571" s="10" t="s">
        <v>55</v>
      </c>
      <c r="K571" s="10" t="s">
        <v>55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2</v>
      </c>
      <c r="E572" s="9" t="s">
        <v>228</v>
      </c>
      <c r="F572" s="9" t="s">
        <v>281</v>
      </c>
      <c r="G572" s="9" t="s">
        <v>274</v>
      </c>
      <c r="H572" s="10" t="s">
        <v>55</v>
      </c>
      <c r="I572" s="10" t="s">
        <v>55</v>
      </c>
      <c r="J572" s="10" t="s">
        <v>55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2</v>
      </c>
      <c r="E573" s="9" t="s">
        <v>228</v>
      </c>
      <c r="F573" s="9" t="s">
        <v>281</v>
      </c>
      <c r="G573" s="9" t="s">
        <v>275</v>
      </c>
      <c r="H573" s="10" t="s">
        <v>55</v>
      </c>
      <c r="I573" s="10" t="s">
        <v>55</v>
      </c>
      <c r="J573" s="10" t="s">
        <v>55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2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2</v>
      </c>
      <c r="E575" s="9" t="s">
        <v>228</v>
      </c>
      <c r="F575" s="9" t="s">
        <v>281</v>
      </c>
      <c r="G575" s="9" t="s">
        <v>277</v>
      </c>
      <c r="H575" s="10" t="s">
        <v>55</v>
      </c>
      <c r="I575" s="10" t="s">
        <v>55</v>
      </c>
      <c r="J575" s="10" t="s">
        <v>55</v>
      </c>
      <c r="K575" s="10" t="s">
        <v>55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2</v>
      </c>
      <c r="E576" s="9" t="s">
        <v>228</v>
      </c>
      <c r="F576" s="9" t="s">
        <v>281</v>
      </c>
      <c r="G576" s="9" t="s">
        <v>278</v>
      </c>
      <c r="H576" s="10" t="s">
        <v>55</v>
      </c>
      <c r="I576" s="10" t="s">
        <v>55</v>
      </c>
      <c r="J576" s="10" t="s">
        <v>55</v>
      </c>
      <c r="K576" s="10" t="s">
        <v>55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2</v>
      </c>
      <c r="E577" s="9" t="s">
        <v>228</v>
      </c>
      <c r="F577" s="9" t="s">
        <v>281</v>
      </c>
      <c r="G577" s="9" t="s">
        <v>279</v>
      </c>
      <c r="H577" s="10" t="s">
        <v>55</v>
      </c>
      <c r="I577" s="10" t="s">
        <v>55</v>
      </c>
      <c r="J577" s="10" t="s">
        <v>55</v>
      </c>
      <c r="K577" s="10" t="s">
        <v>55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2</v>
      </c>
      <c r="E578" s="9" t="s">
        <v>228</v>
      </c>
      <c r="F578" s="9" t="s">
        <v>281</v>
      </c>
      <c r="G578" s="9" t="s">
        <v>280</v>
      </c>
      <c r="H578" s="6">
        <v>1069</v>
      </c>
      <c r="I578" s="6">
        <v>190</v>
      </c>
      <c r="J578" s="6">
        <v>159</v>
      </c>
      <c r="K578" s="6">
        <v>874</v>
      </c>
      <c r="L578" s="6">
        <v>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2</v>
      </c>
      <c r="E579" s="9" t="s">
        <v>228</v>
      </c>
      <c r="F579" s="9" t="s">
        <v>282</v>
      </c>
      <c r="G579" s="9" t="s">
        <v>6</v>
      </c>
      <c r="H579" s="6">
        <v>284</v>
      </c>
      <c r="I579" s="6">
        <v>56</v>
      </c>
      <c r="J579" s="6">
        <v>45</v>
      </c>
      <c r="K579" s="6">
        <v>228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2</v>
      </c>
      <c r="E580" s="9" t="s">
        <v>228</v>
      </c>
      <c r="F580" s="9" t="s">
        <v>282</v>
      </c>
      <c r="G580" s="9" t="s">
        <v>272</v>
      </c>
      <c r="H580" s="10" t="s">
        <v>55</v>
      </c>
      <c r="I580" s="10" t="s">
        <v>55</v>
      </c>
      <c r="J580" s="10" t="s">
        <v>55</v>
      </c>
      <c r="K580" s="10" t="s">
        <v>55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2</v>
      </c>
      <c r="E581" s="9" t="s">
        <v>228</v>
      </c>
      <c r="F581" s="9" t="s">
        <v>282</v>
      </c>
      <c r="G581" s="9" t="s">
        <v>273</v>
      </c>
      <c r="H581" s="10" t="s">
        <v>55</v>
      </c>
      <c r="I581" s="10" t="s">
        <v>55</v>
      </c>
      <c r="J581" s="10" t="s">
        <v>55</v>
      </c>
      <c r="K581" s="10" t="s">
        <v>55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2</v>
      </c>
      <c r="E582" s="9" t="s">
        <v>228</v>
      </c>
      <c r="F582" s="9" t="s">
        <v>282</v>
      </c>
      <c r="G582" s="9" t="s">
        <v>274</v>
      </c>
      <c r="H582" s="10" t="s">
        <v>55</v>
      </c>
      <c r="I582" s="10" t="s">
        <v>55</v>
      </c>
      <c r="J582" s="10" t="s">
        <v>55</v>
      </c>
      <c r="K582" s="10" t="s">
        <v>55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2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2</v>
      </c>
      <c r="E584" s="9" t="s">
        <v>228</v>
      </c>
      <c r="F584" s="9" t="s">
        <v>282</v>
      </c>
      <c r="G584" s="9" t="s">
        <v>276</v>
      </c>
      <c r="H584" s="10" t="s">
        <v>55</v>
      </c>
      <c r="I584" s="10" t="s">
        <v>55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2</v>
      </c>
      <c r="E585" s="9" t="s">
        <v>228</v>
      </c>
      <c r="F585" s="9" t="s">
        <v>282</v>
      </c>
      <c r="G585" s="9" t="s">
        <v>277</v>
      </c>
      <c r="H585" s="10" t="s">
        <v>55</v>
      </c>
      <c r="I585" s="10" t="s">
        <v>55</v>
      </c>
      <c r="J585" s="10" t="s">
        <v>55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2</v>
      </c>
      <c r="E586" s="9" t="s">
        <v>228</v>
      </c>
      <c r="F586" s="9" t="s">
        <v>282</v>
      </c>
      <c r="G586" s="9" t="s">
        <v>278</v>
      </c>
      <c r="H586" s="10" t="s">
        <v>55</v>
      </c>
      <c r="I586" s="10" t="s">
        <v>55</v>
      </c>
      <c r="J586" s="10" t="s">
        <v>55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2</v>
      </c>
      <c r="E587" s="9" t="s">
        <v>228</v>
      </c>
      <c r="F587" s="9" t="s">
        <v>282</v>
      </c>
      <c r="G587" s="9" t="s">
        <v>279</v>
      </c>
      <c r="H587" s="10" t="s">
        <v>55</v>
      </c>
      <c r="I587" s="10" t="s">
        <v>55</v>
      </c>
      <c r="J587" s="10" t="s">
        <v>55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2</v>
      </c>
      <c r="E588" s="9" t="s">
        <v>228</v>
      </c>
      <c r="F588" s="9" t="s">
        <v>282</v>
      </c>
      <c r="G588" s="9" t="s">
        <v>280</v>
      </c>
      <c r="H588" s="6">
        <v>284</v>
      </c>
      <c r="I588" s="6">
        <v>56</v>
      </c>
      <c r="J588" s="6">
        <v>45</v>
      </c>
      <c r="K588" s="6">
        <v>228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2</v>
      </c>
      <c r="E589" s="9" t="s">
        <v>228</v>
      </c>
      <c r="F589" s="9" t="s">
        <v>283</v>
      </c>
      <c r="G589" s="9" t="s">
        <v>6</v>
      </c>
      <c r="H589" s="6">
        <v>29</v>
      </c>
      <c r="I589" s="10" t="s">
        <v>55</v>
      </c>
      <c r="J589" s="10" t="s">
        <v>55</v>
      </c>
      <c r="K589" s="6">
        <v>29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2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2</v>
      </c>
      <c r="E591" s="9" t="s">
        <v>228</v>
      </c>
      <c r="F591" s="9" t="s">
        <v>283</v>
      </c>
      <c r="G591" s="9" t="s">
        <v>273</v>
      </c>
      <c r="H591" s="10" t="s">
        <v>55</v>
      </c>
      <c r="I591" s="10" t="s">
        <v>55</v>
      </c>
      <c r="J591" s="10" t="s">
        <v>55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2</v>
      </c>
      <c r="E592" s="9" t="s">
        <v>228</v>
      </c>
      <c r="F592" s="9" t="s">
        <v>283</v>
      </c>
      <c r="G592" s="9" t="s">
        <v>274</v>
      </c>
      <c r="H592" s="10" t="s">
        <v>55</v>
      </c>
      <c r="I592" s="10" t="s">
        <v>55</v>
      </c>
      <c r="J592" s="10" t="s">
        <v>55</v>
      </c>
      <c r="K592" s="10" t="s">
        <v>55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2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2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2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2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2</v>
      </c>
      <c r="E597" s="9" t="s">
        <v>228</v>
      </c>
      <c r="F597" s="9" t="s">
        <v>283</v>
      </c>
      <c r="G597" s="9" t="s">
        <v>279</v>
      </c>
      <c r="H597" s="10" t="s">
        <v>55</v>
      </c>
      <c r="I597" s="10" t="s">
        <v>55</v>
      </c>
      <c r="J597" s="10" t="s">
        <v>55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2</v>
      </c>
      <c r="E598" s="9" t="s">
        <v>228</v>
      </c>
      <c r="F598" s="9" t="s">
        <v>283</v>
      </c>
      <c r="G598" s="9" t="s">
        <v>280</v>
      </c>
      <c r="H598" s="6">
        <v>29</v>
      </c>
      <c r="I598" s="10" t="s">
        <v>55</v>
      </c>
      <c r="J598" s="10" t="s">
        <v>55</v>
      </c>
      <c r="K598" s="6">
        <v>29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2</v>
      </c>
      <c r="E599" s="9" t="s">
        <v>18</v>
      </c>
      <c r="F599" s="9" t="s">
        <v>6</v>
      </c>
      <c r="G599" s="9" t="s">
        <v>6</v>
      </c>
      <c r="H599" s="6">
        <v>134</v>
      </c>
      <c r="I599" s="10" t="s">
        <v>55</v>
      </c>
      <c r="J599" s="10" t="s">
        <v>55</v>
      </c>
      <c r="K599" s="6">
        <v>5</v>
      </c>
      <c r="L599" s="6">
        <v>129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2</v>
      </c>
      <c r="E600" s="9" t="s">
        <v>18</v>
      </c>
      <c r="F600" s="9" t="s">
        <v>234</v>
      </c>
      <c r="G600" s="9" t="s">
        <v>6</v>
      </c>
      <c r="H600" s="6">
        <v>32</v>
      </c>
      <c r="I600" s="10" t="s">
        <v>55</v>
      </c>
      <c r="J600" s="10" t="s">
        <v>55</v>
      </c>
      <c r="K600" s="10" t="s">
        <v>55</v>
      </c>
      <c r="L600" s="6">
        <v>32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2</v>
      </c>
      <c r="E601" s="9" t="s">
        <v>18</v>
      </c>
      <c r="F601" s="9" t="s">
        <v>235</v>
      </c>
      <c r="G601" s="9" t="s">
        <v>6</v>
      </c>
      <c r="H601" s="6">
        <v>102</v>
      </c>
      <c r="I601" s="10" t="s">
        <v>55</v>
      </c>
      <c r="J601" s="10" t="s">
        <v>55</v>
      </c>
      <c r="K601" s="6">
        <v>5</v>
      </c>
      <c r="L601" s="6">
        <v>97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2</v>
      </c>
      <c r="E602" s="9" t="s">
        <v>18</v>
      </c>
      <c r="F602" s="9" t="s">
        <v>235</v>
      </c>
      <c r="G602" s="9" t="s">
        <v>272</v>
      </c>
      <c r="H602" s="10" t="s">
        <v>55</v>
      </c>
      <c r="I602" s="10" t="s">
        <v>55</v>
      </c>
      <c r="J602" s="10" t="s">
        <v>55</v>
      </c>
      <c r="K602" s="10" t="s">
        <v>55</v>
      </c>
      <c r="L602" s="10" t="s">
        <v>55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2</v>
      </c>
      <c r="E603" s="9" t="s">
        <v>18</v>
      </c>
      <c r="F603" s="9" t="s">
        <v>235</v>
      </c>
      <c r="G603" s="9" t="s">
        <v>273</v>
      </c>
      <c r="H603" s="6">
        <v>15</v>
      </c>
      <c r="I603" s="10" t="s">
        <v>55</v>
      </c>
      <c r="J603" s="10" t="s">
        <v>55</v>
      </c>
      <c r="K603" s="10" t="s">
        <v>55</v>
      </c>
      <c r="L603" s="6">
        <v>15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2</v>
      </c>
      <c r="E604" s="9" t="s">
        <v>18</v>
      </c>
      <c r="F604" s="9" t="s">
        <v>235</v>
      </c>
      <c r="G604" s="9" t="s">
        <v>274</v>
      </c>
      <c r="H604" s="6">
        <v>6</v>
      </c>
      <c r="I604" s="10" t="s">
        <v>55</v>
      </c>
      <c r="J604" s="10" t="s">
        <v>55</v>
      </c>
      <c r="K604" s="10" t="s">
        <v>55</v>
      </c>
      <c r="L604" s="6">
        <v>6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2</v>
      </c>
      <c r="E605" s="9" t="s">
        <v>18</v>
      </c>
      <c r="F605" s="9" t="s">
        <v>235</v>
      </c>
      <c r="G605" s="9" t="s">
        <v>275</v>
      </c>
      <c r="H605" s="10" t="s">
        <v>55</v>
      </c>
      <c r="I605" s="10" t="s">
        <v>55</v>
      </c>
      <c r="J605" s="10" t="s">
        <v>55</v>
      </c>
      <c r="K605" s="10" t="s">
        <v>55</v>
      </c>
      <c r="L605" s="10" t="s">
        <v>55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2</v>
      </c>
      <c r="E606" s="9" t="s">
        <v>18</v>
      </c>
      <c r="F606" s="9" t="s">
        <v>235</v>
      </c>
      <c r="G606" s="9" t="s">
        <v>276</v>
      </c>
      <c r="H606" s="6">
        <v>6</v>
      </c>
      <c r="I606" s="10" t="s">
        <v>55</v>
      </c>
      <c r="J606" s="10" t="s">
        <v>55</v>
      </c>
      <c r="K606" s="10" t="s">
        <v>55</v>
      </c>
      <c r="L606" s="6">
        <v>6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2</v>
      </c>
      <c r="E607" s="9" t="s">
        <v>18</v>
      </c>
      <c r="F607" s="9" t="s">
        <v>235</v>
      </c>
      <c r="G607" s="9" t="s">
        <v>277</v>
      </c>
      <c r="H607" s="10" t="s">
        <v>55</v>
      </c>
      <c r="I607" s="10" t="s">
        <v>55</v>
      </c>
      <c r="J607" s="10" t="s">
        <v>55</v>
      </c>
      <c r="K607" s="10" t="s">
        <v>55</v>
      </c>
      <c r="L607" s="10" t="s">
        <v>55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2</v>
      </c>
      <c r="E608" s="9" t="s">
        <v>18</v>
      </c>
      <c r="F608" s="9" t="s">
        <v>235</v>
      </c>
      <c r="G608" s="9" t="s">
        <v>278</v>
      </c>
      <c r="H608" s="6">
        <v>5</v>
      </c>
      <c r="I608" s="10" t="s">
        <v>55</v>
      </c>
      <c r="J608" s="10" t="s">
        <v>55</v>
      </c>
      <c r="K608" s="10" t="s">
        <v>55</v>
      </c>
      <c r="L608" s="6">
        <v>5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2</v>
      </c>
      <c r="E609" s="9" t="s">
        <v>18</v>
      </c>
      <c r="F609" s="9" t="s">
        <v>235</v>
      </c>
      <c r="G609" s="9" t="s">
        <v>279</v>
      </c>
      <c r="H609" s="10" t="s">
        <v>55</v>
      </c>
      <c r="I609" s="10" t="s">
        <v>55</v>
      </c>
      <c r="J609" s="10" t="s">
        <v>55</v>
      </c>
      <c r="K609" s="10" t="s">
        <v>55</v>
      </c>
      <c r="L609" s="10" t="s">
        <v>55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2</v>
      </c>
      <c r="E610" s="9" t="s">
        <v>18</v>
      </c>
      <c r="F610" s="9" t="s">
        <v>235</v>
      </c>
      <c r="G610" s="9" t="s">
        <v>280</v>
      </c>
      <c r="H610" s="6">
        <v>70</v>
      </c>
      <c r="I610" s="10" t="s">
        <v>55</v>
      </c>
      <c r="J610" s="10" t="s">
        <v>55</v>
      </c>
      <c r="K610" s="6">
        <v>5</v>
      </c>
      <c r="L610" s="6">
        <v>65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2</v>
      </c>
      <c r="E611" s="9" t="s">
        <v>18</v>
      </c>
      <c r="F611" s="9" t="s">
        <v>281</v>
      </c>
      <c r="G611" s="9" t="s">
        <v>6</v>
      </c>
      <c r="H611" s="6">
        <v>56</v>
      </c>
      <c r="I611" s="10" t="s">
        <v>55</v>
      </c>
      <c r="J611" s="10" t="s">
        <v>55</v>
      </c>
      <c r="K611" s="10" t="s">
        <v>55</v>
      </c>
      <c r="L611" s="6">
        <v>56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2</v>
      </c>
      <c r="E612" s="9" t="s">
        <v>18</v>
      </c>
      <c r="F612" s="9" t="s">
        <v>281</v>
      </c>
      <c r="G612" s="9" t="s">
        <v>272</v>
      </c>
      <c r="H612" s="10" t="s">
        <v>55</v>
      </c>
      <c r="I612" s="10" t="s">
        <v>55</v>
      </c>
      <c r="J612" s="10" t="s">
        <v>55</v>
      </c>
      <c r="K612" s="10" t="s">
        <v>55</v>
      </c>
      <c r="L612" s="10" t="s">
        <v>55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2</v>
      </c>
      <c r="E613" s="9" t="s">
        <v>18</v>
      </c>
      <c r="F613" s="9" t="s">
        <v>281</v>
      </c>
      <c r="G613" s="9" t="s">
        <v>273</v>
      </c>
      <c r="H613" s="6">
        <v>8</v>
      </c>
      <c r="I613" s="10" t="s">
        <v>55</v>
      </c>
      <c r="J613" s="10" t="s">
        <v>55</v>
      </c>
      <c r="K613" s="10" t="s">
        <v>55</v>
      </c>
      <c r="L613" s="6">
        <v>8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2</v>
      </c>
      <c r="E614" s="9" t="s">
        <v>18</v>
      </c>
      <c r="F614" s="9" t="s">
        <v>281</v>
      </c>
      <c r="G614" s="9" t="s">
        <v>274</v>
      </c>
      <c r="H614" s="10" t="s">
        <v>55</v>
      </c>
      <c r="I614" s="10" t="s">
        <v>55</v>
      </c>
      <c r="J614" s="10" t="s">
        <v>55</v>
      </c>
      <c r="K614" s="10" t="s">
        <v>55</v>
      </c>
      <c r="L614" s="10" t="s">
        <v>55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2</v>
      </c>
      <c r="E615" s="9" t="s">
        <v>18</v>
      </c>
      <c r="F615" s="9" t="s">
        <v>281</v>
      </c>
      <c r="G615" s="9" t="s">
        <v>275</v>
      </c>
      <c r="H615" s="10" t="s">
        <v>55</v>
      </c>
      <c r="I615" s="10" t="s">
        <v>55</v>
      </c>
      <c r="J615" s="10" t="s">
        <v>55</v>
      </c>
      <c r="K615" s="10" t="s">
        <v>55</v>
      </c>
      <c r="L615" s="10" t="s">
        <v>55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2</v>
      </c>
      <c r="E616" s="9" t="s">
        <v>18</v>
      </c>
      <c r="F616" s="9" t="s">
        <v>281</v>
      </c>
      <c r="G616" s="9" t="s">
        <v>276</v>
      </c>
      <c r="H616" s="10" t="s">
        <v>55</v>
      </c>
      <c r="I616" s="10" t="s">
        <v>55</v>
      </c>
      <c r="J616" s="10" t="s">
        <v>55</v>
      </c>
      <c r="K616" s="10" t="s">
        <v>55</v>
      </c>
      <c r="L616" s="10" t="s">
        <v>55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2</v>
      </c>
      <c r="E617" s="9" t="s">
        <v>18</v>
      </c>
      <c r="F617" s="9" t="s">
        <v>281</v>
      </c>
      <c r="G617" s="9" t="s">
        <v>277</v>
      </c>
      <c r="H617" s="10" t="s">
        <v>55</v>
      </c>
      <c r="I617" s="10" t="s">
        <v>55</v>
      </c>
      <c r="J617" s="10" t="s">
        <v>55</v>
      </c>
      <c r="K617" s="10" t="s">
        <v>55</v>
      </c>
      <c r="L617" s="10" t="s">
        <v>55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2</v>
      </c>
      <c r="E618" s="9" t="s">
        <v>18</v>
      </c>
      <c r="F618" s="9" t="s">
        <v>281</v>
      </c>
      <c r="G618" s="9" t="s">
        <v>278</v>
      </c>
      <c r="H618" s="6">
        <v>5</v>
      </c>
      <c r="I618" s="10" t="s">
        <v>55</v>
      </c>
      <c r="J618" s="10" t="s">
        <v>55</v>
      </c>
      <c r="K618" s="10" t="s">
        <v>55</v>
      </c>
      <c r="L618" s="6">
        <v>5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2</v>
      </c>
      <c r="E619" s="9" t="s">
        <v>18</v>
      </c>
      <c r="F619" s="9" t="s">
        <v>281</v>
      </c>
      <c r="G619" s="9" t="s">
        <v>279</v>
      </c>
      <c r="H619" s="10" t="s">
        <v>55</v>
      </c>
      <c r="I619" s="10" t="s">
        <v>55</v>
      </c>
      <c r="J619" s="10" t="s">
        <v>55</v>
      </c>
      <c r="K619" s="10" t="s">
        <v>55</v>
      </c>
      <c r="L619" s="10" t="s">
        <v>55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2</v>
      </c>
      <c r="E620" s="9" t="s">
        <v>18</v>
      </c>
      <c r="F620" s="9" t="s">
        <v>281</v>
      </c>
      <c r="G620" s="9" t="s">
        <v>280</v>
      </c>
      <c r="H620" s="6">
        <v>43</v>
      </c>
      <c r="I620" s="10" t="s">
        <v>55</v>
      </c>
      <c r="J620" s="10" t="s">
        <v>55</v>
      </c>
      <c r="K620" s="10" t="s">
        <v>55</v>
      </c>
      <c r="L620" s="6">
        <v>43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2</v>
      </c>
      <c r="E621" s="9" t="s">
        <v>18</v>
      </c>
      <c r="F621" s="9" t="s">
        <v>282</v>
      </c>
      <c r="G621" s="9" t="s">
        <v>6</v>
      </c>
      <c r="H621" s="6">
        <v>20</v>
      </c>
      <c r="I621" s="10" t="s">
        <v>55</v>
      </c>
      <c r="J621" s="10" t="s">
        <v>55</v>
      </c>
      <c r="K621" s="6">
        <v>5</v>
      </c>
      <c r="L621" s="6">
        <v>15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2</v>
      </c>
      <c r="E622" s="9" t="s">
        <v>18</v>
      </c>
      <c r="F622" s="9" t="s">
        <v>282</v>
      </c>
      <c r="G622" s="9" t="s">
        <v>272</v>
      </c>
      <c r="H622" s="10" t="s">
        <v>55</v>
      </c>
      <c r="I622" s="10" t="s">
        <v>55</v>
      </c>
      <c r="J622" s="10" t="s">
        <v>55</v>
      </c>
      <c r="K622" s="10" t="s">
        <v>55</v>
      </c>
      <c r="L622" s="10" t="s">
        <v>55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2</v>
      </c>
      <c r="E623" s="9" t="s">
        <v>18</v>
      </c>
      <c r="F623" s="9" t="s">
        <v>282</v>
      </c>
      <c r="G623" s="9" t="s">
        <v>273</v>
      </c>
      <c r="H623" s="10" t="s">
        <v>55</v>
      </c>
      <c r="I623" s="10" t="s">
        <v>55</v>
      </c>
      <c r="J623" s="10" t="s">
        <v>55</v>
      </c>
      <c r="K623" s="10" t="s">
        <v>55</v>
      </c>
      <c r="L623" s="10" t="s">
        <v>55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2</v>
      </c>
      <c r="E624" s="9" t="s">
        <v>18</v>
      </c>
      <c r="F624" s="9" t="s">
        <v>282</v>
      </c>
      <c r="G624" s="9" t="s">
        <v>274</v>
      </c>
      <c r="H624" s="10" t="s">
        <v>55</v>
      </c>
      <c r="I624" s="10" t="s">
        <v>55</v>
      </c>
      <c r="J624" s="10" t="s">
        <v>55</v>
      </c>
      <c r="K624" s="10" t="s">
        <v>55</v>
      </c>
      <c r="L624" s="10" t="s">
        <v>55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2</v>
      </c>
      <c r="E625" s="9" t="s">
        <v>18</v>
      </c>
      <c r="F625" s="9" t="s">
        <v>282</v>
      </c>
      <c r="G625" s="9" t="s">
        <v>275</v>
      </c>
      <c r="H625" s="10" t="s">
        <v>55</v>
      </c>
      <c r="I625" s="10" t="s">
        <v>55</v>
      </c>
      <c r="J625" s="10" t="s">
        <v>55</v>
      </c>
      <c r="K625" s="10" t="s">
        <v>55</v>
      </c>
      <c r="L625" s="10" t="s">
        <v>55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2</v>
      </c>
      <c r="E626" s="9" t="s">
        <v>18</v>
      </c>
      <c r="F626" s="9" t="s">
        <v>282</v>
      </c>
      <c r="G626" s="9" t="s">
        <v>276</v>
      </c>
      <c r="H626" s="10" t="s">
        <v>55</v>
      </c>
      <c r="I626" s="10" t="s">
        <v>55</v>
      </c>
      <c r="J626" s="10" t="s">
        <v>55</v>
      </c>
      <c r="K626" s="10" t="s">
        <v>55</v>
      </c>
      <c r="L626" s="10" t="s">
        <v>55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2</v>
      </c>
      <c r="E627" s="9" t="s">
        <v>18</v>
      </c>
      <c r="F627" s="9" t="s">
        <v>282</v>
      </c>
      <c r="G627" s="9" t="s">
        <v>277</v>
      </c>
      <c r="H627" s="10" t="s">
        <v>55</v>
      </c>
      <c r="I627" s="10" t="s">
        <v>55</v>
      </c>
      <c r="J627" s="10" t="s">
        <v>55</v>
      </c>
      <c r="K627" s="10" t="s">
        <v>55</v>
      </c>
      <c r="L627" s="10" t="s">
        <v>55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2</v>
      </c>
      <c r="E628" s="9" t="s">
        <v>18</v>
      </c>
      <c r="F628" s="9" t="s">
        <v>282</v>
      </c>
      <c r="G628" s="9" t="s">
        <v>278</v>
      </c>
      <c r="H628" s="10" t="s">
        <v>55</v>
      </c>
      <c r="I628" s="10" t="s">
        <v>55</v>
      </c>
      <c r="J628" s="10" t="s">
        <v>55</v>
      </c>
      <c r="K628" s="10" t="s">
        <v>55</v>
      </c>
      <c r="L628" s="10" t="s">
        <v>55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2</v>
      </c>
      <c r="E629" s="9" t="s">
        <v>18</v>
      </c>
      <c r="F629" s="9" t="s">
        <v>282</v>
      </c>
      <c r="G629" s="9" t="s">
        <v>279</v>
      </c>
      <c r="H629" s="10" t="s">
        <v>55</v>
      </c>
      <c r="I629" s="10" t="s">
        <v>55</v>
      </c>
      <c r="J629" s="10" t="s">
        <v>55</v>
      </c>
      <c r="K629" s="10" t="s">
        <v>55</v>
      </c>
      <c r="L629" s="10" t="s">
        <v>55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2</v>
      </c>
      <c r="E630" s="9" t="s">
        <v>18</v>
      </c>
      <c r="F630" s="9" t="s">
        <v>282</v>
      </c>
      <c r="G630" s="9" t="s">
        <v>280</v>
      </c>
      <c r="H630" s="6">
        <v>20</v>
      </c>
      <c r="I630" s="10" t="s">
        <v>55</v>
      </c>
      <c r="J630" s="10" t="s">
        <v>55</v>
      </c>
      <c r="K630" s="6">
        <v>5</v>
      </c>
      <c r="L630" s="6">
        <v>15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2</v>
      </c>
      <c r="E631" s="9" t="s">
        <v>18</v>
      </c>
      <c r="F631" s="9" t="s">
        <v>283</v>
      </c>
      <c r="G631" s="9" t="s">
        <v>6</v>
      </c>
      <c r="H631" s="6">
        <v>26</v>
      </c>
      <c r="I631" s="10" t="s">
        <v>55</v>
      </c>
      <c r="J631" s="10" t="s">
        <v>55</v>
      </c>
      <c r="K631" s="10" t="s">
        <v>55</v>
      </c>
      <c r="L631" s="6">
        <v>26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2</v>
      </c>
      <c r="E632" s="9" t="s">
        <v>18</v>
      </c>
      <c r="F632" s="9" t="s">
        <v>283</v>
      </c>
      <c r="G632" s="9" t="s">
        <v>272</v>
      </c>
      <c r="H632" s="10" t="s">
        <v>55</v>
      </c>
      <c r="I632" s="10" t="s">
        <v>55</v>
      </c>
      <c r="J632" s="10" t="s">
        <v>55</v>
      </c>
      <c r="K632" s="10" t="s">
        <v>55</v>
      </c>
      <c r="L632" s="10" t="s">
        <v>55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2</v>
      </c>
      <c r="E633" s="9" t="s">
        <v>18</v>
      </c>
      <c r="F633" s="9" t="s">
        <v>283</v>
      </c>
      <c r="G633" s="9" t="s">
        <v>273</v>
      </c>
      <c r="H633" s="6">
        <v>7</v>
      </c>
      <c r="I633" s="10" t="s">
        <v>55</v>
      </c>
      <c r="J633" s="10" t="s">
        <v>55</v>
      </c>
      <c r="K633" s="10" t="s">
        <v>55</v>
      </c>
      <c r="L633" s="6">
        <v>7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2</v>
      </c>
      <c r="E634" s="9" t="s">
        <v>18</v>
      </c>
      <c r="F634" s="9" t="s">
        <v>283</v>
      </c>
      <c r="G634" s="9" t="s">
        <v>274</v>
      </c>
      <c r="H634" s="6">
        <v>6</v>
      </c>
      <c r="I634" s="10" t="s">
        <v>55</v>
      </c>
      <c r="J634" s="10" t="s">
        <v>55</v>
      </c>
      <c r="K634" s="10" t="s">
        <v>55</v>
      </c>
      <c r="L634" s="6">
        <v>6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2</v>
      </c>
      <c r="E635" s="9" t="s">
        <v>18</v>
      </c>
      <c r="F635" s="9" t="s">
        <v>283</v>
      </c>
      <c r="G635" s="9" t="s">
        <v>275</v>
      </c>
      <c r="H635" s="10" t="s">
        <v>55</v>
      </c>
      <c r="I635" s="10" t="s">
        <v>55</v>
      </c>
      <c r="J635" s="10" t="s">
        <v>55</v>
      </c>
      <c r="K635" s="10" t="s">
        <v>55</v>
      </c>
      <c r="L635" s="10" t="s">
        <v>55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2</v>
      </c>
      <c r="E636" s="9" t="s">
        <v>18</v>
      </c>
      <c r="F636" s="9" t="s">
        <v>283</v>
      </c>
      <c r="G636" s="9" t="s">
        <v>276</v>
      </c>
      <c r="H636" s="6">
        <v>6</v>
      </c>
      <c r="I636" s="10" t="s">
        <v>55</v>
      </c>
      <c r="J636" s="10" t="s">
        <v>55</v>
      </c>
      <c r="K636" s="10" t="s">
        <v>55</v>
      </c>
      <c r="L636" s="6">
        <v>6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2</v>
      </c>
      <c r="E637" s="9" t="s">
        <v>18</v>
      </c>
      <c r="F637" s="9" t="s">
        <v>283</v>
      </c>
      <c r="G637" s="9" t="s">
        <v>277</v>
      </c>
      <c r="H637" s="10" t="s">
        <v>55</v>
      </c>
      <c r="I637" s="10" t="s">
        <v>55</v>
      </c>
      <c r="J637" s="10" t="s">
        <v>55</v>
      </c>
      <c r="K637" s="10" t="s">
        <v>55</v>
      </c>
      <c r="L637" s="10" t="s">
        <v>55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2</v>
      </c>
      <c r="E638" s="9" t="s">
        <v>18</v>
      </c>
      <c r="F638" s="9" t="s">
        <v>283</v>
      </c>
      <c r="G638" s="9" t="s">
        <v>278</v>
      </c>
      <c r="H638" s="10" t="s">
        <v>55</v>
      </c>
      <c r="I638" s="10" t="s">
        <v>55</v>
      </c>
      <c r="J638" s="10" t="s">
        <v>55</v>
      </c>
      <c r="K638" s="10" t="s">
        <v>55</v>
      </c>
      <c r="L638" s="10" t="s">
        <v>55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2</v>
      </c>
      <c r="E639" s="9" t="s">
        <v>18</v>
      </c>
      <c r="F639" s="9" t="s">
        <v>283</v>
      </c>
      <c r="G639" s="9" t="s">
        <v>279</v>
      </c>
      <c r="H639" s="10" t="s">
        <v>55</v>
      </c>
      <c r="I639" s="10" t="s">
        <v>55</v>
      </c>
      <c r="J639" s="10" t="s">
        <v>55</v>
      </c>
      <c r="K639" s="10" t="s">
        <v>55</v>
      </c>
      <c r="L639" s="10" t="s">
        <v>55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2</v>
      </c>
      <c r="E640" s="9" t="s">
        <v>18</v>
      </c>
      <c r="F640" s="9" t="s">
        <v>283</v>
      </c>
      <c r="G640" s="9" t="s">
        <v>280</v>
      </c>
      <c r="H640" s="6">
        <v>7</v>
      </c>
      <c r="I640" s="10" t="s">
        <v>55</v>
      </c>
      <c r="J640" s="10" t="s">
        <v>55</v>
      </c>
      <c r="K640" s="10" t="s">
        <v>55</v>
      </c>
      <c r="L640" s="6">
        <v>7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8BC2031-C62B-4012-83F2-D0AA59A32668}">
  <dimension ref="A1:L640"/>
  <sheetViews>
    <sheetView zoomScaleNormal="100" workbookViewId="0">
      <pane xSplit="7" ySplit="10" topLeftCell="H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37.5" style="11" customWidth="1"/>
    <col min="5" max="5" width="25" style="11" customWidth="1"/>
    <col min="6" max="6" width="16.25" style="11" customWidth="1"/>
    <col min="7" max="7" width="17.5" style="11" customWidth="1"/>
    <col min="8" max="16384" width="12.625" style="11"/>
  </cols>
  <sheetData>
    <row r="1" spans="1:12" s="1" customFormat="1">
      <c r="A1" s="1" t="s">
        <v>0</v>
      </c>
    </row>
    <row r="2" spans="1:12" s="1" customFormat="1">
      <c r="A2" s="1" t="s">
        <v>292</v>
      </c>
    </row>
    <row r="3" spans="1:12" s="1" customFormat="1"/>
    <row r="4" spans="1:12" s="1" customFormat="1" hidden="1"/>
    <row r="5" spans="1:12" s="1" customFormat="1"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</row>
    <row r="6" spans="1:12" s="1" customFormat="1" ht="24">
      <c r="H6" s="3" t="s">
        <v>225</v>
      </c>
      <c r="I6" s="3" t="s">
        <v>225</v>
      </c>
      <c r="J6" s="3" t="s">
        <v>225</v>
      </c>
      <c r="K6" s="3" t="s">
        <v>225</v>
      </c>
      <c r="L6" s="3" t="s">
        <v>225</v>
      </c>
    </row>
    <row r="7" spans="1:12" s="1" customFormat="1">
      <c r="H7" s="3">
        <v>1</v>
      </c>
      <c r="I7" s="3">
        <v>1</v>
      </c>
      <c r="J7" s="3">
        <v>2</v>
      </c>
      <c r="K7" s="3">
        <v>1</v>
      </c>
      <c r="L7" s="3">
        <v>1</v>
      </c>
    </row>
    <row r="8" spans="1:12" s="1" customFormat="1" ht="36">
      <c r="H8" s="3" t="s">
        <v>6</v>
      </c>
      <c r="I8" s="3" t="s">
        <v>226</v>
      </c>
      <c r="J8" s="3" t="s">
        <v>227</v>
      </c>
      <c r="K8" s="3" t="s">
        <v>228</v>
      </c>
      <c r="L8" s="3" t="s">
        <v>18</v>
      </c>
    </row>
    <row r="9" spans="1:12" s="1" customFormat="1"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</row>
    <row r="10" spans="1:12" s="1" customFormat="1">
      <c r="A10" s="2" t="s">
        <v>21</v>
      </c>
      <c r="B10" s="2" t="s">
        <v>22</v>
      </c>
      <c r="C10" s="2" t="s">
        <v>23</v>
      </c>
      <c r="D10" s="2" t="s">
        <v>230</v>
      </c>
      <c r="E10" s="2" t="s">
        <v>231</v>
      </c>
      <c r="F10" s="2" t="s">
        <v>271</v>
      </c>
      <c r="G10" s="2" t="s">
        <v>233</v>
      </c>
      <c r="H10" s="2" t="s">
        <v>26</v>
      </c>
      <c r="I10" s="2"/>
      <c r="J10" s="2"/>
      <c r="K10" s="2"/>
      <c r="L10" s="2"/>
    </row>
    <row r="11" spans="1:12">
      <c r="A11" s="5" t="s">
        <v>27</v>
      </c>
      <c r="B11" s="5" t="s">
        <v>28</v>
      </c>
      <c r="C11" s="5" t="s">
        <v>29</v>
      </c>
      <c r="D11" s="5" t="s">
        <v>264</v>
      </c>
      <c r="E11" s="5" t="s">
        <v>6</v>
      </c>
      <c r="F11" s="5" t="s">
        <v>6</v>
      </c>
      <c r="G11" s="5" t="s">
        <v>6</v>
      </c>
      <c r="H11" s="6">
        <v>10070073</v>
      </c>
      <c r="I11" s="6">
        <v>7020861</v>
      </c>
      <c r="J11" s="6">
        <v>6030786</v>
      </c>
      <c r="K11" s="6">
        <v>2639417</v>
      </c>
      <c r="L11" s="6">
        <v>409795</v>
      </c>
    </row>
    <row r="12" spans="1:12">
      <c r="A12" s="9" t="s">
        <v>27</v>
      </c>
      <c r="B12" s="9" t="s">
        <v>28</v>
      </c>
      <c r="C12" s="9" t="s">
        <v>29</v>
      </c>
      <c r="D12" s="9" t="s">
        <v>264</v>
      </c>
      <c r="E12" s="9" t="s">
        <v>6</v>
      </c>
      <c r="F12" s="9" t="s">
        <v>234</v>
      </c>
      <c r="G12" s="9" t="s">
        <v>6</v>
      </c>
      <c r="H12" s="6">
        <v>168061</v>
      </c>
      <c r="I12" s="6">
        <v>122010</v>
      </c>
      <c r="J12" s="6">
        <v>105912</v>
      </c>
      <c r="K12" s="6">
        <v>39794</v>
      </c>
      <c r="L12" s="6">
        <v>6257</v>
      </c>
    </row>
    <row r="13" spans="1:12">
      <c r="A13" s="9" t="s">
        <v>27</v>
      </c>
      <c r="B13" s="9" t="s">
        <v>28</v>
      </c>
      <c r="C13" s="9" t="s">
        <v>29</v>
      </c>
      <c r="D13" s="9" t="s">
        <v>264</v>
      </c>
      <c r="E13" s="9" t="s">
        <v>6</v>
      </c>
      <c r="F13" s="9" t="s">
        <v>235</v>
      </c>
      <c r="G13" s="9" t="s">
        <v>6</v>
      </c>
      <c r="H13" s="6">
        <v>9902012</v>
      </c>
      <c r="I13" s="6">
        <v>6898851</v>
      </c>
      <c r="J13" s="6">
        <v>5924874</v>
      </c>
      <c r="K13" s="6">
        <v>2599623</v>
      </c>
      <c r="L13" s="6">
        <v>403538</v>
      </c>
    </row>
    <row r="14" spans="1:12">
      <c r="A14" s="9" t="s">
        <v>27</v>
      </c>
      <c r="B14" s="9" t="s">
        <v>28</v>
      </c>
      <c r="C14" s="9" t="s">
        <v>29</v>
      </c>
      <c r="D14" s="9" t="s">
        <v>264</v>
      </c>
      <c r="E14" s="9" t="s">
        <v>6</v>
      </c>
      <c r="F14" s="9" t="s">
        <v>235</v>
      </c>
      <c r="G14" s="9" t="s">
        <v>272</v>
      </c>
      <c r="H14" s="6">
        <v>322859</v>
      </c>
      <c r="I14" s="6">
        <v>156097</v>
      </c>
      <c r="J14" s="6">
        <v>136343</v>
      </c>
      <c r="K14" s="6">
        <v>145925</v>
      </c>
      <c r="L14" s="6">
        <v>20837</v>
      </c>
    </row>
    <row r="15" spans="1:12">
      <c r="A15" s="9" t="s">
        <v>27</v>
      </c>
      <c r="B15" s="9" t="s">
        <v>28</v>
      </c>
      <c r="C15" s="9" t="s">
        <v>29</v>
      </c>
      <c r="D15" s="9" t="s">
        <v>264</v>
      </c>
      <c r="E15" s="9" t="s">
        <v>6</v>
      </c>
      <c r="F15" s="9" t="s">
        <v>235</v>
      </c>
      <c r="G15" s="9" t="s">
        <v>273</v>
      </c>
      <c r="H15" s="6">
        <v>629942</v>
      </c>
      <c r="I15" s="6">
        <v>409333</v>
      </c>
      <c r="J15" s="6">
        <v>359492</v>
      </c>
      <c r="K15" s="6">
        <v>183252</v>
      </c>
      <c r="L15" s="6">
        <v>37357</v>
      </c>
    </row>
    <row r="16" spans="1:12">
      <c r="A16" s="9" t="s">
        <v>27</v>
      </c>
      <c r="B16" s="9" t="s">
        <v>28</v>
      </c>
      <c r="C16" s="9" t="s">
        <v>29</v>
      </c>
      <c r="D16" s="9" t="s">
        <v>264</v>
      </c>
      <c r="E16" s="9" t="s">
        <v>6</v>
      </c>
      <c r="F16" s="9" t="s">
        <v>235</v>
      </c>
      <c r="G16" s="9" t="s">
        <v>274</v>
      </c>
      <c r="H16" s="6">
        <v>803942</v>
      </c>
      <c r="I16" s="6">
        <v>610229</v>
      </c>
      <c r="J16" s="6">
        <v>538021</v>
      </c>
      <c r="K16" s="6">
        <v>153049</v>
      </c>
      <c r="L16" s="6">
        <v>40664</v>
      </c>
    </row>
    <row r="17" spans="1:12">
      <c r="A17" s="9" t="s">
        <v>27</v>
      </c>
      <c r="B17" s="9" t="s">
        <v>28</v>
      </c>
      <c r="C17" s="9" t="s">
        <v>29</v>
      </c>
      <c r="D17" s="9" t="s">
        <v>264</v>
      </c>
      <c r="E17" s="9" t="s">
        <v>6</v>
      </c>
      <c r="F17" s="9" t="s">
        <v>235</v>
      </c>
      <c r="G17" s="9" t="s">
        <v>275</v>
      </c>
      <c r="H17" s="6">
        <v>791997</v>
      </c>
      <c r="I17" s="6">
        <v>638327</v>
      </c>
      <c r="J17" s="6">
        <v>566058</v>
      </c>
      <c r="K17" s="6">
        <v>117717</v>
      </c>
      <c r="L17" s="6">
        <v>35953</v>
      </c>
    </row>
    <row r="18" spans="1:12">
      <c r="A18" s="9" t="s">
        <v>27</v>
      </c>
      <c r="B18" s="9" t="s">
        <v>28</v>
      </c>
      <c r="C18" s="9" t="s">
        <v>29</v>
      </c>
      <c r="D18" s="9" t="s">
        <v>264</v>
      </c>
      <c r="E18" s="9" t="s">
        <v>6</v>
      </c>
      <c r="F18" s="9" t="s">
        <v>235</v>
      </c>
      <c r="G18" s="9" t="s">
        <v>276</v>
      </c>
      <c r="H18" s="6">
        <v>826728</v>
      </c>
      <c r="I18" s="6">
        <v>682804</v>
      </c>
      <c r="J18" s="6">
        <v>606940</v>
      </c>
      <c r="K18" s="6">
        <v>107914</v>
      </c>
      <c r="L18" s="6">
        <v>36010</v>
      </c>
    </row>
    <row r="19" spans="1:12">
      <c r="A19" s="9" t="s">
        <v>27</v>
      </c>
      <c r="B19" s="9" t="s">
        <v>28</v>
      </c>
      <c r="C19" s="9" t="s">
        <v>29</v>
      </c>
      <c r="D19" s="9" t="s">
        <v>264</v>
      </c>
      <c r="E19" s="9" t="s">
        <v>6</v>
      </c>
      <c r="F19" s="9" t="s">
        <v>235</v>
      </c>
      <c r="G19" s="9" t="s">
        <v>277</v>
      </c>
      <c r="H19" s="6">
        <v>856947</v>
      </c>
      <c r="I19" s="6">
        <v>714131</v>
      </c>
      <c r="J19" s="6">
        <v>638488</v>
      </c>
      <c r="K19" s="6">
        <v>108348</v>
      </c>
      <c r="L19" s="6">
        <v>34468</v>
      </c>
    </row>
    <row r="20" spans="1:12">
      <c r="A20" s="9" t="s">
        <v>27</v>
      </c>
      <c r="B20" s="9" t="s">
        <v>28</v>
      </c>
      <c r="C20" s="9" t="s">
        <v>29</v>
      </c>
      <c r="D20" s="9" t="s">
        <v>264</v>
      </c>
      <c r="E20" s="9" t="s">
        <v>6</v>
      </c>
      <c r="F20" s="9" t="s">
        <v>235</v>
      </c>
      <c r="G20" s="9" t="s">
        <v>278</v>
      </c>
      <c r="H20" s="6">
        <v>857913</v>
      </c>
      <c r="I20" s="6">
        <v>712493</v>
      </c>
      <c r="J20" s="6">
        <v>638172</v>
      </c>
      <c r="K20" s="6">
        <v>112237</v>
      </c>
      <c r="L20" s="6">
        <v>33183</v>
      </c>
    </row>
    <row r="21" spans="1:12">
      <c r="A21" s="9" t="s">
        <v>27</v>
      </c>
      <c r="B21" s="9" t="s">
        <v>28</v>
      </c>
      <c r="C21" s="9" t="s">
        <v>29</v>
      </c>
      <c r="D21" s="9" t="s">
        <v>264</v>
      </c>
      <c r="E21" s="9" t="s">
        <v>6</v>
      </c>
      <c r="F21" s="9" t="s">
        <v>235</v>
      </c>
      <c r="G21" s="9" t="s">
        <v>279</v>
      </c>
      <c r="H21" s="6">
        <v>500452</v>
      </c>
      <c r="I21" s="6">
        <v>405231</v>
      </c>
      <c r="J21" s="6">
        <v>362447</v>
      </c>
      <c r="K21" s="6">
        <v>73286</v>
      </c>
      <c r="L21" s="6">
        <v>21935</v>
      </c>
    </row>
    <row r="22" spans="1:12">
      <c r="A22" s="9" t="s">
        <v>27</v>
      </c>
      <c r="B22" s="9" t="s">
        <v>28</v>
      </c>
      <c r="C22" s="9" t="s">
        <v>29</v>
      </c>
      <c r="D22" s="9" t="s">
        <v>264</v>
      </c>
      <c r="E22" s="9" t="s">
        <v>6</v>
      </c>
      <c r="F22" s="9" t="s">
        <v>235</v>
      </c>
      <c r="G22" s="9" t="s">
        <v>280</v>
      </c>
      <c r="H22" s="6">
        <v>4311232</v>
      </c>
      <c r="I22" s="6">
        <v>2570206</v>
      </c>
      <c r="J22" s="6">
        <v>2078913</v>
      </c>
      <c r="K22" s="6">
        <v>1597895</v>
      </c>
      <c r="L22" s="6">
        <v>143131</v>
      </c>
    </row>
    <row r="23" spans="1:12">
      <c r="A23" s="9" t="s">
        <v>27</v>
      </c>
      <c r="B23" s="9" t="s">
        <v>28</v>
      </c>
      <c r="C23" s="9" t="s">
        <v>29</v>
      </c>
      <c r="D23" s="9" t="s">
        <v>264</v>
      </c>
      <c r="E23" s="9" t="s">
        <v>6</v>
      </c>
      <c r="F23" s="9" t="s">
        <v>281</v>
      </c>
      <c r="G23" s="9" t="s">
        <v>6</v>
      </c>
      <c r="H23" s="6">
        <v>4368852</v>
      </c>
      <c r="I23" s="6">
        <v>2709977</v>
      </c>
      <c r="J23" s="6">
        <v>2259899</v>
      </c>
      <c r="K23" s="6">
        <v>1501964</v>
      </c>
      <c r="L23" s="6">
        <v>156911</v>
      </c>
    </row>
    <row r="24" spans="1:12">
      <c r="A24" s="9" t="s">
        <v>27</v>
      </c>
      <c r="B24" s="9" t="s">
        <v>28</v>
      </c>
      <c r="C24" s="9" t="s">
        <v>29</v>
      </c>
      <c r="D24" s="9" t="s">
        <v>264</v>
      </c>
      <c r="E24" s="9" t="s">
        <v>6</v>
      </c>
      <c r="F24" s="9" t="s">
        <v>281</v>
      </c>
      <c r="G24" s="9" t="s">
        <v>272</v>
      </c>
      <c r="H24" s="6">
        <v>109000</v>
      </c>
      <c r="I24" s="6">
        <v>48997</v>
      </c>
      <c r="J24" s="6">
        <v>44188</v>
      </c>
      <c r="K24" s="6">
        <v>51930</v>
      </c>
      <c r="L24" s="6">
        <v>8073</v>
      </c>
    </row>
    <row r="25" spans="1:12">
      <c r="A25" s="9" t="s">
        <v>27</v>
      </c>
      <c r="B25" s="9" t="s">
        <v>28</v>
      </c>
      <c r="C25" s="9" t="s">
        <v>29</v>
      </c>
      <c r="D25" s="9" t="s">
        <v>264</v>
      </c>
      <c r="E25" s="9" t="s">
        <v>6</v>
      </c>
      <c r="F25" s="9" t="s">
        <v>281</v>
      </c>
      <c r="G25" s="9" t="s">
        <v>273</v>
      </c>
      <c r="H25" s="6">
        <v>190442</v>
      </c>
      <c r="I25" s="6">
        <v>115696</v>
      </c>
      <c r="J25" s="6">
        <v>103763</v>
      </c>
      <c r="K25" s="6">
        <v>62368</v>
      </c>
      <c r="L25" s="6">
        <v>12378</v>
      </c>
    </row>
    <row r="26" spans="1:12">
      <c r="A26" s="9" t="s">
        <v>27</v>
      </c>
      <c r="B26" s="9" t="s">
        <v>28</v>
      </c>
      <c r="C26" s="9" t="s">
        <v>29</v>
      </c>
      <c r="D26" s="9" t="s">
        <v>264</v>
      </c>
      <c r="E26" s="9" t="s">
        <v>6</v>
      </c>
      <c r="F26" s="9" t="s">
        <v>281</v>
      </c>
      <c r="G26" s="9" t="s">
        <v>274</v>
      </c>
      <c r="H26" s="6">
        <v>172246</v>
      </c>
      <c r="I26" s="6">
        <v>122065</v>
      </c>
      <c r="J26" s="6">
        <v>108647</v>
      </c>
      <c r="K26" s="6">
        <v>40140</v>
      </c>
      <c r="L26" s="6">
        <v>10041</v>
      </c>
    </row>
    <row r="27" spans="1:12">
      <c r="A27" s="9" t="s">
        <v>27</v>
      </c>
      <c r="B27" s="9" t="s">
        <v>28</v>
      </c>
      <c r="C27" s="9" t="s">
        <v>29</v>
      </c>
      <c r="D27" s="9" t="s">
        <v>264</v>
      </c>
      <c r="E27" s="9" t="s">
        <v>6</v>
      </c>
      <c r="F27" s="9" t="s">
        <v>281</v>
      </c>
      <c r="G27" s="9" t="s">
        <v>275</v>
      </c>
      <c r="H27" s="6">
        <v>141563</v>
      </c>
      <c r="I27" s="6">
        <v>105702</v>
      </c>
      <c r="J27" s="6">
        <v>93978</v>
      </c>
      <c r="K27" s="6">
        <v>29072</v>
      </c>
      <c r="L27" s="6">
        <v>6789</v>
      </c>
    </row>
    <row r="28" spans="1:12">
      <c r="A28" s="9" t="s">
        <v>27</v>
      </c>
      <c r="B28" s="9" t="s">
        <v>28</v>
      </c>
      <c r="C28" s="9" t="s">
        <v>29</v>
      </c>
      <c r="D28" s="9" t="s">
        <v>264</v>
      </c>
      <c r="E28" s="9" t="s">
        <v>6</v>
      </c>
      <c r="F28" s="9" t="s">
        <v>281</v>
      </c>
      <c r="G28" s="9" t="s">
        <v>276</v>
      </c>
      <c r="H28" s="6">
        <v>146926</v>
      </c>
      <c r="I28" s="6">
        <v>112186</v>
      </c>
      <c r="J28" s="6">
        <v>99945</v>
      </c>
      <c r="K28" s="6">
        <v>27759</v>
      </c>
      <c r="L28" s="6">
        <v>6981</v>
      </c>
    </row>
    <row r="29" spans="1:12">
      <c r="A29" s="9" t="s">
        <v>27</v>
      </c>
      <c r="B29" s="9" t="s">
        <v>28</v>
      </c>
      <c r="C29" s="9" t="s">
        <v>29</v>
      </c>
      <c r="D29" s="9" t="s">
        <v>264</v>
      </c>
      <c r="E29" s="9" t="s">
        <v>6</v>
      </c>
      <c r="F29" s="9" t="s">
        <v>281</v>
      </c>
      <c r="G29" s="9" t="s">
        <v>277</v>
      </c>
      <c r="H29" s="6">
        <v>179331</v>
      </c>
      <c r="I29" s="6">
        <v>142137</v>
      </c>
      <c r="J29" s="6">
        <v>126899</v>
      </c>
      <c r="K29" s="6">
        <v>30284</v>
      </c>
      <c r="L29" s="6">
        <v>6910</v>
      </c>
    </row>
    <row r="30" spans="1:12">
      <c r="A30" s="9" t="s">
        <v>27</v>
      </c>
      <c r="B30" s="9" t="s">
        <v>28</v>
      </c>
      <c r="C30" s="9" t="s">
        <v>29</v>
      </c>
      <c r="D30" s="9" t="s">
        <v>264</v>
      </c>
      <c r="E30" s="9" t="s">
        <v>6</v>
      </c>
      <c r="F30" s="9" t="s">
        <v>281</v>
      </c>
      <c r="G30" s="9" t="s">
        <v>278</v>
      </c>
      <c r="H30" s="6">
        <v>272236</v>
      </c>
      <c r="I30" s="6">
        <v>223348</v>
      </c>
      <c r="J30" s="6">
        <v>199304</v>
      </c>
      <c r="K30" s="6">
        <v>40322</v>
      </c>
      <c r="L30" s="6">
        <v>8566</v>
      </c>
    </row>
    <row r="31" spans="1:12">
      <c r="A31" s="9" t="s">
        <v>27</v>
      </c>
      <c r="B31" s="9" t="s">
        <v>28</v>
      </c>
      <c r="C31" s="9" t="s">
        <v>29</v>
      </c>
      <c r="D31" s="9" t="s">
        <v>264</v>
      </c>
      <c r="E31" s="9" t="s">
        <v>6</v>
      </c>
      <c r="F31" s="9" t="s">
        <v>281</v>
      </c>
      <c r="G31" s="9" t="s">
        <v>279</v>
      </c>
      <c r="H31" s="6">
        <v>183538</v>
      </c>
      <c r="I31" s="6">
        <v>148049</v>
      </c>
      <c r="J31" s="6">
        <v>132391</v>
      </c>
      <c r="K31" s="6">
        <v>28875</v>
      </c>
      <c r="L31" s="6">
        <v>6614</v>
      </c>
    </row>
    <row r="32" spans="1:12">
      <c r="A32" s="9" t="s">
        <v>27</v>
      </c>
      <c r="B32" s="9" t="s">
        <v>28</v>
      </c>
      <c r="C32" s="9" t="s">
        <v>29</v>
      </c>
      <c r="D32" s="9" t="s">
        <v>264</v>
      </c>
      <c r="E32" s="9" t="s">
        <v>6</v>
      </c>
      <c r="F32" s="9" t="s">
        <v>281</v>
      </c>
      <c r="G32" s="9" t="s">
        <v>280</v>
      </c>
      <c r="H32" s="6">
        <v>2973570</v>
      </c>
      <c r="I32" s="6">
        <v>1691797</v>
      </c>
      <c r="J32" s="6">
        <v>1350784</v>
      </c>
      <c r="K32" s="6">
        <v>1191214</v>
      </c>
      <c r="L32" s="6">
        <v>90559</v>
      </c>
    </row>
    <row r="33" spans="1:12">
      <c r="A33" s="9" t="s">
        <v>27</v>
      </c>
      <c r="B33" s="9" t="s">
        <v>28</v>
      </c>
      <c r="C33" s="9" t="s">
        <v>29</v>
      </c>
      <c r="D33" s="9" t="s">
        <v>264</v>
      </c>
      <c r="E33" s="9" t="s">
        <v>6</v>
      </c>
      <c r="F33" s="9" t="s">
        <v>282</v>
      </c>
      <c r="G33" s="9" t="s">
        <v>6</v>
      </c>
      <c r="H33" s="6">
        <v>3786862</v>
      </c>
      <c r="I33" s="6">
        <v>2840539</v>
      </c>
      <c r="J33" s="6">
        <v>2497602</v>
      </c>
      <c r="K33" s="6">
        <v>791306</v>
      </c>
      <c r="L33" s="6">
        <v>155017</v>
      </c>
    </row>
    <row r="34" spans="1:12">
      <c r="A34" s="9" t="s">
        <v>27</v>
      </c>
      <c r="B34" s="9" t="s">
        <v>28</v>
      </c>
      <c r="C34" s="9" t="s">
        <v>29</v>
      </c>
      <c r="D34" s="9" t="s">
        <v>264</v>
      </c>
      <c r="E34" s="9" t="s">
        <v>6</v>
      </c>
      <c r="F34" s="9" t="s">
        <v>282</v>
      </c>
      <c r="G34" s="9" t="s">
        <v>272</v>
      </c>
      <c r="H34" s="6">
        <v>119553</v>
      </c>
      <c r="I34" s="6">
        <v>58406</v>
      </c>
      <c r="J34" s="6">
        <v>51431</v>
      </c>
      <c r="K34" s="6">
        <v>54176</v>
      </c>
      <c r="L34" s="6">
        <v>6971</v>
      </c>
    </row>
    <row r="35" spans="1:12">
      <c r="A35" s="9" t="s">
        <v>27</v>
      </c>
      <c r="B35" s="9" t="s">
        <v>28</v>
      </c>
      <c r="C35" s="9" t="s">
        <v>29</v>
      </c>
      <c r="D35" s="9" t="s">
        <v>264</v>
      </c>
      <c r="E35" s="9" t="s">
        <v>6</v>
      </c>
      <c r="F35" s="9" t="s">
        <v>282</v>
      </c>
      <c r="G35" s="9" t="s">
        <v>273</v>
      </c>
      <c r="H35" s="6">
        <v>247950</v>
      </c>
      <c r="I35" s="6">
        <v>164268</v>
      </c>
      <c r="J35" s="6">
        <v>145267</v>
      </c>
      <c r="K35" s="6">
        <v>70394</v>
      </c>
      <c r="L35" s="6">
        <v>13288</v>
      </c>
    </row>
    <row r="36" spans="1:12">
      <c r="A36" s="9" t="s">
        <v>27</v>
      </c>
      <c r="B36" s="9" t="s">
        <v>28</v>
      </c>
      <c r="C36" s="9" t="s">
        <v>29</v>
      </c>
      <c r="D36" s="9" t="s">
        <v>264</v>
      </c>
      <c r="E36" s="9" t="s">
        <v>6</v>
      </c>
      <c r="F36" s="9" t="s">
        <v>282</v>
      </c>
      <c r="G36" s="9" t="s">
        <v>274</v>
      </c>
      <c r="H36" s="6">
        <v>346951</v>
      </c>
      <c r="I36" s="6">
        <v>265872</v>
      </c>
      <c r="J36" s="6">
        <v>237004</v>
      </c>
      <c r="K36" s="6">
        <v>65776</v>
      </c>
      <c r="L36" s="6">
        <v>15303</v>
      </c>
    </row>
    <row r="37" spans="1:12">
      <c r="A37" s="9" t="s">
        <v>27</v>
      </c>
      <c r="B37" s="9" t="s">
        <v>28</v>
      </c>
      <c r="C37" s="9" t="s">
        <v>29</v>
      </c>
      <c r="D37" s="9" t="s">
        <v>264</v>
      </c>
      <c r="E37" s="9" t="s">
        <v>6</v>
      </c>
      <c r="F37" s="9" t="s">
        <v>282</v>
      </c>
      <c r="G37" s="9" t="s">
        <v>275</v>
      </c>
      <c r="H37" s="6">
        <v>361849</v>
      </c>
      <c r="I37" s="6">
        <v>294156</v>
      </c>
      <c r="J37" s="6">
        <v>264394</v>
      </c>
      <c r="K37" s="6">
        <v>52604</v>
      </c>
      <c r="L37" s="6">
        <v>15089</v>
      </c>
    </row>
    <row r="38" spans="1:12">
      <c r="A38" s="9" t="s">
        <v>27</v>
      </c>
      <c r="B38" s="9" t="s">
        <v>28</v>
      </c>
      <c r="C38" s="9" t="s">
        <v>29</v>
      </c>
      <c r="D38" s="9" t="s">
        <v>264</v>
      </c>
      <c r="E38" s="9" t="s">
        <v>6</v>
      </c>
      <c r="F38" s="9" t="s">
        <v>282</v>
      </c>
      <c r="G38" s="9" t="s">
        <v>276</v>
      </c>
      <c r="H38" s="6">
        <v>405393</v>
      </c>
      <c r="I38" s="6">
        <v>339154</v>
      </c>
      <c r="J38" s="6">
        <v>304269</v>
      </c>
      <c r="K38" s="6">
        <v>50639</v>
      </c>
      <c r="L38" s="6">
        <v>15600</v>
      </c>
    </row>
    <row r="39" spans="1:12">
      <c r="A39" s="9" t="s">
        <v>27</v>
      </c>
      <c r="B39" s="9" t="s">
        <v>28</v>
      </c>
      <c r="C39" s="9" t="s">
        <v>29</v>
      </c>
      <c r="D39" s="9" t="s">
        <v>264</v>
      </c>
      <c r="E39" s="9" t="s">
        <v>6</v>
      </c>
      <c r="F39" s="9" t="s">
        <v>282</v>
      </c>
      <c r="G39" s="9" t="s">
        <v>277</v>
      </c>
      <c r="H39" s="6">
        <v>459659</v>
      </c>
      <c r="I39" s="6">
        <v>389198</v>
      </c>
      <c r="J39" s="6">
        <v>350515</v>
      </c>
      <c r="K39" s="6">
        <v>53687</v>
      </c>
      <c r="L39" s="6">
        <v>16774</v>
      </c>
    </row>
    <row r="40" spans="1:12">
      <c r="A40" s="9" t="s">
        <v>27</v>
      </c>
      <c r="B40" s="9" t="s">
        <v>28</v>
      </c>
      <c r="C40" s="9" t="s">
        <v>29</v>
      </c>
      <c r="D40" s="9" t="s">
        <v>264</v>
      </c>
      <c r="E40" s="9" t="s">
        <v>6</v>
      </c>
      <c r="F40" s="9" t="s">
        <v>282</v>
      </c>
      <c r="G40" s="9" t="s">
        <v>278</v>
      </c>
      <c r="H40" s="6">
        <v>440809</v>
      </c>
      <c r="I40" s="6">
        <v>370798</v>
      </c>
      <c r="J40" s="6">
        <v>334275</v>
      </c>
      <c r="K40" s="6">
        <v>53120</v>
      </c>
      <c r="L40" s="6">
        <v>16891</v>
      </c>
    </row>
    <row r="41" spans="1:12">
      <c r="A41" s="9" t="s">
        <v>27</v>
      </c>
      <c r="B41" s="9" t="s">
        <v>28</v>
      </c>
      <c r="C41" s="9" t="s">
        <v>29</v>
      </c>
      <c r="D41" s="9" t="s">
        <v>264</v>
      </c>
      <c r="E41" s="9" t="s">
        <v>6</v>
      </c>
      <c r="F41" s="9" t="s">
        <v>282</v>
      </c>
      <c r="G41" s="9" t="s">
        <v>279</v>
      </c>
      <c r="H41" s="6">
        <v>247481</v>
      </c>
      <c r="I41" s="6">
        <v>202314</v>
      </c>
      <c r="J41" s="6">
        <v>182052</v>
      </c>
      <c r="K41" s="6">
        <v>33722</v>
      </c>
      <c r="L41" s="6">
        <v>11445</v>
      </c>
    </row>
    <row r="42" spans="1:12">
      <c r="A42" s="9" t="s">
        <v>27</v>
      </c>
      <c r="B42" s="9" t="s">
        <v>28</v>
      </c>
      <c r="C42" s="9" t="s">
        <v>29</v>
      </c>
      <c r="D42" s="9" t="s">
        <v>264</v>
      </c>
      <c r="E42" s="9" t="s">
        <v>6</v>
      </c>
      <c r="F42" s="9" t="s">
        <v>282</v>
      </c>
      <c r="G42" s="9" t="s">
        <v>280</v>
      </c>
      <c r="H42" s="6">
        <v>1157217</v>
      </c>
      <c r="I42" s="6">
        <v>756373</v>
      </c>
      <c r="J42" s="6">
        <v>628395</v>
      </c>
      <c r="K42" s="6">
        <v>357188</v>
      </c>
      <c r="L42" s="6">
        <v>43656</v>
      </c>
    </row>
    <row r="43" spans="1:12">
      <c r="A43" s="9" t="s">
        <v>27</v>
      </c>
      <c r="B43" s="9" t="s">
        <v>28</v>
      </c>
      <c r="C43" s="9" t="s">
        <v>29</v>
      </c>
      <c r="D43" s="9" t="s">
        <v>264</v>
      </c>
      <c r="E43" s="9" t="s">
        <v>6</v>
      </c>
      <c r="F43" s="9" t="s">
        <v>283</v>
      </c>
      <c r="G43" s="9" t="s">
        <v>6</v>
      </c>
      <c r="H43" s="6">
        <v>1746298</v>
      </c>
      <c r="I43" s="6">
        <v>1348335</v>
      </c>
      <c r="J43" s="6">
        <v>1167373</v>
      </c>
      <c r="K43" s="6">
        <v>306353</v>
      </c>
      <c r="L43" s="6">
        <v>91610</v>
      </c>
    </row>
    <row r="44" spans="1:12">
      <c r="A44" s="9" t="s">
        <v>27</v>
      </c>
      <c r="B44" s="9" t="s">
        <v>28</v>
      </c>
      <c r="C44" s="9" t="s">
        <v>29</v>
      </c>
      <c r="D44" s="9" t="s">
        <v>264</v>
      </c>
      <c r="E44" s="9" t="s">
        <v>6</v>
      </c>
      <c r="F44" s="9" t="s">
        <v>283</v>
      </c>
      <c r="G44" s="9" t="s">
        <v>272</v>
      </c>
      <c r="H44" s="6">
        <v>94306</v>
      </c>
      <c r="I44" s="6">
        <v>48694</v>
      </c>
      <c r="J44" s="6">
        <v>40724</v>
      </c>
      <c r="K44" s="6">
        <v>39819</v>
      </c>
      <c r="L44" s="6">
        <v>5793</v>
      </c>
    </row>
    <row r="45" spans="1:12">
      <c r="A45" s="9" t="s">
        <v>27</v>
      </c>
      <c r="B45" s="9" t="s">
        <v>28</v>
      </c>
      <c r="C45" s="9" t="s">
        <v>29</v>
      </c>
      <c r="D45" s="9" t="s">
        <v>264</v>
      </c>
      <c r="E45" s="9" t="s">
        <v>6</v>
      </c>
      <c r="F45" s="9" t="s">
        <v>283</v>
      </c>
      <c r="G45" s="9" t="s">
        <v>273</v>
      </c>
      <c r="H45" s="6">
        <v>191550</v>
      </c>
      <c r="I45" s="6">
        <v>129369</v>
      </c>
      <c r="J45" s="6">
        <v>110462</v>
      </c>
      <c r="K45" s="6">
        <v>50490</v>
      </c>
      <c r="L45" s="6">
        <v>11691</v>
      </c>
    </row>
    <row r="46" spans="1:12">
      <c r="A46" s="9" t="s">
        <v>27</v>
      </c>
      <c r="B46" s="9" t="s">
        <v>28</v>
      </c>
      <c r="C46" s="9" t="s">
        <v>29</v>
      </c>
      <c r="D46" s="9" t="s">
        <v>264</v>
      </c>
      <c r="E46" s="9" t="s">
        <v>6</v>
      </c>
      <c r="F46" s="9" t="s">
        <v>283</v>
      </c>
      <c r="G46" s="9" t="s">
        <v>274</v>
      </c>
      <c r="H46" s="6">
        <v>284745</v>
      </c>
      <c r="I46" s="6">
        <v>222292</v>
      </c>
      <c r="J46" s="6">
        <v>192370</v>
      </c>
      <c r="K46" s="6">
        <v>47133</v>
      </c>
      <c r="L46" s="6">
        <v>15320</v>
      </c>
    </row>
    <row r="47" spans="1:12">
      <c r="A47" s="9" t="s">
        <v>27</v>
      </c>
      <c r="B47" s="9" t="s">
        <v>28</v>
      </c>
      <c r="C47" s="9" t="s">
        <v>29</v>
      </c>
      <c r="D47" s="9" t="s">
        <v>264</v>
      </c>
      <c r="E47" s="9" t="s">
        <v>6</v>
      </c>
      <c r="F47" s="9" t="s">
        <v>283</v>
      </c>
      <c r="G47" s="9" t="s">
        <v>275</v>
      </c>
      <c r="H47" s="6">
        <v>288585</v>
      </c>
      <c r="I47" s="6">
        <v>238469</v>
      </c>
      <c r="J47" s="6">
        <v>207686</v>
      </c>
      <c r="K47" s="6">
        <v>36041</v>
      </c>
      <c r="L47" s="6">
        <v>14075</v>
      </c>
    </row>
    <row r="48" spans="1:12">
      <c r="A48" s="9" t="s">
        <v>27</v>
      </c>
      <c r="B48" s="9" t="s">
        <v>28</v>
      </c>
      <c r="C48" s="9" t="s">
        <v>29</v>
      </c>
      <c r="D48" s="9" t="s">
        <v>264</v>
      </c>
      <c r="E48" s="9" t="s">
        <v>6</v>
      </c>
      <c r="F48" s="9" t="s">
        <v>283</v>
      </c>
      <c r="G48" s="9" t="s">
        <v>276</v>
      </c>
      <c r="H48" s="6">
        <v>274409</v>
      </c>
      <c r="I48" s="6">
        <v>231464</v>
      </c>
      <c r="J48" s="6">
        <v>202726</v>
      </c>
      <c r="K48" s="6">
        <v>29516</v>
      </c>
      <c r="L48" s="6">
        <v>13429</v>
      </c>
    </row>
    <row r="49" spans="1:12">
      <c r="A49" s="9" t="s">
        <v>27</v>
      </c>
      <c r="B49" s="9" t="s">
        <v>28</v>
      </c>
      <c r="C49" s="9" t="s">
        <v>29</v>
      </c>
      <c r="D49" s="9" t="s">
        <v>264</v>
      </c>
      <c r="E49" s="9" t="s">
        <v>6</v>
      </c>
      <c r="F49" s="9" t="s">
        <v>283</v>
      </c>
      <c r="G49" s="9" t="s">
        <v>277</v>
      </c>
      <c r="H49" s="6">
        <v>217957</v>
      </c>
      <c r="I49" s="6">
        <v>182796</v>
      </c>
      <c r="J49" s="6">
        <v>161074</v>
      </c>
      <c r="K49" s="6">
        <v>24377</v>
      </c>
      <c r="L49" s="6">
        <v>10784</v>
      </c>
    </row>
    <row r="50" spans="1:12">
      <c r="A50" s="9" t="s">
        <v>27</v>
      </c>
      <c r="B50" s="9" t="s">
        <v>28</v>
      </c>
      <c r="C50" s="9" t="s">
        <v>29</v>
      </c>
      <c r="D50" s="9" t="s">
        <v>264</v>
      </c>
      <c r="E50" s="9" t="s">
        <v>6</v>
      </c>
      <c r="F50" s="9" t="s">
        <v>283</v>
      </c>
      <c r="G50" s="9" t="s">
        <v>278</v>
      </c>
      <c r="H50" s="6">
        <v>144868</v>
      </c>
      <c r="I50" s="6">
        <v>118347</v>
      </c>
      <c r="J50" s="6">
        <v>104593</v>
      </c>
      <c r="K50" s="6">
        <v>18795</v>
      </c>
      <c r="L50" s="6">
        <v>7726</v>
      </c>
    </row>
    <row r="51" spans="1:12">
      <c r="A51" s="9" t="s">
        <v>27</v>
      </c>
      <c r="B51" s="9" t="s">
        <v>28</v>
      </c>
      <c r="C51" s="9" t="s">
        <v>29</v>
      </c>
      <c r="D51" s="9" t="s">
        <v>264</v>
      </c>
      <c r="E51" s="9" t="s">
        <v>6</v>
      </c>
      <c r="F51" s="9" t="s">
        <v>283</v>
      </c>
      <c r="G51" s="9" t="s">
        <v>279</v>
      </c>
      <c r="H51" s="6">
        <v>69433</v>
      </c>
      <c r="I51" s="6">
        <v>54868</v>
      </c>
      <c r="J51" s="6">
        <v>48004</v>
      </c>
      <c r="K51" s="6">
        <v>10689</v>
      </c>
      <c r="L51" s="6">
        <v>3876</v>
      </c>
    </row>
    <row r="52" spans="1:12">
      <c r="A52" s="9" t="s">
        <v>27</v>
      </c>
      <c r="B52" s="9" t="s">
        <v>28</v>
      </c>
      <c r="C52" s="9" t="s">
        <v>29</v>
      </c>
      <c r="D52" s="9" t="s">
        <v>264</v>
      </c>
      <c r="E52" s="9" t="s">
        <v>6</v>
      </c>
      <c r="F52" s="9" t="s">
        <v>283</v>
      </c>
      <c r="G52" s="9" t="s">
        <v>280</v>
      </c>
      <c r="H52" s="6">
        <v>180445</v>
      </c>
      <c r="I52" s="6">
        <v>122036</v>
      </c>
      <c r="J52" s="6">
        <v>99734</v>
      </c>
      <c r="K52" s="6">
        <v>49493</v>
      </c>
      <c r="L52" s="6">
        <v>8916</v>
      </c>
    </row>
    <row r="53" spans="1:12">
      <c r="A53" s="9" t="s">
        <v>27</v>
      </c>
      <c r="B53" s="9" t="s">
        <v>28</v>
      </c>
      <c r="C53" s="9" t="s">
        <v>29</v>
      </c>
      <c r="D53" s="9" t="s">
        <v>264</v>
      </c>
      <c r="E53" s="9" t="s">
        <v>226</v>
      </c>
      <c r="F53" s="9" t="s">
        <v>6</v>
      </c>
      <c r="G53" s="9" t="s">
        <v>6</v>
      </c>
      <c r="H53" s="6">
        <v>8532481</v>
      </c>
      <c r="I53" s="6">
        <v>6696164</v>
      </c>
      <c r="J53" s="6">
        <v>5739084</v>
      </c>
      <c r="K53" s="6">
        <v>1819591</v>
      </c>
      <c r="L53" s="6">
        <v>16726</v>
      </c>
    </row>
    <row r="54" spans="1:12">
      <c r="A54" s="9" t="s">
        <v>27</v>
      </c>
      <c r="B54" s="9" t="s">
        <v>28</v>
      </c>
      <c r="C54" s="9" t="s">
        <v>29</v>
      </c>
      <c r="D54" s="9" t="s">
        <v>264</v>
      </c>
      <c r="E54" s="9" t="s">
        <v>226</v>
      </c>
      <c r="F54" s="9" t="s">
        <v>234</v>
      </c>
      <c r="G54" s="9" t="s">
        <v>6</v>
      </c>
      <c r="H54" s="6">
        <v>155746</v>
      </c>
      <c r="I54" s="6">
        <v>119049</v>
      </c>
      <c r="J54" s="6">
        <v>103223</v>
      </c>
      <c r="K54" s="6">
        <v>35923</v>
      </c>
      <c r="L54" s="6">
        <v>774</v>
      </c>
    </row>
    <row r="55" spans="1:12">
      <c r="A55" s="9" t="s">
        <v>27</v>
      </c>
      <c r="B55" s="9" t="s">
        <v>28</v>
      </c>
      <c r="C55" s="9" t="s">
        <v>29</v>
      </c>
      <c r="D55" s="9" t="s">
        <v>264</v>
      </c>
      <c r="E55" s="9" t="s">
        <v>226</v>
      </c>
      <c r="F55" s="9" t="s">
        <v>235</v>
      </c>
      <c r="G55" s="9" t="s">
        <v>6</v>
      </c>
      <c r="H55" s="6">
        <v>8376735</v>
      </c>
      <c r="I55" s="6">
        <v>6577115</v>
      </c>
      <c r="J55" s="6">
        <v>5635861</v>
      </c>
      <c r="K55" s="6">
        <v>1783668</v>
      </c>
      <c r="L55" s="6">
        <v>15952</v>
      </c>
    </row>
    <row r="56" spans="1:12">
      <c r="A56" s="9" t="s">
        <v>27</v>
      </c>
      <c r="B56" s="9" t="s">
        <v>28</v>
      </c>
      <c r="C56" s="9" t="s">
        <v>29</v>
      </c>
      <c r="D56" s="9" t="s">
        <v>264</v>
      </c>
      <c r="E56" s="9" t="s">
        <v>226</v>
      </c>
      <c r="F56" s="9" t="s">
        <v>235</v>
      </c>
      <c r="G56" s="9" t="s">
        <v>272</v>
      </c>
      <c r="H56" s="6">
        <v>295602</v>
      </c>
      <c r="I56" s="6">
        <v>153693</v>
      </c>
      <c r="J56" s="6">
        <v>134166</v>
      </c>
      <c r="K56" s="6">
        <v>140874</v>
      </c>
      <c r="L56" s="6">
        <v>1035</v>
      </c>
    </row>
    <row r="57" spans="1:12">
      <c r="A57" s="9" t="s">
        <v>27</v>
      </c>
      <c r="B57" s="9" t="s">
        <v>28</v>
      </c>
      <c r="C57" s="9" t="s">
        <v>29</v>
      </c>
      <c r="D57" s="9" t="s">
        <v>264</v>
      </c>
      <c r="E57" s="9" t="s">
        <v>226</v>
      </c>
      <c r="F57" s="9" t="s">
        <v>235</v>
      </c>
      <c r="G57" s="9" t="s">
        <v>273</v>
      </c>
      <c r="H57" s="6">
        <v>583744</v>
      </c>
      <c r="I57" s="6">
        <v>404416</v>
      </c>
      <c r="J57" s="6">
        <v>355076</v>
      </c>
      <c r="K57" s="6">
        <v>177632</v>
      </c>
      <c r="L57" s="6">
        <v>1696</v>
      </c>
    </row>
    <row r="58" spans="1:12">
      <c r="A58" s="9" t="s">
        <v>27</v>
      </c>
      <c r="B58" s="9" t="s">
        <v>28</v>
      </c>
      <c r="C58" s="9" t="s">
        <v>29</v>
      </c>
      <c r="D58" s="9" t="s">
        <v>264</v>
      </c>
      <c r="E58" s="9" t="s">
        <v>226</v>
      </c>
      <c r="F58" s="9" t="s">
        <v>235</v>
      </c>
      <c r="G58" s="9" t="s">
        <v>274</v>
      </c>
      <c r="H58" s="6">
        <v>752761</v>
      </c>
      <c r="I58" s="6">
        <v>602964</v>
      </c>
      <c r="J58" s="6">
        <v>531547</v>
      </c>
      <c r="K58" s="6">
        <v>148278</v>
      </c>
      <c r="L58" s="6">
        <v>1519</v>
      </c>
    </row>
    <row r="59" spans="1:12">
      <c r="A59" s="9" t="s">
        <v>27</v>
      </c>
      <c r="B59" s="9" t="s">
        <v>28</v>
      </c>
      <c r="C59" s="9" t="s">
        <v>29</v>
      </c>
      <c r="D59" s="9" t="s">
        <v>264</v>
      </c>
      <c r="E59" s="9" t="s">
        <v>226</v>
      </c>
      <c r="F59" s="9" t="s">
        <v>235</v>
      </c>
      <c r="G59" s="9" t="s">
        <v>275</v>
      </c>
      <c r="H59" s="6">
        <v>745755</v>
      </c>
      <c r="I59" s="6">
        <v>630863</v>
      </c>
      <c r="J59" s="6">
        <v>559138</v>
      </c>
      <c r="K59" s="6">
        <v>113636</v>
      </c>
      <c r="L59" s="6">
        <v>1256</v>
      </c>
    </row>
    <row r="60" spans="1:12">
      <c r="A60" s="9" t="s">
        <v>27</v>
      </c>
      <c r="B60" s="9" t="s">
        <v>28</v>
      </c>
      <c r="C60" s="9" t="s">
        <v>29</v>
      </c>
      <c r="D60" s="9" t="s">
        <v>264</v>
      </c>
      <c r="E60" s="9" t="s">
        <v>226</v>
      </c>
      <c r="F60" s="9" t="s">
        <v>235</v>
      </c>
      <c r="G60" s="9" t="s">
        <v>276</v>
      </c>
      <c r="H60" s="6">
        <v>779629</v>
      </c>
      <c r="I60" s="6">
        <v>674093</v>
      </c>
      <c r="J60" s="6">
        <v>598872</v>
      </c>
      <c r="K60" s="6">
        <v>104286</v>
      </c>
      <c r="L60" s="6">
        <v>1250</v>
      </c>
    </row>
    <row r="61" spans="1:12">
      <c r="A61" s="9" t="s">
        <v>27</v>
      </c>
      <c r="B61" s="9" t="s">
        <v>28</v>
      </c>
      <c r="C61" s="9" t="s">
        <v>29</v>
      </c>
      <c r="D61" s="9" t="s">
        <v>264</v>
      </c>
      <c r="E61" s="9" t="s">
        <v>226</v>
      </c>
      <c r="F61" s="9" t="s">
        <v>235</v>
      </c>
      <c r="G61" s="9" t="s">
        <v>277</v>
      </c>
      <c r="H61" s="6">
        <v>809798</v>
      </c>
      <c r="I61" s="6">
        <v>704126</v>
      </c>
      <c r="J61" s="6">
        <v>629153</v>
      </c>
      <c r="K61" s="6">
        <v>104460</v>
      </c>
      <c r="L61" s="6">
        <v>1212</v>
      </c>
    </row>
    <row r="62" spans="1:12">
      <c r="A62" s="9" t="s">
        <v>27</v>
      </c>
      <c r="B62" s="9" t="s">
        <v>28</v>
      </c>
      <c r="C62" s="9" t="s">
        <v>29</v>
      </c>
      <c r="D62" s="9" t="s">
        <v>264</v>
      </c>
      <c r="E62" s="9" t="s">
        <v>226</v>
      </c>
      <c r="F62" s="9" t="s">
        <v>235</v>
      </c>
      <c r="G62" s="9" t="s">
        <v>278</v>
      </c>
      <c r="H62" s="6">
        <v>808532</v>
      </c>
      <c r="I62" s="6">
        <v>700216</v>
      </c>
      <c r="J62" s="6">
        <v>626628</v>
      </c>
      <c r="K62" s="6">
        <v>107166</v>
      </c>
      <c r="L62" s="6">
        <v>1150</v>
      </c>
    </row>
    <row r="63" spans="1:12">
      <c r="A63" s="9" t="s">
        <v>27</v>
      </c>
      <c r="B63" s="9" t="s">
        <v>28</v>
      </c>
      <c r="C63" s="9" t="s">
        <v>29</v>
      </c>
      <c r="D63" s="9" t="s">
        <v>264</v>
      </c>
      <c r="E63" s="9" t="s">
        <v>226</v>
      </c>
      <c r="F63" s="9" t="s">
        <v>235</v>
      </c>
      <c r="G63" s="9" t="s">
        <v>279</v>
      </c>
      <c r="H63" s="6">
        <v>466857</v>
      </c>
      <c r="I63" s="6">
        <v>396379</v>
      </c>
      <c r="J63" s="6">
        <v>354110</v>
      </c>
      <c r="K63" s="6">
        <v>69769</v>
      </c>
      <c r="L63" s="6">
        <v>709</v>
      </c>
    </row>
    <row r="64" spans="1:12">
      <c r="A64" s="9" t="s">
        <v>27</v>
      </c>
      <c r="B64" s="9" t="s">
        <v>28</v>
      </c>
      <c r="C64" s="9" t="s">
        <v>29</v>
      </c>
      <c r="D64" s="9" t="s">
        <v>264</v>
      </c>
      <c r="E64" s="9" t="s">
        <v>226</v>
      </c>
      <c r="F64" s="9" t="s">
        <v>235</v>
      </c>
      <c r="G64" s="9" t="s">
        <v>280</v>
      </c>
      <c r="H64" s="6">
        <v>3134057</v>
      </c>
      <c r="I64" s="6">
        <v>2310365</v>
      </c>
      <c r="J64" s="6">
        <v>1847171</v>
      </c>
      <c r="K64" s="6">
        <v>817567</v>
      </c>
      <c r="L64" s="6">
        <v>6125</v>
      </c>
    </row>
    <row r="65" spans="1:12">
      <c r="A65" s="9" t="s">
        <v>27</v>
      </c>
      <c r="B65" s="9" t="s">
        <v>28</v>
      </c>
      <c r="C65" s="9" t="s">
        <v>29</v>
      </c>
      <c r="D65" s="9" t="s">
        <v>264</v>
      </c>
      <c r="E65" s="9" t="s">
        <v>226</v>
      </c>
      <c r="F65" s="9" t="s">
        <v>281</v>
      </c>
      <c r="G65" s="9" t="s">
        <v>6</v>
      </c>
      <c r="H65" s="6">
        <v>3368635</v>
      </c>
      <c r="I65" s="6">
        <v>2500985</v>
      </c>
      <c r="J65" s="6">
        <v>2073776</v>
      </c>
      <c r="K65" s="6">
        <v>860524</v>
      </c>
      <c r="L65" s="6">
        <v>7126</v>
      </c>
    </row>
    <row r="66" spans="1:12">
      <c r="A66" s="9" t="s">
        <v>27</v>
      </c>
      <c r="B66" s="9" t="s">
        <v>28</v>
      </c>
      <c r="C66" s="9" t="s">
        <v>29</v>
      </c>
      <c r="D66" s="9" t="s">
        <v>264</v>
      </c>
      <c r="E66" s="9" t="s">
        <v>226</v>
      </c>
      <c r="F66" s="9" t="s">
        <v>281</v>
      </c>
      <c r="G66" s="9" t="s">
        <v>272</v>
      </c>
      <c r="H66" s="6">
        <v>97623</v>
      </c>
      <c r="I66" s="6">
        <v>47880</v>
      </c>
      <c r="J66" s="6">
        <v>43170</v>
      </c>
      <c r="K66" s="6">
        <v>49360</v>
      </c>
      <c r="L66" s="6">
        <v>383</v>
      </c>
    </row>
    <row r="67" spans="1:12">
      <c r="A67" s="9" t="s">
        <v>27</v>
      </c>
      <c r="B67" s="9" t="s">
        <v>28</v>
      </c>
      <c r="C67" s="9" t="s">
        <v>29</v>
      </c>
      <c r="D67" s="9" t="s">
        <v>264</v>
      </c>
      <c r="E67" s="9" t="s">
        <v>226</v>
      </c>
      <c r="F67" s="9" t="s">
        <v>281</v>
      </c>
      <c r="G67" s="9" t="s">
        <v>273</v>
      </c>
      <c r="H67" s="6">
        <v>174358</v>
      </c>
      <c r="I67" s="6">
        <v>113723</v>
      </c>
      <c r="J67" s="6">
        <v>101972</v>
      </c>
      <c r="K67" s="6">
        <v>59984</v>
      </c>
      <c r="L67" s="6">
        <v>651</v>
      </c>
    </row>
    <row r="68" spans="1:12">
      <c r="A68" s="9" t="s">
        <v>27</v>
      </c>
      <c r="B68" s="9" t="s">
        <v>28</v>
      </c>
      <c r="C68" s="9" t="s">
        <v>29</v>
      </c>
      <c r="D68" s="9" t="s">
        <v>264</v>
      </c>
      <c r="E68" s="9" t="s">
        <v>226</v>
      </c>
      <c r="F68" s="9" t="s">
        <v>281</v>
      </c>
      <c r="G68" s="9" t="s">
        <v>274</v>
      </c>
      <c r="H68" s="6">
        <v>158733</v>
      </c>
      <c r="I68" s="6">
        <v>119750</v>
      </c>
      <c r="J68" s="6">
        <v>106593</v>
      </c>
      <c r="K68" s="6">
        <v>38513</v>
      </c>
      <c r="L68" s="6">
        <v>470</v>
      </c>
    </row>
    <row r="69" spans="1:12">
      <c r="A69" s="9" t="s">
        <v>27</v>
      </c>
      <c r="B69" s="9" t="s">
        <v>28</v>
      </c>
      <c r="C69" s="9" t="s">
        <v>29</v>
      </c>
      <c r="D69" s="9" t="s">
        <v>264</v>
      </c>
      <c r="E69" s="9" t="s">
        <v>226</v>
      </c>
      <c r="F69" s="9" t="s">
        <v>281</v>
      </c>
      <c r="G69" s="9" t="s">
        <v>275</v>
      </c>
      <c r="H69" s="6">
        <v>131758</v>
      </c>
      <c r="I69" s="6">
        <v>103573</v>
      </c>
      <c r="J69" s="6">
        <v>92046</v>
      </c>
      <c r="K69" s="6">
        <v>27867</v>
      </c>
      <c r="L69" s="6">
        <v>318</v>
      </c>
    </row>
    <row r="70" spans="1:12">
      <c r="A70" s="9" t="s">
        <v>27</v>
      </c>
      <c r="B70" s="9" t="s">
        <v>28</v>
      </c>
      <c r="C70" s="9" t="s">
        <v>29</v>
      </c>
      <c r="D70" s="9" t="s">
        <v>264</v>
      </c>
      <c r="E70" s="9" t="s">
        <v>226</v>
      </c>
      <c r="F70" s="9" t="s">
        <v>281</v>
      </c>
      <c r="G70" s="9" t="s">
        <v>276</v>
      </c>
      <c r="H70" s="6">
        <v>136688</v>
      </c>
      <c r="I70" s="6">
        <v>109731</v>
      </c>
      <c r="J70" s="6">
        <v>97685</v>
      </c>
      <c r="K70" s="6">
        <v>26671</v>
      </c>
      <c r="L70" s="6">
        <v>286</v>
      </c>
    </row>
    <row r="71" spans="1:12">
      <c r="A71" s="9" t="s">
        <v>27</v>
      </c>
      <c r="B71" s="9" t="s">
        <v>28</v>
      </c>
      <c r="C71" s="9" t="s">
        <v>29</v>
      </c>
      <c r="D71" s="9" t="s">
        <v>264</v>
      </c>
      <c r="E71" s="9" t="s">
        <v>226</v>
      </c>
      <c r="F71" s="9" t="s">
        <v>281</v>
      </c>
      <c r="G71" s="9" t="s">
        <v>277</v>
      </c>
      <c r="H71" s="6">
        <v>168411</v>
      </c>
      <c r="I71" s="6">
        <v>139165</v>
      </c>
      <c r="J71" s="6">
        <v>124154</v>
      </c>
      <c r="K71" s="6">
        <v>28957</v>
      </c>
      <c r="L71" s="6">
        <v>289</v>
      </c>
    </row>
    <row r="72" spans="1:12">
      <c r="A72" s="9" t="s">
        <v>27</v>
      </c>
      <c r="B72" s="9" t="s">
        <v>28</v>
      </c>
      <c r="C72" s="9" t="s">
        <v>29</v>
      </c>
      <c r="D72" s="9" t="s">
        <v>264</v>
      </c>
      <c r="E72" s="9" t="s">
        <v>226</v>
      </c>
      <c r="F72" s="9" t="s">
        <v>281</v>
      </c>
      <c r="G72" s="9" t="s">
        <v>278</v>
      </c>
      <c r="H72" s="6">
        <v>257384</v>
      </c>
      <c r="I72" s="6">
        <v>218721</v>
      </c>
      <c r="J72" s="6">
        <v>194982</v>
      </c>
      <c r="K72" s="6">
        <v>38308</v>
      </c>
      <c r="L72" s="6">
        <v>355</v>
      </c>
    </row>
    <row r="73" spans="1:12">
      <c r="A73" s="9" t="s">
        <v>27</v>
      </c>
      <c r="B73" s="9" t="s">
        <v>28</v>
      </c>
      <c r="C73" s="9" t="s">
        <v>29</v>
      </c>
      <c r="D73" s="9" t="s">
        <v>264</v>
      </c>
      <c r="E73" s="9" t="s">
        <v>226</v>
      </c>
      <c r="F73" s="9" t="s">
        <v>281</v>
      </c>
      <c r="G73" s="9" t="s">
        <v>279</v>
      </c>
      <c r="H73" s="6">
        <v>171825</v>
      </c>
      <c r="I73" s="6">
        <v>144395</v>
      </c>
      <c r="J73" s="6">
        <v>128957</v>
      </c>
      <c r="K73" s="6">
        <v>27209</v>
      </c>
      <c r="L73" s="6">
        <v>221</v>
      </c>
    </row>
    <row r="74" spans="1:12">
      <c r="A74" s="9" t="s">
        <v>27</v>
      </c>
      <c r="B74" s="9" t="s">
        <v>28</v>
      </c>
      <c r="C74" s="9" t="s">
        <v>29</v>
      </c>
      <c r="D74" s="9" t="s">
        <v>264</v>
      </c>
      <c r="E74" s="9" t="s">
        <v>226</v>
      </c>
      <c r="F74" s="9" t="s">
        <v>281</v>
      </c>
      <c r="G74" s="9" t="s">
        <v>280</v>
      </c>
      <c r="H74" s="6">
        <v>2071855</v>
      </c>
      <c r="I74" s="6">
        <v>1504047</v>
      </c>
      <c r="J74" s="6">
        <v>1184217</v>
      </c>
      <c r="K74" s="6">
        <v>563655</v>
      </c>
      <c r="L74" s="6">
        <v>4153</v>
      </c>
    </row>
    <row r="75" spans="1:12">
      <c r="A75" s="9" t="s">
        <v>27</v>
      </c>
      <c r="B75" s="9" t="s">
        <v>28</v>
      </c>
      <c r="C75" s="9" t="s">
        <v>29</v>
      </c>
      <c r="D75" s="9" t="s">
        <v>264</v>
      </c>
      <c r="E75" s="9" t="s">
        <v>226</v>
      </c>
      <c r="F75" s="9" t="s">
        <v>282</v>
      </c>
      <c r="G75" s="9" t="s">
        <v>6</v>
      </c>
      <c r="H75" s="6">
        <v>3396426</v>
      </c>
      <c r="I75" s="6">
        <v>2751473</v>
      </c>
      <c r="J75" s="6">
        <v>2416400</v>
      </c>
      <c r="K75" s="6">
        <v>639265</v>
      </c>
      <c r="L75" s="6">
        <v>5688</v>
      </c>
    </row>
    <row r="76" spans="1:12">
      <c r="A76" s="9" t="s">
        <v>27</v>
      </c>
      <c r="B76" s="9" t="s">
        <v>28</v>
      </c>
      <c r="C76" s="9" t="s">
        <v>29</v>
      </c>
      <c r="D76" s="9" t="s">
        <v>264</v>
      </c>
      <c r="E76" s="9" t="s">
        <v>226</v>
      </c>
      <c r="F76" s="9" t="s">
        <v>282</v>
      </c>
      <c r="G76" s="9" t="s">
        <v>272</v>
      </c>
      <c r="H76" s="6">
        <v>110716</v>
      </c>
      <c r="I76" s="6">
        <v>57680</v>
      </c>
      <c r="J76" s="6">
        <v>50788</v>
      </c>
      <c r="K76" s="6">
        <v>52692</v>
      </c>
      <c r="L76" s="6">
        <v>344</v>
      </c>
    </row>
    <row r="77" spans="1:12">
      <c r="A77" s="9" t="s">
        <v>27</v>
      </c>
      <c r="B77" s="9" t="s">
        <v>28</v>
      </c>
      <c r="C77" s="9" t="s">
        <v>29</v>
      </c>
      <c r="D77" s="9" t="s">
        <v>264</v>
      </c>
      <c r="E77" s="9" t="s">
        <v>226</v>
      </c>
      <c r="F77" s="9" t="s">
        <v>282</v>
      </c>
      <c r="G77" s="9" t="s">
        <v>273</v>
      </c>
      <c r="H77" s="6">
        <v>231688</v>
      </c>
      <c r="I77" s="6">
        <v>162569</v>
      </c>
      <c r="J77" s="6">
        <v>143742</v>
      </c>
      <c r="K77" s="6">
        <v>68474</v>
      </c>
      <c r="L77" s="6">
        <v>645</v>
      </c>
    </row>
    <row r="78" spans="1:12">
      <c r="A78" s="9" t="s">
        <v>27</v>
      </c>
      <c r="B78" s="9" t="s">
        <v>28</v>
      </c>
      <c r="C78" s="9" t="s">
        <v>29</v>
      </c>
      <c r="D78" s="9" t="s">
        <v>264</v>
      </c>
      <c r="E78" s="9" t="s">
        <v>226</v>
      </c>
      <c r="F78" s="9" t="s">
        <v>282</v>
      </c>
      <c r="G78" s="9" t="s">
        <v>274</v>
      </c>
      <c r="H78" s="6">
        <v>327654</v>
      </c>
      <c r="I78" s="6">
        <v>263135</v>
      </c>
      <c r="J78" s="6">
        <v>234510</v>
      </c>
      <c r="K78" s="6">
        <v>64017</v>
      </c>
      <c r="L78" s="6">
        <v>502</v>
      </c>
    </row>
    <row r="79" spans="1:12">
      <c r="A79" s="9" t="s">
        <v>27</v>
      </c>
      <c r="B79" s="9" t="s">
        <v>28</v>
      </c>
      <c r="C79" s="9" t="s">
        <v>29</v>
      </c>
      <c r="D79" s="9" t="s">
        <v>264</v>
      </c>
      <c r="E79" s="9" t="s">
        <v>226</v>
      </c>
      <c r="F79" s="9" t="s">
        <v>282</v>
      </c>
      <c r="G79" s="9" t="s">
        <v>275</v>
      </c>
      <c r="H79" s="6">
        <v>342762</v>
      </c>
      <c r="I79" s="6">
        <v>291121</v>
      </c>
      <c r="J79" s="6">
        <v>261548</v>
      </c>
      <c r="K79" s="6">
        <v>51205</v>
      </c>
      <c r="L79" s="6">
        <v>436</v>
      </c>
    </row>
    <row r="80" spans="1:12">
      <c r="A80" s="9" t="s">
        <v>27</v>
      </c>
      <c r="B80" s="9" t="s">
        <v>28</v>
      </c>
      <c r="C80" s="9" t="s">
        <v>29</v>
      </c>
      <c r="D80" s="9" t="s">
        <v>264</v>
      </c>
      <c r="E80" s="9" t="s">
        <v>226</v>
      </c>
      <c r="F80" s="9" t="s">
        <v>282</v>
      </c>
      <c r="G80" s="9" t="s">
        <v>276</v>
      </c>
      <c r="H80" s="6">
        <v>384923</v>
      </c>
      <c r="I80" s="6">
        <v>335233</v>
      </c>
      <c r="J80" s="6">
        <v>300634</v>
      </c>
      <c r="K80" s="6">
        <v>49134</v>
      </c>
      <c r="L80" s="6">
        <v>556</v>
      </c>
    </row>
    <row r="81" spans="1:12">
      <c r="A81" s="9" t="s">
        <v>27</v>
      </c>
      <c r="B81" s="9" t="s">
        <v>28</v>
      </c>
      <c r="C81" s="9" t="s">
        <v>29</v>
      </c>
      <c r="D81" s="9" t="s">
        <v>264</v>
      </c>
      <c r="E81" s="9" t="s">
        <v>226</v>
      </c>
      <c r="F81" s="9" t="s">
        <v>282</v>
      </c>
      <c r="G81" s="9" t="s">
        <v>277</v>
      </c>
      <c r="H81" s="6">
        <v>436925</v>
      </c>
      <c r="I81" s="6">
        <v>384483</v>
      </c>
      <c r="J81" s="6">
        <v>346056</v>
      </c>
      <c r="K81" s="6">
        <v>51896</v>
      </c>
      <c r="L81" s="6">
        <v>546</v>
      </c>
    </row>
    <row r="82" spans="1:12">
      <c r="A82" s="9" t="s">
        <v>27</v>
      </c>
      <c r="B82" s="9" t="s">
        <v>28</v>
      </c>
      <c r="C82" s="9" t="s">
        <v>29</v>
      </c>
      <c r="D82" s="9" t="s">
        <v>264</v>
      </c>
      <c r="E82" s="9" t="s">
        <v>226</v>
      </c>
      <c r="F82" s="9" t="s">
        <v>282</v>
      </c>
      <c r="G82" s="9" t="s">
        <v>278</v>
      </c>
      <c r="H82" s="6">
        <v>416620</v>
      </c>
      <c r="I82" s="6">
        <v>365169</v>
      </c>
      <c r="J82" s="6">
        <v>328970</v>
      </c>
      <c r="K82" s="6">
        <v>50875</v>
      </c>
      <c r="L82" s="6">
        <v>576</v>
      </c>
    </row>
    <row r="83" spans="1:12">
      <c r="A83" s="9" t="s">
        <v>27</v>
      </c>
      <c r="B83" s="9" t="s">
        <v>28</v>
      </c>
      <c r="C83" s="9" t="s">
        <v>29</v>
      </c>
      <c r="D83" s="9" t="s">
        <v>264</v>
      </c>
      <c r="E83" s="9" t="s">
        <v>226</v>
      </c>
      <c r="F83" s="9" t="s">
        <v>282</v>
      </c>
      <c r="G83" s="9" t="s">
        <v>279</v>
      </c>
      <c r="H83" s="6">
        <v>231090</v>
      </c>
      <c r="I83" s="6">
        <v>198407</v>
      </c>
      <c r="J83" s="6">
        <v>178377</v>
      </c>
      <c r="K83" s="6">
        <v>32312</v>
      </c>
      <c r="L83" s="6">
        <v>371</v>
      </c>
    </row>
    <row r="84" spans="1:12">
      <c r="A84" s="9" t="s">
        <v>27</v>
      </c>
      <c r="B84" s="9" t="s">
        <v>28</v>
      </c>
      <c r="C84" s="9" t="s">
        <v>29</v>
      </c>
      <c r="D84" s="9" t="s">
        <v>264</v>
      </c>
      <c r="E84" s="9" t="s">
        <v>226</v>
      </c>
      <c r="F84" s="9" t="s">
        <v>282</v>
      </c>
      <c r="G84" s="9" t="s">
        <v>280</v>
      </c>
      <c r="H84" s="6">
        <v>914048</v>
      </c>
      <c r="I84" s="6">
        <v>693676</v>
      </c>
      <c r="J84" s="6">
        <v>571775</v>
      </c>
      <c r="K84" s="6">
        <v>218660</v>
      </c>
      <c r="L84" s="6">
        <v>1712</v>
      </c>
    </row>
    <row r="85" spans="1:12">
      <c r="A85" s="9" t="s">
        <v>27</v>
      </c>
      <c r="B85" s="9" t="s">
        <v>28</v>
      </c>
      <c r="C85" s="9" t="s">
        <v>29</v>
      </c>
      <c r="D85" s="9" t="s">
        <v>264</v>
      </c>
      <c r="E85" s="9" t="s">
        <v>226</v>
      </c>
      <c r="F85" s="9" t="s">
        <v>283</v>
      </c>
      <c r="G85" s="9" t="s">
        <v>6</v>
      </c>
      <c r="H85" s="6">
        <v>1611674</v>
      </c>
      <c r="I85" s="6">
        <v>1324657</v>
      </c>
      <c r="J85" s="6">
        <v>1145685</v>
      </c>
      <c r="K85" s="6">
        <v>283879</v>
      </c>
      <c r="L85" s="6">
        <v>3138</v>
      </c>
    </row>
    <row r="86" spans="1:12">
      <c r="A86" s="9" t="s">
        <v>27</v>
      </c>
      <c r="B86" s="9" t="s">
        <v>28</v>
      </c>
      <c r="C86" s="9" t="s">
        <v>29</v>
      </c>
      <c r="D86" s="9" t="s">
        <v>264</v>
      </c>
      <c r="E86" s="9" t="s">
        <v>226</v>
      </c>
      <c r="F86" s="9" t="s">
        <v>283</v>
      </c>
      <c r="G86" s="9" t="s">
        <v>272</v>
      </c>
      <c r="H86" s="6">
        <v>87263</v>
      </c>
      <c r="I86" s="6">
        <v>48133</v>
      </c>
      <c r="J86" s="6">
        <v>40208</v>
      </c>
      <c r="K86" s="6">
        <v>38822</v>
      </c>
      <c r="L86" s="6">
        <v>308</v>
      </c>
    </row>
    <row r="87" spans="1:12">
      <c r="A87" s="9" t="s">
        <v>27</v>
      </c>
      <c r="B87" s="9" t="s">
        <v>28</v>
      </c>
      <c r="C87" s="9" t="s">
        <v>29</v>
      </c>
      <c r="D87" s="9" t="s">
        <v>264</v>
      </c>
      <c r="E87" s="9" t="s">
        <v>226</v>
      </c>
      <c r="F87" s="9" t="s">
        <v>283</v>
      </c>
      <c r="G87" s="9" t="s">
        <v>273</v>
      </c>
      <c r="H87" s="6">
        <v>177698</v>
      </c>
      <c r="I87" s="6">
        <v>128124</v>
      </c>
      <c r="J87" s="6">
        <v>109362</v>
      </c>
      <c r="K87" s="6">
        <v>49174</v>
      </c>
      <c r="L87" s="6">
        <v>400</v>
      </c>
    </row>
    <row r="88" spans="1:12">
      <c r="A88" s="9" t="s">
        <v>27</v>
      </c>
      <c r="B88" s="9" t="s">
        <v>28</v>
      </c>
      <c r="C88" s="9" t="s">
        <v>29</v>
      </c>
      <c r="D88" s="9" t="s">
        <v>264</v>
      </c>
      <c r="E88" s="9" t="s">
        <v>226</v>
      </c>
      <c r="F88" s="9" t="s">
        <v>283</v>
      </c>
      <c r="G88" s="9" t="s">
        <v>274</v>
      </c>
      <c r="H88" s="6">
        <v>266374</v>
      </c>
      <c r="I88" s="6">
        <v>220079</v>
      </c>
      <c r="J88" s="6">
        <v>190444</v>
      </c>
      <c r="K88" s="6">
        <v>45748</v>
      </c>
      <c r="L88" s="6">
        <v>547</v>
      </c>
    </row>
    <row r="89" spans="1:12">
      <c r="A89" s="9" t="s">
        <v>27</v>
      </c>
      <c r="B89" s="9" t="s">
        <v>28</v>
      </c>
      <c r="C89" s="9" t="s">
        <v>29</v>
      </c>
      <c r="D89" s="9" t="s">
        <v>264</v>
      </c>
      <c r="E89" s="9" t="s">
        <v>226</v>
      </c>
      <c r="F89" s="9" t="s">
        <v>283</v>
      </c>
      <c r="G89" s="9" t="s">
        <v>275</v>
      </c>
      <c r="H89" s="6">
        <v>271235</v>
      </c>
      <c r="I89" s="6">
        <v>236169</v>
      </c>
      <c r="J89" s="6">
        <v>205544</v>
      </c>
      <c r="K89" s="6">
        <v>34564</v>
      </c>
      <c r="L89" s="6">
        <v>502</v>
      </c>
    </row>
    <row r="90" spans="1:12">
      <c r="A90" s="9" t="s">
        <v>27</v>
      </c>
      <c r="B90" s="9" t="s">
        <v>28</v>
      </c>
      <c r="C90" s="9" t="s">
        <v>29</v>
      </c>
      <c r="D90" s="9" t="s">
        <v>264</v>
      </c>
      <c r="E90" s="9" t="s">
        <v>226</v>
      </c>
      <c r="F90" s="9" t="s">
        <v>283</v>
      </c>
      <c r="G90" s="9" t="s">
        <v>276</v>
      </c>
      <c r="H90" s="6">
        <v>258018</v>
      </c>
      <c r="I90" s="6">
        <v>229129</v>
      </c>
      <c r="J90" s="6">
        <v>200553</v>
      </c>
      <c r="K90" s="6">
        <v>28481</v>
      </c>
      <c r="L90" s="6">
        <v>408</v>
      </c>
    </row>
    <row r="91" spans="1:12">
      <c r="A91" s="9" t="s">
        <v>27</v>
      </c>
      <c r="B91" s="9" t="s">
        <v>28</v>
      </c>
      <c r="C91" s="9" t="s">
        <v>29</v>
      </c>
      <c r="D91" s="9" t="s">
        <v>264</v>
      </c>
      <c r="E91" s="9" t="s">
        <v>226</v>
      </c>
      <c r="F91" s="9" t="s">
        <v>283</v>
      </c>
      <c r="G91" s="9" t="s">
        <v>277</v>
      </c>
      <c r="H91" s="6">
        <v>204462</v>
      </c>
      <c r="I91" s="6">
        <v>180478</v>
      </c>
      <c r="J91" s="6">
        <v>158943</v>
      </c>
      <c r="K91" s="6">
        <v>23607</v>
      </c>
      <c r="L91" s="6">
        <v>377</v>
      </c>
    </row>
    <row r="92" spans="1:12">
      <c r="A92" s="9" t="s">
        <v>27</v>
      </c>
      <c r="B92" s="9" t="s">
        <v>28</v>
      </c>
      <c r="C92" s="9" t="s">
        <v>29</v>
      </c>
      <c r="D92" s="9" t="s">
        <v>264</v>
      </c>
      <c r="E92" s="9" t="s">
        <v>226</v>
      </c>
      <c r="F92" s="9" t="s">
        <v>283</v>
      </c>
      <c r="G92" s="9" t="s">
        <v>278</v>
      </c>
      <c r="H92" s="6">
        <v>134528</v>
      </c>
      <c r="I92" s="6">
        <v>116326</v>
      </c>
      <c r="J92" s="6">
        <v>102676</v>
      </c>
      <c r="K92" s="6">
        <v>17983</v>
      </c>
      <c r="L92" s="6">
        <v>219</v>
      </c>
    </row>
    <row r="93" spans="1:12">
      <c r="A93" s="9" t="s">
        <v>27</v>
      </c>
      <c r="B93" s="9" t="s">
        <v>28</v>
      </c>
      <c r="C93" s="9" t="s">
        <v>29</v>
      </c>
      <c r="D93" s="9" t="s">
        <v>264</v>
      </c>
      <c r="E93" s="9" t="s">
        <v>226</v>
      </c>
      <c r="F93" s="9" t="s">
        <v>283</v>
      </c>
      <c r="G93" s="9" t="s">
        <v>279</v>
      </c>
      <c r="H93" s="6">
        <v>63942</v>
      </c>
      <c r="I93" s="6">
        <v>53577</v>
      </c>
      <c r="J93" s="6">
        <v>46776</v>
      </c>
      <c r="K93" s="6">
        <v>10248</v>
      </c>
      <c r="L93" s="6">
        <v>117</v>
      </c>
    </row>
    <row r="94" spans="1:12">
      <c r="A94" s="9" t="s">
        <v>27</v>
      </c>
      <c r="B94" s="9" t="s">
        <v>28</v>
      </c>
      <c r="C94" s="9" t="s">
        <v>29</v>
      </c>
      <c r="D94" s="9" t="s">
        <v>264</v>
      </c>
      <c r="E94" s="9" t="s">
        <v>226</v>
      </c>
      <c r="F94" s="9" t="s">
        <v>283</v>
      </c>
      <c r="G94" s="9" t="s">
        <v>280</v>
      </c>
      <c r="H94" s="6">
        <v>148154</v>
      </c>
      <c r="I94" s="6">
        <v>112642</v>
      </c>
      <c r="J94" s="6">
        <v>91179</v>
      </c>
      <c r="K94" s="6">
        <v>35252</v>
      </c>
      <c r="L94" s="6">
        <v>260</v>
      </c>
    </row>
    <row r="95" spans="1:12">
      <c r="A95" s="9" t="s">
        <v>27</v>
      </c>
      <c r="B95" s="9" t="s">
        <v>28</v>
      </c>
      <c r="C95" s="9" t="s">
        <v>29</v>
      </c>
      <c r="D95" s="9" t="s">
        <v>264</v>
      </c>
      <c r="E95" s="9" t="s">
        <v>227</v>
      </c>
      <c r="F95" s="9" t="s">
        <v>6</v>
      </c>
      <c r="G95" s="9" t="s">
        <v>6</v>
      </c>
      <c r="H95" s="6">
        <v>6973988</v>
      </c>
      <c r="I95" s="6">
        <v>5417803</v>
      </c>
      <c r="J95" s="6">
        <v>5188255</v>
      </c>
      <c r="K95" s="6">
        <v>1545439</v>
      </c>
      <c r="L95" s="6">
        <v>10746</v>
      </c>
    </row>
    <row r="96" spans="1:12">
      <c r="A96" s="9" t="s">
        <v>27</v>
      </c>
      <c r="B96" s="9" t="s">
        <v>28</v>
      </c>
      <c r="C96" s="9" t="s">
        <v>29</v>
      </c>
      <c r="D96" s="9" t="s">
        <v>264</v>
      </c>
      <c r="E96" s="9" t="s">
        <v>227</v>
      </c>
      <c r="F96" s="9" t="s">
        <v>234</v>
      </c>
      <c r="G96" s="9" t="s">
        <v>6</v>
      </c>
      <c r="H96" s="6">
        <v>128401</v>
      </c>
      <c r="I96" s="6">
        <v>97421</v>
      </c>
      <c r="J96" s="6">
        <v>93108</v>
      </c>
      <c r="K96" s="6">
        <v>30425</v>
      </c>
      <c r="L96" s="6">
        <v>555</v>
      </c>
    </row>
    <row r="97" spans="1:12">
      <c r="A97" s="9" t="s">
        <v>27</v>
      </c>
      <c r="B97" s="9" t="s">
        <v>28</v>
      </c>
      <c r="C97" s="9" t="s">
        <v>29</v>
      </c>
      <c r="D97" s="9" t="s">
        <v>264</v>
      </c>
      <c r="E97" s="9" t="s">
        <v>227</v>
      </c>
      <c r="F97" s="9" t="s">
        <v>235</v>
      </c>
      <c r="G97" s="9" t="s">
        <v>6</v>
      </c>
      <c r="H97" s="6">
        <v>6845587</v>
      </c>
      <c r="I97" s="6">
        <v>5320382</v>
      </c>
      <c r="J97" s="6">
        <v>5095147</v>
      </c>
      <c r="K97" s="6">
        <v>1515014</v>
      </c>
      <c r="L97" s="6">
        <v>10191</v>
      </c>
    </row>
    <row r="98" spans="1:12">
      <c r="A98" s="9" t="s">
        <v>27</v>
      </c>
      <c r="B98" s="9" t="s">
        <v>28</v>
      </c>
      <c r="C98" s="9" t="s">
        <v>29</v>
      </c>
      <c r="D98" s="9" t="s">
        <v>264</v>
      </c>
      <c r="E98" s="9" t="s">
        <v>227</v>
      </c>
      <c r="F98" s="9" t="s">
        <v>235</v>
      </c>
      <c r="G98" s="9" t="s">
        <v>272</v>
      </c>
      <c r="H98" s="6">
        <v>255170</v>
      </c>
      <c r="I98" s="6">
        <v>130839</v>
      </c>
      <c r="J98" s="6">
        <v>123884</v>
      </c>
      <c r="K98" s="6">
        <v>123545</v>
      </c>
      <c r="L98" s="6">
        <v>786</v>
      </c>
    </row>
    <row r="99" spans="1:12">
      <c r="A99" s="9" t="s">
        <v>27</v>
      </c>
      <c r="B99" s="9" t="s">
        <v>28</v>
      </c>
      <c r="C99" s="9" t="s">
        <v>29</v>
      </c>
      <c r="D99" s="9" t="s">
        <v>264</v>
      </c>
      <c r="E99" s="9" t="s">
        <v>227</v>
      </c>
      <c r="F99" s="9" t="s">
        <v>235</v>
      </c>
      <c r="G99" s="9" t="s">
        <v>273</v>
      </c>
      <c r="H99" s="6">
        <v>502463</v>
      </c>
      <c r="I99" s="6">
        <v>343753</v>
      </c>
      <c r="J99" s="6">
        <v>327311</v>
      </c>
      <c r="K99" s="6">
        <v>157574</v>
      </c>
      <c r="L99" s="6">
        <v>1136</v>
      </c>
    </row>
    <row r="100" spans="1:12">
      <c r="A100" s="9" t="s">
        <v>27</v>
      </c>
      <c r="B100" s="9" t="s">
        <v>28</v>
      </c>
      <c r="C100" s="9" t="s">
        <v>29</v>
      </c>
      <c r="D100" s="9" t="s">
        <v>264</v>
      </c>
      <c r="E100" s="9" t="s">
        <v>227</v>
      </c>
      <c r="F100" s="9" t="s">
        <v>235</v>
      </c>
      <c r="G100" s="9" t="s">
        <v>274</v>
      </c>
      <c r="H100" s="6">
        <v>643521</v>
      </c>
      <c r="I100" s="6">
        <v>511072</v>
      </c>
      <c r="J100" s="6">
        <v>488536</v>
      </c>
      <c r="K100" s="6">
        <v>131422</v>
      </c>
      <c r="L100" s="6">
        <v>1027</v>
      </c>
    </row>
    <row r="101" spans="1:12">
      <c r="A101" s="9" t="s">
        <v>27</v>
      </c>
      <c r="B101" s="9" t="s">
        <v>28</v>
      </c>
      <c r="C101" s="9" t="s">
        <v>29</v>
      </c>
      <c r="D101" s="9" t="s">
        <v>264</v>
      </c>
      <c r="E101" s="9" t="s">
        <v>227</v>
      </c>
      <c r="F101" s="9" t="s">
        <v>235</v>
      </c>
      <c r="G101" s="9" t="s">
        <v>275</v>
      </c>
      <c r="H101" s="6">
        <v>634673</v>
      </c>
      <c r="I101" s="6">
        <v>533188</v>
      </c>
      <c r="J101" s="6">
        <v>511985</v>
      </c>
      <c r="K101" s="6">
        <v>100707</v>
      </c>
      <c r="L101" s="6">
        <v>778</v>
      </c>
    </row>
    <row r="102" spans="1:12">
      <c r="A102" s="9" t="s">
        <v>27</v>
      </c>
      <c r="B102" s="9" t="s">
        <v>28</v>
      </c>
      <c r="C102" s="9" t="s">
        <v>29</v>
      </c>
      <c r="D102" s="9" t="s">
        <v>264</v>
      </c>
      <c r="E102" s="9" t="s">
        <v>227</v>
      </c>
      <c r="F102" s="9" t="s">
        <v>235</v>
      </c>
      <c r="G102" s="9" t="s">
        <v>276</v>
      </c>
      <c r="H102" s="6">
        <v>661532</v>
      </c>
      <c r="I102" s="6">
        <v>568642</v>
      </c>
      <c r="J102" s="6">
        <v>547601</v>
      </c>
      <c r="K102" s="6">
        <v>92075</v>
      </c>
      <c r="L102" s="6">
        <v>815</v>
      </c>
    </row>
    <row r="103" spans="1:12">
      <c r="A103" s="9" t="s">
        <v>27</v>
      </c>
      <c r="B103" s="9" t="s">
        <v>28</v>
      </c>
      <c r="C103" s="9" t="s">
        <v>29</v>
      </c>
      <c r="D103" s="9" t="s">
        <v>264</v>
      </c>
      <c r="E103" s="9" t="s">
        <v>227</v>
      </c>
      <c r="F103" s="9" t="s">
        <v>235</v>
      </c>
      <c r="G103" s="9" t="s">
        <v>277</v>
      </c>
      <c r="H103" s="6">
        <v>689425</v>
      </c>
      <c r="I103" s="6">
        <v>596695</v>
      </c>
      <c r="J103" s="6">
        <v>575888</v>
      </c>
      <c r="K103" s="6">
        <v>91869</v>
      </c>
      <c r="L103" s="6">
        <v>861</v>
      </c>
    </row>
    <row r="104" spans="1:12">
      <c r="A104" s="9" t="s">
        <v>27</v>
      </c>
      <c r="B104" s="9" t="s">
        <v>28</v>
      </c>
      <c r="C104" s="9" t="s">
        <v>29</v>
      </c>
      <c r="D104" s="9" t="s">
        <v>264</v>
      </c>
      <c r="E104" s="9" t="s">
        <v>227</v>
      </c>
      <c r="F104" s="9" t="s">
        <v>235</v>
      </c>
      <c r="G104" s="9" t="s">
        <v>278</v>
      </c>
      <c r="H104" s="6">
        <v>688051</v>
      </c>
      <c r="I104" s="6">
        <v>592235</v>
      </c>
      <c r="J104" s="6">
        <v>571782</v>
      </c>
      <c r="K104" s="6">
        <v>95176</v>
      </c>
      <c r="L104" s="6">
        <v>640</v>
      </c>
    </row>
    <row r="105" spans="1:12">
      <c r="A105" s="9" t="s">
        <v>27</v>
      </c>
      <c r="B105" s="9" t="s">
        <v>28</v>
      </c>
      <c r="C105" s="9" t="s">
        <v>29</v>
      </c>
      <c r="D105" s="9" t="s">
        <v>264</v>
      </c>
      <c r="E105" s="9" t="s">
        <v>227</v>
      </c>
      <c r="F105" s="9" t="s">
        <v>235</v>
      </c>
      <c r="G105" s="9" t="s">
        <v>279</v>
      </c>
      <c r="H105" s="6">
        <v>396207</v>
      </c>
      <c r="I105" s="6">
        <v>334196</v>
      </c>
      <c r="J105" s="6">
        <v>322722</v>
      </c>
      <c r="K105" s="6">
        <v>61563</v>
      </c>
      <c r="L105" s="6">
        <v>448</v>
      </c>
    </row>
    <row r="106" spans="1:12">
      <c r="A106" s="9" t="s">
        <v>27</v>
      </c>
      <c r="B106" s="9" t="s">
        <v>28</v>
      </c>
      <c r="C106" s="9" t="s">
        <v>29</v>
      </c>
      <c r="D106" s="9" t="s">
        <v>264</v>
      </c>
      <c r="E106" s="9" t="s">
        <v>227</v>
      </c>
      <c r="F106" s="9" t="s">
        <v>235</v>
      </c>
      <c r="G106" s="9" t="s">
        <v>280</v>
      </c>
      <c r="H106" s="6">
        <v>2374545</v>
      </c>
      <c r="I106" s="6">
        <v>1709762</v>
      </c>
      <c r="J106" s="6">
        <v>1625438</v>
      </c>
      <c r="K106" s="6">
        <v>661083</v>
      </c>
      <c r="L106" s="6">
        <v>3700</v>
      </c>
    </row>
    <row r="107" spans="1:12">
      <c r="A107" s="9" t="s">
        <v>27</v>
      </c>
      <c r="B107" s="9" t="s">
        <v>28</v>
      </c>
      <c r="C107" s="9" t="s">
        <v>29</v>
      </c>
      <c r="D107" s="9" t="s">
        <v>264</v>
      </c>
      <c r="E107" s="9" t="s">
        <v>227</v>
      </c>
      <c r="F107" s="9" t="s">
        <v>281</v>
      </c>
      <c r="G107" s="9" t="s">
        <v>6</v>
      </c>
      <c r="H107" s="6">
        <v>2667944</v>
      </c>
      <c r="I107" s="6">
        <v>1946772</v>
      </c>
      <c r="J107" s="6">
        <v>1854442</v>
      </c>
      <c r="K107" s="6">
        <v>716584</v>
      </c>
      <c r="L107" s="6">
        <v>4588</v>
      </c>
    </row>
    <row r="108" spans="1:12">
      <c r="A108" s="9" t="s">
        <v>27</v>
      </c>
      <c r="B108" s="9" t="s">
        <v>28</v>
      </c>
      <c r="C108" s="9" t="s">
        <v>29</v>
      </c>
      <c r="D108" s="9" t="s">
        <v>264</v>
      </c>
      <c r="E108" s="9" t="s">
        <v>227</v>
      </c>
      <c r="F108" s="9" t="s">
        <v>281</v>
      </c>
      <c r="G108" s="9" t="s">
        <v>272</v>
      </c>
      <c r="H108" s="6">
        <v>86251</v>
      </c>
      <c r="I108" s="6">
        <v>42032</v>
      </c>
      <c r="J108" s="6">
        <v>40152</v>
      </c>
      <c r="K108" s="6">
        <v>43885</v>
      </c>
      <c r="L108" s="6">
        <v>334</v>
      </c>
    </row>
    <row r="109" spans="1:12">
      <c r="A109" s="9" t="s">
        <v>27</v>
      </c>
      <c r="B109" s="9" t="s">
        <v>28</v>
      </c>
      <c r="C109" s="9" t="s">
        <v>29</v>
      </c>
      <c r="D109" s="9" t="s">
        <v>264</v>
      </c>
      <c r="E109" s="9" t="s">
        <v>227</v>
      </c>
      <c r="F109" s="9" t="s">
        <v>281</v>
      </c>
      <c r="G109" s="9" t="s">
        <v>273</v>
      </c>
      <c r="H109" s="6">
        <v>152779</v>
      </c>
      <c r="I109" s="6">
        <v>98887</v>
      </c>
      <c r="J109" s="6">
        <v>94537</v>
      </c>
      <c r="K109" s="6">
        <v>53418</v>
      </c>
      <c r="L109" s="6">
        <v>474</v>
      </c>
    </row>
    <row r="110" spans="1:12">
      <c r="A110" s="9" t="s">
        <v>27</v>
      </c>
      <c r="B110" s="9" t="s">
        <v>28</v>
      </c>
      <c r="C110" s="9" t="s">
        <v>29</v>
      </c>
      <c r="D110" s="9" t="s">
        <v>264</v>
      </c>
      <c r="E110" s="9" t="s">
        <v>227</v>
      </c>
      <c r="F110" s="9" t="s">
        <v>281</v>
      </c>
      <c r="G110" s="9" t="s">
        <v>274</v>
      </c>
      <c r="H110" s="6">
        <v>137760</v>
      </c>
      <c r="I110" s="6">
        <v>102887</v>
      </c>
      <c r="J110" s="6">
        <v>98149</v>
      </c>
      <c r="K110" s="6">
        <v>34516</v>
      </c>
      <c r="L110" s="6">
        <v>357</v>
      </c>
    </row>
    <row r="111" spans="1:12">
      <c r="A111" s="9" t="s">
        <v>27</v>
      </c>
      <c r="B111" s="9" t="s">
        <v>28</v>
      </c>
      <c r="C111" s="9" t="s">
        <v>29</v>
      </c>
      <c r="D111" s="9" t="s">
        <v>264</v>
      </c>
      <c r="E111" s="9" t="s">
        <v>227</v>
      </c>
      <c r="F111" s="9" t="s">
        <v>281</v>
      </c>
      <c r="G111" s="9" t="s">
        <v>275</v>
      </c>
      <c r="H111" s="6">
        <v>113787</v>
      </c>
      <c r="I111" s="6">
        <v>88331</v>
      </c>
      <c r="J111" s="6">
        <v>84160</v>
      </c>
      <c r="K111" s="6">
        <v>25254</v>
      </c>
      <c r="L111" s="6">
        <v>202</v>
      </c>
    </row>
    <row r="112" spans="1:12">
      <c r="A112" s="9" t="s">
        <v>27</v>
      </c>
      <c r="B112" s="9" t="s">
        <v>28</v>
      </c>
      <c r="C112" s="9" t="s">
        <v>29</v>
      </c>
      <c r="D112" s="9" t="s">
        <v>264</v>
      </c>
      <c r="E112" s="9" t="s">
        <v>227</v>
      </c>
      <c r="F112" s="9" t="s">
        <v>281</v>
      </c>
      <c r="G112" s="9" t="s">
        <v>276</v>
      </c>
      <c r="H112" s="6">
        <v>117484</v>
      </c>
      <c r="I112" s="6">
        <v>93275</v>
      </c>
      <c r="J112" s="6">
        <v>89167</v>
      </c>
      <c r="K112" s="6">
        <v>24019</v>
      </c>
      <c r="L112" s="6">
        <v>190</v>
      </c>
    </row>
    <row r="113" spans="1:12">
      <c r="A113" s="9" t="s">
        <v>27</v>
      </c>
      <c r="B113" s="9" t="s">
        <v>28</v>
      </c>
      <c r="C113" s="9" t="s">
        <v>29</v>
      </c>
      <c r="D113" s="9" t="s">
        <v>264</v>
      </c>
      <c r="E113" s="9" t="s">
        <v>227</v>
      </c>
      <c r="F113" s="9" t="s">
        <v>281</v>
      </c>
      <c r="G113" s="9" t="s">
        <v>277</v>
      </c>
      <c r="H113" s="6">
        <v>144066</v>
      </c>
      <c r="I113" s="6">
        <v>118022</v>
      </c>
      <c r="J113" s="6">
        <v>113290</v>
      </c>
      <c r="K113" s="6">
        <v>25840</v>
      </c>
      <c r="L113" s="6">
        <v>204</v>
      </c>
    </row>
    <row r="114" spans="1:12">
      <c r="A114" s="9" t="s">
        <v>27</v>
      </c>
      <c r="B114" s="9" t="s">
        <v>28</v>
      </c>
      <c r="C114" s="9" t="s">
        <v>29</v>
      </c>
      <c r="D114" s="9" t="s">
        <v>264</v>
      </c>
      <c r="E114" s="9" t="s">
        <v>227</v>
      </c>
      <c r="F114" s="9" t="s">
        <v>281</v>
      </c>
      <c r="G114" s="9" t="s">
        <v>278</v>
      </c>
      <c r="H114" s="6">
        <v>219899</v>
      </c>
      <c r="I114" s="6">
        <v>185524</v>
      </c>
      <c r="J114" s="6">
        <v>178477</v>
      </c>
      <c r="K114" s="6">
        <v>34169</v>
      </c>
      <c r="L114" s="6">
        <v>206</v>
      </c>
    </row>
    <row r="115" spans="1:12">
      <c r="A115" s="9" t="s">
        <v>27</v>
      </c>
      <c r="B115" s="9" t="s">
        <v>28</v>
      </c>
      <c r="C115" s="9" t="s">
        <v>29</v>
      </c>
      <c r="D115" s="9" t="s">
        <v>264</v>
      </c>
      <c r="E115" s="9" t="s">
        <v>227</v>
      </c>
      <c r="F115" s="9" t="s">
        <v>281</v>
      </c>
      <c r="G115" s="9" t="s">
        <v>279</v>
      </c>
      <c r="H115" s="6">
        <v>146584</v>
      </c>
      <c r="I115" s="6">
        <v>122182</v>
      </c>
      <c r="J115" s="6">
        <v>117713</v>
      </c>
      <c r="K115" s="6">
        <v>24247</v>
      </c>
      <c r="L115" s="6">
        <v>155</v>
      </c>
    </row>
    <row r="116" spans="1:12">
      <c r="A116" s="9" t="s">
        <v>27</v>
      </c>
      <c r="B116" s="9" t="s">
        <v>28</v>
      </c>
      <c r="C116" s="9" t="s">
        <v>29</v>
      </c>
      <c r="D116" s="9" t="s">
        <v>264</v>
      </c>
      <c r="E116" s="9" t="s">
        <v>227</v>
      </c>
      <c r="F116" s="9" t="s">
        <v>281</v>
      </c>
      <c r="G116" s="9" t="s">
        <v>280</v>
      </c>
      <c r="H116" s="6">
        <v>1549334</v>
      </c>
      <c r="I116" s="6">
        <v>1095632</v>
      </c>
      <c r="J116" s="6">
        <v>1038797</v>
      </c>
      <c r="K116" s="6">
        <v>451236</v>
      </c>
      <c r="L116" s="6">
        <v>2466</v>
      </c>
    </row>
    <row r="117" spans="1:12">
      <c r="A117" s="9" t="s">
        <v>27</v>
      </c>
      <c r="B117" s="9" t="s">
        <v>28</v>
      </c>
      <c r="C117" s="9" t="s">
        <v>29</v>
      </c>
      <c r="D117" s="9" t="s">
        <v>264</v>
      </c>
      <c r="E117" s="9" t="s">
        <v>227</v>
      </c>
      <c r="F117" s="9" t="s">
        <v>282</v>
      </c>
      <c r="G117" s="9" t="s">
        <v>6</v>
      </c>
      <c r="H117" s="6">
        <v>2852362</v>
      </c>
      <c r="I117" s="6">
        <v>2292681</v>
      </c>
      <c r="J117" s="6">
        <v>2204975</v>
      </c>
      <c r="K117" s="6">
        <v>556075</v>
      </c>
      <c r="L117" s="6">
        <v>3606</v>
      </c>
    </row>
    <row r="118" spans="1:12">
      <c r="A118" s="9" t="s">
        <v>27</v>
      </c>
      <c r="B118" s="9" t="s">
        <v>28</v>
      </c>
      <c r="C118" s="9" t="s">
        <v>29</v>
      </c>
      <c r="D118" s="9" t="s">
        <v>264</v>
      </c>
      <c r="E118" s="9" t="s">
        <v>227</v>
      </c>
      <c r="F118" s="9" t="s">
        <v>282</v>
      </c>
      <c r="G118" s="9" t="s">
        <v>272</v>
      </c>
      <c r="H118" s="6">
        <v>96279</v>
      </c>
      <c r="I118" s="6">
        <v>49450</v>
      </c>
      <c r="J118" s="6">
        <v>46990</v>
      </c>
      <c r="K118" s="6">
        <v>46598</v>
      </c>
      <c r="L118" s="6">
        <v>231</v>
      </c>
    </row>
    <row r="119" spans="1:12">
      <c r="A119" s="9" t="s">
        <v>27</v>
      </c>
      <c r="B119" s="9" t="s">
        <v>28</v>
      </c>
      <c r="C119" s="9" t="s">
        <v>29</v>
      </c>
      <c r="D119" s="9" t="s">
        <v>264</v>
      </c>
      <c r="E119" s="9" t="s">
        <v>227</v>
      </c>
      <c r="F119" s="9" t="s">
        <v>282</v>
      </c>
      <c r="G119" s="9" t="s">
        <v>273</v>
      </c>
      <c r="H119" s="6">
        <v>201405</v>
      </c>
      <c r="I119" s="6">
        <v>139692</v>
      </c>
      <c r="J119" s="6">
        <v>133027</v>
      </c>
      <c r="K119" s="6">
        <v>61310</v>
      </c>
      <c r="L119" s="6">
        <v>403</v>
      </c>
    </row>
    <row r="120" spans="1:12">
      <c r="A120" s="9" t="s">
        <v>27</v>
      </c>
      <c r="B120" s="9" t="s">
        <v>28</v>
      </c>
      <c r="C120" s="9" t="s">
        <v>29</v>
      </c>
      <c r="D120" s="9" t="s">
        <v>264</v>
      </c>
      <c r="E120" s="9" t="s">
        <v>227</v>
      </c>
      <c r="F120" s="9" t="s">
        <v>282</v>
      </c>
      <c r="G120" s="9" t="s">
        <v>274</v>
      </c>
      <c r="H120" s="6">
        <v>284106</v>
      </c>
      <c r="I120" s="6">
        <v>226424</v>
      </c>
      <c r="J120" s="6">
        <v>216938</v>
      </c>
      <c r="K120" s="6">
        <v>57319</v>
      </c>
      <c r="L120" s="6">
        <v>363</v>
      </c>
    </row>
    <row r="121" spans="1:12">
      <c r="A121" s="9" t="s">
        <v>27</v>
      </c>
      <c r="B121" s="9" t="s">
        <v>28</v>
      </c>
      <c r="C121" s="9" t="s">
        <v>29</v>
      </c>
      <c r="D121" s="9" t="s">
        <v>264</v>
      </c>
      <c r="E121" s="9" t="s">
        <v>227</v>
      </c>
      <c r="F121" s="9" t="s">
        <v>282</v>
      </c>
      <c r="G121" s="9" t="s">
        <v>275</v>
      </c>
      <c r="H121" s="6">
        <v>297280</v>
      </c>
      <c r="I121" s="6">
        <v>251042</v>
      </c>
      <c r="J121" s="6">
        <v>241465</v>
      </c>
      <c r="K121" s="6">
        <v>45958</v>
      </c>
      <c r="L121" s="6">
        <v>280</v>
      </c>
    </row>
    <row r="122" spans="1:12">
      <c r="A122" s="9" t="s">
        <v>27</v>
      </c>
      <c r="B122" s="9" t="s">
        <v>28</v>
      </c>
      <c r="C122" s="9" t="s">
        <v>29</v>
      </c>
      <c r="D122" s="9" t="s">
        <v>264</v>
      </c>
      <c r="E122" s="9" t="s">
        <v>227</v>
      </c>
      <c r="F122" s="9" t="s">
        <v>282</v>
      </c>
      <c r="G122" s="9" t="s">
        <v>276</v>
      </c>
      <c r="H122" s="6">
        <v>331408</v>
      </c>
      <c r="I122" s="6">
        <v>287245</v>
      </c>
      <c r="J122" s="6">
        <v>277192</v>
      </c>
      <c r="K122" s="6">
        <v>43813</v>
      </c>
      <c r="L122" s="6">
        <v>350</v>
      </c>
    </row>
    <row r="123" spans="1:12">
      <c r="A123" s="9" t="s">
        <v>27</v>
      </c>
      <c r="B123" s="9" t="s">
        <v>28</v>
      </c>
      <c r="C123" s="9" t="s">
        <v>29</v>
      </c>
      <c r="D123" s="9" t="s">
        <v>264</v>
      </c>
      <c r="E123" s="9" t="s">
        <v>227</v>
      </c>
      <c r="F123" s="9" t="s">
        <v>282</v>
      </c>
      <c r="G123" s="9" t="s">
        <v>277</v>
      </c>
      <c r="H123" s="6">
        <v>375641</v>
      </c>
      <c r="I123" s="6">
        <v>329411</v>
      </c>
      <c r="J123" s="6">
        <v>318528</v>
      </c>
      <c r="K123" s="6">
        <v>45829</v>
      </c>
      <c r="L123" s="6">
        <v>401</v>
      </c>
    </row>
    <row r="124" spans="1:12">
      <c r="A124" s="9" t="s">
        <v>27</v>
      </c>
      <c r="B124" s="9" t="s">
        <v>28</v>
      </c>
      <c r="C124" s="9" t="s">
        <v>29</v>
      </c>
      <c r="D124" s="9" t="s">
        <v>264</v>
      </c>
      <c r="E124" s="9" t="s">
        <v>227</v>
      </c>
      <c r="F124" s="9" t="s">
        <v>282</v>
      </c>
      <c r="G124" s="9" t="s">
        <v>278</v>
      </c>
      <c r="H124" s="6">
        <v>356654</v>
      </c>
      <c r="I124" s="6">
        <v>310777</v>
      </c>
      <c r="J124" s="6">
        <v>300923</v>
      </c>
      <c r="K124" s="6">
        <v>45570</v>
      </c>
      <c r="L124" s="6">
        <v>307</v>
      </c>
    </row>
    <row r="125" spans="1:12">
      <c r="A125" s="9" t="s">
        <v>27</v>
      </c>
      <c r="B125" s="9" t="s">
        <v>28</v>
      </c>
      <c r="C125" s="9" t="s">
        <v>29</v>
      </c>
      <c r="D125" s="9" t="s">
        <v>264</v>
      </c>
      <c r="E125" s="9" t="s">
        <v>227</v>
      </c>
      <c r="F125" s="9" t="s">
        <v>282</v>
      </c>
      <c r="G125" s="9" t="s">
        <v>279</v>
      </c>
      <c r="H125" s="6">
        <v>197021</v>
      </c>
      <c r="I125" s="6">
        <v>168278</v>
      </c>
      <c r="J125" s="6">
        <v>162923</v>
      </c>
      <c r="K125" s="6">
        <v>28521</v>
      </c>
      <c r="L125" s="6">
        <v>222</v>
      </c>
    </row>
    <row r="126" spans="1:12">
      <c r="A126" s="9" t="s">
        <v>27</v>
      </c>
      <c r="B126" s="9" t="s">
        <v>28</v>
      </c>
      <c r="C126" s="9" t="s">
        <v>29</v>
      </c>
      <c r="D126" s="9" t="s">
        <v>264</v>
      </c>
      <c r="E126" s="9" t="s">
        <v>227</v>
      </c>
      <c r="F126" s="9" t="s">
        <v>282</v>
      </c>
      <c r="G126" s="9" t="s">
        <v>280</v>
      </c>
      <c r="H126" s="6">
        <v>712568</v>
      </c>
      <c r="I126" s="6">
        <v>530362</v>
      </c>
      <c r="J126" s="6">
        <v>506989</v>
      </c>
      <c r="K126" s="6">
        <v>181157</v>
      </c>
      <c r="L126" s="6">
        <v>1049</v>
      </c>
    </row>
    <row r="127" spans="1:12">
      <c r="A127" s="9" t="s">
        <v>27</v>
      </c>
      <c r="B127" s="9" t="s">
        <v>28</v>
      </c>
      <c r="C127" s="9" t="s">
        <v>29</v>
      </c>
      <c r="D127" s="9" t="s">
        <v>264</v>
      </c>
      <c r="E127" s="9" t="s">
        <v>227</v>
      </c>
      <c r="F127" s="9" t="s">
        <v>283</v>
      </c>
      <c r="G127" s="9" t="s">
        <v>6</v>
      </c>
      <c r="H127" s="6">
        <v>1325281</v>
      </c>
      <c r="I127" s="6">
        <v>1080929</v>
      </c>
      <c r="J127" s="6">
        <v>1035730</v>
      </c>
      <c r="K127" s="6">
        <v>242355</v>
      </c>
      <c r="L127" s="6">
        <v>1997</v>
      </c>
    </row>
    <row r="128" spans="1:12">
      <c r="A128" s="9" t="s">
        <v>27</v>
      </c>
      <c r="B128" s="9" t="s">
        <v>28</v>
      </c>
      <c r="C128" s="9" t="s">
        <v>29</v>
      </c>
      <c r="D128" s="9" t="s">
        <v>264</v>
      </c>
      <c r="E128" s="9" t="s">
        <v>227</v>
      </c>
      <c r="F128" s="9" t="s">
        <v>283</v>
      </c>
      <c r="G128" s="9" t="s">
        <v>272</v>
      </c>
      <c r="H128" s="6">
        <v>72640</v>
      </c>
      <c r="I128" s="6">
        <v>39357</v>
      </c>
      <c r="J128" s="6">
        <v>36742</v>
      </c>
      <c r="K128" s="6">
        <v>33062</v>
      </c>
      <c r="L128" s="6">
        <v>221</v>
      </c>
    </row>
    <row r="129" spans="1:12">
      <c r="A129" s="9" t="s">
        <v>27</v>
      </c>
      <c r="B129" s="9" t="s">
        <v>28</v>
      </c>
      <c r="C129" s="9" t="s">
        <v>29</v>
      </c>
      <c r="D129" s="9" t="s">
        <v>264</v>
      </c>
      <c r="E129" s="9" t="s">
        <v>227</v>
      </c>
      <c r="F129" s="9" t="s">
        <v>283</v>
      </c>
      <c r="G129" s="9" t="s">
        <v>273</v>
      </c>
      <c r="H129" s="6">
        <v>148279</v>
      </c>
      <c r="I129" s="6">
        <v>105174</v>
      </c>
      <c r="J129" s="6">
        <v>99747</v>
      </c>
      <c r="K129" s="6">
        <v>42846</v>
      </c>
      <c r="L129" s="6">
        <v>259</v>
      </c>
    </row>
    <row r="130" spans="1:12">
      <c r="A130" s="9" t="s">
        <v>27</v>
      </c>
      <c r="B130" s="9" t="s">
        <v>28</v>
      </c>
      <c r="C130" s="9" t="s">
        <v>29</v>
      </c>
      <c r="D130" s="9" t="s">
        <v>264</v>
      </c>
      <c r="E130" s="9" t="s">
        <v>227</v>
      </c>
      <c r="F130" s="9" t="s">
        <v>283</v>
      </c>
      <c r="G130" s="9" t="s">
        <v>274</v>
      </c>
      <c r="H130" s="6">
        <v>221655</v>
      </c>
      <c r="I130" s="6">
        <v>181761</v>
      </c>
      <c r="J130" s="6">
        <v>173449</v>
      </c>
      <c r="K130" s="6">
        <v>39587</v>
      </c>
      <c r="L130" s="6">
        <v>307</v>
      </c>
    </row>
    <row r="131" spans="1:12">
      <c r="A131" s="9" t="s">
        <v>27</v>
      </c>
      <c r="B131" s="9" t="s">
        <v>28</v>
      </c>
      <c r="C131" s="9" t="s">
        <v>29</v>
      </c>
      <c r="D131" s="9" t="s">
        <v>264</v>
      </c>
      <c r="E131" s="9" t="s">
        <v>227</v>
      </c>
      <c r="F131" s="9" t="s">
        <v>283</v>
      </c>
      <c r="G131" s="9" t="s">
        <v>275</v>
      </c>
      <c r="H131" s="6">
        <v>223606</v>
      </c>
      <c r="I131" s="6">
        <v>193815</v>
      </c>
      <c r="J131" s="6">
        <v>186360</v>
      </c>
      <c r="K131" s="6">
        <v>29495</v>
      </c>
      <c r="L131" s="6">
        <v>296</v>
      </c>
    </row>
    <row r="132" spans="1:12">
      <c r="A132" s="9" t="s">
        <v>27</v>
      </c>
      <c r="B132" s="9" t="s">
        <v>28</v>
      </c>
      <c r="C132" s="9" t="s">
        <v>29</v>
      </c>
      <c r="D132" s="9" t="s">
        <v>264</v>
      </c>
      <c r="E132" s="9" t="s">
        <v>227</v>
      </c>
      <c r="F132" s="9" t="s">
        <v>283</v>
      </c>
      <c r="G132" s="9" t="s">
        <v>276</v>
      </c>
      <c r="H132" s="6">
        <v>212640</v>
      </c>
      <c r="I132" s="6">
        <v>188122</v>
      </c>
      <c r="J132" s="6">
        <v>181242</v>
      </c>
      <c r="K132" s="6">
        <v>24243</v>
      </c>
      <c r="L132" s="6">
        <v>275</v>
      </c>
    </row>
    <row r="133" spans="1:12">
      <c r="A133" s="9" t="s">
        <v>27</v>
      </c>
      <c r="B133" s="9" t="s">
        <v>28</v>
      </c>
      <c r="C133" s="9" t="s">
        <v>29</v>
      </c>
      <c r="D133" s="9" t="s">
        <v>264</v>
      </c>
      <c r="E133" s="9" t="s">
        <v>227</v>
      </c>
      <c r="F133" s="9" t="s">
        <v>283</v>
      </c>
      <c r="G133" s="9" t="s">
        <v>277</v>
      </c>
      <c r="H133" s="6">
        <v>169718</v>
      </c>
      <c r="I133" s="6">
        <v>149262</v>
      </c>
      <c r="J133" s="6">
        <v>144070</v>
      </c>
      <c r="K133" s="6">
        <v>20200</v>
      </c>
      <c r="L133" s="6">
        <v>256</v>
      </c>
    </row>
    <row r="134" spans="1:12">
      <c r="A134" s="9" t="s">
        <v>27</v>
      </c>
      <c r="B134" s="9" t="s">
        <v>28</v>
      </c>
      <c r="C134" s="9" t="s">
        <v>29</v>
      </c>
      <c r="D134" s="9" t="s">
        <v>264</v>
      </c>
      <c r="E134" s="9" t="s">
        <v>227</v>
      </c>
      <c r="F134" s="9" t="s">
        <v>283</v>
      </c>
      <c r="G134" s="9" t="s">
        <v>278</v>
      </c>
      <c r="H134" s="6">
        <v>111498</v>
      </c>
      <c r="I134" s="6">
        <v>95934</v>
      </c>
      <c r="J134" s="6">
        <v>92382</v>
      </c>
      <c r="K134" s="6">
        <v>15437</v>
      </c>
      <c r="L134" s="6">
        <v>127</v>
      </c>
    </row>
    <row r="135" spans="1:12">
      <c r="A135" s="9" t="s">
        <v>27</v>
      </c>
      <c r="B135" s="9" t="s">
        <v>28</v>
      </c>
      <c r="C135" s="9" t="s">
        <v>29</v>
      </c>
      <c r="D135" s="9" t="s">
        <v>264</v>
      </c>
      <c r="E135" s="9" t="s">
        <v>227</v>
      </c>
      <c r="F135" s="9" t="s">
        <v>283</v>
      </c>
      <c r="G135" s="9" t="s">
        <v>279</v>
      </c>
      <c r="H135" s="6">
        <v>52602</v>
      </c>
      <c r="I135" s="6">
        <v>43736</v>
      </c>
      <c r="J135" s="6">
        <v>42086</v>
      </c>
      <c r="K135" s="6">
        <v>8795</v>
      </c>
      <c r="L135" s="6">
        <v>71</v>
      </c>
    </row>
    <row r="136" spans="1:12">
      <c r="A136" s="9" t="s">
        <v>27</v>
      </c>
      <c r="B136" s="9" t="s">
        <v>28</v>
      </c>
      <c r="C136" s="9" t="s">
        <v>29</v>
      </c>
      <c r="D136" s="9" t="s">
        <v>264</v>
      </c>
      <c r="E136" s="9" t="s">
        <v>227</v>
      </c>
      <c r="F136" s="9" t="s">
        <v>283</v>
      </c>
      <c r="G136" s="9" t="s">
        <v>280</v>
      </c>
      <c r="H136" s="6">
        <v>112643</v>
      </c>
      <c r="I136" s="6">
        <v>83768</v>
      </c>
      <c r="J136" s="6">
        <v>79652</v>
      </c>
      <c r="K136" s="6">
        <v>28690</v>
      </c>
      <c r="L136" s="6">
        <v>185</v>
      </c>
    </row>
    <row r="137" spans="1:12">
      <c r="A137" s="9" t="s">
        <v>27</v>
      </c>
      <c r="B137" s="9" t="s">
        <v>28</v>
      </c>
      <c r="C137" s="9" t="s">
        <v>29</v>
      </c>
      <c r="D137" s="9" t="s">
        <v>264</v>
      </c>
      <c r="E137" s="9" t="s">
        <v>228</v>
      </c>
      <c r="F137" s="9" t="s">
        <v>6</v>
      </c>
      <c r="G137" s="9" t="s">
        <v>6</v>
      </c>
      <c r="H137" s="6">
        <v>1133522</v>
      </c>
      <c r="I137" s="6">
        <v>316557</v>
      </c>
      <c r="J137" s="6">
        <v>285477</v>
      </c>
      <c r="K137" s="6">
        <v>814779</v>
      </c>
      <c r="L137" s="6">
        <v>2186</v>
      </c>
    </row>
    <row r="138" spans="1:12">
      <c r="A138" s="9" t="s">
        <v>27</v>
      </c>
      <c r="B138" s="9" t="s">
        <v>28</v>
      </c>
      <c r="C138" s="9" t="s">
        <v>29</v>
      </c>
      <c r="D138" s="9" t="s">
        <v>264</v>
      </c>
      <c r="E138" s="9" t="s">
        <v>228</v>
      </c>
      <c r="F138" s="9" t="s">
        <v>234</v>
      </c>
      <c r="G138" s="9" t="s">
        <v>6</v>
      </c>
      <c r="H138" s="6">
        <v>6572</v>
      </c>
      <c r="I138" s="6">
        <v>2735</v>
      </c>
      <c r="J138" s="6">
        <v>2508</v>
      </c>
      <c r="K138" s="6">
        <v>3802</v>
      </c>
      <c r="L138" s="6">
        <v>35</v>
      </c>
    </row>
    <row r="139" spans="1:12">
      <c r="A139" s="9" t="s">
        <v>27</v>
      </c>
      <c r="B139" s="9" t="s">
        <v>28</v>
      </c>
      <c r="C139" s="9" t="s">
        <v>29</v>
      </c>
      <c r="D139" s="9" t="s">
        <v>264</v>
      </c>
      <c r="E139" s="9" t="s">
        <v>228</v>
      </c>
      <c r="F139" s="9" t="s">
        <v>235</v>
      </c>
      <c r="G139" s="9" t="s">
        <v>6</v>
      </c>
      <c r="H139" s="6">
        <v>1126950</v>
      </c>
      <c r="I139" s="6">
        <v>313822</v>
      </c>
      <c r="J139" s="6">
        <v>282969</v>
      </c>
      <c r="K139" s="6">
        <v>810977</v>
      </c>
      <c r="L139" s="6">
        <v>2151</v>
      </c>
    </row>
    <row r="140" spans="1:12">
      <c r="A140" s="9" t="s">
        <v>27</v>
      </c>
      <c r="B140" s="9" t="s">
        <v>28</v>
      </c>
      <c r="C140" s="9" t="s">
        <v>29</v>
      </c>
      <c r="D140" s="9" t="s">
        <v>264</v>
      </c>
      <c r="E140" s="9" t="s">
        <v>228</v>
      </c>
      <c r="F140" s="9" t="s">
        <v>235</v>
      </c>
      <c r="G140" s="9" t="s">
        <v>272</v>
      </c>
      <c r="H140" s="6">
        <v>7152</v>
      </c>
      <c r="I140" s="6">
        <v>2203</v>
      </c>
      <c r="J140" s="6">
        <v>2034</v>
      </c>
      <c r="K140" s="6">
        <v>4858</v>
      </c>
      <c r="L140" s="6">
        <v>91</v>
      </c>
    </row>
    <row r="141" spans="1:12">
      <c r="A141" s="9" t="s">
        <v>27</v>
      </c>
      <c r="B141" s="9" t="s">
        <v>28</v>
      </c>
      <c r="C141" s="9" t="s">
        <v>29</v>
      </c>
      <c r="D141" s="9" t="s">
        <v>264</v>
      </c>
      <c r="E141" s="9" t="s">
        <v>228</v>
      </c>
      <c r="F141" s="9" t="s">
        <v>235</v>
      </c>
      <c r="G141" s="9" t="s">
        <v>273</v>
      </c>
      <c r="H141" s="6">
        <v>9994</v>
      </c>
      <c r="I141" s="6">
        <v>4640</v>
      </c>
      <c r="J141" s="6">
        <v>4209</v>
      </c>
      <c r="K141" s="6">
        <v>5289</v>
      </c>
      <c r="L141" s="6">
        <v>65</v>
      </c>
    </row>
    <row r="142" spans="1:12">
      <c r="A142" s="9" t="s">
        <v>27</v>
      </c>
      <c r="B142" s="9" t="s">
        <v>28</v>
      </c>
      <c r="C142" s="9" t="s">
        <v>29</v>
      </c>
      <c r="D142" s="9" t="s">
        <v>264</v>
      </c>
      <c r="E142" s="9" t="s">
        <v>228</v>
      </c>
      <c r="F142" s="9" t="s">
        <v>235</v>
      </c>
      <c r="G142" s="9" t="s">
        <v>274</v>
      </c>
      <c r="H142" s="6">
        <v>11345</v>
      </c>
      <c r="I142" s="6">
        <v>6768</v>
      </c>
      <c r="J142" s="6">
        <v>6121</v>
      </c>
      <c r="K142" s="6">
        <v>4486</v>
      </c>
      <c r="L142" s="6">
        <v>91</v>
      </c>
    </row>
    <row r="143" spans="1:12">
      <c r="A143" s="9" t="s">
        <v>27</v>
      </c>
      <c r="B143" s="9" t="s">
        <v>28</v>
      </c>
      <c r="C143" s="9" t="s">
        <v>29</v>
      </c>
      <c r="D143" s="9" t="s">
        <v>264</v>
      </c>
      <c r="E143" s="9" t="s">
        <v>228</v>
      </c>
      <c r="F143" s="9" t="s">
        <v>235</v>
      </c>
      <c r="G143" s="9" t="s">
        <v>275</v>
      </c>
      <c r="H143" s="6">
        <v>11047</v>
      </c>
      <c r="I143" s="6">
        <v>7084</v>
      </c>
      <c r="J143" s="6">
        <v>6630</v>
      </c>
      <c r="K143" s="6">
        <v>3889</v>
      </c>
      <c r="L143" s="6">
        <v>74</v>
      </c>
    </row>
    <row r="144" spans="1:12">
      <c r="A144" s="9" t="s">
        <v>27</v>
      </c>
      <c r="B144" s="9" t="s">
        <v>28</v>
      </c>
      <c r="C144" s="9" t="s">
        <v>29</v>
      </c>
      <c r="D144" s="9" t="s">
        <v>264</v>
      </c>
      <c r="E144" s="9" t="s">
        <v>228</v>
      </c>
      <c r="F144" s="9" t="s">
        <v>235</v>
      </c>
      <c r="G144" s="9" t="s">
        <v>276</v>
      </c>
      <c r="H144" s="6">
        <v>11890</v>
      </c>
      <c r="I144" s="6">
        <v>8347</v>
      </c>
      <c r="J144" s="6">
        <v>7793</v>
      </c>
      <c r="K144" s="6">
        <v>3466</v>
      </c>
      <c r="L144" s="6">
        <v>77</v>
      </c>
    </row>
    <row r="145" spans="1:12">
      <c r="A145" s="9" t="s">
        <v>27</v>
      </c>
      <c r="B145" s="9" t="s">
        <v>28</v>
      </c>
      <c r="C145" s="9" t="s">
        <v>29</v>
      </c>
      <c r="D145" s="9" t="s">
        <v>264</v>
      </c>
      <c r="E145" s="9" t="s">
        <v>228</v>
      </c>
      <c r="F145" s="9" t="s">
        <v>235</v>
      </c>
      <c r="G145" s="9" t="s">
        <v>277</v>
      </c>
      <c r="H145" s="6">
        <v>13294</v>
      </c>
      <c r="I145" s="6">
        <v>9486</v>
      </c>
      <c r="J145" s="6">
        <v>8915</v>
      </c>
      <c r="K145" s="6">
        <v>3745</v>
      </c>
      <c r="L145" s="6">
        <v>63</v>
      </c>
    </row>
    <row r="146" spans="1:12">
      <c r="A146" s="9" t="s">
        <v>27</v>
      </c>
      <c r="B146" s="9" t="s">
        <v>28</v>
      </c>
      <c r="C146" s="9" t="s">
        <v>29</v>
      </c>
      <c r="D146" s="9" t="s">
        <v>264</v>
      </c>
      <c r="E146" s="9" t="s">
        <v>228</v>
      </c>
      <c r="F146" s="9" t="s">
        <v>235</v>
      </c>
      <c r="G146" s="9" t="s">
        <v>278</v>
      </c>
      <c r="H146" s="6">
        <v>16631</v>
      </c>
      <c r="I146" s="6">
        <v>11617</v>
      </c>
      <c r="J146" s="6">
        <v>10999</v>
      </c>
      <c r="K146" s="6">
        <v>4907</v>
      </c>
      <c r="L146" s="6">
        <v>107</v>
      </c>
    </row>
    <row r="147" spans="1:12">
      <c r="A147" s="9" t="s">
        <v>27</v>
      </c>
      <c r="B147" s="9" t="s">
        <v>28</v>
      </c>
      <c r="C147" s="9" t="s">
        <v>29</v>
      </c>
      <c r="D147" s="9" t="s">
        <v>264</v>
      </c>
      <c r="E147" s="9" t="s">
        <v>228</v>
      </c>
      <c r="F147" s="9" t="s">
        <v>235</v>
      </c>
      <c r="G147" s="9" t="s">
        <v>279</v>
      </c>
      <c r="H147" s="6">
        <v>11929</v>
      </c>
      <c r="I147" s="6">
        <v>8481</v>
      </c>
      <c r="J147" s="6">
        <v>8015</v>
      </c>
      <c r="K147" s="6">
        <v>3407</v>
      </c>
      <c r="L147" s="6">
        <v>41</v>
      </c>
    </row>
    <row r="148" spans="1:12">
      <c r="A148" s="9" t="s">
        <v>27</v>
      </c>
      <c r="B148" s="9" t="s">
        <v>28</v>
      </c>
      <c r="C148" s="9" t="s">
        <v>29</v>
      </c>
      <c r="D148" s="9" t="s">
        <v>264</v>
      </c>
      <c r="E148" s="9" t="s">
        <v>228</v>
      </c>
      <c r="F148" s="9" t="s">
        <v>235</v>
      </c>
      <c r="G148" s="9" t="s">
        <v>280</v>
      </c>
      <c r="H148" s="6">
        <v>1033668</v>
      </c>
      <c r="I148" s="6">
        <v>255196</v>
      </c>
      <c r="J148" s="6">
        <v>228253</v>
      </c>
      <c r="K148" s="6">
        <v>776930</v>
      </c>
      <c r="L148" s="6">
        <v>1542</v>
      </c>
    </row>
    <row r="149" spans="1:12">
      <c r="A149" s="9" t="s">
        <v>27</v>
      </c>
      <c r="B149" s="9" t="s">
        <v>28</v>
      </c>
      <c r="C149" s="9" t="s">
        <v>29</v>
      </c>
      <c r="D149" s="9" t="s">
        <v>264</v>
      </c>
      <c r="E149" s="9" t="s">
        <v>228</v>
      </c>
      <c r="F149" s="9" t="s">
        <v>281</v>
      </c>
      <c r="G149" s="9" t="s">
        <v>6</v>
      </c>
      <c r="H149" s="6">
        <v>844883</v>
      </c>
      <c r="I149" s="6">
        <v>205153</v>
      </c>
      <c r="J149" s="6">
        <v>183244</v>
      </c>
      <c r="K149" s="6">
        <v>638345</v>
      </c>
      <c r="L149" s="6">
        <v>1385</v>
      </c>
    </row>
    <row r="150" spans="1:12">
      <c r="A150" s="9" t="s">
        <v>27</v>
      </c>
      <c r="B150" s="9" t="s">
        <v>28</v>
      </c>
      <c r="C150" s="9" t="s">
        <v>29</v>
      </c>
      <c r="D150" s="9" t="s">
        <v>264</v>
      </c>
      <c r="E150" s="9" t="s">
        <v>228</v>
      </c>
      <c r="F150" s="9" t="s">
        <v>281</v>
      </c>
      <c r="G150" s="9" t="s">
        <v>272</v>
      </c>
      <c r="H150" s="6">
        <v>3579</v>
      </c>
      <c r="I150" s="6">
        <v>1024</v>
      </c>
      <c r="J150" s="6">
        <v>943</v>
      </c>
      <c r="K150" s="6">
        <v>2493</v>
      </c>
      <c r="L150" s="6">
        <v>62</v>
      </c>
    </row>
    <row r="151" spans="1:12">
      <c r="A151" s="9" t="s">
        <v>27</v>
      </c>
      <c r="B151" s="9" t="s">
        <v>28</v>
      </c>
      <c r="C151" s="9" t="s">
        <v>29</v>
      </c>
      <c r="D151" s="9" t="s">
        <v>264</v>
      </c>
      <c r="E151" s="9" t="s">
        <v>228</v>
      </c>
      <c r="F151" s="9" t="s">
        <v>281</v>
      </c>
      <c r="G151" s="9" t="s">
        <v>273</v>
      </c>
      <c r="H151" s="6">
        <v>4153</v>
      </c>
      <c r="I151" s="6">
        <v>1887</v>
      </c>
      <c r="J151" s="6">
        <v>1727</v>
      </c>
      <c r="K151" s="6">
        <v>2241</v>
      </c>
      <c r="L151" s="6">
        <v>25</v>
      </c>
    </row>
    <row r="152" spans="1:12">
      <c r="A152" s="9" t="s">
        <v>27</v>
      </c>
      <c r="B152" s="9" t="s">
        <v>28</v>
      </c>
      <c r="C152" s="9" t="s">
        <v>29</v>
      </c>
      <c r="D152" s="9" t="s">
        <v>264</v>
      </c>
      <c r="E152" s="9" t="s">
        <v>228</v>
      </c>
      <c r="F152" s="9" t="s">
        <v>281</v>
      </c>
      <c r="G152" s="9" t="s">
        <v>274</v>
      </c>
      <c r="H152" s="6">
        <v>3733</v>
      </c>
      <c r="I152" s="6">
        <v>2179</v>
      </c>
      <c r="J152" s="6">
        <v>1957</v>
      </c>
      <c r="K152" s="6">
        <v>1539</v>
      </c>
      <c r="L152" s="6">
        <v>15</v>
      </c>
    </row>
    <row r="153" spans="1:12">
      <c r="A153" s="9" t="s">
        <v>27</v>
      </c>
      <c r="B153" s="9" t="s">
        <v>28</v>
      </c>
      <c r="C153" s="9" t="s">
        <v>29</v>
      </c>
      <c r="D153" s="9" t="s">
        <v>264</v>
      </c>
      <c r="E153" s="9" t="s">
        <v>228</v>
      </c>
      <c r="F153" s="9" t="s">
        <v>281</v>
      </c>
      <c r="G153" s="9" t="s">
        <v>275</v>
      </c>
      <c r="H153" s="6">
        <v>3274</v>
      </c>
      <c r="I153" s="6">
        <v>2079</v>
      </c>
      <c r="J153" s="6">
        <v>1903</v>
      </c>
      <c r="K153" s="6">
        <v>1171</v>
      </c>
      <c r="L153" s="6">
        <v>24</v>
      </c>
    </row>
    <row r="154" spans="1:12">
      <c r="A154" s="9" t="s">
        <v>27</v>
      </c>
      <c r="B154" s="9" t="s">
        <v>28</v>
      </c>
      <c r="C154" s="9" t="s">
        <v>29</v>
      </c>
      <c r="D154" s="9" t="s">
        <v>264</v>
      </c>
      <c r="E154" s="9" t="s">
        <v>228</v>
      </c>
      <c r="F154" s="9" t="s">
        <v>281</v>
      </c>
      <c r="G154" s="9" t="s">
        <v>276</v>
      </c>
      <c r="H154" s="6">
        <v>3441</v>
      </c>
      <c r="I154" s="6">
        <v>2365</v>
      </c>
      <c r="J154" s="6">
        <v>2209</v>
      </c>
      <c r="K154" s="6">
        <v>1053</v>
      </c>
      <c r="L154" s="6">
        <v>23</v>
      </c>
    </row>
    <row r="155" spans="1:12">
      <c r="A155" s="9" t="s">
        <v>27</v>
      </c>
      <c r="B155" s="9" t="s">
        <v>28</v>
      </c>
      <c r="C155" s="9" t="s">
        <v>29</v>
      </c>
      <c r="D155" s="9" t="s">
        <v>264</v>
      </c>
      <c r="E155" s="9" t="s">
        <v>228</v>
      </c>
      <c r="F155" s="9" t="s">
        <v>281</v>
      </c>
      <c r="G155" s="9" t="s">
        <v>277</v>
      </c>
      <c r="H155" s="6">
        <v>4138</v>
      </c>
      <c r="I155" s="6">
        <v>2847</v>
      </c>
      <c r="J155" s="6">
        <v>2644</v>
      </c>
      <c r="K155" s="6">
        <v>1277</v>
      </c>
      <c r="L155" s="6">
        <v>14</v>
      </c>
    </row>
    <row r="156" spans="1:12">
      <c r="A156" s="9" t="s">
        <v>27</v>
      </c>
      <c r="B156" s="9" t="s">
        <v>28</v>
      </c>
      <c r="C156" s="9" t="s">
        <v>29</v>
      </c>
      <c r="D156" s="9" t="s">
        <v>264</v>
      </c>
      <c r="E156" s="9" t="s">
        <v>228</v>
      </c>
      <c r="F156" s="9" t="s">
        <v>281</v>
      </c>
      <c r="G156" s="9" t="s">
        <v>278</v>
      </c>
      <c r="H156" s="6">
        <v>6457</v>
      </c>
      <c r="I156" s="6">
        <v>4446</v>
      </c>
      <c r="J156" s="6">
        <v>4174</v>
      </c>
      <c r="K156" s="6">
        <v>1982</v>
      </c>
      <c r="L156" s="6">
        <v>29</v>
      </c>
    </row>
    <row r="157" spans="1:12">
      <c r="A157" s="9" t="s">
        <v>27</v>
      </c>
      <c r="B157" s="9" t="s">
        <v>28</v>
      </c>
      <c r="C157" s="9" t="s">
        <v>29</v>
      </c>
      <c r="D157" s="9" t="s">
        <v>264</v>
      </c>
      <c r="E157" s="9" t="s">
        <v>228</v>
      </c>
      <c r="F157" s="9" t="s">
        <v>281</v>
      </c>
      <c r="G157" s="9" t="s">
        <v>279</v>
      </c>
      <c r="H157" s="6">
        <v>5245</v>
      </c>
      <c r="I157" s="6">
        <v>3583</v>
      </c>
      <c r="J157" s="6">
        <v>3367</v>
      </c>
      <c r="K157" s="6">
        <v>1643</v>
      </c>
      <c r="L157" s="6">
        <v>19</v>
      </c>
    </row>
    <row r="158" spans="1:12">
      <c r="A158" s="9" t="s">
        <v>27</v>
      </c>
      <c r="B158" s="9" t="s">
        <v>28</v>
      </c>
      <c r="C158" s="9" t="s">
        <v>29</v>
      </c>
      <c r="D158" s="9" t="s">
        <v>264</v>
      </c>
      <c r="E158" s="9" t="s">
        <v>228</v>
      </c>
      <c r="F158" s="9" t="s">
        <v>281</v>
      </c>
      <c r="G158" s="9" t="s">
        <v>280</v>
      </c>
      <c r="H158" s="6">
        <v>810863</v>
      </c>
      <c r="I158" s="6">
        <v>184743</v>
      </c>
      <c r="J158" s="6">
        <v>164320</v>
      </c>
      <c r="K158" s="6">
        <v>624946</v>
      </c>
      <c r="L158" s="6">
        <v>1174</v>
      </c>
    </row>
    <row r="159" spans="1:12">
      <c r="A159" s="9" t="s">
        <v>27</v>
      </c>
      <c r="B159" s="9" t="s">
        <v>28</v>
      </c>
      <c r="C159" s="9" t="s">
        <v>29</v>
      </c>
      <c r="D159" s="9" t="s">
        <v>264</v>
      </c>
      <c r="E159" s="9" t="s">
        <v>228</v>
      </c>
      <c r="F159" s="9" t="s">
        <v>282</v>
      </c>
      <c r="G159" s="9" t="s">
        <v>6</v>
      </c>
      <c r="H159" s="6">
        <v>237258</v>
      </c>
      <c r="I159" s="6">
        <v>86068</v>
      </c>
      <c r="J159" s="6">
        <v>78803</v>
      </c>
      <c r="K159" s="6">
        <v>150696</v>
      </c>
      <c r="L159" s="6">
        <v>494</v>
      </c>
    </row>
    <row r="160" spans="1:12">
      <c r="A160" s="9" t="s">
        <v>27</v>
      </c>
      <c r="B160" s="9" t="s">
        <v>28</v>
      </c>
      <c r="C160" s="9" t="s">
        <v>29</v>
      </c>
      <c r="D160" s="9" t="s">
        <v>264</v>
      </c>
      <c r="E160" s="9" t="s">
        <v>228</v>
      </c>
      <c r="F160" s="9" t="s">
        <v>282</v>
      </c>
      <c r="G160" s="9" t="s">
        <v>272</v>
      </c>
      <c r="H160" s="6">
        <v>2105</v>
      </c>
      <c r="I160" s="6">
        <v>681</v>
      </c>
      <c r="J160" s="6">
        <v>621</v>
      </c>
      <c r="K160" s="6">
        <v>1412</v>
      </c>
      <c r="L160" s="6">
        <v>12</v>
      </c>
    </row>
    <row r="161" spans="1:12">
      <c r="A161" s="9" t="s">
        <v>27</v>
      </c>
      <c r="B161" s="9" t="s">
        <v>28</v>
      </c>
      <c r="C161" s="9" t="s">
        <v>29</v>
      </c>
      <c r="D161" s="9" t="s">
        <v>264</v>
      </c>
      <c r="E161" s="9" t="s">
        <v>228</v>
      </c>
      <c r="F161" s="9" t="s">
        <v>282</v>
      </c>
      <c r="G161" s="9" t="s">
        <v>273</v>
      </c>
      <c r="H161" s="6">
        <v>3398</v>
      </c>
      <c r="I161" s="6">
        <v>1592</v>
      </c>
      <c r="J161" s="6">
        <v>1442</v>
      </c>
      <c r="K161" s="6">
        <v>1781</v>
      </c>
      <c r="L161" s="6">
        <v>25</v>
      </c>
    </row>
    <row r="162" spans="1:12">
      <c r="A162" s="9" t="s">
        <v>27</v>
      </c>
      <c r="B162" s="9" t="s">
        <v>28</v>
      </c>
      <c r="C162" s="9" t="s">
        <v>29</v>
      </c>
      <c r="D162" s="9" t="s">
        <v>264</v>
      </c>
      <c r="E162" s="9" t="s">
        <v>228</v>
      </c>
      <c r="F162" s="9" t="s">
        <v>282</v>
      </c>
      <c r="G162" s="9" t="s">
        <v>274</v>
      </c>
      <c r="H162" s="6">
        <v>4245</v>
      </c>
      <c r="I162" s="6">
        <v>2558</v>
      </c>
      <c r="J162" s="6">
        <v>2363</v>
      </c>
      <c r="K162" s="6">
        <v>1663</v>
      </c>
      <c r="L162" s="6">
        <v>24</v>
      </c>
    </row>
    <row r="163" spans="1:12">
      <c r="A163" s="9" t="s">
        <v>27</v>
      </c>
      <c r="B163" s="9" t="s">
        <v>28</v>
      </c>
      <c r="C163" s="9" t="s">
        <v>29</v>
      </c>
      <c r="D163" s="9" t="s">
        <v>264</v>
      </c>
      <c r="E163" s="9" t="s">
        <v>228</v>
      </c>
      <c r="F163" s="9" t="s">
        <v>282</v>
      </c>
      <c r="G163" s="9" t="s">
        <v>275</v>
      </c>
      <c r="H163" s="6">
        <v>4226</v>
      </c>
      <c r="I163" s="6">
        <v>2860</v>
      </c>
      <c r="J163" s="6">
        <v>2696</v>
      </c>
      <c r="K163" s="6">
        <v>1346</v>
      </c>
      <c r="L163" s="6">
        <v>20</v>
      </c>
    </row>
    <row r="164" spans="1:12">
      <c r="A164" s="9" t="s">
        <v>27</v>
      </c>
      <c r="B164" s="9" t="s">
        <v>28</v>
      </c>
      <c r="C164" s="9" t="s">
        <v>29</v>
      </c>
      <c r="D164" s="9" t="s">
        <v>264</v>
      </c>
      <c r="E164" s="9" t="s">
        <v>228</v>
      </c>
      <c r="F164" s="9" t="s">
        <v>282</v>
      </c>
      <c r="G164" s="9" t="s">
        <v>276</v>
      </c>
      <c r="H164" s="6">
        <v>5150</v>
      </c>
      <c r="I164" s="6">
        <v>3707</v>
      </c>
      <c r="J164" s="6">
        <v>3450</v>
      </c>
      <c r="K164" s="6">
        <v>1422</v>
      </c>
      <c r="L164" s="6">
        <v>21</v>
      </c>
    </row>
    <row r="165" spans="1:12">
      <c r="A165" s="9" t="s">
        <v>27</v>
      </c>
      <c r="B165" s="9" t="s">
        <v>28</v>
      </c>
      <c r="C165" s="9" t="s">
        <v>29</v>
      </c>
      <c r="D165" s="9" t="s">
        <v>264</v>
      </c>
      <c r="E165" s="9" t="s">
        <v>228</v>
      </c>
      <c r="F165" s="9" t="s">
        <v>282</v>
      </c>
      <c r="G165" s="9" t="s">
        <v>277</v>
      </c>
      <c r="H165" s="6">
        <v>6250</v>
      </c>
      <c r="I165" s="6">
        <v>4492</v>
      </c>
      <c r="J165" s="6">
        <v>4252</v>
      </c>
      <c r="K165" s="6">
        <v>1735</v>
      </c>
      <c r="L165" s="6">
        <v>23</v>
      </c>
    </row>
    <row r="166" spans="1:12">
      <c r="A166" s="9" t="s">
        <v>27</v>
      </c>
      <c r="B166" s="9" t="s">
        <v>28</v>
      </c>
      <c r="C166" s="9" t="s">
        <v>29</v>
      </c>
      <c r="D166" s="9" t="s">
        <v>264</v>
      </c>
      <c r="E166" s="9" t="s">
        <v>228</v>
      </c>
      <c r="F166" s="9" t="s">
        <v>282</v>
      </c>
      <c r="G166" s="9" t="s">
        <v>278</v>
      </c>
      <c r="H166" s="6">
        <v>7466</v>
      </c>
      <c r="I166" s="6">
        <v>5272</v>
      </c>
      <c r="J166" s="6">
        <v>5009</v>
      </c>
      <c r="K166" s="6">
        <v>2155</v>
      </c>
      <c r="L166" s="6">
        <v>39</v>
      </c>
    </row>
    <row r="167" spans="1:12">
      <c r="A167" s="9" t="s">
        <v>27</v>
      </c>
      <c r="B167" s="9" t="s">
        <v>28</v>
      </c>
      <c r="C167" s="9" t="s">
        <v>29</v>
      </c>
      <c r="D167" s="9" t="s">
        <v>264</v>
      </c>
      <c r="E167" s="9" t="s">
        <v>228</v>
      </c>
      <c r="F167" s="9" t="s">
        <v>282</v>
      </c>
      <c r="G167" s="9" t="s">
        <v>279</v>
      </c>
      <c r="H167" s="6">
        <v>5048</v>
      </c>
      <c r="I167" s="6">
        <v>3682</v>
      </c>
      <c r="J167" s="6">
        <v>3483</v>
      </c>
      <c r="K167" s="6">
        <v>1351</v>
      </c>
      <c r="L167" s="6">
        <v>15</v>
      </c>
    </row>
    <row r="168" spans="1:12">
      <c r="A168" s="9" t="s">
        <v>27</v>
      </c>
      <c r="B168" s="9" t="s">
        <v>28</v>
      </c>
      <c r="C168" s="9" t="s">
        <v>29</v>
      </c>
      <c r="D168" s="9" t="s">
        <v>264</v>
      </c>
      <c r="E168" s="9" t="s">
        <v>228</v>
      </c>
      <c r="F168" s="9" t="s">
        <v>282</v>
      </c>
      <c r="G168" s="9" t="s">
        <v>280</v>
      </c>
      <c r="H168" s="6">
        <v>199370</v>
      </c>
      <c r="I168" s="6">
        <v>61224</v>
      </c>
      <c r="J168" s="6">
        <v>55487</v>
      </c>
      <c r="K168" s="6">
        <v>137831</v>
      </c>
      <c r="L168" s="6">
        <v>315</v>
      </c>
    </row>
    <row r="169" spans="1:12">
      <c r="A169" s="9" t="s">
        <v>27</v>
      </c>
      <c r="B169" s="9" t="s">
        <v>28</v>
      </c>
      <c r="C169" s="9" t="s">
        <v>29</v>
      </c>
      <c r="D169" s="9" t="s">
        <v>264</v>
      </c>
      <c r="E169" s="9" t="s">
        <v>228</v>
      </c>
      <c r="F169" s="9" t="s">
        <v>283</v>
      </c>
      <c r="G169" s="9" t="s">
        <v>6</v>
      </c>
      <c r="H169" s="6">
        <v>44809</v>
      </c>
      <c r="I169" s="6">
        <v>22601</v>
      </c>
      <c r="J169" s="6">
        <v>20922</v>
      </c>
      <c r="K169" s="6">
        <v>21936</v>
      </c>
      <c r="L169" s="6">
        <v>272</v>
      </c>
    </row>
    <row r="170" spans="1:12">
      <c r="A170" s="9" t="s">
        <v>27</v>
      </c>
      <c r="B170" s="9" t="s">
        <v>28</v>
      </c>
      <c r="C170" s="9" t="s">
        <v>29</v>
      </c>
      <c r="D170" s="9" t="s">
        <v>264</v>
      </c>
      <c r="E170" s="9" t="s">
        <v>228</v>
      </c>
      <c r="F170" s="9" t="s">
        <v>283</v>
      </c>
      <c r="G170" s="9" t="s">
        <v>272</v>
      </c>
      <c r="H170" s="6">
        <v>1468</v>
      </c>
      <c r="I170" s="6">
        <v>498</v>
      </c>
      <c r="J170" s="6">
        <v>470</v>
      </c>
      <c r="K170" s="6">
        <v>953</v>
      </c>
      <c r="L170" s="6">
        <v>17</v>
      </c>
    </row>
    <row r="171" spans="1:12">
      <c r="A171" s="9" t="s">
        <v>27</v>
      </c>
      <c r="B171" s="9" t="s">
        <v>28</v>
      </c>
      <c r="C171" s="9" t="s">
        <v>29</v>
      </c>
      <c r="D171" s="9" t="s">
        <v>264</v>
      </c>
      <c r="E171" s="9" t="s">
        <v>228</v>
      </c>
      <c r="F171" s="9" t="s">
        <v>283</v>
      </c>
      <c r="G171" s="9" t="s">
        <v>273</v>
      </c>
      <c r="H171" s="6">
        <v>2443</v>
      </c>
      <c r="I171" s="6">
        <v>1161</v>
      </c>
      <c r="J171" s="6">
        <v>1040</v>
      </c>
      <c r="K171" s="6">
        <v>1267</v>
      </c>
      <c r="L171" s="6">
        <v>15</v>
      </c>
    </row>
    <row r="172" spans="1:12">
      <c r="A172" s="9" t="s">
        <v>27</v>
      </c>
      <c r="B172" s="9" t="s">
        <v>28</v>
      </c>
      <c r="C172" s="9" t="s">
        <v>29</v>
      </c>
      <c r="D172" s="9" t="s">
        <v>264</v>
      </c>
      <c r="E172" s="9" t="s">
        <v>228</v>
      </c>
      <c r="F172" s="9" t="s">
        <v>283</v>
      </c>
      <c r="G172" s="9" t="s">
        <v>274</v>
      </c>
      <c r="H172" s="6">
        <v>3367</v>
      </c>
      <c r="I172" s="6">
        <v>2031</v>
      </c>
      <c r="J172" s="6">
        <v>1801</v>
      </c>
      <c r="K172" s="6">
        <v>1284</v>
      </c>
      <c r="L172" s="6">
        <v>52</v>
      </c>
    </row>
    <row r="173" spans="1:12">
      <c r="A173" s="9" t="s">
        <v>27</v>
      </c>
      <c r="B173" s="9" t="s">
        <v>28</v>
      </c>
      <c r="C173" s="9" t="s">
        <v>29</v>
      </c>
      <c r="D173" s="9" t="s">
        <v>264</v>
      </c>
      <c r="E173" s="9" t="s">
        <v>228</v>
      </c>
      <c r="F173" s="9" t="s">
        <v>283</v>
      </c>
      <c r="G173" s="9" t="s">
        <v>275</v>
      </c>
      <c r="H173" s="6">
        <v>3547</v>
      </c>
      <c r="I173" s="6">
        <v>2145</v>
      </c>
      <c r="J173" s="6">
        <v>2031</v>
      </c>
      <c r="K173" s="6">
        <v>1372</v>
      </c>
      <c r="L173" s="6">
        <v>30</v>
      </c>
    </row>
    <row r="174" spans="1:12">
      <c r="A174" s="9" t="s">
        <v>27</v>
      </c>
      <c r="B174" s="9" t="s">
        <v>28</v>
      </c>
      <c r="C174" s="9" t="s">
        <v>29</v>
      </c>
      <c r="D174" s="9" t="s">
        <v>264</v>
      </c>
      <c r="E174" s="9" t="s">
        <v>228</v>
      </c>
      <c r="F174" s="9" t="s">
        <v>283</v>
      </c>
      <c r="G174" s="9" t="s">
        <v>276</v>
      </c>
      <c r="H174" s="6">
        <v>3299</v>
      </c>
      <c r="I174" s="6">
        <v>2275</v>
      </c>
      <c r="J174" s="6">
        <v>2134</v>
      </c>
      <c r="K174" s="6">
        <v>991</v>
      </c>
      <c r="L174" s="6">
        <v>33</v>
      </c>
    </row>
    <row r="175" spans="1:12">
      <c r="A175" s="9" t="s">
        <v>27</v>
      </c>
      <c r="B175" s="9" t="s">
        <v>28</v>
      </c>
      <c r="C175" s="9" t="s">
        <v>29</v>
      </c>
      <c r="D175" s="9" t="s">
        <v>264</v>
      </c>
      <c r="E175" s="9" t="s">
        <v>228</v>
      </c>
      <c r="F175" s="9" t="s">
        <v>283</v>
      </c>
      <c r="G175" s="9" t="s">
        <v>277</v>
      </c>
      <c r="H175" s="6">
        <v>2906</v>
      </c>
      <c r="I175" s="6">
        <v>2147</v>
      </c>
      <c r="J175" s="6">
        <v>2019</v>
      </c>
      <c r="K175" s="6">
        <v>733</v>
      </c>
      <c r="L175" s="6">
        <v>26</v>
      </c>
    </row>
    <row r="176" spans="1:12">
      <c r="A176" s="9" t="s">
        <v>27</v>
      </c>
      <c r="B176" s="9" t="s">
        <v>28</v>
      </c>
      <c r="C176" s="9" t="s">
        <v>29</v>
      </c>
      <c r="D176" s="9" t="s">
        <v>264</v>
      </c>
      <c r="E176" s="9" t="s">
        <v>228</v>
      </c>
      <c r="F176" s="9" t="s">
        <v>283</v>
      </c>
      <c r="G176" s="9" t="s">
        <v>278</v>
      </c>
      <c r="H176" s="6">
        <v>2708</v>
      </c>
      <c r="I176" s="6">
        <v>1899</v>
      </c>
      <c r="J176" s="6">
        <v>1816</v>
      </c>
      <c r="K176" s="6">
        <v>770</v>
      </c>
      <c r="L176" s="6">
        <v>39</v>
      </c>
    </row>
    <row r="177" spans="1:12">
      <c r="A177" s="9" t="s">
        <v>27</v>
      </c>
      <c r="B177" s="9" t="s">
        <v>28</v>
      </c>
      <c r="C177" s="9" t="s">
        <v>29</v>
      </c>
      <c r="D177" s="9" t="s">
        <v>264</v>
      </c>
      <c r="E177" s="9" t="s">
        <v>228</v>
      </c>
      <c r="F177" s="9" t="s">
        <v>283</v>
      </c>
      <c r="G177" s="9" t="s">
        <v>279</v>
      </c>
      <c r="H177" s="6">
        <v>1636</v>
      </c>
      <c r="I177" s="6">
        <v>1216</v>
      </c>
      <c r="J177" s="6">
        <v>1165</v>
      </c>
      <c r="K177" s="6">
        <v>413</v>
      </c>
      <c r="L177" s="6">
        <v>7</v>
      </c>
    </row>
    <row r="178" spans="1:12">
      <c r="A178" s="9" t="s">
        <v>27</v>
      </c>
      <c r="B178" s="9" t="s">
        <v>28</v>
      </c>
      <c r="C178" s="9" t="s">
        <v>29</v>
      </c>
      <c r="D178" s="9" t="s">
        <v>264</v>
      </c>
      <c r="E178" s="9" t="s">
        <v>228</v>
      </c>
      <c r="F178" s="9" t="s">
        <v>283</v>
      </c>
      <c r="G178" s="9" t="s">
        <v>280</v>
      </c>
      <c r="H178" s="6">
        <v>23435</v>
      </c>
      <c r="I178" s="6">
        <v>9229</v>
      </c>
      <c r="J178" s="6">
        <v>8446</v>
      </c>
      <c r="K178" s="6">
        <v>14153</v>
      </c>
      <c r="L178" s="6">
        <v>53</v>
      </c>
    </row>
    <row r="179" spans="1:12">
      <c r="A179" s="9" t="s">
        <v>27</v>
      </c>
      <c r="B179" s="9" t="s">
        <v>28</v>
      </c>
      <c r="C179" s="9" t="s">
        <v>29</v>
      </c>
      <c r="D179" s="9" t="s">
        <v>264</v>
      </c>
      <c r="E179" s="9" t="s">
        <v>18</v>
      </c>
      <c r="F179" s="9" t="s">
        <v>6</v>
      </c>
      <c r="G179" s="9" t="s">
        <v>6</v>
      </c>
      <c r="H179" s="6">
        <v>404070</v>
      </c>
      <c r="I179" s="6">
        <v>8140</v>
      </c>
      <c r="J179" s="6">
        <v>6225</v>
      </c>
      <c r="K179" s="6">
        <v>5047</v>
      </c>
      <c r="L179" s="6">
        <v>390883</v>
      </c>
    </row>
    <row r="180" spans="1:12">
      <c r="A180" s="9" t="s">
        <v>27</v>
      </c>
      <c r="B180" s="9" t="s">
        <v>28</v>
      </c>
      <c r="C180" s="9" t="s">
        <v>29</v>
      </c>
      <c r="D180" s="9" t="s">
        <v>264</v>
      </c>
      <c r="E180" s="9" t="s">
        <v>18</v>
      </c>
      <c r="F180" s="9" t="s">
        <v>234</v>
      </c>
      <c r="G180" s="9" t="s">
        <v>6</v>
      </c>
      <c r="H180" s="6">
        <v>5743</v>
      </c>
      <c r="I180" s="6">
        <v>226</v>
      </c>
      <c r="J180" s="6">
        <v>181</v>
      </c>
      <c r="K180" s="6">
        <v>69</v>
      </c>
      <c r="L180" s="6">
        <v>5448</v>
      </c>
    </row>
    <row r="181" spans="1:12">
      <c r="A181" s="9" t="s">
        <v>27</v>
      </c>
      <c r="B181" s="9" t="s">
        <v>28</v>
      </c>
      <c r="C181" s="9" t="s">
        <v>29</v>
      </c>
      <c r="D181" s="9" t="s">
        <v>264</v>
      </c>
      <c r="E181" s="9" t="s">
        <v>18</v>
      </c>
      <c r="F181" s="9" t="s">
        <v>235</v>
      </c>
      <c r="G181" s="9" t="s">
        <v>6</v>
      </c>
      <c r="H181" s="6">
        <v>398327</v>
      </c>
      <c r="I181" s="6">
        <v>7914</v>
      </c>
      <c r="J181" s="6">
        <v>6044</v>
      </c>
      <c r="K181" s="6">
        <v>4978</v>
      </c>
      <c r="L181" s="6">
        <v>385435</v>
      </c>
    </row>
    <row r="182" spans="1:12">
      <c r="A182" s="9" t="s">
        <v>27</v>
      </c>
      <c r="B182" s="9" t="s">
        <v>28</v>
      </c>
      <c r="C182" s="9" t="s">
        <v>29</v>
      </c>
      <c r="D182" s="9" t="s">
        <v>264</v>
      </c>
      <c r="E182" s="9" t="s">
        <v>18</v>
      </c>
      <c r="F182" s="9" t="s">
        <v>235</v>
      </c>
      <c r="G182" s="9" t="s">
        <v>272</v>
      </c>
      <c r="H182" s="6">
        <v>20105</v>
      </c>
      <c r="I182" s="6">
        <v>201</v>
      </c>
      <c r="J182" s="6">
        <v>143</v>
      </c>
      <c r="K182" s="6">
        <v>193</v>
      </c>
      <c r="L182" s="6">
        <v>19711</v>
      </c>
    </row>
    <row r="183" spans="1:12">
      <c r="A183" s="9" t="s">
        <v>27</v>
      </c>
      <c r="B183" s="9" t="s">
        <v>28</v>
      </c>
      <c r="C183" s="9" t="s">
        <v>29</v>
      </c>
      <c r="D183" s="9" t="s">
        <v>264</v>
      </c>
      <c r="E183" s="9" t="s">
        <v>18</v>
      </c>
      <c r="F183" s="9" t="s">
        <v>235</v>
      </c>
      <c r="G183" s="9" t="s">
        <v>273</v>
      </c>
      <c r="H183" s="6">
        <v>36204</v>
      </c>
      <c r="I183" s="6">
        <v>277</v>
      </c>
      <c r="J183" s="6">
        <v>207</v>
      </c>
      <c r="K183" s="6">
        <v>331</v>
      </c>
      <c r="L183" s="6">
        <v>35596</v>
      </c>
    </row>
    <row r="184" spans="1:12">
      <c r="A184" s="9" t="s">
        <v>27</v>
      </c>
      <c r="B184" s="9" t="s">
        <v>28</v>
      </c>
      <c r="C184" s="9" t="s">
        <v>29</v>
      </c>
      <c r="D184" s="9" t="s">
        <v>264</v>
      </c>
      <c r="E184" s="9" t="s">
        <v>18</v>
      </c>
      <c r="F184" s="9" t="s">
        <v>235</v>
      </c>
      <c r="G184" s="9" t="s">
        <v>274</v>
      </c>
      <c r="H184" s="6">
        <v>39836</v>
      </c>
      <c r="I184" s="6">
        <v>497</v>
      </c>
      <c r="J184" s="6">
        <v>353</v>
      </c>
      <c r="K184" s="6">
        <v>285</v>
      </c>
      <c r="L184" s="6">
        <v>39054</v>
      </c>
    </row>
    <row r="185" spans="1:12">
      <c r="A185" s="9" t="s">
        <v>27</v>
      </c>
      <c r="B185" s="9" t="s">
        <v>28</v>
      </c>
      <c r="C185" s="9" t="s">
        <v>29</v>
      </c>
      <c r="D185" s="9" t="s">
        <v>264</v>
      </c>
      <c r="E185" s="9" t="s">
        <v>18</v>
      </c>
      <c r="F185" s="9" t="s">
        <v>235</v>
      </c>
      <c r="G185" s="9" t="s">
        <v>275</v>
      </c>
      <c r="H185" s="6">
        <v>35195</v>
      </c>
      <c r="I185" s="6">
        <v>380</v>
      </c>
      <c r="J185" s="6">
        <v>290</v>
      </c>
      <c r="K185" s="6">
        <v>192</v>
      </c>
      <c r="L185" s="6">
        <v>34623</v>
      </c>
    </row>
    <row r="186" spans="1:12">
      <c r="A186" s="9" t="s">
        <v>27</v>
      </c>
      <c r="B186" s="9" t="s">
        <v>28</v>
      </c>
      <c r="C186" s="9" t="s">
        <v>29</v>
      </c>
      <c r="D186" s="9" t="s">
        <v>264</v>
      </c>
      <c r="E186" s="9" t="s">
        <v>18</v>
      </c>
      <c r="F186" s="9" t="s">
        <v>235</v>
      </c>
      <c r="G186" s="9" t="s">
        <v>276</v>
      </c>
      <c r="H186" s="6">
        <v>35209</v>
      </c>
      <c r="I186" s="6">
        <v>364</v>
      </c>
      <c r="J186" s="6">
        <v>275</v>
      </c>
      <c r="K186" s="6">
        <v>162</v>
      </c>
      <c r="L186" s="6">
        <v>34683</v>
      </c>
    </row>
    <row r="187" spans="1:12">
      <c r="A187" s="9" t="s">
        <v>27</v>
      </c>
      <c r="B187" s="9" t="s">
        <v>28</v>
      </c>
      <c r="C187" s="9" t="s">
        <v>29</v>
      </c>
      <c r="D187" s="9" t="s">
        <v>264</v>
      </c>
      <c r="E187" s="9" t="s">
        <v>18</v>
      </c>
      <c r="F187" s="9" t="s">
        <v>235</v>
      </c>
      <c r="G187" s="9" t="s">
        <v>277</v>
      </c>
      <c r="H187" s="6">
        <v>33855</v>
      </c>
      <c r="I187" s="6">
        <v>519</v>
      </c>
      <c r="J187" s="6">
        <v>420</v>
      </c>
      <c r="K187" s="6">
        <v>143</v>
      </c>
      <c r="L187" s="6">
        <v>33193</v>
      </c>
    </row>
    <row r="188" spans="1:12">
      <c r="A188" s="9" t="s">
        <v>27</v>
      </c>
      <c r="B188" s="9" t="s">
        <v>28</v>
      </c>
      <c r="C188" s="9" t="s">
        <v>29</v>
      </c>
      <c r="D188" s="9" t="s">
        <v>264</v>
      </c>
      <c r="E188" s="9" t="s">
        <v>18</v>
      </c>
      <c r="F188" s="9" t="s">
        <v>235</v>
      </c>
      <c r="G188" s="9" t="s">
        <v>278</v>
      </c>
      <c r="H188" s="6">
        <v>32750</v>
      </c>
      <c r="I188" s="6">
        <v>660</v>
      </c>
      <c r="J188" s="6">
        <v>545</v>
      </c>
      <c r="K188" s="6">
        <v>164</v>
      </c>
      <c r="L188" s="6">
        <v>31926</v>
      </c>
    </row>
    <row r="189" spans="1:12">
      <c r="A189" s="9" t="s">
        <v>27</v>
      </c>
      <c r="B189" s="9" t="s">
        <v>28</v>
      </c>
      <c r="C189" s="9" t="s">
        <v>29</v>
      </c>
      <c r="D189" s="9" t="s">
        <v>264</v>
      </c>
      <c r="E189" s="9" t="s">
        <v>18</v>
      </c>
      <c r="F189" s="9" t="s">
        <v>235</v>
      </c>
      <c r="G189" s="9" t="s">
        <v>279</v>
      </c>
      <c r="H189" s="6">
        <v>21666</v>
      </c>
      <c r="I189" s="6">
        <v>371</v>
      </c>
      <c r="J189" s="6">
        <v>322</v>
      </c>
      <c r="K189" s="6">
        <v>110</v>
      </c>
      <c r="L189" s="6">
        <v>21185</v>
      </c>
    </row>
    <row r="190" spans="1:12">
      <c r="A190" s="9" t="s">
        <v>27</v>
      </c>
      <c r="B190" s="9" t="s">
        <v>28</v>
      </c>
      <c r="C190" s="9" t="s">
        <v>29</v>
      </c>
      <c r="D190" s="9" t="s">
        <v>264</v>
      </c>
      <c r="E190" s="9" t="s">
        <v>18</v>
      </c>
      <c r="F190" s="9" t="s">
        <v>235</v>
      </c>
      <c r="G190" s="9" t="s">
        <v>280</v>
      </c>
      <c r="H190" s="6">
        <v>143507</v>
      </c>
      <c r="I190" s="6">
        <v>4645</v>
      </c>
      <c r="J190" s="6">
        <v>3489</v>
      </c>
      <c r="K190" s="6">
        <v>3398</v>
      </c>
      <c r="L190" s="6">
        <v>135464</v>
      </c>
    </row>
    <row r="191" spans="1:12">
      <c r="A191" s="9" t="s">
        <v>27</v>
      </c>
      <c r="B191" s="9" t="s">
        <v>28</v>
      </c>
      <c r="C191" s="9" t="s">
        <v>29</v>
      </c>
      <c r="D191" s="9" t="s">
        <v>264</v>
      </c>
      <c r="E191" s="9" t="s">
        <v>18</v>
      </c>
      <c r="F191" s="9" t="s">
        <v>281</v>
      </c>
      <c r="G191" s="9" t="s">
        <v>6</v>
      </c>
      <c r="H191" s="6">
        <v>155334</v>
      </c>
      <c r="I191" s="6">
        <v>3839</v>
      </c>
      <c r="J191" s="6">
        <v>2879</v>
      </c>
      <c r="K191" s="6">
        <v>3095</v>
      </c>
      <c r="L191" s="6">
        <v>148400</v>
      </c>
    </row>
    <row r="192" spans="1:12">
      <c r="A192" s="9" t="s">
        <v>27</v>
      </c>
      <c r="B192" s="9" t="s">
        <v>28</v>
      </c>
      <c r="C192" s="9" t="s">
        <v>29</v>
      </c>
      <c r="D192" s="9" t="s">
        <v>264</v>
      </c>
      <c r="E192" s="9" t="s">
        <v>18</v>
      </c>
      <c r="F192" s="9" t="s">
        <v>281</v>
      </c>
      <c r="G192" s="9" t="s">
        <v>272</v>
      </c>
      <c r="H192" s="6">
        <v>7798</v>
      </c>
      <c r="I192" s="6">
        <v>93</v>
      </c>
      <c r="J192" s="6">
        <v>75</v>
      </c>
      <c r="K192" s="6">
        <v>77</v>
      </c>
      <c r="L192" s="6">
        <v>7628</v>
      </c>
    </row>
    <row r="193" spans="1:12">
      <c r="A193" s="9" t="s">
        <v>27</v>
      </c>
      <c r="B193" s="9" t="s">
        <v>28</v>
      </c>
      <c r="C193" s="9" t="s">
        <v>29</v>
      </c>
      <c r="D193" s="9" t="s">
        <v>264</v>
      </c>
      <c r="E193" s="9" t="s">
        <v>18</v>
      </c>
      <c r="F193" s="9" t="s">
        <v>281</v>
      </c>
      <c r="G193" s="9" t="s">
        <v>273</v>
      </c>
      <c r="H193" s="6">
        <v>11931</v>
      </c>
      <c r="I193" s="6">
        <v>86</v>
      </c>
      <c r="J193" s="6">
        <v>64</v>
      </c>
      <c r="K193" s="6">
        <v>143</v>
      </c>
      <c r="L193" s="6">
        <v>11702</v>
      </c>
    </row>
    <row r="194" spans="1:12">
      <c r="A194" s="9" t="s">
        <v>27</v>
      </c>
      <c r="B194" s="9" t="s">
        <v>28</v>
      </c>
      <c r="C194" s="9" t="s">
        <v>29</v>
      </c>
      <c r="D194" s="9" t="s">
        <v>264</v>
      </c>
      <c r="E194" s="9" t="s">
        <v>18</v>
      </c>
      <c r="F194" s="9" t="s">
        <v>281</v>
      </c>
      <c r="G194" s="9" t="s">
        <v>274</v>
      </c>
      <c r="H194" s="6">
        <v>9780</v>
      </c>
      <c r="I194" s="6">
        <v>136</v>
      </c>
      <c r="J194" s="6">
        <v>97</v>
      </c>
      <c r="K194" s="6">
        <v>88</v>
      </c>
      <c r="L194" s="6">
        <v>9556</v>
      </c>
    </row>
    <row r="195" spans="1:12">
      <c r="A195" s="9" t="s">
        <v>27</v>
      </c>
      <c r="B195" s="9" t="s">
        <v>28</v>
      </c>
      <c r="C195" s="9" t="s">
        <v>29</v>
      </c>
      <c r="D195" s="9" t="s">
        <v>264</v>
      </c>
      <c r="E195" s="9" t="s">
        <v>18</v>
      </c>
      <c r="F195" s="9" t="s">
        <v>281</v>
      </c>
      <c r="G195" s="9" t="s">
        <v>275</v>
      </c>
      <c r="H195" s="6">
        <v>6531</v>
      </c>
      <c r="I195" s="6">
        <v>50</v>
      </c>
      <c r="J195" s="6">
        <v>29</v>
      </c>
      <c r="K195" s="6">
        <v>34</v>
      </c>
      <c r="L195" s="6">
        <v>6447</v>
      </c>
    </row>
    <row r="196" spans="1:12">
      <c r="A196" s="9" t="s">
        <v>27</v>
      </c>
      <c r="B196" s="9" t="s">
        <v>28</v>
      </c>
      <c r="C196" s="9" t="s">
        <v>29</v>
      </c>
      <c r="D196" s="9" t="s">
        <v>264</v>
      </c>
      <c r="E196" s="9" t="s">
        <v>18</v>
      </c>
      <c r="F196" s="9" t="s">
        <v>281</v>
      </c>
      <c r="G196" s="9" t="s">
        <v>276</v>
      </c>
      <c r="H196" s="6">
        <v>6797</v>
      </c>
      <c r="I196" s="6">
        <v>90</v>
      </c>
      <c r="J196" s="6">
        <v>51</v>
      </c>
      <c r="K196" s="6">
        <v>35</v>
      </c>
      <c r="L196" s="6">
        <v>6672</v>
      </c>
    </row>
    <row r="197" spans="1:12">
      <c r="A197" s="9" t="s">
        <v>27</v>
      </c>
      <c r="B197" s="9" t="s">
        <v>28</v>
      </c>
      <c r="C197" s="9" t="s">
        <v>29</v>
      </c>
      <c r="D197" s="9" t="s">
        <v>264</v>
      </c>
      <c r="E197" s="9" t="s">
        <v>18</v>
      </c>
      <c r="F197" s="9" t="s">
        <v>281</v>
      </c>
      <c r="G197" s="9" t="s">
        <v>277</v>
      </c>
      <c r="H197" s="6">
        <v>6782</v>
      </c>
      <c r="I197" s="6">
        <v>125</v>
      </c>
      <c r="J197" s="6">
        <v>101</v>
      </c>
      <c r="K197" s="6">
        <v>50</v>
      </c>
      <c r="L197" s="6">
        <v>6607</v>
      </c>
    </row>
    <row r="198" spans="1:12">
      <c r="A198" s="9" t="s">
        <v>27</v>
      </c>
      <c r="B198" s="9" t="s">
        <v>28</v>
      </c>
      <c r="C198" s="9" t="s">
        <v>29</v>
      </c>
      <c r="D198" s="9" t="s">
        <v>264</v>
      </c>
      <c r="E198" s="9" t="s">
        <v>18</v>
      </c>
      <c r="F198" s="9" t="s">
        <v>281</v>
      </c>
      <c r="G198" s="9" t="s">
        <v>278</v>
      </c>
      <c r="H198" s="6">
        <v>8395</v>
      </c>
      <c r="I198" s="6">
        <v>181</v>
      </c>
      <c r="J198" s="6">
        <v>148</v>
      </c>
      <c r="K198" s="6">
        <v>32</v>
      </c>
      <c r="L198" s="6">
        <v>8182</v>
      </c>
    </row>
    <row r="199" spans="1:12">
      <c r="A199" s="9" t="s">
        <v>27</v>
      </c>
      <c r="B199" s="9" t="s">
        <v>28</v>
      </c>
      <c r="C199" s="9" t="s">
        <v>29</v>
      </c>
      <c r="D199" s="9" t="s">
        <v>264</v>
      </c>
      <c r="E199" s="9" t="s">
        <v>18</v>
      </c>
      <c r="F199" s="9" t="s">
        <v>281</v>
      </c>
      <c r="G199" s="9" t="s">
        <v>279</v>
      </c>
      <c r="H199" s="6">
        <v>6468</v>
      </c>
      <c r="I199" s="6">
        <v>71</v>
      </c>
      <c r="J199" s="6">
        <v>67</v>
      </c>
      <c r="K199" s="6">
        <v>23</v>
      </c>
      <c r="L199" s="6">
        <v>6374</v>
      </c>
    </row>
    <row r="200" spans="1:12">
      <c r="A200" s="9" t="s">
        <v>27</v>
      </c>
      <c r="B200" s="9" t="s">
        <v>28</v>
      </c>
      <c r="C200" s="9" t="s">
        <v>29</v>
      </c>
      <c r="D200" s="9" t="s">
        <v>264</v>
      </c>
      <c r="E200" s="9" t="s">
        <v>18</v>
      </c>
      <c r="F200" s="9" t="s">
        <v>281</v>
      </c>
      <c r="G200" s="9" t="s">
        <v>280</v>
      </c>
      <c r="H200" s="6">
        <v>90852</v>
      </c>
      <c r="I200" s="6">
        <v>3007</v>
      </c>
      <c r="J200" s="6">
        <v>2247</v>
      </c>
      <c r="K200" s="6">
        <v>2613</v>
      </c>
      <c r="L200" s="6">
        <v>85232</v>
      </c>
    </row>
    <row r="201" spans="1:12">
      <c r="A201" s="9" t="s">
        <v>27</v>
      </c>
      <c r="B201" s="9" t="s">
        <v>28</v>
      </c>
      <c r="C201" s="9" t="s">
        <v>29</v>
      </c>
      <c r="D201" s="9" t="s">
        <v>264</v>
      </c>
      <c r="E201" s="9" t="s">
        <v>18</v>
      </c>
      <c r="F201" s="9" t="s">
        <v>282</v>
      </c>
      <c r="G201" s="9" t="s">
        <v>6</v>
      </c>
      <c r="H201" s="6">
        <v>153178</v>
      </c>
      <c r="I201" s="6">
        <v>2998</v>
      </c>
      <c r="J201" s="6">
        <v>2399</v>
      </c>
      <c r="K201" s="6">
        <v>1345</v>
      </c>
      <c r="L201" s="6">
        <v>148835</v>
      </c>
    </row>
    <row r="202" spans="1:12">
      <c r="A202" s="9" t="s">
        <v>27</v>
      </c>
      <c r="B202" s="9" t="s">
        <v>28</v>
      </c>
      <c r="C202" s="9" t="s">
        <v>29</v>
      </c>
      <c r="D202" s="9" t="s">
        <v>264</v>
      </c>
      <c r="E202" s="9" t="s">
        <v>18</v>
      </c>
      <c r="F202" s="9" t="s">
        <v>282</v>
      </c>
      <c r="G202" s="9" t="s">
        <v>272</v>
      </c>
      <c r="H202" s="6">
        <v>6732</v>
      </c>
      <c r="I202" s="6">
        <v>45</v>
      </c>
      <c r="J202" s="6">
        <v>22</v>
      </c>
      <c r="K202" s="6">
        <v>72</v>
      </c>
      <c r="L202" s="6">
        <v>6615</v>
      </c>
    </row>
    <row r="203" spans="1:12">
      <c r="A203" s="9" t="s">
        <v>27</v>
      </c>
      <c r="B203" s="9" t="s">
        <v>28</v>
      </c>
      <c r="C203" s="9" t="s">
        <v>29</v>
      </c>
      <c r="D203" s="9" t="s">
        <v>264</v>
      </c>
      <c r="E203" s="9" t="s">
        <v>18</v>
      </c>
      <c r="F203" s="9" t="s">
        <v>282</v>
      </c>
      <c r="G203" s="9" t="s">
        <v>273</v>
      </c>
      <c r="H203" s="6">
        <v>12864</v>
      </c>
      <c r="I203" s="6">
        <v>107</v>
      </c>
      <c r="J203" s="6">
        <v>83</v>
      </c>
      <c r="K203" s="6">
        <v>139</v>
      </c>
      <c r="L203" s="6">
        <v>12618</v>
      </c>
    </row>
    <row r="204" spans="1:12">
      <c r="A204" s="9" t="s">
        <v>27</v>
      </c>
      <c r="B204" s="9" t="s">
        <v>28</v>
      </c>
      <c r="C204" s="9" t="s">
        <v>29</v>
      </c>
      <c r="D204" s="9" t="s">
        <v>264</v>
      </c>
      <c r="E204" s="9" t="s">
        <v>18</v>
      </c>
      <c r="F204" s="9" t="s">
        <v>282</v>
      </c>
      <c r="G204" s="9" t="s">
        <v>274</v>
      </c>
      <c r="H204" s="6">
        <v>15052</v>
      </c>
      <c r="I204" s="6">
        <v>179</v>
      </c>
      <c r="J204" s="6">
        <v>131</v>
      </c>
      <c r="K204" s="6">
        <v>96</v>
      </c>
      <c r="L204" s="6">
        <v>14777</v>
      </c>
    </row>
    <row r="205" spans="1:12">
      <c r="A205" s="9" t="s">
        <v>27</v>
      </c>
      <c r="B205" s="9" t="s">
        <v>28</v>
      </c>
      <c r="C205" s="9" t="s">
        <v>29</v>
      </c>
      <c r="D205" s="9" t="s">
        <v>264</v>
      </c>
      <c r="E205" s="9" t="s">
        <v>18</v>
      </c>
      <c r="F205" s="9" t="s">
        <v>282</v>
      </c>
      <c r="G205" s="9" t="s">
        <v>275</v>
      </c>
      <c r="H205" s="6">
        <v>14861</v>
      </c>
      <c r="I205" s="6">
        <v>175</v>
      </c>
      <c r="J205" s="6">
        <v>150</v>
      </c>
      <c r="K205" s="6">
        <v>53</v>
      </c>
      <c r="L205" s="6">
        <v>14633</v>
      </c>
    </row>
    <row r="206" spans="1:12">
      <c r="A206" s="9" t="s">
        <v>27</v>
      </c>
      <c r="B206" s="9" t="s">
        <v>28</v>
      </c>
      <c r="C206" s="9" t="s">
        <v>29</v>
      </c>
      <c r="D206" s="9" t="s">
        <v>264</v>
      </c>
      <c r="E206" s="9" t="s">
        <v>18</v>
      </c>
      <c r="F206" s="9" t="s">
        <v>282</v>
      </c>
      <c r="G206" s="9" t="s">
        <v>276</v>
      </c>
      <c r="H206" s="6">
        <v>15320</v>
      </c>
      <c r="I206" s="6">
        <v>214</v>
      </c>
      <c r="J206" s="6">
        <v>185</v>
      </c>
      <c r="K206" s="6">
        <v>83</v>
      </c>
      <c r="L206" s="6">
        <v>15023</v>
      </c>
    </row>
    <row r="207" spans="1:12">
      <c r="A207" s="9" t="s">
        <v>27</v>
      </c>
      <c r="B207" s="9" t="s">
        <v>28</v>
      </c>
      <c r="C207" s="9" t="s">
        <v>29</v>
      </c>
      <c r="D207" s="9" t="s">
        <v>264</v>
      </c>
      <c r="E207" s="9" t="s">
        <v>18</v>
      </c>
      <c r="F207" s="9" t="s">
        <v>282</v>
      </c>
      <c r="G207" s="9" t="s">
        <v>277</v>
      </c>
      <c r="H207" s="6">
        <v>16484</v>
      </c>
      <c r="I207" s="6">
        <v>223</v>
      </c>
      <c r="J207" s="6">
        <v>207</v>
      </c>
      <c r="K207" s="6">
        <v>56</v>
      </c>
      <c r="L207" s="6">
        <v>16205</v>
      </c>
    </row>
    <row r="208" spans="1:12">
      <c r="A208" s="9" t="s">
        <v>27</v>
      </c>
      <c r="B208" s="9" t="s">
        <v>28</v>
      </c>
      <c r="C208" s="9" t="s">
        <v>29</v>
      </c>
      <c r="D208" s="9" t="s">
        <v>264</v>
      </c>
      <c r="E208" s="9" t="s">
        <v>18</v>
      </c>
      <c r="F208" s="9" t="s">
        <v>282</v>
      </c>
      <c r="G208" s="9" t="s">
        <v>278</v>
      </c>
      <c r="H208" s="6">
        <v>16723</v>
      </c>
      <c r="I208" s="6">
        <v>357</v>
      </c>
      <c r="J208" s="6">
        <v>296</v>
      </c>
      <c r="K208" s="6">
        <v>90</v>
      </c>
      <c r="L208" s="6">
        <v>16276</v>
      </c>
    </row>
    <row r="209" spans="1:12">
      <c r="A209" s="9" t="s">
        <v>27</v>
      </c>
      <c r="B209" s="9" t="s">
        <v>28</v>
      </c>
      <c r="C209" s="9" t="s">
        <v>29</v>
      </c>
      <c r="D209" s="9" t="s">
        <v>264</v>
      </c>
      <c r="E209" s="9" t="s">
        <v>18</v>
      </c>
      <c r="F209" s="9" t="s">
        <v>282</v>
      </c>
      <c r="G209" s="9" t="s">
        <v>279</v>
      </c>
      <c r="H209" s="6">
        <v>11343</v>
      </c>
      <c r="I209" s="6">
        <v>225</v>
      </c>
      <c r="J209" s="6">
        <v>192</v>
      </c>
      <c r="K209" s="6">
        <v>59</v>
      </c>
      <c r="L209" s="6">
        <v>11059</v>
      </c>
    </row>
    <row r="210" spans="1:12">
      <c r="A210" s="9" t="s">
        <v>27</v>
      </c>
      <c r="B210" s="9" t="s">
        <v>28</v>
      </c>
      <c r="C210" s="9" t="s">
        <v>29</v>
      </c>
      <c r="D210" s="9" t="s">
        <v>264</v>
      </c>
      <c r="E210" s="9" t="s">
        <v>18</v>
      </c>
      <c r="F210" s="9" t="s">
        <v>282</v>
      </c>
      <c r="G210" s="9" t="s">
        <v>280</v>
      </c>
      <c r="H210" s="6">
        <v>43799</v>
      </c>
      <c r="I210" s="6">
        <v>1473</v>
      </c>
      <c r="J210" s="6">
        <v>1133</v>
      </c>
      <c r="K210" s="6">
        <v>697</v>
      </c>
      <c r="L210" s="6">
        <v>41629</v>
      </c>
    </row>
    <row r="211" spans="1:12">
      <c r="A211" s="9" t="s">
        <v>27</v>
      </c>
      <c r="B211" s="9" t="s">
        <v>28</v>
      </c>
      <c r="C211" s="9" t="s">
        <v>29</v>
      </c>
      <c r="D211" s="9" t="s">
        <v>264</v>
      </c>
      <c r="E211" s="9" t="s">
        <v>18</v>
      </c>
      <c r="F211" s="9" t="s">
        <v>283</v>
      </c>
      <c r="G211" s="9" t="s">
        <v>6</v>
      </c>
      <c r="H211" s="6">
        <v>89815</v>
      </c>
      <c r="I211" s="6">
        <v>1077</v>
      </c>
      <c r="J211" s="6">
        <v>766</v>
      </c>
      <c r="K211" s="6">
        <v>538</v>
      </c>
      <c r="L211" s="6">
        <v>88200</v>
      </c>
    </row>
    <row r="212" spans="1:12">
      <c r="A212" s="9" t="s">
        <v>27</v>
      </c>
      <c r="B212" s="9" t="s">
        <v>28</v>
      </c>
      <c r="C212" s="9" t="s">
        <v>29</v>
      </c>
      <c r="D212" s="9" t="s">
        <v>264</v>
      </c>
      <c r="E212" s="9" t="s">
        <v>18</v>
      </c>
      <c r="F212" s="9" t="s">
        <v>283</v>
      </c>
      <c r="G212" s="9" t="s">
        <v>272</v>
      </c>
      <c r="H212" s="6">
        <v>5575</v>
      </c>
      <c r="I212" s="6">
        <v>63</v>
      </c>
      <c r="J212" s="6">
        <v>46</v>
      </c>
      <c r="K212" s="6">
        <v>44</v>
      </c>
      <c r="L212" s="6">
        <v>5468</v>
      </c>
    </row>
    <row r="213" spans="1:12">
      <c r="A213" s="9" t="s">
        <v>27</v>
      </c>
      <c r="B213" s="9" t="s">
        <v>28</v>
      </c>
      <c r="C213" s="9" t="s">
        <v>29</v>
      </c>
      <c r="D213" s="9" t="s">
        <v>264</v>
      </c>
      <c r="E213" s="9" t="s">
        <v>18</v>
      </c>
      <c r="F213" s="9" t="s">
        <v>283</v>
      </c>
      <c r="G213" s="9" t="s">
        <v>273</v>
      </c>
      <c r="H213" s="6">
        <v>11409</v>
      </c>
      <c r="I213" s="6">
        <v>84</v>
      </c>
      <c r="J213" s="6">
        <v>60</v>
      </c>
      <c r="K213" s="6">
        <v>49</v>
      </c>
      <c r="L213" s="6">
        <v>11276</v>
      </c>
    </row>
    <row r="214" spans="1:12">
      <c r="A214" s="9" t="s">
        <v>27</v>
      </c>
      <c r="B214" s="9" t="s">
        <v>28</v>
      </c>
      <c r="C214" s="9" t="s">
        <v>29</v>
      </c>
      <c r="D214" s="9" t="s">
        <v>264</v>
      </c>
      <c r="E214" s="9" t="s">
        <v>18</v>
      </c>
      <c r="F214" s="9" t="s">
        <v>283</v>
      </c>
      <c r="G214" s="9" t="s">
        <v>274</v>
      </c>
      <c r="H214" s="6">
        <v>15004</v>
      </c>
      <c r="I214" s="6">
        <v>182</v>
      </c>
      <c r="J214" s="6">
        <v>125</v>
      </c>
      <c r="K214" s="6">
        <v>101</v>
      </c>
      <c r="L214" s="6">
        <v>14721</v>
      </c>
    </row>
    <row r="215" spans="1:12">
      <c r="A215" s="9" t="s">
        <v>27</v>
      </c>
      <c r="B215" s="9" t="s">
        <v>28</v>
      </c>
      <c r="C215" s="9" t="s">
        <v>29</v>
      </c>
      <c r="D215" s="9" t="s">
        <v>264</v>
      </c>
      <c r="E215" s="9" t="s">
        <v>18</v>
      </c>
      <c r="F215" s="9" t="s">
        <v>283</v>
      </c>
      <c r="G215" s="9" t="s">
        <v>275</v>
      </c>
      <c r="H215" s="6">
        <v>13803</v>
      </c>
      <c r="I215" s="6">
        <v>155</v>
      </c>
      <c r="J215" s="6">
        <v>111</v>
      </c>
      <c r="K215" s="6">
        <v>105</v>
      </c>
      <c r="L215" s="6">
        <v>13543</v>
      </c>
    </row>
    <row r="216" spans="1:12">
      <c r="A216" s="9" t="s">
        <v>27</v>
      </c>
      <c r="B216" s="9" t="s">
        <v>28</v>
      </c>
      <c r="C216" s="9" t="s">
        <v>29</v>
      </c>
      <c r="D216" s="9" t="s">
        <v>264</v>
      </c>
      <c r="E216" s="9" t="s">
        <v>18</v>
      </c>
      <c r="F216" s="9" t="s">
        <v>283</v>
      </c>
      <c r="G216" s="9" t="s">
        <v>276</v>
      </c>
      <c r="H216" s="6">
        <v>13092</v>
      </c>
      <c r="I216" s="6">
        <v>60</v>
      </c>
      <c r="J216" s="6">
        <v>39</v>
      </c>
      <c r="K216" s="6">
        <v>44</v>
      </c>
      <c r="L216" s="6">
        <v>12988</v>
      </c>
    </row>
    <row r="217" spans="1:12">
      <c r="A217" s="9" t="s">
        <v>27</v>
      </c>
      <c r="B217" s="9" t="s">
        <v>28</v>
      </c>
      <c r="C217" s="9" t="s">
        <v>29</v>
      </c>
      <c r="D217" s="9" t="s">
        <v>264</v>
      </c>
      <c r="E217" s="9" t="s">
        <v>18</v>
      </c>
      <c r="F217" s="9" t="s">
        <v>283</v>
      </c>
      <c r="G217" s="9" t="s">
        <v>277</v>
      </c>
      <c r="H217" s="6">
        <v>10589</v>
      </c>
      <c r="I217" s="6">
        <v>171</v>
      </c>
      <c r="J217" s="6">
        <v>112</v>
      </c>
      <c r="K217" s="6">
        <v>37</v>
      </c>
      <c r="L217" s="6">
        <v>10381</v>
      </c>
    </row>
    <row r="218" spans="1:12">
      <c r="A218" s="9" t="s">
        <v>27</v>
      </c>
      <c r="B218" s="9" t="s">
        <v>28</v>
      </c>
      <c r="C218" s="9" t="s">
        <v>29</v>
      </c>
      <c r="D218" s="9" t="s">
        <v>264</v>
      </c>
      <c r="E218" s="9" t="s">
        <v>18</v>
      </c>
      <c r="F218" s="9" t="s">
        <v>283</v>
      </c>
      <c r="G218" s="9" t="s">
        <v>278</v>
      </c>
      <c r="H218" s="6">
        <v>7632</v>
      </c>
      <c r="I218" s="6">
        <v>122</v>
      </c>
      <c r="J218" s="6">
        <v>101</v>
      </c>
      <c r="K218" s="6">
        <v>42</v>
      </c>
      <c r="L218" s="6">
        <v>7468</v>
      </c>
    </row>
    <row r="219" spans="1:12">
      <c r="A219" s="9" t="s">
        <v>27</v>
      </c>
      <c r="B219" s="9" t="s">
        <v>28</v>
      </c>
      <c r="C219" s="9" t="s">
        <v>29</v>
      </c>
      <c r="D219" s="9" t="s">
        <v>264</v>
      </c>
      <c r="E219" s="9" t="s">
        <v>18</v>
      </c>
      <c r="F219" s="9" t="s">
        <v>283</v>
      </c>
      <c r="G219" s="9" t="s">
        <v>279</v>
      </c>
      <c r="H219" s="6">
        <v>3855</v>
      </c>
      <c r="I219" s="6">
        <v>75</v>
      </c>
      <c r="J219" s="6">
        <v>63</v>
      </c>
      <c r="K219" s="6">
        <v>28</v>
      </c>
      <c r="L219" s="6">
        <v>3752</v>
      </c>
    </row>
    <row r="220" spans="1:12">
      <c r="A220" s="9" t="s">
        <v>27</v>
      </c>
      <c r="B220" s="9" t="s">
        <v>28</v>
      </c>
      <c r="C220" s="9" t="s">
        <v>29</v>
      </c>
      <c r="D220" s="9" t="s">
        <v>264</v>
      </c>
      <c r="E220" s="9" t="s">
        <v>18</v>
      </c>
      <c r="F220" s="9" t="s">
        <v>283</v>
      </c>
      <c r="G220" s="9" t="s">
        <v>280</v>
      </c>
      <c r="H220" s="6">
        <v>8856</v>
      </c>
      <c r="I220" s="6">
        <v>165</v>
      </c>
      <c r="J220" s="6">
        <v>109</v>
      </c>
      <c r="K220" s="6">
        <v>88</v>
      </c>
      <c r="L220" s="6">
        <v>8603</v>
      </c>
    </row>
    <row r="221" spans="1:12">
      <c r="A221" s="9" t="s">
        <v>27</v>
      </c>
      <c r="B221" s="9" t="s">
        <v>57</v>
      </c>
      <c r="C221" s="9" t="s">
        <v>58</v>
      </c>
      <c r="D221" s="9" t="s">
        <v>264</v>
      </c>
      <c r="E221" s="9" t="s">
        <v>6</v>
      </c>
      <c r="F221" s="9" t="s">
        <v>6</v>
      </c>
      <c r="G221" s="9" t="s">
        <v>6</v>
      </c>
      <c r="H221" s="6">
        <v>195124</v>
      </c>
      <c r="I221" s="6">
        <v>147027</v>
      </c>
      <c r="J221" s="6">
        <v>113919</v>
      </c>
      <c r="K221" s="6">
        <v>42894</v>
      </c>
      <c r="L221" s="6">
        <v>5203</v>
      </c>
    </row>
    <row r="222" spans="1:12">
      <c r="A222" s="9" t="s">
        <v>27</v>
      </c>
      <c r="B222" s="9" t="s">
        <v>57</v>
      </c>
      <c r="C222" s="9" t="s">
        <v>58</v>
      </c>
      <c r="D222" s="9" t="s">
        <v>264</v>
      </c>
      <c r="E222" s="9" t="s">
        <v>6</v>
      </c>
      <c r="F222" s="9" t="s">
        <v>234</v>
      </c>
      <c r="G222" s="9" t="s">
        <v>6</v>
      </c>
      <c r="H222" s="6">
        <v>4787</v>
      </c>
      <c r="I222" s="6">
        <v>3861</v>
      </c>
      <c r="J222" s="6">
        <v>2880</v>
      </c>
      <c r="K222" s="6">
        <v>799</v>
      </c>
      <c r="L222" s="6">
        <v>127</v>
      </c>
    </row>
    <row r="223" spans="1:12">
      <c r="A223" s="9" t="s">
        <v>27</v>
      </c>
      <c r="B223" s="9" t="s">
        <v>57</v>
      </c>
      <c r="C223" s="9" t="s">
        <v>58</v>
      </c>
      <c r="D223" s="9" t="s">
        <v>264</v>
      </c>
      <c r="E223" s="9" t="s">
        <v>6</v>
      </c>
      <c r="F223" s="9" t="s">
        <v>235</v>
      </c>
      <c r="G223" s="9" t="s">
        <v>6</v>
      </c>
      <c r="H223" s="6">
        <v>190337</v>
      </c>
      <c r="I223" s="6">
        <v>143166</v>
      </c>
      <c r="J223" s="6">
        <v>111039</v>
      </c>
      <c r="K223" s="6">
        <v>42095</v>
      </c>
      <c r="L223" s="6">
        <v>5076</v>
      </c>
    </row>
    <row r="224" spans="1:12">
      <c r="A224" s="9" t="s">
        <v>27</v>
      </c>
      <c r="B224" s="9" t="s">
        <v>57</v>
      </c>
      <c r="C224" s="9" t="s">
        <v>58</v>
      </c>
      <c r="D224" s="9" t="s">
        <v>264</v>
      </c>
      <c r="E224" s="9" t="s">
        <v>6</v>
      </c>
      <c r="F224" s="9" t="s">
        <v>235</v>
      </c>
      <c r="G224" s="9" t="s">
        <v>272</v>
      </c>
      <c r="H224" s="6">
        <v>8147</v>
      </c>
      <c r="I224" s="6">
        <v>4534</v>
      </c>
      <c r="J224" s="6">
        <v>3778</v>
      </c>
      <c r="K224" s="6">
        <v>3266</v>
      </c>
      <c r="L224" s="6">
        <v>347</v>
      </c>
    </row>
    <row r="225" spans="1:12">
      <c r="A225" s="9" t="s">
        <v>27</v>
      </c>
      <c r="B225" s="9" t="s">
        <v>57</v>
      </c>
      <c r="C225" s="9" t="s">
        <v>58</v>
      </c>
      <c r="D225" s="9" t="s">
        <v>264</v>
      </c>
      <c r="E225" s="9" t="s">
        <v>6</v>
      </c>
      <c r="F225" s="9" t="s">
        <v>235</v>
      </c>
      <c r="G225" s="9" t="s">
        <v>273</v>
      </c>
      <c r="H225" s="6">
        <v>14687</v>
      </c>
      <c r="I225" s="6">
        <v>11751</v>
      </c>
      <c r="J225" s="6">
        <v>9620</v>
      </c>
      <c r="K225" s="6">
        <v>2370</v>
      </c>
      <c r="L225" s="6">
        <v>566</v>
      </c>
    </row>
    <row r="226" spans="1:12">
      <c r="A226" s="9" t="s">
        <v>27</v>
      </c>
      <c r="B226" s="9" t="s">
        <v>57</v>
      </c>
      <c r="C226" s="9" t="s">
        <v>58</v>
      </c>
      <c r="D226" s="9" t="s">
        <v>264</v>
      </c>
      <c r="E226" s="9" t="s">
        <v>6</v>
      </c>
      <c r="F226" s="9" t="s">
        <v>235</v>
      </c>
      <c r="G226" s="9" t="s">
        <v>274</v>
      </c>
      <c r="H226" s="6">
        <v>17074</v>
      </c>
      <c r="I226" s="6">
        <v>14624</v>
      </c>
      <c r="J226" s="6">
        <v>11965</v>
      </c>
      <c r="K226" s="6">
        <v>1929</v>
      </c>
      <c r="L226" s="6">
        <v>521</v>
      </c>
    </row>
    <row r="227" spans="1:12">
      <c r="A227" s="9" t="s">
        <v>27</v>
      </c>
      <c r="B227" s="9" t="s">
        <v>57</v>
      </c>
      <c r="C227" s="9" t="s">
        <v>58</v>
      </c>
      <c r="D227" s="9" t="s">
        <v>264</v>
      </c>
      <c r="E227" s="9" t="s">
        <v>6</v>
      </c>
      <c r="F227" s="9" t="s">
        <v>235</v>
      </c>
      <c r="G227" s="9" t="s">
        <v>275</v>
      </c>
      <c r="H227" s="6">
        <v>15952</v>
      </c>
      <c r="I227" s="6">
        <v>14122</v>
      </c>
      <c r="J227" s="6">
        <v>11658</v>
      </c>
      <c r="K227" s="6">
        <v>1451</v>
      </c>
      <c r="L227" s="6">
        <v>379</v>
      </c>
    </row>
    <row r="228" spans="1:12">
      <c r="A228" s="9" t="s">
        <v>27</v>
      </c>
      <c r="B228" s="9" t="s">
        <v>57</v>
      </c>
      <c r="C228" s="9" t="s">
        <v>58</v>
      </c>
      <c r="D228" s="9" t="s">
        <v>264</v>
      </c>
      <c r="E228" s="9" t="s">
        <v>6</v>
      </c>
      <c r="F228" s="9" t="s">
        <v>235</v>
      </c>
      <c r="G228" s="9" t="s">
        <v>276</v>
      </c>
      <c r="H228" s="6">
        <v>16116</v>
      </c>
      <c r="I228" s="6">
        <v>14194</v>
      </c>
      <c r="J228" s="6">
        <v>11484</v>
      </c>
      <c r="K228" s="6">
        <v>1384</v>
      </c>
      <c r="L228" s="6">
        <v>538</v>
      </c>
    </row>
    <row r="229" spans="1:12">
      <c r="A229" s="9" t="s">
        <v>27</v>
      </c>
      <c r="B229" s="9" t="s">
        <v>57</v>
      </c>
      <c r="C229" s="9" t="s">
        <v>58</v>
      </c>
      <c r="D229" s="9" t="s">
        <v>264</v>
      </c>
      <c r="E229" s="9" t="s">
        <v>6</v>
      </c>
      <c r="F229" s="9" t="s">
        <v>235</v>
      </c>
      <c r="G229" s="9" t="s">
        <v>277</v>
      </c>
      <c r="H229" s="6">
        <v>15064</v>
      </c>
      <c r="I229" s="6">
        <v>13268</v>
      </c>
      <c r="J229" s="6">
        <v>10829</v>
      </c>
      <c r="K229" s="6">
        <v>1313</v>
      </c>
      <c r="L229" s="6">
        <v>483</v>
      </c>
    </row>
    <row r="230" spans="1:12">
      <c r="A230" s="9" t="s">
        <v>27</v>
      </c>
      <c r="B230" s="9" t="s">
        <v>57</v>
      </c>
      <c r="C230" s="9" t="s">
        <v>58</v>
      </c>
      <c r="D230" s="9" t="s">
        <v>264</v>
      </c>
      <c r="E230" s="9" t="s">
        <v>6</v>
      </c>
      <c r="F230" s="9" t="s">
        <v>235</v>
      </c>
      <c r="G230" s="9" t="s">
        <v>278</v>
      </c>
      <c r="H230" s="6">
        <v>14540</v>
      </c>
      <c r="I230" s="6">
        <v>12614</v>
      </c>
      <c r="J230" s="6">
        <v>10378</v>
      </c>
      <c r="K230" s="6">
        <v>1606</v>
      </c>
      <c r="L230" s="6">
        <v>320</v>
      </c>
    </row>
    <row r="231" spans="1:12">
      <c r="A231" s="9" t="s">
        <v>27</v>
      </c>
      <c r="B231" s="9" t="s">
        <v>57</v>
      </c>
      <c r="C231" s="9" t="s">
        <v>58</v>
      </c>
      <c r="D231" s="9" t="s">
        <v>264</v>
      </c>
      <c r="E231" s="9" t="s">
        <v>6</v>
      </c>
      <c r="F231" s="9" t="s">
        <v>235</v>
      </c>
      <c r="G231" s="9" t="s">
        <v>279</v>
      </c>
      <c r="H231" s="6">
        <v>7878</v>
      </c>
      <c r="I231" s="6">
        <v>6631</v>
      </c>
      <c r="J231" s="6">
        <v>5172</v>
      </c>
      <c r="K231" s="6">
        <v>987</v>
      </c>
      <c r="L231" s="6">
        <v>260</v>
      </c>
    </row>
    <row r="232" spans="1:12">
      <c r="A232" s="9" t="s">
        <v>27</v>
      </c>
      <c r="B232" s="9" t="s">
        <v>57</v>
      </c>
      <c r="C232" s="9" t="s">
        <v>58</v>
      </c>
      <c r="D232" s="9" t="s">
        <v>264</v>
      </c>
      <c r="E232" s="9" t="s">
        <v>6</v>
      </c>
      <c r="F232" s="9" t="s">
        <v>235</v>
      </c>
      <c r="G232" s="9" t="s">
        <v>280</v>
      </c>
      <c r="H232" s="6">
        <v>80879</v>
      </c>
      <c r="I232" s="6">
        <v>51428</v>
      </c>
      <c r="J232" s="6">
        <v>36155</v>
      </c>
      <c r="K232" s="6">
        <v>27789</v>
      </c>
      <c r="L232" s="6">
        <v>1662</v>
      </c>
    </row>
    <row r="233" spans="1:12">
      <c r="A233" s="9" t="s">
        <v>27</v>
      </c>
      <c r="B233" s="9" t="s">
        <v>57</v>
      </c>
      <c r="C233" s="9" t="s">
        <v>58</v>
      </c>
      <c r="D233" s="9" t="s">
        <v>264</v>
      </c>
      <c r="E233" s="9" t="s">
        <v>6</v>
      </c>
      <c r="F233" s="9" t="s">
        <v>281</v>
      </c>
      <c r="G233" s="9" t="s">
        <v>6</v>
      </c>
      <c r="H233" s="6">
        <v>82270</v>
      </c>
      <c r="I233" s="6">
        <v>55059</v>
      </c>
      <c r="J233" s="6">
        <v>41115</v>
      </c>
      <c r="K233" s="6">
        <v>25430</v>
      </c>
      <c r="L233" s="6">
        <v>1781</v>
      </c>
    </row>
    <row r="234" spans="1:12">
      <c r="A234" s="9" t="s">
        <v>27</v>
      </c>
      <c r="B234" s="9" t="s">
        <v>57</v>
      </c>
      <c r="C234" s="9" t="s">
        <v>58</v>
      </c>
      <c r="D234" s="9" t="s">
        <v>264</v>
      </c>
      <c r="E234" s="9" t="s">
        <v>6</v>
      </c>
      <c r="F234" s="9" t="s">
        <v>281</v>
      </c>
      <c r="G234" s="9" t="s">
        <v>272</v>
      </c>
      <c r="H234" s="6">
        <v>2274</v>
      </c>
      <c r="I234" s="6">
        <v>1102</v>
      </c>
      <c r="J234" s="6">
        <v>976</v>
      </c>
      <c r="K234" s="6">
        <v>1031</v>
      </c>
      <c r="L234" s="6">
        <v>141</v>
      </c>
    </row>
    <row r="235" spans="1:12">
      <c r="A235" s="9" t="s">
        <v>27</v>
      </c>
      <c r="B235" s="9" t="s">
        <v>57</v>
      </c>
      <c r="C235" s="9" t="s">
        <v>58</v>
      </c>
      <c r="D235" s="9" t="s">
        <v>264</v>
      </c>
      <c r="E235" s="9" t="s">
        <v>6</v>
      </c>
      <c r="F235" s="9" t="s">
        <v>281</v>
      </c>
      <c r="G235" s="9" t="s">
        <v>273</v>
      </c>
      <c r="H235" s="6">
        <v>3588</v>
      </c>
      <c r="I235" s="6">
        <v>2689</v>
      </c>
      <c r="J235" s="6">
        <v>2250</v>
      </c>
      <c r="K235" s="6">
        <v>762</v>
      </c>
      <c r="L235" s="6">
        <v>137</v>
      </c>
    </row>
    <row r="236" spans="1:12">
      <c r="A236" s="9" t="s">
        <v>27</v>
      </c>
      <c r="B236" s="9" t="s">
        <v>57</v>
      </c>
      <c r="C236" s="9" t="s">
        <v>58</v>
      </c>
      <c r="D236" s="9" t="s">
        <v>264</v>
      </c>
      <c r="E236" s="9" t="s">
        <v>6</v>
      </c>
      <c r="F236" s="9" t="s">
        <v>281</v>
      </c>
      <c r="G236" s="9" t="s">
        <v>274</v>
      </c>
      <c r="H236" s="6">
        <v>2617</v>
      </c>
      <c r="I236" s="6">
        <v>2186</v>
      </c>
      <c r="J236" s="6">
        <v>1895</v>
      </c>
      <c r="K236" s="6">
        <v>351</v>
      </c>
      <c r="L236" s="6">
        <v>80</v>
      </c>
    </row>
    <row r="237" spans="1:12">
      <c r="A237" s="9" t="s">
        <v>27</v>
      </c>
      <c r="B237" s="9" t="s">
        <v>57</v>
      </c>
      <c r="C237" s="9" t="s">
        <v>58</v>
      </c>
      <c r="D237" s="9" t="s">
        <v>264</v>
      </c>
      <c r="E237" s="9" t="s">
        <v>6</v>
      </c>
      <c r="F237" s="9" t="s">
        <v>281</v>
      </c>
      <c r="G237" s="9" t="s">
        <v>275</v>
      </c>
      <c r="H237" s="6">
        <v>2136</v>
      </c>
      <c r="I237" s="6">
        <v>1780</v>
      </c>
      <c r="J237" s="6">
        <v>1508</v>
      </c>
      <c r="K237" s="6">
        <v>300</v>
      </c>
      <c r="L237" s="6">
        <v>56</v>
      </c>
    </row>
    <row r="238" spans="1:12">
      <c r="A238" s="9" t="s">
        <v>27</v>
      </c>
      <c r="B238" s="9" t="s">
        <v>57</v>
      </c>
      <c r="C238" s="9" t="s">
        <v>58</v>
      </c>
      <c r="D238" s="9" t="s">
        <v>264</v>
      </c>
      <c r="E238" s="9" t="s">
        <v>6</v>
      </c>
      <c r="F238" s="9" t="s">
        <v>281</v>
      </c>
      <c r="G238" s="9" t="s">
        <v>276</v>
      </c>
      <c r="H238" s="6">
        <v>2262</v>
      </c>
      <c r="I238" s="6">
        <v>1947</v>
      </c>
      <c r="J238" s="6">
        <v>1702</v>
      </c>
      <c r="K238" s="6">
        <v>278</v>
      </c>
      <c r="L238" s="6">
        <v>37</v>
      </c>
    </row>
    <row r="239" spans="1:12">
      <c r="A239" s="9" t="s">
        <v>27</v>
      </c>
      <c r="B239" s="9" t="s">
        <v>57</v>
      </c>
      <c r="C239" s="9" t="s">
        <v>58</v>
      </c>
      <c r="D239" s="9" t="s">
        <v>264</v>
      </c>
      <c r="E239" s="9" t="s">
        <v>6</v>
      </c>
      <c r="F239" s="9" t="s">
        <v>281</v>
      </c>
      <c r="G239" s="9" t="s">
        <v>277</v>
      </c>
      <c r="H239" s="6">
        <v>3078</v>
      </c>
      <c r="I239" s="6">
        <v>2600</v>
      </c>
      <c r="J239" s="6">
        <v>2177</v>
      </c>
      <c r="K239" s="6">
        <v>399</v>
      </c>
      <c r="L239" s="6">
        <v>79</v>
      </c>
    </row>
    <row r="240" spans="1:12">
      <c r="A240" s="9" t="s">
        <v>27</v>
      </c>
      <c r="B240" s="9" t="s">
        <v>57</v>
      </c>
      <c r="C240" s="9" t="s">
        <v>58</v>
      </c>
      <c r="D240" s="9" t="s">
        <v>264</v>
      </c>
      <c r="E240" s="9" t="s">
        <v>6</v>
      </c>
      <c r="F240" s="9" t="s">
        <v>281</v>
      </c>
      <c r="G240" s="9" t="s">
        <v>278</v>
      </c>
      <c r="H240" s="6">
        <v>4991</v>
      </c>
      <c r="I240" s="6">
        <v>4314</v>
      </c>
      <c r="J240" s="6">
        <v>3569</v>
      </c>
      <c r="K240" s="6">
        <v>608</v>
      </c>
      <c r="L240" s="6">
        <v>69</v>
      </c>
    </row>
    <row r="241" spans="1:12">
      <c r="A241" s="9" t="s">
        <v>27</v>
      </c>
      <c r="B241" s="9" t="s">
        <v>57</v>
      </c>
      <c r="C241" s="9" t="s">
        <v>58</v>
      </c>
      <c r="D241" s="9" t="s">
        <v>264</v>
      </c>
      <c r="E241" s="9" t="s">
        <v>6</v>
      </c>
      <c r="F241" s="9" t="s">
        <v>281</v>
      </c>
      <c r="G241" s="9" t="s">
        <v>279</v>
      </c>
      <c r="H241" s="6">
        <v>3203</v>
      </c>
      <c r="I241" s="6">
        <v>2707</v>
      </c>
      <c r="J241" s="6">
        <v>2158</v>
      </c>
      <c r="K241" s="6">
        <v>409</v>
      </c>
      <c r="L241" s="6">
        <v>87</v>
      </c>
    </row>
    <row r="242" spans="1:12">
      <c r="A242" s="9" t="s">
        <v>27</v>
      </c>
      <c r="B242" s="9" t="s">
        <v>57</v>
      </c>
      <c r="C242" s="9" t="s">
        <v>58</v>
      </c>
      <c r="D242" s="9" t="s">
        <v>264</v>
      </c>
      <c r="E242" s="9" t="s">
        <v>6</v>
      </c>
      <c r="F242" s="9" t="s">
        <v>281</v>
      </c>
      <c r="G242" s="9" t="s">
        <v>280</v>
      </c>
      <c r="H242" s="6">
        <v>58121</v>
      </c>
      <c r="I242" s="6">
        <v>35734</v>
      </c>
      <c r="J242" s="6">
        <v>24880</v>
      </c>
      <c r="K242" s="6">
        <v>21292</v>
      </c>
      <c r="L242" s="6">
        <v>1095</v>
      </c>
    </row>
    <row r="243" spans="1:12">
      <c r="A243" s="9" t="s">
        <v>27</v>
      </c>
      <c r="B243" s="9" t="s">
        <v>57</v>
      </c>
      <c r="C243" s="9" t="s">
        <v>58</v>
      </c>
      <c r="D243" s="9" t="s">
        <v>264</v>
      </c>
      <c r="E243" s="9" t="s">
        <v>6</v>
      </c>
      <c r="F243" s="9" t="s">
        <v>282</v>
      </c>
      <c r="G243" s="9" t="s">
        <v>6</v>
      </c>
      <c r="H243" s="6">
        <v>64938</v>
      </c>
      <c r="I243" s="6">
        <v>51583</v>
      </c>
      <c r="J243" s="6">
        <v>41394</v>
      </c>
      <c r="K243" s="6">
        <v>11528</v>
      </c>
      <c r="L243" s="6">
        <v>1827</v>
      </c>
    </row>
    <row r="244" spans="1:12">
      <c r="A244" s="9" t="s">
        <v>27</v>
      </c>
      <c r="B244" s="9" t="s">
        <v>57</v>
      </c>
      <c r="C244" s="9" t="s">
        <v>58</v>
      </c>
      <c r="D244" s="9" t="s">
        <v>264</v>
      </c>
      <c r="E244" s="9" t="s">
        <v>6</v>
      </c>
      <c r="F244" s="9" t="s">
        <v>282</v>
      </c>
      <c r="G244" s="9" t="s">
        <v>272</v>
      </c>
      <c r="H244" s="6">
        <v>2740</v>
      </c>
      <c r="I244" s="6">
        <v>1460</v>
      </c>
      <c r="J244" s="6">
        <v>1190</v>
      </c>
      <c r="K244" s="6">
        <v>1166</v>
      </c>
      <c r="L244" s="6">
        <v>114</v>
      </c>
    </row>
    <row r="245" spans="1:12">
      <c r="A245" s="9" t="s">
        <v>27</v>
      </c>
      <c r="B245" s="9" t="s">
        <v>57</v>
      </c>
      <c r="C245" s="9" t="s">
        <v>58</v>
      </c>
      <c r="D245" s="9" t="s">
        <v>264</v>
      </c>
      <c r="E245" s="9" t="s">
        <v>6</v>
      </c>
      <c r="F245" s="9" t="s">
        <v>282</v>
      </c>
      <c r="G245" s="9" t="s">
        <v>273</v>
      </c>
      <c r="H245" s="6">
        <v>5255</v>
      </c>
      <c r="I245" s="6">
        <v>4231</v>
      </c>
      <c r="J245" s="6">
        <v>3520</v>
      </c>
      <c r="K245" s="6">
        <v>816</v>
      </c>
      <c r="L245" s="6">
        <v>208</v>
      </c>
    </row>
    <row r="246" spans="1:12">
      <c r="A246" s="9" t="s">
        <v>27</v>
      </c>
      <c r="B246" s="9" t="s">
        <v>57</v>
      </c>
      <c r="C246" s="9" t="s">
        <v>58</v>
      </c>
      <c r="D246" s="9" t="s">
        <v>264</v>
      </c>
      <c r="E246" s="9" t="s">
        <v>6</v>
      </c>
      <c r="F246" s="9" t="s">
        <v>282</v>
      </c>
      <c r="G246" s="9" t="s">
        <v>274</v>
      </c>
      <c r="H246" s="6">
        <v>6193</v>
      </c>
      <c r="I246" s="6">
        <v>5244</v>
      </c>
      <c r="J246" s="6">
        <v>4420</v>
      </c>
      <c r="K246" s="6">
        <v>792</v>
      </c>
      <c r="L246" s="6">
        <v>157</v>
      </c>
    </row>
    <row r="247" spans="1:12">
      <c r="A247" s="9" t="s">
        <v>27</v>
      </c>
      <c r="B247" s="9" t="s">
        <v>57</v>
      </c>
      <c r="C247" s="9" t="s">
        <v>58</v>
      </c>
      <c r="D247" s="9" t="s">
        <v>264</v>
      </c>
      <c r="E247" s="9" t="s">
        <v>6</v>
      </c>
      <c r="F247" s="9" t="s">
        <v>282</v>
      </c>
      <c r="G247" s="9" t="s">
        <v>275</v>
      </c>
      <c r="H247" s="6">
        <v>6074</v>
      </c>
      <c r="I247" s="6">
        <v>5364</v>
      </c>
      <c r="J247" s="6">
        <v>4587</v>
      </c>
      <c r="K247" s="6">
        <v>549</v>
      </c>
      <c r="L247" s="6">
        <v>161</v>
      </c>
    </row>
    <row r="248" spans="1:12">
      <c r="A248" s="9" t="s">
        <v>27</v>
      </c>
      <c r="B248" s="9" t="s">
        <v>57</v>
      </c>
      <c r="C248" s="9" t="s">
        <v>58</v>
      </c>
      <c r="D248" s="9" t="s">
        <v>264</v>
      </c>
      <c r="E248" s="9" t="s">
        <v>6</v>
      </c>
      <c r="F248" s="9" t="s">
        <v>282</v>
      </c>
      <c r="G248" s="9" t="s">
        <v>276</v>
      </c>
      <c r="H248" s="6">
        <v>6959</v>
      </c>
      <c r="I248" s="6">
        <v>6114</v>
      </c>
      <c r="J248" s="6">
        <v>4977</v>
      </c>
      <c r="K248" s="6">
        <v>615</v>
      </c>
      <c r="L248" s="6">
        <v>230</v>
      </c>
    </row>
    <row r="249" spans="1:12">
      <c r="A249" s="9" t="s">
        <v>27</v>
      </c>
      <c r="B249" s="9" t="s">
        <v>57</v>
      </c>
      <c r="C249" s="9" t="s">
        <v>58</v>
      </c>
      <c r="D249" s="9" t="s">
        <v>264</v>
      </c>
      <c r="E249" s="9" t="s">
        <v>6</v>
      </c>
      <c r="F249" s="9" t="s">
        <v>282</v>
      </c>
      <c r="G249" s="9" t="s">
        <v>277</v>
      </c>
      <c r="H249" s="6">
        <v>7374</v>
      </c>
      <c r="I249" s="6">
        <v>6523</v>
      </c>
      <c r="J249" s="6">
        <v>5376</v>
      </c>
      <c r="K249" s="6">
        <v>635</v>
      </c>
      <c r="L249" s="6">
        <v>216</v>
      </c>
    </row>
    <row r="250" spans="1:12">
      <c r="A250" s="9" t="s">
        <v>27</v>
      </c>
      <c r="B250" s="9" t="s">
        <v>57</v>
      </c>
      <c r="C250" s="9" t="s">
        <v>58</v>
      </c>
      <c r="D250" s="9" t="s">
        <v>264</v>
      </c>
      <c r="E250" s="9" t="s">
        <v>6</v>
      </c>
      <c r="F250" s="9" t="s">
        <v>282</v>
      </c>
      <c r="G250" s="9" t="s">
        <v>278</v>
      </c>
      <c r="H250" s="6">
        <v>7127</v>
      </c>
      <c r="I250" s="6">
        <v>6183</v>
      </c>
      <c r="J250" s="6">
        <v>5135</v>
      </c>
      <c r="K250" s="6">
        <v>793</v>
      </c>
      <c r="L250" s="6">
        <v>151</v>
      </c>
    </row>
    <row r="251" spans="1:12">
      <c r="A251" s="9" t="s">
        <v>27</v>
      </c>
      <c r="B251" s="9" t="s">
        <v>57</v>
      </c>
      <c r="C251" s="9" t="s">
        <v>58</v>
      </c>
      <c r="D251" s="9" t="s">
        <v>264</v>
      </c>
      <c r="E251" s="9" t="s">
        <v>6</v>
      </c>
      <c r="F251" s="9" t="s">
        <v>282</v>
      </c>
      <c r="G251" s="9" t="s">
        <v>279</v>
      </c>
      <c r="H251" s="6">
        <v>3573</v>
      </c>
      <c r="I251" s="6">
        <v>3034</v>
      </c>
      <c r="J251" s="6">
        <v>2415</v>
      </c>
      <c r="K251" s="6">
        <v>439</v>
      </c>
      <c r="L251" s="6">
        <v>100</v>
      </c>
    </row>
    <row r="252" spans="1:12">
      <c r="A252" s="9" t="s">
        <v>27</v>
      </c>
      <c r="B252" s="9" t="s">
        <v>57</v>
      </c>
      <c r="C252" s="9" t="s">
        <v>58</v>
      </c>
      <c r="D252" s="9" t="s">
        <v>264</v>
      </c>
      <c r="E252" s="9" t="s">
        <v>6</v>
      </c>
      <c r="F252" s="9" t="s">
        <v>282</v>
      </c>
      <c r="G252" s="9" t="s">
        <v>280</v>
      </c>
      <c r="H252" s="6">
        <v>19643</v>
      </c>
      <c r="I252" s="6">
        <v>13430</v>
      </c>
      <c r="J252" s="6">
        <v>9774</v>
      </c>
      <c r="K252" s="6">
        <v>5723</v>
      </c>
      <c r="L252" s="6">
        <v>490</v>
      </c>
    </row>
    <row r="253" spans="1:12">
      <c r="A253" s="9" t="s">
        <v>27</v>
      </c>
      <c r="B253" s="9" t="s">
        <v>57</v>
      </c>
      <c r="C253" s="9" t="s">
        <v>58</v>
      </c>
      <c r="D253" s="9" t="s">
        <v>264</v>
      </c>
      <c r="E253" s="9" t="s">
        <v>6</v>
      </c>
      <c r="F253" s="9" t="s">
        <v>283</v>
      </c>
      <c r="G253" s="9" t="s">
        <v>6</v>
      </c>
      <c r="H253" s="6">
        <v>43129</v>
      </c>
      <c r="I253" s="6">
        <v>36524</v>
      </c>
      <c r="J253" s="6">
        <v>28530</v>
      </c>
      <c r="K253" s="6">
        <v>5137</v>
      </c>
      <c r="L253" s="6">
        <v>1468</v>
      </c>
    </row>
    <row r="254" spans="1:12">
      <c r="A254" s="9" t="s">
        <v>27</v>
      </c>
      <c r="B254" s="9" t="s">
        <v>57</v>
      </c>
      <c r="C254" s="9" t="s">
        <v>58</v>
      </c>
      <c r="D254" s="9" t="s">
        <v>264</v>
      </c>
      <c r="E254" s="9" t="s">
        <v>6</v>
      </c>
      <c r="F254" s="9" t="s">
        <v>283</v>
      </c>
      <c r="G254" s="9" t="s">
        <v>272</v>
      </c>
      <c r="H254" s="6">
        <v>3133</v>
      </c>
      <c r="I254" s="6">
        <v>1972</v>
      </c>
      <c r="J254" s="6">
        <v>1612</v>
      </c>
      <c r="K254" s="6">
        <v>1069</v>
      </c>
      <c r="L254" s="6">
        <v>92</v>
      </c>
    </row>
    <row r="255" spans="1:12">
      <c r="A255" s="9" t="s">
        <v>27</v>
      </c>
      <c r="B255" s="9" t="s">
        <v>57</v>
      </c>
      <c r="C255" s="9" t="s">
        <v>58</v>
      </c>
      <c r="D255" s="9" t="s">
        <v>264</v>
      </c>
      <c r="E255" s="9" t="s">
        <v>6</v>
      </c>
      <c r="F255" s="9" t="s">
        <v>283</v>
      </c>
      <c r="G255" s="9" t="s">
        <v>273</v>
      </c>
      <c r="H255" s="6">
        <v>5844</v>
      </c>
      <c r="I255" s="6">
        <v>4831</v>
      </c>
      <c r="J255" s="6">
        <v>3850</v>
      </c>
      <c r="K255" s="6">
        <v>792</v>
      </c>
      <c r="L255" s="6">
        <v>221</v>
      </c>
    </row>
    <row r="256" spans="1:12">
      <c r="A256" s="9" t="s">
        <v>27</v>
      </c>
      <c r="B256" s="9" t="s">
        <v>57</v>
      </c>
      <c r="C256" s="9" t="s">
        <v>58</v>
      </c>
      <c r="D256" s="9" t="s">
        <v>264</v>
      </c>
      <c r="E256" s="9" t="s">
        <v>6</v>
      </c>
      <c r="F256" s="9" t="s">
        <v>283</v>
      </c>
      <c r="G256" s="9" t="s">
        <v>274</v>
      </c>
      <c r="H256" s="6">
        <v>8264</v>
      </c>
      <c r="I256" s="6">
        <v>7194</v>
      </c>
      <c r="J256" s="6">
        <v>5650</v>
      </c>
      <c r="K256" s="6">
        <v>786</v>
      </c>
      <c r="L256" s="6">
        <v>284</v>
      </c>
    </row>
    <row r="257" spans="1:12">
      <c r="A257" s="9" t="s">
        <v>27</v>
      </c>
      <c r="B257" s="9" t="s">
        <v>57</v>
      </c>
      <c r="C257" s="9" t="s">
        <v>58</v>
      </c>
      <c r="D257" s="9" t="s">
        <v>264</v>
      </c>
      <c r="E257" s="9" t="s">
        <v>6</v>
      </c>
      <c r="F257" s="9" t="s">
        <v>283</v>
      </c>
      <c r="G257" s="9" t="s">
        <v>275</v>
      </c>
      <c r="H257" s="6">
        <v>7742</v>
      </c>
      <c r="I257" s="6">
        <v>6978</v>
      </c>
      <c r="J257" s="6">
        <v>5563</v>
      </c>
      <c r="K257" s="6">
        <v>602</v>
      </c>
      <c r="L257" s="6">
        <v>162</v>
      </c>
    </row>
    <row r="258" spans="1:12">
      <c r="A258" s="9" t="s">
        <v>27</v>
      </c>
      <c r="B258" s="9" t="s">
        <v>57</v>
      </c>
      <c r="C258" s="9" t="s">
        <v>58</v>
      </c>
      <c r="D258" s="9" t="s">
        <v>264</v>
      </c>
      <c r="E258" s="9" t="s">
        <v>6</v>
      </c>
      <c r="F258" s="9" t="s">
        <v>283</v>
      </c>
      <c r="G258" s="9" t="s">
        <v>276</v>
      </c>
      <c r="H258" s="6">
        <v>6895</v>
      </c>
      <c r="I258" s="6">
        <v>6133</v>
      </c>
      <c r="J258" s="6">
        <v>4805</v>
      </c>
      <c r="K258" s="6">
        <v>491</v>
      </c>
      <c r="L258" s="6">
        <v>271</v>
      </c>
    </row>
    <row r="259" spans="1:12">
      <c r="A259" s="9" t="s">
        <v>27</v>
      </c>
      <c r="B259" s="9" t="s">
        <v>57</v>
      </c>
      <c r="C259" s="9" t="s">
        <v>58</v>
      </c>
      <c r="D259" s="9" t="s">
        <v>264</v>
      </c>
      <c r="E259" s="9" t="s">
        <v>6</v>
      </c>
      <c r="F259" s="9" t="s">
        <v>283</v>
      </c>
      <c r="G259" s="9" t="s">
        <v>277</v>
      </c>
      <c r="H259" s="6">
        <v>4612</v>
      </c>
      <c r="I259" s="6">
        <v>4145</v>
      </c>
      <c r="J259" s="6">
        <v>3276</v>
      </c>
      <c r="K259" s="6">
        <v>279</v>
      </c>
      <c r="L259" s="6">
        <v>188</v>
      </c>
    </row>
    <row r="260" spans="1:12">
      <c r="A260" s="9" t="s">
        <v>27</v>
      </c>
      <c r="B260" s="9" t="s">
        <v>57</v>
      </c>
      <c r="C260" s="9" t="s">
        <v>58</v>
      </c>
      <c r="D260" s="9" t="s">
        <v>264</v>
      </c>
      <c r="E260" s="9" t="s">
        <v>6</v>
      </c>
      <c r="F260" s="9" t="s">
        <v>283</v>
      </c>
      <c r="G260" s="9" t="s">
        <v>278</v>
      </c>
      <c r="H260" s="6">
        <v>2422</v>
      </c>
      <c r="I260" s="6">
        <v>2117</v>
      </c>
      <c r="J260" s="6">
        <v>1674</v>
      </c>
      <c r="K260" s="6">
        <v>205</v>
      </c>
      <c r="L260" s="6">
        <v>100</v>
      </c>
    </row>
    <row r="261" spans="1:12">
      <c r="A261" s="9" t="s">
        <v>27</v>
      </c>
      <c r="B261" s="9" t="s">
        <v>57</v>
      </c>
      <c r="C261" s="9" t="s">
        <v>58</v>
      </c>
      <c r="D261" s="9" t="s">
        <v>264</v>
      </c>
      <c r="E261" s="9" t="s">
        <v>6</v>
      </c>
      <c r="F261" s="9" t="s">
        <v>283</v>
      </c>
      <c r="G261" s="9" t="s">
        <v>279</v>
      </c>
      <c r="H261" s="6">
        <v>1102</v>
      </c>
      <c r="I261" s="6">
        <v>890</v>
      </c>
      <c r="J261" s="6">
        <v>599</v>
      </c>
      <c r="K261" s="6">
        <v>139</v>
      </c>
      <c r="L261" s="6">
        <v>73</v>
      </c>
    </row>
    <row r="262" spans="1:12">
      <c r="A262" s="9" t="s">
        <v>27</v>
      </c>
      <c r="B262" s="9" t="s">
        <v>57</v>
      </c>
      <c r="C262" s="9" t="s">
        <v>58</v>
      </c>
      <c r="D262" s="9" t="s">
        <v>264</v>
      </c>
      <c r="E262" s="9" t="s">
        <v>6</v>
      </c>
      <c r="F262" s="9" t="s">
        <v>283</v>
      </c>
      <c r="G262" s="9" t="s">
        <v>280</v>
      </c>
      <c r="H262" s="6">
        <v>3115</v>
      </c>
      <c r="I262" s="6">
        <v>2264</v>
      </c>
      <c r="J262" s="6">
        <v>1501</v>
      </c>
      <c r="K262" s="6">
        <v>774</v>
      </c>
      <c r="L262" s="6">
        <v>77</v>
      </c>
    </row>
    <row r="263" spans="1:12">
      <c r="A263" s="9" t="s">
        <v>27</v>
      </c>
      <c r="B263" s="9" t="s">
        <v>57</v>
      </c>
      <c r="C263" s="9" t="s">
        <v>58</v>
      </c>
      <c r="D263" s="9" t="s">
        <v>264</v>
      </c>
      <c r="E263" s="9" t="s">
        <v>226</v>
      </c>
      <c r="F263" s="9" t="s">
        <v>6</v>
      </c>
      <c r="G263" s="9" t="s">
        <v>6</v>
      </c>
      <c r="H263" s="6">
        <v>168397</v>
      </c>
      <c r="I263" s="6">
        <v>140872</v>
      </c>
      <c r="J263" s="6">
        <v>108472</v>
      </c>
      <c r="K263" s="6">
        <v>27332</v>
      </c>
      <c r="L263" s="6">
        <v>193</v>
      </c>
    </row>
    <row r="264" spans="1:12">
      <c r="A264" s="9" t="s">
        <v>27</v>
      </c>
      <c r="B264" s="9" t="s">
        <v>57</v>
      </c>
      <c r="C264" s="9" t="s">
        <v>58</v>
      </c>
      <c r="D264" s="9" t="s">
        <v>264</v>
      </c>
      <c r="E264" s="9" t="s">
        <v>226</v>
      </c>
      <c r="F264" s="9" t="s">
        <v>234</v>
      </c>
      <c r="G264" s="9" t="s">
        <v>6</v>
      </c>
      <c r="H264" s="6">
        <v>4530</v>
      </c>
      <c r="I264" s="6">
        <v>3801</v>
      </c>
      <c r="J264" s="6">
        <v>2820</v>
      </c>
      <c r="K264" s="6">
        <v>723</v>
      </c>
      <c r="L264" s="6">
        <v>6</v>
      </c>
    </row>
    <row r="265" spans="1:12">
      <c r="A265" s="9" t="s">
        <v>27</v>
      </c>
      <c r="B265" s="9" t="s">
        <v>57</v>
      </c>
      <c r="C265" s="9" t="s">
        <v>58</v>
      </c>
      <c r="D265" s="9" t="s">
        <v>264</v>
      </c>
      <c r="E265" s="9" t="s">
        <v>226</v>
      </c>
      <c r="F265" s="9" t="s">
        <v>235</v>
      </c>
      <c r="G265" s="9" t="s">
        <v>6</v>
      </c>
      <c r="H265" s="6">
        <v>163867</v>
      </c>
      <c r="I265" s="6">
        <v>137071</v>
      </c>
      <c r="J265" s="6">
        <v>105652</v>
      </c>
      <c r="K265" s="6">
        <v>26609</v>
      </c>
      <c r="L265" s="6">
        <v>187</v>
      </c>
    </row>
    <row r="266" spans="1:12">
      <c r="A266" s="9" t="s">
        <v>27</v>
      </c>
      <c r="B266" s="9" t="s">
        <v>57</v>
      </c>
      <c r="C266" s="9" t="s">
        <v>58</v>
      </c>
      <c r="D266" s="9" t="s">
        <v>264</v>
      </c>
      <c r="E266" s="9" t="s">
        <v>226</v>
      </c>
      <c r="F266" s="9" t="s">
        <v>235</v>
      </c>
      <c r="G266" s="9" t="s">
        <v>272</v>
      </c>
      <c r="H266" s="6">
        <v>7631</v>
      </c>
      <c r="I266" s="6">
        <v>4501</v>
      </c>
      <c r="J266" s="6">
        <v>3745</v>
      </c>
      <c r="K266" s="6">
        <v>3130</v>
      </c>
      <c r="L266" s="10" t="s">
        <v>55</v>
      </c>
    </row>
    <row r="267" spans="1:12">
      <c r="A267" s="9" t="s">
        <v>27</v>
      </c>
      <c r="B267" s="9" t="s">
        <v>57</v>
      </c>
      <c r="C267" s="9" t="s">
        <v>58</v>
      </c>
      <c r="D267" s="9" t="s">
        <v>264</v>
      </c>
      <c r="E267" s="9" t="s">
        <v>226</v>
      </c>
      <c r="F267" s="9" t="s">
        <v>235</v>
      </c>
      <c r="G267" s="9" t="s">
        <v>273</v>
      </c>
      <c r="H267" s="6">
        <v>13827</v>
      </c>
      <c r="I267" s="6">
        <v>11577</v>
      </c>
      <c r="J267" s="6">
        <v>9459</v>
      </c>
      <c r="K267" s="6">
        <v>2237</v>
      </c>
      <c r="L267" s="6">
        <v>13</v>
      </c>
    </row>
    <row r="268" spans="1:12">
      <c r="A268" s="9" t="s">
        <v>27</v>
      </c>
      <c r="B268" s="9" t="s">
        <v>57</v>
      </c>
      <c r="C268" s="9" t="s">
        <v>58</v>
      </c>
      <c r="D268" s="9" t="s">
        <v>264</v>
      </c>
      <c r="E268" s="9" t="s">
        <v>226</v>
      </c>
      <c r="F268" s="9" t="s">
        <v>235</v>
      </c>
      <c r="G268" s="9" t="s">
        <v>274</v>
      </c>
      <c r="H268" s="6">
        <v>16230</v>
      </c>
      <c r="I268" s="6">
        <v>14394</v>
      </c>
      <c r="J268" s="6">
        <v>11785</v>
      </c>
      <c r="K268" s="6">
        <v>1832</v>
      </c>
      <c r="L268" s="6">
        <v>4</v>
      </c>
    </row>
    <row r="269" spans="1:12">
      <c r="A269" s="9" t="s">
        <v>27</v>
      </c>
      <c r="B269" s="9" t="s">
        <v>57</v>
      </c>
      <c r="C269" s="9" t="s">
        <v>58</v>
      </c>
      <c r="D269" s="9" t="s">
        <v>264</v>
      </c>
      <c r="E269" s="9" t="s">
        <v>226</v>
      </c>
      <c r="F269" s="9" t="s">
        <v>235</v>
      </c>
      <c r="G269" s="9" t="s">
        <v>275</v>
      </c>
      <c r="H269" s="6">
        <v>15458</v>
      </c>
      <c r="I269" s="6">
        <v>14031</v>
      </c>
      <c r="J269" s="6">
        <v>11575</v>
      </c>
      <c r="K269" s="6">
        <v>1403</v>
      </c>
      <c r="L269" s="6">
        <v>24</v>
      </c>
    </row>
    <row r="270" spans="1:12">
      <c r="A270" s="9" t="s">
        <v>27</v>
      </c>
      <c r="B270" s="9" t="s">
        <v>57</v>
      </c>
      <c r="C270" s="9" t="s">
        <v>58</v>
      </c>
      <c r="D270" s="9" t="s">
        <v>264</v>
      </c>
      <c r="E270" s="9" t="s">
        <v>226</v>
      </c>
      <c r="F270" s="9" t="s">
        <v>235</v>
      </c>
      <c r="G270" s="9" t="s">
        <v>276</v>
      </c>
      <c r="H270" s="6">
        <v>15342</v>
      </c>
      <c r="I270" s="6">
        <v>13980</v>
      </c>
      <c r="J270" s="6">
        <v>11308</v>
      </c>
      <c r="K270" s="6">
        <v>1345</v>
      </c>
      <c r="L270" s="6">
        <v>17</v>
      </c>
    </row>
    <row r="271" spans="1:12">
      <c r="A271" s="9" t="s">
        <v>27</v>
      </c>
      <c r="B271" s="9" t="s">
        <v>57</v>
      </c>
      <c r="C271" s="9" t="s">
        <v>58</v>
      </c>
      <c r="D271" s="9" t="s">
        <v>264</v>
      </c>
      <c r="E271" s="9" t="s">
        <v>226</v>
      </c>
      <c r="F271" s="9" t="s">
        <v>235</v>
      </c>
      <c r="G271" s="9" t="s">
        <v>277</v>
      </c>
      <c r="H271" s="6">
        <v>14364</v>
      </c>
      <c r="I271" s="6">
        <v>13101</v>
      </c>
      <c r="J271" s="6">
        <v>10674</v>
      </c>
      <c r="K271" s="6">
        <v>1257</v>
      </c>
      <c r="L271" s="6">
        <v>6</v>
      </c>
    </row>
    <row r="272" spans="1:12">
      <c r="A272" s="9" t="s">
        <v>27</v>
      </c>
      <c r="B272" s="9" t="s">
        <v>57</v>
      </c>
      <c r="C272" s="9" t="s">
        <v>58</v>
      </c>
      <c r="D272" s="9" t="s">
        <v>264</v>
      </c>
      <c r="E272" s="9" t="s">
        <v>226</v>
      </c>
      <c r="F272" s="9" t="s">
        <v>235</v>
      </c>
      <c r="G272" s="9" t="s">
        <v>278</v>
      </c>
      <c r="H272" s="6">
        <v>13915</v>
      </c>
      <c r="I272" s="6">
        <v>12380</v>
      </c>
      <c r="J272" s="6">
        <v>10155</v>
      </c>
      <c r="K272" s="6">
        <v>1516</v>
      </c>
      <c r="L272" s="6">
        <v>19</v>
      </c>
    </row>
    <row r="273" spans="1:12">
      <c r="A273" s="9" t="s">
        <v>27</v>
      </c>
      <c r="B273" s="9" t="s">
        <v>57</v>
      </c>
      <c r="C273" s="9" t="s">
        <v>58</v>
      </c>
      <c r="D273" s="9" t="s">
        <v>264</v>
      </c>
      <c r="E273" s="9" t="s">
        <v>226</v>
      </c>
      <c r="F273" s="9" t="s">
        <v>235</v>
      </c>
      <c r="G273" s="9" t="s">
        <v>279</v>
      </c>
      <c r="H273" s="6">
        <v>7390</v>
      </c>
      <c r="I273" s="6">
        <v>6492</v>
      </c>
      <c r="J273" s="6">
        <v>5051</v>
      </c>
      <c r="K273" s="6">
        <v>892</v>
      </c>
      <c r="L273" s="6">
        <v>6</v>
      </c>
    </row>
    <row r="274" spans="1:12">
      <c r="A274" s="9" t="s">
        <v>27</v>
      </c>
      <c r="B274" s="9" t="s">
        <v>57</v>
      </c>
      <c r="C274" s="9" t="s">
        <v>58</v>
      </c>
      <c r="D274" s="9" t="s">
        <v>264</v>
      </c>
      <c r="E274" s="9" t="s">
        <v>226</v>
      </c>
      <c r="F274" s="9" t="s">
        <v>235</v>
      </c>
      <c r="G274" s="9" t="s">
        <v>280</v>
      </c>
      <c r="H274" s="6">
        <v>59710</v>
      </c>
      <c r="I274" s="6">
        <v>46615</v>
      </c>
      <c r="J274" s="6">
        <v>31900</v>
      </c>
      <c r="K274" s="6">
        <v>12997</v>
      </c>
      <c r="L274" s="6">
        <v>98</v>
      </c>
    </row>
    <row r="275" spans="1:12">
      <c r="A275" s="9" t="s">
        <v>27</v>
      </c>
      <c r="B275" s="9" t="s">
        <v>57</v>
      </c>
      <c r="C275" s="9" t="s">
        <v>58</v>
      </c>
      <c r="D275" s="9" t="s">
        <v>264</v>
      </c>
      <c r="E275" s="9" t="s">
        <v>226</v>
      </c>
      <c r="F275" s="9" t="s">
        <v>281</v>
      </c>
      <c r="G275" s="9" t="s">
        <v>6</v>
      </c>
      <c r="H275" s="6">
        <v>64474</v>
      </c>
      <c r="I275" s="6">
        <v>51106</v>
      </c>
      <c r="J275" s="6">
        <v>37613</v>
      </c>
      <c r="K275" s="6">
        <v>13268</v>
      </c>
      <c r="L275" s="6">
        <v>100</v>
      </c>
    </row>
    <row r="276" spans="1:12">
      <c r="A276" s="9" t="s">
        <v>27</v>
      </c>
      <c r="B276" s="9" t="s">
        <v>57</v>
      </c>
      <c r="C276" s="9" t="s">
        <v>58</v>
      </c>
      <c r="D276" s="9" t="s">
        <v>264</v>
      </c>
      <c r="E276" s="9" t="s">
        <v>226</v>
      </c>
      <c r="F276" s="9" t="s">
        <v>281</v>
      </c>
      <c r="G276" s="9" t="s">
        <v>272</v>
      </c>
      <c r="H276" s="6">
        <v>2067</v>
      </c>
      <c r="I276" s="6">
        <v>1097</v>
      </c>
      <c r="J276" s="6">
        <v>971</v>
      </c>
      <c r="K276" s="6">
        <v>970</v>
      </c>
      <c r="L276" s="10" t="s">
        <v>55</v>
      </c>
    </row>
    <row r="277" spans="1:12">
      <c r="A277" s="9" t="s">
        <v>27</v>
      </c>
      <c r="B277" s="9" t="s">
        <v>57</v>
      </c>
      <c r="C277" s="9" t="s">
        <v>58</v>
      </c>
      <c r="D277" s="9" t="s">
        <v>264</v>
      </c>
      <c r="E277" s="9" t="s">
        <v>226</v>
      </c>
      <c r="F277" s="9" t="s">
        <v>281</v>
      </c>
      <c r="G277" s="9" t="s">
        <v>273</v>
      </c>
      <c r="H277" s="6">
        <v>3337</v>
      </c>
      <c r="I277" s="6">
        <v>2619</v>
      </c>
      <c r="J277" s="6">
        <v>2193</v>
      </c>
      <c r="K277" s="6">
        <v>712</v>
      </c>
      <c r="L277" s="6">
        <v>6</v>
      </c>
    </row>
    <row r="278" spans="1:12">
      <c r="A278" s="9" t="s">
        <v>27</v>
      </c>
      <c r="B278" s="9" t="s">
        <v>57</v>
      </c>
      <c r="C278" s="9" t="s">
        <v>58</v>
      </c>
      <c r="D278" s="9" t="s">
        <v>264</v>
      </c>
      <c r="E278" s="9" t="s">
        <v>226</v>
      </c>
      <c r="F278" s="9" t="s">
        <v>281</v>
      </c>
      <c r="G278" s="9" t="s">
        <v>274</v>
      </c>
      <c r="H278" s="6">
        <v>2481</v>
      </c>
      <c r="I278" s="6">
        <v>2140</v>
      </c>
      <c r="J278" s="6">
        <v>1860</v>
      </c>
      <c r="K278" s="6">
        <v>337</v>
      </c>
      <c r="L278" s="6">
        <v>4</v>
      </c>
    </row>
    <row r="279" spans="1:12">
      <c r="A279" s="9" t="s">
        <v>27</v>
      </c>
      <c r="B279" s="9" t="s">
        <v>57</v>
      </c>
      <c r="C279" s="9" t="s">
        <v>58</v>
      </c>
      <c r="D279" s="9" t="s">
        <v>264</v>
      </c>
      <c r="E279" s="9" t="s">
        <v>226</v>
      </c>
      <c r="F279" s="9" t="s">
        <v>281</v>
      </c>
      <c r="G279" s="9" t="s">
        <v>275</v>
      </c>
      <c r="H279" s="6">
        <v>2035</v>
      </c>
      <c r="I279" s="6">
        <v>1745</v>
      </c>
      <c r="J279" s="6">
        <v>1473</v>
      </c>
      <c r="K279" s="6">
        <v>290</v>
      </c>
      <c r="L279" s="10" t="s">
        <v>55</v>
      </c>
    </row>
    <row r="280" spans="1:12">
      <c r="A280" s="9" t="s">
        <v>27</v>
      </c>
      <c r="B280" s="9" t="s">
        <v>57</v>
      </c>
      <c r="C280" s="9" t="s">
        <v>58</v>
      </c>
      <c r="D280" s="9" t="s">
        <v>264</v>
      </c>
      <c r="E280" s="9" t="s">
        <v>226</v>
      </c>
      <c r="F280" s="9" t="s">
        <v>281</v>
      </c>
      <c r="G280" s="9" t="s">
        <v>276</v>
      </c>
      <c r="H280" s="6">
        <v>2155</v>
      </c>
      <c r="I280" s="6">
        <v>1876</v>
      </c>
      <c r="J280" s="6">
        <v>1636</v>
      </c>
      <c r="K280" s="6">
        <v>274</v>
      </c>
      <c r="L280" s="6">
        <v>5</v>
      </c>
    </row>
    <row r="281" spans="1:12">
      <c r="A281" s="9" t="s">
        <v>27</v>
      </c>
      <c r="B281" s="9" t="s">
        <v>57</v>
      </c>
      <c r="C281" s="9" t="s">
        <v>58</v>
      </c>
      <c r="D281" s="9" t="s">
        <v>264</v>
      </c>
      <c r="E281" s="9" t="s">
        <v>226</v>
      </c>
      <c r="F281" s="9" t="s">
        <v>281</v>
      </c>
      <c r="G281" s="9" t="s">
        <v>277</v>
      </c>
      <c r="H281" s="6">
        <v>2939</v>
      </c>
      <c r="I281" s="6">
        <v>2553</v>
      </c>
      <c r="J281" s="6">
        <v>2136</v>
      </c>
      <c r="K281" s="6">
        <v>386</v>
      </c>
      <c r="L281" s="10" t="s">
        <v>55</v>
      </c>
    </row>
    <row r="282" spans="1:12">
      <c r="A282" s="9" t="s">
        <v>27</v>
      </c>
      <c r="B282" s="9" t="s">
        <v>57</v>
      </c>
      <c r="C282" s="9" t="s">
        <v>58</v>
      </c>
      <c r="D282" s="9" t="s">
        <v>264</v>
      </c>
      <c r="E282" s="9" t="s">
        <v>226</v>
      </c>
      <c r="F282" s="9" t="s">
        <v>281</v>
      </c>
      <c r="G282" s="9" t="s">
        <v>278</v>
      </c>
      <c r="H282" s="6">
        <v>4796</v>
      </c>
      <c r="I282" s="6">
        <v>4227</v>
      </c>
      <c r="J282" s="6">
        <v>3487</v>
      </c>
      <c r="K282" s="6">
        <v>564</v>
      </c>
      <c r="L282" s="6">
        <v>5</v>
      </c>
    </row>
    <row r="283" spans="1:12">
      <c r="A283" s="9" t="s">
        <v>27</v>
      </c>
      <c r="B283" s="9" t="s">
        <v>57</v>
      </c>
      <c r="C283" s="9" t="s">
        <v>58</v>
      </c>
      <c r="D283" s="9" t="s">
        <v>264</v>
      </c>
      <c r="E283" s="9" t="s">
        <v>226</v>
      </c>
      <c r="F283" s="9" t="s">
        <v>281</v>
      </c>
      <c r="G283" s="9" t="s">
        <v>279</v>
      </c>
      <c r="H283" s="6">
        <v>3012</v>
      </c>
      <c r="I283" s="6">
        <v>2649</v>
      </c>
      <c r="J283" s="6">
        <v>2100</v>
      </c>
      <c r="K283" s="6">
        <v>357</v>
      </c>
      <c r="L283" s="6">
        <v>6</v>
      </c>
    </row>
    <row r="284" spans="1:12">
      <c r="A284" s="9" t="s">
        <v>27</v>
      </c>
      <c r="B284" s="9" t="s">
        <v>57</v>
      </c>
      <c r="C284" s="9" t="s">
        <v>58</v>
      </c>
      <c r="D284" s="9" t="s">
        <v>264</v>
      </c>
      <c r="E284" s="9" t="s">
        <v>226</v>
      </c>
      <c r="F284" s="9" t="s">
        <v>281</v>
      </c>
      <c r="G284" s="9" t="s">
        <v>280</v>
      </c>
      <c r="H284" s="6">
        <v>41652</v>
      </c>
      <c r="I284" s="6">
        <v>32200</v>
      </c>
      <c r="J284" s="6">
        <v>21757</v>
      </c>
      <c r="K284" s="6">
        <v>9378</v>
      </c>
      <c r="L284" s="6">
        <v>74</v>
      </c>
    </row>
    <row r="285" spans="1:12">
      <c r="A285" s="9" t="s">
        <v>27</v>
      </c>
      <c r="B285" s="9" t="s">
        <v>57</v>
      </c>
      <c r="C285" s="9" t="s">
        <v>58</v>
      </c>
      <c r="D285" s="9" t="s">
        <v>264</v>
      </c>
      <c r="E285" s="9" t="s">
        <v>226</v>
      </c>
      <c r="F285" s="9" t="s">
        <v>282</v>
      </c>
      <c r="G285" s="9" t="s">
        <v>6</v>
      </c>
      <c r="H285" s="6">
        <v>58580</v>
      </c>
      <c r="I285" s="6">
        <v>49934</v>
      </c>
      <c r="J285" s="6">
        <v>39938</v>
      </c>
      <c r="K285" s="6">
        <v>8594</v>
      </c>
      <c r="L285" s="6">
        <v>52</v>
      </c>
    </row>
    <row r="286" spans="1:12">
      <c r="A286" s="9" t="s">
        <v>27</v>
      </c>
      <c r="B286" s="9" t="s">
        <v>57</v>
      </c>
      <c r="C286" s="9" t="s">
        <v>58</v>
      </c>
      <c r="D286" s="9" t="s">
        <v>264</v>
      </c>
      <c r="E286" s="9" t="s">
        <v>226</v>
      </c>
      <c r="F286" s="9" t="s">
        <v>282</v>
      </c>
      <c r="G286" s="9" t="s">
        <v>272</v>
      </c>
      <c r="H286" s="6">
        <v>2577</v>
      </c>
      <c r="I286" s="6">
        <v>1460</v>
      </c>
      <c r="J286" s="6">
        <v>1190</v>
      </c>
      <c r="K286" s="6">
        <v>1117</v>
      </c>
      <c r="L286" s="10" t="s">
        <v>55</v>
      </c>
    </row>
    <row r="287" spans="1:12">
      <c r="A287" s="9" t="s">
        <v>27</v>
      </c>
      <c r="B287" s="9" t="s">
        <v>57</v>
      </c>
      <c r="C287" s="9" t="s">
        <v>58</v>
      </c>
      <c r="D287" s="9" t="s">
        <v>264</v>
      </c>
      <c r="E287" s="9" t="s">
        <v>226</v>
      </c>
      <c r="F287" s="9" t="s">
        <v>282</v>
      </c>
      <c r="G287" s="9" t="s">
        <v>273</v>
      </c>
      <c r="H287" s="6">
        <v>4942</v>
      </c>
      <c r="I287" s="6">
        <v>4177</v>
      </c>
      <c r="J287" s="6">
        <v>3466</v>
      </c>
      <c r="K287" s="6">
        <v>758</v>
      </c>
      <c r="L287" s="6">
        <v>7</v>
      </c>
    </row>
    <row r="288" spans="1:12">
      <c r="A288" s="9" t="s">
        <v>27</v>
      </c>
      <c r="B288" s="9" t="s">
        <v>57</v>
      </c>
      <c r="C288" s="9" t="s">
        <v>58</v>
      </c>
      <c r="D288" s="9" t="s">
        <v>264</v>
      </c>
      <c r="E288" s="9" t="s">
        <v>226</v>
      </c>
      <c r="F288" s="9" t="s">
        <v>282</v>
      </c>
      <c r="G288" s="9" t="s">
        <v>274</v>
      </c>
      <c r="H288" s="6">
        <v>5928</v>
      </c>
      <c r="I288" s="6">
        <v>5178</v>
      </c>
      <c r="J288" s="6">
        <v>4362</v>
      </c>
      <c r="K288" s="6">
        <v>750</v>
      </c>
      <c r="L288" s="10" t="s">
        <v>55</v>
      </c>
    </row>
    <row r="289" spans="1:12">
      <c r="A289" s="9" t="s">
        <v>27</v>
      </c>
      <c r="B289" s="9" t="s">
        <v>57</v>
      </c>
      <c r="C289" s="9" t="s">
        <v>58</v>
      </c>
      <c r="D289" s="9" t="s">
        <v>264</v>
      </c>
      <c r="E289" s="9" t="s">
        <v>226</v>
      </c>
      <c r="F289" s="9" t="s">
        <v>282</v>
      </c>
      <c r="G289" s="9" t="s">
        <v>275</v>
      </c>
      <c r="H289" s="6">
        <v>5859</v>
      </c>
      <c r="I289" s="6">
        <v>5316</v>
      </c>
      <c r="J289" s="6">
        <v>4539</v>
      </c>
      <c r="K289" s="6">
        <v>533</v>
      </c>
      <c r="L289" s="6">
        <v>10</v>
      </c>
    </row>
    <row r="290" spans="1:12">
      <c r="A290" s="9" t="s">
        <v>27</v>
      </c>
      <c r="B290" s="9" t="s">
        <v>57</v>
      </c>
      <c r="C290" s="9" t="s">
        <v>58</v>
      </c>
      <c r="D290" s="9" t="s">
        <v>264</v>
      </c>
      <c r="E290" s="9" t="s">
        <v>226</v>
      </c>
      <c r="F290" s="9" t="s">
        <v>282</v>
      </c>
      <c r="G290" s="9" t="s">
        <v>276</v>
      </c>
      <c r="H290" s="6">
        <v>6643</v>
      </c>
      <c r="I290" s="6">
        <v>6045</v>
      </c>
      <c r="J290" s="6">
        <v>4928</v>
      </c>
      <c r="K290" s="6">
        <v>593</v>
      </c>
      <c r="L290" s="6">
        <v>5</v>
      </c>
    </row>
    <row r="291" spans="1:12">
      <c r="A291" s="9" t="s">
        <v>27</v>
      </c>
      <c r="B291" s="9" t="s">
        <v>57</v>
      </c>
      <c r="C291" s="9" t="s">
        <v>58</v>
      </c>
      <c r="D291" s="9" t="s">
        <v>264</v>
      </c>
      <c r="E291" s="9" t="s">
        <v>226</v>
      </c>
      <c r="F291" s="9" t="s">
        <v>282</v>
      </c>
      <c r="G291" s="9" t="s">
        <v>277</v>
      </c>
      <c r="H291" s="6">
        <v>7035</v>
      </c>
      <c r="I291" s="6">
        <v>6437</v>
      </c>
      <c r="J291" s="6">
        <v>5296</v>
      </c>
      <c r="K291" s="6">
        <v>598</v>
      </c>
      <c r="L291" s="10" t="s">
        <v>55</v>
      </c>
    </row>
    <row r="292" spans="1:12">
      <c r="A292" s="9" t="s">
        <v>27</v>
      </c>
      <c r="B292" s="9" t="s">
        <v>57</v>
      </c>
      <c r="C292" s="9" t="s">
        <v>58</v>
      </c>
      <c r="D292" s="9" t="s">
        <v>264</v>
      </c>
      <c r="E292" s="9" t="s">
        <v>226</v>
      </c>
      <c r="F292" s="9" t="s">
        <v>282</v>
      </c>
      <c r="G292" s="9" t="s">
        <v>278</v>
      </c>
      <c r="H292" s="6">
        <v>6821</v>
      </c>
      <c r="I292" s="6">
        <v>6061</v>
      </c>
      <c r="J292" s="6">
        <v>5019</v>
      </c>
      <c r="K292" s="6">
        <v>754</v>
      </c>
      <c r="L292" s="6">
        <v>6</v>
      </c>
    </row>
    <row r="293" spans="1:12">
      <c r="A293" s="9" t="s">
        <v>27</v>
      </c>
      <c r="B293" s="9" t="s">
        <v>57</v>
      </c>
      <c r="C293" s="9" t="s">
        <v>58</v>
      </c>
      <c r="D293" s="9" t="s">
        <v>264</v>
      </c>
      <c r="E293" s="9" t="s">
        <v>226</v>
      </c>
      <c r="F293" s="9" t="s">
        <v>282</v>
      </c>
      <c r="G293" s="9" t="s">
        <v>279</v>
      </c>
      <c r="H293" s="6">
        <v>3367</v>
      </c>
      <c r="I293" s="6">
        <v>2971</v>
      </c>
      <c r="J293" s="6">
        <v>2370</v>
      </c>
      <c r="K293" s="6">
        <v>396</v>
      </c>
      <c r="L293" s="10" t="s">
        <v>55</v>
      </c>
    </row>
    <row r="294" spans="1:12">
      <c r="A294" s="9" t="s">
        <v>27</v>
      </c>
      <c r="B294" s="9" t="s">
        <v>57</v>
      </c>
      <c r="C294" s="9" t="s">
        <v>58</v>
      </c>
      <c r="D294" s="9" t="s">
        <v>264</v>
      </c>
      <c r="E294" s="9" t="s">
        <v>226</v>
      </c>
      <c r="F294" s="9" t="s">
        <v>282</v>
      </c>
      <c r="G294" s="9" t="s">
        <v>280</v>
      </c>
      <c r="H294" s="6">
        <v>15408</v>
      </c>
      <c r="I294" s="6">
        <v>12289</v>
      </c>
      <c r="J294" s="6">
        <v>8768</v>
      </c>
      <c r="K294" s="6">
        <v>3095</v>
      </c>
      <c r="L294" s="6">
        <v>24</v>
      </c>
    </row>
    <row r="295" spans="1:12">
      <c r="A295" s="9" t="s">
        <v>27</v>
      </c>
      <c r="B295" s="9" t="s">
        <v>57</v>
      </c>
      <c r="C295" s="9" t="s">
        <v>58</v>
      </c>
      <c r="D295" s="9" t="s">
        <v>264</v>
      </c>
      <c r="E295" s="9" t="s">
        <v>226</v>
      </c>
      <c r="F295" s="9" t="s">
        <v>283</v>
      </c>
      <c r="G295" s="9" t="s">
        <v>6</v>
      </c>
      <c r="H295" s="6">
        <v>40813</v>
      </c>
      <c r="I295" s="6">
        <v>36031</v>
      </c>
      <c r="J295" s="6">
        <v>28101</v>
      </c>
      <c r="K295" s="6">
        <v>4747</v>
      </c>
      <c r="L295" s="6">
        <v>35</v>
      </c>
    </row>
    <row r="296" spans="1:12">
      <c r="A296" s="9" t="s">
        <v>27</v>
      </c>
      <c r="B296" s="9" t="s">
        <v>57</v>
      </c>
      <c r="C296" s="9" t="s">
        <v>58</v>
      </c>
      <c r="D296" s="9" t="s">
        <v>264</v>
      </c>
      <c r="E296" s="9" t="s">
        <v>226</v>
      </c>
      <c r="F296" s="9" t="s">
        <v>283</v>
      </c>
      <c r="G296" s="9" t="s">
        <v>272</v>
      </c>
      <c r="H296" s="6">
        <v>2987</v>
      </c>
      <c r="I296" s="6">
        <v>1944</v>
      </c>
      <c r="J296" s="6">
        <v>1584</v>
      </c>
      <c r="K296" s="6">
        <v>1043</v>
      </c>
      <c r="L296" s="10" t="s">
        <v>55</v>
      </c>
    </row>
    <row r="297" spans="1:12">
      <c r="A297" s="9" t="s">
        <v>27</v>
      </c>
      <c r="B297" s="9" t="s">
        <v>57</v>
      </c>
      <c r="C297" s="9" t="s">
        <v>58</v>
      </c>
      <c r="D297" s="9" t="s">
        <v>264</v>
      </c>
      <c r="E297" s="9" t="s">
        <v>226</v>
      </c>
      <c r="F297" s="9" t="s">
        <v>283</v>
      </c>
      <c r="G297" s="9" t="s">
        <v>273</v>
      </c>
      <c r="H297" s="6">
        <v>5548</v>
      </c>
      <c r="I297" s="6">
        <v>4781</v>
      </c>
      <c r="J297" s="6">
        <v>3800</v>
      </c>
      <c r="K297" s="6">
        <v>767</v>
      </c>
      <c r="L297" s="10" t="s">
        <v>55</v>
      </c>
    </row>
    <row r="298" spans="1:12">
      <c r="A298" s="9" t="s">
        <v>27</v>
      </c>
      <c r="B298" s="9" t="s">
        <v>57</v>
      </c>
      <c r="C298" s="9" t="s">
        <v>58</v>
      </c>
      <c r="D298" s="9" t="s">
        <v>264</v>
      </c>
      <c r="E298" s="9" t="s">
        <v>226</v>
      </c>
      <c r="F298" s="9" t="s">
        <v>283</v>
      </c>
      <c r="G298" s="9" t="s">
        <v>274</v>
      </c>
      <c r="H298" s="6">
        <v>7821</v>
      </c>
      <c r="I298" s="6">
        <v>7076</v>
      </c>
      <c r="J298" s="6">
        <v>5563</v>
      </c>
      <c r="K298" s="6">
        <v>745</v>
      </c>
      <c r="L298" s="10" t="s">
        <v>55</v>
      </c>
    </row>
    <row r="299" spans="1:12">
      <c r="A299" s="9" t="s">
        <v>27</v>
      </c>
      <c r="B299" s="9" t="s">
        <v>57</v>
      </c>
      <c r="C299" s="9" t="s">
        <v>58</v>
      </c>
      <c r="D299" s="9" t="s">
        <v>264</v>
      </c>
      <c r="E299" s="9" t="s">
        <v>226</v>
      </c>
      <c r="F299" s="9" t="s">
        <v>283</v>
      </c>
      <c r="G299" s="9" t="s">
        <v>275</v>
      </c>
      <c r="H299" s="6">
        <v>7564</v>
      </c>
      <c r="I299" s="6">
        <v>6970</v>
      </c>
      <c r="J299" s="6">
        <v>5563</v>
      </c>
      <c r="K299" s="6">
        <v>580</v>
      </c>
      <c r="L299" s="6">
        <v>14</v>
      </c>
    </row>
    <row r="300" spans="1:12">
      <c r="A300" s="9" t="s">
        <v>27</v>
      </c>
      <c r="B300" s="9" t="s">
        <v>57</v>
      </c>
      <c r="C300" s="9" t="s">
        <v>58</v>
      </c>
      <c r="D300" s="9" t="s">
        <v>264</v>
      </c>
      <c r="E300" s="9" t="s">
        <v>226</v>
      </c>
      <c r="F300" s="9" t="s">
        <v>283</v>
      </c>
      <c r="G300" s="9" t="s">
        <v>276</v>
      </c>
      <c r="H300" s="6">
        <v>6544</v>
      </c>
      <c r="I300" s="6">
        <v>6059</v>
      </c>
      <c r="J300" s="6">
        <v>4744</v>
      </c>
      <c r="K300" s="6">
        <v>478</v>
      </c>
      <c r="L300" s="6">
        <v>7</v>
      </c>
    </row>
    <row r="301" spans="1:12">
      <c r="A301" s="9" t="s">
        <v>27</v>
      </c>
      <c r="B301" s="9" t="s">
        <v>57</v>
      </c>
      <c r="C301" s="9" t="s">
        <v>58</v>
      </c>
      <c r="D301" s="9" t="s">
        <v>264</v>
      </c>
      <c r="E301" s="9" t="s">
        <v>226</v>
      </c>
      <c r="F301" s="9" t="s">
        <v>283</v>
      </c>
      <c r="G301" s="9" t="s">
        <v>277</v>
      </c>
      <c r="H301" s="6">
        <v>4390</v>
      </c>
      <c r="I301" s="6">
        <v>4111</v>
      </c>
      <c r="J301" s="6">
        <v>3242</v>
      </c>
      <c r="K301" s="6">
        <v>273</v>
      </c>
      <c r="L301" s="6">
        <v>6</v>
      </c>
    </row>
    <row r="302" spans="1:12">
      <c r="A302" s="9" t="s">
        <v>27</v>
      </c>
      <c r="B302" s="9" t="s">
        <v>57</v>
      </c>
      <c r="C302" s="9" t="s">
        <v>58</v>
      </c>
      <c r="D302" s="9" t="s">
        <v>264</v>
      </c>
      <c r="E302" s="9" t="s">
        <v>226</v>
      </c>
      <c r="F302" s="9" t="s">
        <v>283</v>
      </c>
      <c r="G302" s="9" t="s">
        <v>278</v>
      </c>
      <c r="H302" s="6">
        <v>2298</v>
      </c>
      <c r="I302" s="6">
        <v>2092</v>
      </c>
      <c r="J302" s="6">
        <v>1649</v>
      </c>
      <c r="K302" s="6">
        <v>198</v>
      </c>
      <c r="L302" s="6">
        <v>8</v>
      </c>
    </row>
    <row r="303" spans="1:12">
      <c r="A303" s="9" t="s">
        <v>27</v>
      </c>
      <c r="B303" s="9" t="s">
        <v>57</v>
      </c>
      <c r="C303" s="9" t="s">
        <v>58</v>
      </c>
      <c r="D303" s="9" t="s">
        <v>264</v>
      </c>
      <c r="E303" s="9" t="s">
        <v>226</v>
      </c>
      <c r="F303" s="9" t="s">
        <v>283</v>
      </c>
      <c r="G303" s="9" t="s">
        <v>279</v>
      </c>
      <c r="H303" s="6">
        <v>1011</v>
      </c>
      <c r="I303" s="6">
        <v>872</v>
      </c>
      <c r="J303" s="6">
        <v>581</v>
      </c>
      <c r="K303" s="6">
        <v>139</v>
      </c>
      <c r="L303" s="10" t="s">
        <v>55</v>
      </c>
    </row>
    <row r="304" spans="1:12">
      <c r="A304" s="9" t="s">
        <v>27</v>
      </c>
      <c r="B304" s="9" t="s">
        <v>57</v>
      </c>
      <c r="C304" s="9" t="s">
        <v>58</v>
      </c>
      <c r="D304" s="9" t="s">
        <v>264</v>
      </c>
      <c r="E304" s="9" t="s">
        <v>226</v>
      </c>
      <c r="F304" s="9" t="s">
        <v>283</v>
      </c>
      <c r="G304" s="9" t="s">
        <v>280</v>
      </c>
      <c r="H304" s="6">
        <v>2650</v>
      </c>
      <c r="I304" s="6">
        <v>2126</v>
      </c>
      <c r="J304" s="6">
        <v>1375</v>
      </c>
      <c r="K304" s="6">
        <v>524</v>
      </c>
      <c r="L304" s="10" t="s">
        <v>55</v>
      </c>
    </row>
    <row r="305" spans="1:12">
      <c r="A305" s="9" t="s">
        <v>27</v>
      </c>
      <c r="B305" s="9" t="s">
        <v>57</v>
      </c>
      <c r="C305" s="9" t="s">
        <v>58</v>
      </c>
      <c r="D305" s="9" t="s">
        <v>264</v>
      </c>
      <c r="E305" s="9" t="s">
        <v>227</v>
      </c>
      <c r="F305" s="9" t="s">
        <v>6</v>
      </c>
      <c r="G305" s="9" t="s">
        <v>6</v>
      </c>
      <c r="H305" s="6">
        <v>120432</v>
      </c>
      <c r="I305" s="6">
        <v>98678</v>
      </c>
      <c r="J305" s="6">
        <v>94615</v>
      </c>
      <c r="K305" s="6">
        <v>21654</v>
      </c>
      <c r="L305" s="6">
        <v>100</v>
      </c>
    </row>
    <row r="306" spans="1:12">
      <c r="A306" s="9" t="s">
        <v>27</v>
      </c>
      <c r="B306" s="9" t="s">
        <v>57</v>
      </c>
      <c r="C306" s="9" t="s">
        <v>58</v>
      </c>
      <c r="D306" s="9" t="s">
        <v>264</v>
      </c>
      <c r="E306" s="9" t="s">
        <v>227</v>
      </c>
      <c r="F306" s="9" t="s">
        <v>234</v>
      </c>
      <c r="G306" s="9" t="s">
        <v>6</v>
      </c>
      <c r="H306" s="6">
        <v>3033</v>
      </c>
      <c r="I306" s="6">
        <v>2492</v>
      </c>
      <c r="J306" s="6">
        <v>2394</v>
      </c>
      <c r="K306" s="6">
        <v>535</v>
      </c>
      <c r="L306" s="6">
        <v>6</v>
      </c>
    </row>
    <row r="307" spans="1:12">
      <c r="A307" s="9" t="s">
        <v>27</v>
      </c>
      <c r="B307" s="9" t="s">
        <v>57</v>
      </c>
      <c r="C307" s="9" t="s">
        <v>58</v>
      </c>
      <c r="D307" s="9" t="s">
        <v>264</v>
      </c>
      <c r="E307" s="9" t="s">
        <v>227</v>
      </c>
      <c r="F307" s="9" t="s">
        <v>235</v>
      </c>
      <c r="G307" s="9" t="s">
        <v>6</v>
      </c>
      <c r="H307" s="6">
        <v>117399</v>
      </c>
      <c r="I307" s="6">
        <v>96186</v>
      </c>
      <c r="J307" s="6">
        <v>92221</v>
      </c>
      <c r="K307" s="6">
        <v>21119</v>
      </c>
      <c r="L307" s="6">
        <v>94</v>
      </c>
    </row>
    <row r="308" spans="1:12">
      <c r="A308" s="9" t="s">
        <v>27</v>
      </c>
      <c r="B308" s="9" t="s">
        <v>57</v>
      </c>
      <c r="C308" s="9" t="s">
        <v>58</v>
      </c>
      <c r="D308" s="9" t="s">
        <v>264</v>
      </c>
      <c r="E308" s="9" t="s">
        <v>227</v>
      </c>
      <c r="F308" s="9" t="s">
        <v>235</v>
      </c>
      <c r="G308" s="9" t="s">
        <v>272</v>
      </c>
      <c r="H308" s="6">
        <v>5984</v>
      </c>
      <c r="I308" s="6">
        <v>3478</v>
      </c>
      <c r="J308" s="6">
        <v>3379</v>
      </c>
      <c r="K308" s="6">
        <v>2506</v>
      </c>
      <c r="L308" s="10" t="s">
        <v>55</v>
      </c>
    </row>
    <row r="309" spans="1:12">
      <c r="A309" s="9" t="s">
        <v>27</v>
      </c>
      <c r="B309" s="9" t="s">
        <v>57</v>
      </c>
      <c r="C309" s="9" t="s">
        <v>58</v>
      </c>
      <c r="D309" s="9" t="s">
        <v>264</v>
      </c>
      <c r="E309" s="9" t="s">
        <v>227</v>
      </c>
      <c r="F309" s="9" t="s">
        <v>235</v>
      </c>
      <c r="G309" s="9" t="s">
        <v>273</v>
      </c>
      <c r="H309" s="6">
        <v>10581</v>
      </c>
      <c r="I309" s="6">
        <v>8765</v>
      </c>
      <c r="J309" s="6">
        <v>8377</v>
      </c>
      <c r="K309" s="6">
        <v>1803</v>
      </c>
      <c r="L309" s="6">
        <v>13</v>
      </c>
    </row>
    <row r="310" spans="1:12">
      <c r="A310" s="9" t="s">
        <v>27</v>
      </c>
      <c r="B310" s="9" t="s">
        <v>57</v>
      </c>
      <c r="C310" s="9" t="s">
        <v>58</v>
      </c>
      <c r="D310" s="9" t="s">
        <v>264</v>
      </c>
      <c r="E310" s="9" t="s">
        <v>227</v>
      </c>
      <c r="F310" s="9" t="s">
        <v>235</v>
      </c>
      <c r="G310" s="9" t="s">
        <v>274</v>
      </c>
      <c r="H310" s="6">
        <v>12270</v>
      </c>
      <c r="I310" s="6">
        <v>10769</v>
      </c>
      <c r="J310" s="6">
        <v>10406</v>
      </c>
      <c r="K310" s="6">
        <v>1497</v>
      </c>
      <c r="L310" s="6">
        <v>4</v>
      </c>
    </row>
    <row r="311" spans="1:12">
      <c r="A311" s="9" t="s">
        <v>27</v>
      </c>
      <c r="B311" s="9" t="s">
        <v>57</v>
      </c>
      <c r="C311" s="9" t="s">
        <v>58</v>
      </c>
      <c r="D311" s="9" t="s">
        <v>264</v>
      </c>
      <c r="E311" s="9" t="s">
        <v>227</v>
      </c>
      <c r="F311" s="9" t="s">
        <v>235</v>
      </c>
      <c r="G311" s="9" t="s">
        <v>275</v>
      </c>
      <c r="H311" s="6">
        <v>11946</v>
      </c>
      <c r="I311" s="6">
        <v>10742</v>
      </c>
      <c r="J311" s="6">
        <v>10386</v>
      </c>
      <c r="K311" s="6">
        <v>1192</v>
      </c>
      <c r="L311" s="6">
        <v>12</v>
      </c>
    </row>
    <row r="312" spans="1:12">
      <c r="A312" s="9" t="s">
        <v>27</v>
      </c>
      <c r="B312" s="9" t="s">
        <v>57</v>
      </c>
      <c r="C312" s="9" t="s">
        <v>58</v>
      </c>
      <c r="D312" s="9" t="s">
        <v>264</v>
      </c>
      <c r="E312" s="9" t="s">
        <v>227</v>
      </c>
      <c r="F312" s="9" t="s">
        <v>235</v>
      </c>
      <c r="G312" s="9" t="s">
        <v>276</v>
      </c>
      <c r="H312" s="6">
        <v>11529</v>
      </c>
      <c r="I312" s="6">
        <v>10349</v>
      </c>
      <c r="J312" s="6">
        <v>10012</v>
      </c>
      <c r="K312" s="6">
        <v>1173</v>
      </c>
      <c r="L312" s="6">
        <v>7</v>
      </c>
    </row>
    <row r="313" spans="1:12">
      <c r="A313" s="9" t="s">
        <v>27</v>
      </c>
      <c r="B313" s="9" t="s">
        <v>57</v>
      </c>
      <c r="C313" s="9" t="s">
        <v>58</v>
      </c>
      <c r="D313" s="9" t="s">
        <v>264</v>
      </c>
      <c r="E313" s="9" t="s">
        <v>227</v>
      </c>
      <c r="F313" s="9" t="s">
        <v>235</v>
      </c>
      <c r="G313" s="9" t="s">
        <v>277</v>
      </c>
      <c r="H313" s="6">
        <v>10927</v>
      </c>
      <c r="I313" s="6">
        <v>9862</v>
      </c>
      <c r="J313" s="6">
        <v>9473</v>
      </c>
      <c r="K313" s="6">
        <v>1059</v>
      </c>
      <c r="L313" s="6">
        <v>6</v>
      </c>
    </row>
    <row r="314" spans="1:12">
      <c r="A314" s="9" t="s">
        <v>27</v>
      </c>
      <c r="B314" s="9" t="s">
        <v>57</v>
      </c>
      <c r="C314" s="9" t="s">
        <v>58</v>
      </c>
      <c r="D314" s="9" t="s">
        <v>264</v>
      </c>
      <c r="E314" s="9" t="s">
        <v>227</v>
      </c>
      <c r="F314" s="9" t="s">
        <v>235</v>
      </c>
      <c r="G314" s="9" t="s">
        <v>278</v>
      </c>
      <c r="H314" s="6">
        <v>10543</v>
      </c>
      <c r="I314" s="6">
        <v>9287</v>
      </c>
      <c r="J314" s="6">
        <v>8902</v>
      </c>
      <c r="K314" s="6">
        <v>1250</v>
      </c>
      <c r="L314" s="6">
        <v>6</v>
      </c>
    </row>
    <row r="315" spans="1:12">
      <c r="A315" s="9" t="s">
        <v>27</v>
      </c>
      <c r="B315" s="9" t="s">
        <v>57</v>
      </c>
      <c r="C315" s="9" t="s">
        <v>58</v>
      </c>
      <c r="D315" s="9" t="s">
        <v>264</v>
      </c>
      <c r="E315" s="9" t="s">
        <v>227</v>
      </c>
      <c r="F315" s="9" t="s">
        <v>235</v>
      </c>
      <c r="G315" s="9" t="s">
        <v>279</v>
      </c>
      <c r="H315" s="6">
        <v>5325</v>
      </c>
      <c r="I315" s="6">
        <v>4573</v>
      </c>
      <c r="J315" s="6">
        <v>4393</v>
      </c>
      <c r="K315" s="6">
        <v>746</v>
      </c>
      <c r="L315" s="6">
        <v>6</v>
      </c>
    </row>
    <row r="316" spans="1:12">
      <c r="A316" s="9" t="s">
        <v>27</v>
      </c>
      <c r="B316" s="9" t="s">
        <v>57</v>
      </c>
      <c r="C316" s="9" t="s">
        <v>58</v>
      </c>
      <c r="D316" s="9" t="s">
        <v>264</v>
      </c>
      <c r="E316" s="9" t="s">
        <v>227</v>
      </c>
      <c r="F316" s="9" t="s">
        <v>235</v>
      </c>
      <c r="G316" s="9" t="s">
        <v>280</v>
      </c>
      <c r="H316" s="6">
        <v>38294</v>
      </c>
      <c r="I316" s="6">
        <v>28361</v>
      </c>
      <c r="J316" s="6">
        <v>26893</v>
      </c>
      <c r="K316" s="6">
        <v>9893</v>
      </c>
      <c r="L316" s="6">
        <v>40</v>
      </c>
    </row>
    <row r="317" spans="1:12">
      <c r="A317" s="9" t="s">
        <v>27</v>
      </c>
      <c r="B317" s="9" t="s">
        <v>57</v>
      </c>
      <c r="C317" s="9" t="s">
        <v>58</v>
      </c>
      <c r="D317" s="9" t="s">
        <v>264</v>
      </c>
      <c r="E317" s="9" t="s">
        <v>227</v>
      </c>
      <c r="F317" s="9" t="s">
        <v>281</v>
      </c>
      <c r="G317" s="9" t="s">
        <v>6</v>
      </c>
      <c r="H317" s="6">
        <v>44262</v>
      </c>
      <c r="I317" s="6">
        <v>33924</v>
      </c>
      <c r="J317" s="6">
        <v>32212</v>
      </c>
      <c r="K317" s="6">
        <v>10294</v>
      </c>
      <c r="L317" s="6">
        <v>44</v>
      </c>
    </row>
    <row r="318" spans="1:12">
      <c r="A318" s="9" t="s">
        <v>27</v>
      </c>
      <c r="B318" s="9" t="s">
        <v>57</v>
      </c>
      <c r="C318" s="9" t="s">
        <v>58</v>
      </c>
      <c r="D318" s="9" t="s">
        <v>264</v>
      </c>
      <c r="E318" s="9" t="s">
        <v>227</v>
      </c>
      <c r="F318" s="9" t="s">
        <v>281</v>
      </c>
      <c r="G318" s="9" t="s">
        <v>272</v>
      </c>
      <c r="H318" s="6">
        <v>1692</v>
      </c>
      <c r="I318" s="6">
        <v>897</v>
      </c>
      <c r="J318" s="6">
        <v>871</v>
      </c>
      <c r="K318" s="6">
        <v>795</v>
      </c>
      <c r="L318" s="10" t="s">
        <v>55</v>
      </c>
    </row>
    <row r="319" spans="1:12">
      <c r="A319" s="9" t="s">
        <v>27</v>
      </c>
      <c r="B319" s="9" t="s">
        <v>57</v>
      </c>
      <c r="C319" s="9" t="s">
        <v>58</v>
      </c>
      <c r="D319" s="9" t="s">
        <v>264</v>
      </c>
      <c r="E319" s="9" t="s">
        <v>227</v>
      </c>
      <c r="F319" s="9" t="s">
        <v>281</v>
      </c>
      <c r="G319" s="9" t="s">
        <v>273</v>
      </c>
      <c r="H319" s="6">
        <v>2645</v>
      </c>
      <c r="I319" s="6">
        <v>2050</v>
      </c>
      <c r="J319" s="6">
        <v>1962</v>
      </c>
      <c r="K319" s="6">
        <v>589</v>
      </c>
      <c r="L319" s="6">
        <v>6</v>
      </c>
    </row>
    <row r="320" spans="1:12">
      <c r="A320" s="9" t="s">
        <v>27</v>
      </c>
      <c r="B320" s="9" t="s">
        <v>57</v>
      </c>
      <c r="C320" s="9" t="s">
        <v>58</v>
      </c>
      <c r="D320" s="9" t="s">
        <v>264</v>
      </c>
      <c r="E320" s="9" t="s">
        <v>227</v>
      </c>
      <c r="F320" s="9" t="s">
        <v>281</v>
      </c>
      <c r="G320" s="9" t="s">
        <v>274</v>
      </c>
      <c r="H320" s="6">
        <v>1995</v>
      </c>
      <c r="I320" s="6">
        <v>1707</v>
      </c>
      <c r="J320" s="6">
        <v>1625</v>
      </c>
      <c r="K320" s="6">
        <v>284</v>
      </c>
      <c r="L320" s="6">
        <v>4</v>
      </c>
    </row>
    <row r="321" spans="1:12">
      <c r="A321" s="9" t="s">
        <v>27</v>
      </c>
      <c r="B321" s="9" t="s">
        <v>57</v>
      </c>
      <c r="C321" s="9" t="s">
        <v>58</v>
      </c>
      <c r="D321" s="9" t="s">
        <v>264</v>
      </c>
      <c r="E321" s="9" t="s">
        <v>227</v>
      </c>
      <c r="F321" s="9" t="s">
        <v>281</v>
      </c>
      <c r="G321" s="9" t="s">
        <v>275</v>
      </c>
      <c r="H321" s="6">
        <v>1643</v>
      </c>
      <c r="I321" s="6">
        <v>1385</v>
      </c>
      <c r="J321" s="6">
        <v>1365</v>
      </c>
      <c r="K321" s="6">
        <v>258</v>
      </c>
      <c r="L321" s="10" t="s">
        <v>55</v>
      </c>
    </row>
    <row r="322" spans="1:12">
      <c r="A322" s="9" t="s">
        <v>27</v>
      </c>
      <c r="B322" s="9" t="s">
        <v>57</v>
      </c>
      <c r="C322" s="9" t="s">
        <v>58</v>
      </c>
      <c r="D322" s="9" t="s">
        <v>264</v>
      </c>
      <c r="E322" s="9" t="s">
        <v>227</v>
      </c>
      <c r="F322" s="9" t="s">
        <v>281</v>
      </c>
      <c r="G322" s="9" t="s">
        <v>276</v>
      </c>
      <c r="H322" s="6">
        <v>1750</v>
      </c>
      <c r="I322" s="6">
        <v>1494</v>
      </c>
      <c r="J322" s="6">
        <v>1438</v>
      </c>
      <c r="K322" s="6">
        <v>256</v>
      </c>
      <c r="L322" s="10" t="s">
        <v>55</v>
      </c>
    </row>
    <row r="323" spans="1:12">
      <c r="A323" s="9" t="s">
        <v>27</v>
      </c>
      <c r="B323" s="9" t="s">
        <v>57</v>
      </c>
      <c r="C323" s="9" t="s">
        <v>58</v>
      </c>
      <c r="D323" s="9" t="s">
        <v>264</v>
      </c>
      <c r="E323" s="9" t="s">
        <v>227</v>
      </c>
      <c r="F323" s="9" t="s">
        <v>281</v>
      </c>
      <c r="G323" s="9" t="s">
        <v>277</v>
      </c>
      <c r="H323" s="6">
        <v>2261</v>
      </c>
      <c r="I323" s="6">
        <v>1940</v>
      </c>
      <c r="J323" s="6">
        <v>1851</v>
      </c>
      <c r="K323" s="6">
        <v>321</v>
      </c>
      <c r="L323" s="10" t="s">
        <v>55</v>
      </c>
    </row>
    <row r="324" spans="1:12">
      <c r="A324" s="9" t="s">
        <v>27</v>
      </c>
      <c r="B324" s="9" t="s">
        <v>57</v>
      </c>
      <c r="C324" s="9" t="s">
        <v>58</v>
      </c>
      <c r="D324" s="9" t="s">
        <v>264</v>
      </c>
      <c r="E324" s="9" t="s">
        <v>227</v>
      </c>
      <c r="F324" s="9" t="s">
        <v>281</v>
      </c>
      <c r="G324" s="9" t="s">
        <v>278</v>
      </c>
      <c r="H324" s="6">
        <v>3710</v>
      </c>
      <c r="I324" s="6">
        <v>3240</v>
      </c>
      <c r="J324" s="6">
        <v>3095</v>
      </c>
      <c r="K324" s="6">
        <v>470</v>
      </c>
      <c r="L324" s="10" t="s">
        <v>55</v>
      </c>
    </row>
    <row r="325" spans="1:12">
      <c r="A325" s="9" t="s">
        <v>27</v>
      </c>
      <c r="B325" s="9" t="s">
        <v>57</v>
      </c>
      <c r="C325" s="9" t="s">
        <v>58</v>
      </c>
      <c r="D325" s="9" t="s">
        <v>264</v>
      </c>
      <c r="E325" s="9" t="s">
        <v>227</v>
      </c>
      <c r="F325" s="9" t="s">
        <v>281</v>
      </c>
      <c r="G325" s="9" t="s">
        <v>279</v>
      </c>
      <c r="H325" s="6">
        <v>2226</v>
      </c>
      <c r="I325" s="6">
        <v>1914</v>
      </c>
      <c r="J325" s="6">
        <v>1825</v>
      </c>
      <c r="K325" s="6">
        <v>306</v>
      </c>
      <c r="L325" s="6">
        <v>6</v>
      </c>
    </row>
    <row r="326" spans="1:12">
      <c r="A326" s="9" t="s">
        <v>27</v>
      </c>
      <c r="B326" s="9" t="s">
        <v>57</v>
      </c>
      <c r="C326" s="9" t="s">
        <v>58</v>
      </c>
      <c r="D326" s="9" t="s">
        <v>264</v>
      </c>
      <c r="E326" s="9" t="s">
        <v>227</v>
      </c>
      <c r="F326" s="9" t="s">
        <v>281</v>
      </c>
      <c r="G326" s="9" t="s">
        <v>280</v>
      </c>
      <c r="H326" s="6">
        <v>26340</v>
      </c>
      <c r="I326" s="6">
        <v>19297</v>
      </c>
      <c r="J326" s="6">
        <v>18180</v>
      </c>
      <c r="K326" s="6">
        <v>7015</v>
      </c>
      <c r="L326" s="6">
        <v>28</v>
      </c>
    </row>
    <row r="327" spans="1:12">
      <c r="A327" s="9" t="s">
        <v>27</v>
      </c>
      <c r="B327" s="9" t="s">
        <v>57</v>
      </c>
      <c r="C327" s="9" t="s">
        <v>58</v>
      </c>
      <c r="D327" s="9" t="s">
        <v>264</v>
      </c>
      <c r="E327" s="9" t="s">
        <v>227</v>
      </c>
      <c r="F327" s="9" t="s">
        <v>282</v>
      </c>
      <c r="G327" s="9" t="s">
        <v>6</v>
      </c>
      <c r="H327" s="6">
        <v>43719</v>
      </c>
      <c r="I327" s="6">
        <v>36642</v>
      </c>
      <c r="J327" s="6">
        <v>35343</v>
      </c>
      <c r="K327" s="6">
        <v>7047</v>
      </c>
      <c r="L327" s="6">
        <v>30</v>
      </c>
    </row>
    <row r="328" spans="1:12">
      <c r="A328" s="9" t="s">
        <v>27</v>
      </c>
      <c r="B328" s="9" t="s">
        <v>57</v>
      </c>
      <c r="C328" s="9" t="s">
        <v>58</v>
      </c>
      <c r="D328" s="9" t="s">
        <v>264</v>
      </c>
      <c r="E328" s="9" t="s">
        <v>227</v>
      </c>
      <c r="F328" s="9" t="s">
        <v>282</v>
      </c>
      <c r="G328" s="9" t="s">
        <v>272</v>
      </c>
      <c r="H328" s="6">
        <v>2057</v>
      </c>
      <c r="I328" s="6">
        <v>1133</v>
      </c>
      <c r="J328" s="6">
        <v>1087</v>
      </c>
      <c r="K328" s="6">
        <v>924</v>
      </c>
      <c r="L328" s="10" t="s">
        <v>55</v>
      </c>
    </row>
    <row r="329" spans="1:12">
      <c r="A329" s="9" t="s">
        <v>27</v>
      </c>
      <c r="B329" s="9" t="s">
        <v>57</v>
      </c>
      <c r="C329" s="9" t="s">
        <v>58</v>
      </c>
      <c r="D329" s="9" t="s">
        <v>264</v>
      </c>
      <c r="E329" s="9" t="s">
        <v>227</v>
      </c>
      <c r="F329" s="9" t="s">
        <v>282</v>
      </c>
      <c r="G329" s="9" t="s">
        <v>273</v>
      </c>
      <c r="H329" s="6">
        <v>3871</v>
      </c>
      <c r="I329" s="6">
        <v>3261</v>
      </c>
      <c r="J329" s="6">
        <v>3116</v>
      </c>
      <c r="K329" s="6">
        <v>603</v>
      </c>
      <c r="L329" s="6">
        <v>7</v>
      </c>
    </row>
    <row r="330" spans="1:12">
      <c r="A330" s="9" t="s">
        <v>27</v>
      </c>
      <c r="B330" s="9" t="s">
        <v>57</v>
      </c>
      <c r="C330" s="9" t="s">
        <v>58</v>
      </c>
      <c r="D330" s="9" t="s">
        <v>264</v>
      </c>
      <c r="E330" s="9" t="s">
        <v>227</v>
      </c>
      <c r="F330" s="9" t="s">
        <v>282</v>
      </c>
      <c r="G330" s="9" t="s">
        <v>274</v>
      </c>
      <c r="H330" s="6">
        <v>4685</v>
      </c>
      <c r="I330" s="6">
        <v>4065</v>
      </c>
      <c r="J330" s="6">
        <v>3928</v>
      </c>
      <c r="K330" s="6">
        <v>620</v>
      </c>
      <c r="L330" s="10" t="s">
        <v>55</v>
      </c>
    </row>
    <row r="331" spans="1:12">
      <c r="A331" s="9" t="s">
        <v>27</v>
      </c>
      <c r="B331" s="9" t="s">
        <v>57</v>
      </c>
      <c r="C331" s="9" t="s">
        <v>58</v>
      </c>
      <c r="D331" s="9" t="s">
        <v>264</v>
      </c>
      <c r="E331" s="9" t="s">
        <v>227</v>
      </c>
      <c r="F331" s="9" t="s">
        <v>282</v>
      </c>
      <c r="G331" s="9" t="s">
        <v>275</v>
      </c>
      <c r="H331" s="6">
        <v>4658</v>
      </c>
      <c r="I331" s="6">
        <v>4208</v>
      </c>
      <c r="J331" s="6">
        <v>4071</v>
      </c>
      <c r="K331" s="6">
        <v>445</v>
      </c>
      <c r="L331" s="6">
        <v>5</v>
      </c>
    </row>
    <row r="332" spans="1:12">
      <c r="A332" s="9" t="s">
        <v>27</v>
      </c>
      <c r="B332" s="9" t="s">
        <v>57</v>
      </c>
      <c r="C332" s="9" t="s">
        <v>58</v>
      </c>
      <c r="D332" s="9" t="s">
        <v>264</v>
      </c>
      <c r="E332" s="9" t="s">
        <v>227</v>
      </c>
      <c r="F332" s="9" t="s">
        <v>282</v>
      </c>
      <c r="G332" s="9" t="s">
        <v>276</v>
      </c>
      <c r="H332" s="6">
        <v>5083</v>
      </c>
      <c r="I332" s="6">
        <v>4552</v>
      </c>
      <c r="J332" s="6">
        <v>4412</v>
      </c>
      <c r="K332" s="6">
        <v>531</v>
      </c>
      <c r="L332" s="10" t="s">
        <v>55</v>
      </c>
    </row>
    <row r="333" spans="1:12">
      <c r="A333" s="9" t="s">
        <v>27</v>
      </c>
      <c r="B333" s="9" t="s">
        <v>57</v>
      </c>
      <c r="C333" s="9" t="s">
        <v>58</v>
      </c>
      <c r="D333" s="9" t="s">
        <v>264</v>
      </c>
      <c r="E333" s="9" t="s">
        <v>227</v>
      </c>
      <c r="F333" s="9" t="s">
        <v>282</v>
      </c>
      <c r="G333" s="9" t="s">
        <v>277</v>
      </c>
      <c r="H333" s="6">
        <v>5440</v>
      </c>
      <c r="I333" s="6">
        <v>4926</v>
      </c>
      <c r="J333" s="6">
        <v>4777</v>
      </c>
      <c r="K333" s="6">
        <v>514</v>
      </c>
      <c r="L333" s="10" t="s">
        <v>55</v>
      </c>
    </row>
    <row r="334" spans="1:12">
      <c r="A334" s="9" t="s">
        <v>27</v>
      </c>
      <c r="B334" s="9" t="s">
        <v>57</v>
      </c>
      <c r="C334" s="9" t="s">
        <v>58</v>
      </c>
      <c r="D334" s="9" t="s">
        <v>264</v>
      </c>
      <c r="E334" s="9" t="s">
        <v>227</v>
      </c>
      <c r="F334" s="9" t="s">
        <v>282</v>
      </c>
      <c r="G334" s="9" t="s">
        <v>278</v>
      </c>
      <c r="H334" s="6">
        <v>5181</v>
      </c>
      <c r="I334" s="6">
        <v>4539</v>
      </c>
      <c r="J334" s="6">
        <v>4338</v>
      </c>
      <c r="K334" s="6">
        <v>636</v>
      </c>
      <c r="L334" s="6">
        <v>6</v>
      </c>
    </row>
    <row r="335" spans="1:12">
      <c r="A335" s="9" t="s">
        <v>27</v>
      </c>
      <c r="B335" s="9" t="s">
        <v>57</v>
      </c>
      <c r="C335" s="9" t="s">
        <v>58</v>
      </c>
      <c r="D335" s="9" t="s">
        <v>264</v>
      </c>
      <c r="E335" s="9" t="s">
        <v>227</v>
      </c>
      <c r="F335" s="9" t="s">
        <v>282</v>
      </c>
      <c r="G335" s="9" t="s">
        <v>279</v>
      </c>
      <c r="H335" s="6">
        <v>2452</v>
      </c>
      <c r="I335" s="6">
        <v>2124</v>
      </c>
      <c r="J335" s="6">
        <v>2061</v>
      </c>
      <c r="K335" s="6">
        <v>328</v>
      </c>
      <c r="L335" s="10" t="s">
        <v>55</v>
      </c>
    </row>
    <row r="336" spans="1:12">
      <c r="A336" s="9" t="s">
        <v>27</v>
      </c>
      <c r="B336" s="9" t="s">
        <v>57</v>
      </c>
      <c r="C336" s="9" t="s">
        <v>58</v>
      </c>
      <c r="D336" s="9" t="s">
        <v>264</v>
      </c>
      <c r="E336" s="9" t="s">
        <v>227</v>
      </c>
      <c r="F336" s="9" t="s">
        <v>282</v>
      </c>
      <c r="G336" s="9" t="s">
        <v>280</v>
      </c>
      <c r="H336" s="6">
        <v>10292</v>
      </c>
      <c r="I336" s="6">
        <v>7834</v>
      </c>
      <c r="J336" s="6">
        <v>7553</v>
      </c>
      <c r="K336" s="6">
        <v>2446</v>
      </c>
      <c r="L336" s="6">
        <v>12</v>
      </c>
    </row>
    <row r="337" spans="1:12">
      <c r="A337" s="9" t="s">
        <v>27</v>
      </c>
      <c r="B337" s="9" t="s">
        <v>57</v>
      </c>
      <c r="C337" s="9" t="s">
        <v>58</v>
      </c>
      <c r="D337" s="9" t="s">
        <v>264</v>
      </c>
      <c r="E337" s="9" t="s">
        <v>227</v>
      </c>
      <c r="F337" s="9" t="s">
        <v>283</v>
      </c>
      <c r="G337" s="9" t="s">
        <v>6</v>
      </c>
      <c r="H337" s="6">
        <v>29418</v>
      </c>
      <c r="I337" s="6">
        <v>25620</v>
      </c>
      <c r="J337" s="6">
        <v>24666</v>
      </c>
      <c r="K337" s="6">
        <v>3778</v>
      </c>
      <c r="L337" s="6">
        <v>20</v>
      </c>
    </row>
    <row r="338" spans="1:12">
      <c r="A338" s="9" t="s">
        <v>27</v>
      </c>
      <c r="B338" s="9" t="s">
        <v>57</v>
      </c>
      <c r="C338" s="9" t="s">
        <v>58</v>
      </c>
      <c r="D338" s="9" t="s">
        <v>264</v>
      </c>
      <c r="E338" s="9" t="s">
        <v>227</v>
      </c>
      <c r="F338" s="9" t="s">
        <v>283</v>
      </c>
      <c r="G338" s="9" t="s">
        <v>272</v>
      </c>
      <c r="H338" s="6">
        <v>2235</v>
      </c>
      <c r="I338" s="6">
        <v>1448</v>
      </c>
      <c r="J338" s="6">
        <v>1421</v>
      </c>
      <c r="K338" s="6">
        <v>787</v>
      </c>
      <c r="L338" s="10" t="s">
        <v>55</v>
      </c>
    </row>
    <row r="339" spans="1:12">
      <c r="A339" s="9" t="s">
        <v>27</v>
      </c>
      <c r="B339" s="9" t="s">
        <v>57</v>
      </c>
      <c r="C339" s="9" t="s">
        <v>58</v>
      </c>
      <c r="D339" s="9" t="s">
        <v>264</v>
      </c>
      <c r="E339" s="9" t="s">
        <v>227</v>
      </c>
      <c r="F339" s="9" t="s">
        <v>283</v>
      </c>
      <c r="G339" s="9" t="s">
        <v>273</v>
      </c>
      <c r="H339" s="6">
        <v>4065</v>
      </c>
      <c r="I339" s="6">
        <v>3454</v>
      </c>
      <c r="J339" s="6">
        <v>3299</v>
      </c>
      <c r="K339" s="6">
        <v>611</v>
      </c>
      <c r="L339" s="10" t="s">
        <v>55</v>
      </c>
    </row>
    <row r="340" spans="1:12">
      <c r="A340" s="9" t="s">
        <v>27</v>
      </c>
      <c r="B340" s="9" t="s">
        <v>57</v>
      </c>
      <c r="C340" s="9" t="s">
        <v>58</v>
      </c>
      <c r="D340" s="9" t="s">
        <v>264</v>
      </c>
      <c r="E340" s="9" t="s">
        <v>227</v>
      </c>
      <c r="F340" s="9" t="s">
        <v>283</v>
      </c>
      <c r="G340" s="9" t="s">
        <v>274</v>
      </c>
      <c r="H340" s="6">
        <v>5590</v>
      </c>
      <c r="I340" s="6">
        <v>4997</v>
      </c>
      <c r="J340" s="6">
        <v>4853</v>
      </c>
      <c r="K340" s="6">
        <v>593</v>
      </c>
      <c r="L340" s="10" t="s">
        <v>55</v>
      </c>
    </row>
    <row r="341" spans="1:12">
      <c r="A341" s="9" t="s">
        <v>27</v>
      </c>
      <c r="B341" s="9" t="s">
        <v>57</v>
      </c>
      <c r="C341" s="9" t="s">
        <v>58</v>
      </c>
      <c r="D341" s="9" t="s">
        <v>264</v>
      </c>
      <c r="E341" s="9" t="s">
        <v>227</v>
      </c>
      <c r="F341" s="9" t="s">
        <v>283</v>
      </c>
      <c r="G341" s="9" t="s">
        <v>275</v>
      </c>
      <c r="H341" s="6">
        <v>5645</v>
      </c>
      <c r="I341" s="6">
        <v>5149</v>
      </c>
      <c r="J341" s="6">
        <v>4950</v>
      </c>
      <c r="K341" s="6">
        <v>489</v>
      </c>
      <c r="L341" s="6">
        <v>7</v>
      </c>
    </row>
    <row r="342" spans="1:12">
      <c r="A342" s="9" t="s">
        <v>27</v>
      </c>
      <c r="B342" s="9" t="s">
        <v>57</v>
      </c>
      <c r="C342" s="9" t="s">
        <v>58</v>
      </c>
      <c r="D342" s="9" t="s">
        <v>264</v>
      </c>
      <c r="E342" s="9" t="s">
        <v>227</v>
      </c>
      <c r="F342" s="9" t="s">
        <v>283</v>
      </c>
      <c r="G342" s="9" t="s">
        <v>276</v>
      </c>
      <c r="H342" s="6">
        <v>4696</v>
      </c>
      <c r="I342" s="6">
        <v>4303</v>
      </c>
      <c r="J342" s="6">
        <v>4162</v>
      </c>
      <c r="K342" s="6">
        <v>386</v>
      </c>
      <c r="L342" s="6">
        <v>7</v>
      </c>
    </row>
    <row r="343" spans="1:12">
      <c r="A343" s="9" t="s">
        <v>27</v>
      </c>
      <c r="B343" s="9" t="s">
        <v>57</v>
      </c>
      <c r="C343" s="9" t="s">
        <v>58</v>
      </c>
      <c r="D343" s="9" t="s">
        <v>264</v>
      </c>
      <c r="E343" s="9" t="s">
        <v>227</v>
      </c>
      <c r="F343" s="9" t="s">
        <v>283</v>
      </c>
      <c r="G343" s="9" t="s">
        <v>277</v>
      </c>
      <c r="H343" s="6">
        <v>3226</v>
      </c>
      <c r="I343" s="6">
        <v>2996</v>
      </c>
      <c r="J343" s="6">
        <v>2845</v>
      </c>
      <c r="K343" s="6">
        <v>224</v>
      </c>
      <c r="L343" s="6">
        <v>6</v>
      </c>
    </row>
    <row r="344" spans="1:12">
      <c r="A344" s="9" t="s">
        <v>27</v>
      </c>
      <c r="B344" s="9" t="s">
        <v>57</v>
      </c>
      <c r="C344" s="9" t="s">
        <v>58</v>
      </c>
      <c r="D344" s="9" t="s">
        <v>264</v>
      </c>
      <c r="E344" s="9" t="s">
        <v>227</v>
      </c>
      <c r="F344" s="9" t="s">
        <v>283</v>
      </c>
      <c r="G344" s="9" t="s">
        <v>278</v>
      </c>
      <c r="H344" s="6">
        <v>1652</v>
      </c>
      <c r="I344" s="6">
        <v>1508</v>
      </c>
      <c r="J344" s="6">
        <v>1469</v>
      </c>
      <c r="K344" s="6">
        <v>144</v>
      </c>
      <c r="L344" s="10" t="s">
        <v>55</v>
      </c>
    </row>
    <row r="345" spans="1:12">
      <c r="A345" s="9" t="s">
        <v>27</v>
      </c>
      <c r="B345" s="9" t="s">
        <v>57</v>
      </c>
      <c r="C345" s="9" t="s">
        <v>58</v>
      </c>
      <c r="D345" s="9" t="s">
        <v>264</v>
      </c>
      <c r="E345" s="9" t="s">
        <v>227</v>
      </c>
      <c r="F345" s="9" t="s">
        <v>283</v>
      </c>
      <c r="G345" s="9" t="s">
        <v>279</v>
      </c>
      <c r="H345" s="6">
        <v>647</v>
      </c>
      <c r="I345" s="6">
        <v>535</v>
      </c>
      <c r="J345" s="6">
        <v>507</v>
      </c>
      <c r="K345" s="6">
        <v>112</v>
      </c>
      <c r="L345" s="10" t="s">
        <v>55</v>
      </c>
    </row>
    <row r="346" spans="1:12">
      <c r="A346" s="9" t="s">
        <v>27</v>
      </c>
      <c r="B346" s="9" t="s">
        <v>57</v>
      </c>
      <c r="C346" s="9" t="s">
        <v>58</v>
      </c>
      <c r="D346" s="9" t="s">
        <v>264</v>
      </c>
      <c r="E346" s="9" t="s">
        <v>227</v>
      </c>
      <c r="F346" s="9" t="s">
        <v>283</v>
      </c>
      <c r="G346" s="9" t="s">
        <v>280</v>
      </c>
      <c r="H346" s="6">
        <v>1662</v>
      </c>
      <c r="I346" s="6">
        <v>1230</v>
      </c>
      <c r="J346" s="6">
        <v>1160</v>
      </c>
      <c r="K346" s="6">
        <v>432</v>
      </c>
      <c r="L346" s="10" t="s">
        <v>55</v>
      </c>
    </row>
    <row r="347" spans="1:12">
      <c r="A347" s="9" t="s">
        <v>27</v>
      </c>
      <c r="B347" s="9" t="s">
        <v>57</v>
      </c>
      <c r="C347" s="9" t="s">
        <v>58</v>
      </c>
      <c r="D347" s="9" t="s">
        <v>264</v>
      </c>
      <c r="E347" s="9" t="s">
        <v>228</v>
      </c>
      <c r="F347" s="9" t="s">
        <v>6</v>
      </c>
      <c r="G347" s="9" t="s">
        <v>6</v>
      </c>
      <c r="H347" s="6">
        <v>21579</v>
      </c>
      <c r="I347" s="6">
        <v>6041</v>
      </c>
      <c r="J347" s="6">
        <v>5375</v>
      </c>
      <c r="K347" s="6">
        <v>15508</v>
      </c>
      <c r="L347" s="6">
        <v>30</v>
      </c>
    </row>
    <row r="348" spans="1:12">
      <c r="A348" s="9" t="s">
        <v>27</v>
      </c>
      <c r="B348" s="9" t="s">
        <v>57</v>
      </c>
      <c r="C348" s="9" t="s">
        <v>58</v>
      </c>
      <c r="D348" s="9" t="s">
        <v>264</v>
      </c>
      <c r="E348" s="9" t="s">
        <v>228</v>
      </c>
      <c r="F348" s="9" t="s">
        <v>234</v>
      </c>
      <c r="G348" s="9" t="s">
        <v>6</v>
      </c>
      <c r="H348" s="6">
        <v>129</v>
      </c>
      <c r="I348" s="6">
        <v>53</v>
      </c>
      <c r="J348" s="6">
        <v>53</v>
      </c>
      <c r="K348" s="6">
        <v>76</v>
      </c>
      <c r="L348" s="10" t="s">
        <v>55</v>
      </c>
    </row>
    <row r="349" spans="1:12">
      <c r="A349" s="9" t="s">
        <v>27</v>
      </c>
      <c r="B349" s="9" t="s">
        <v>57</v>
      </c>
      <c r="C349" s="9" t="s">
        <v>58</v>
      </c>
      <c r="D349" s="9" t="s">
        <v>264</v>
      </c>
      <c r="E349" s="9" t="s">
        <v>228</v>
      </c>
      <c r="F349" s="9" t="s">
        <v>235</v>
      </c>
      <c r="G349" s="9" t="s">
        <v>6</v>
      </c>
      <c r="H349" s="6">
        <v>21450</v>
      </c>
      <c r="I349" s="6">
        <v>5988</v>
      </c>
      <c r="J349" s="6">
        <v>5322</v>
      </c>
      <c r="K349" s="6">
        <v>15432</v>
      </c>
      <c r="L349" s="6">
        <v>30</v>
      </c>
    </row>
    <row r="350" spans="1:12">
      <c r="A350" s="9" t="s">
        <v>27</v>
      </c>
      <c r="B350" s="9" t="s">
        <v>57</v>
      </c>
      <c r="C350" s="9" t="s">
        <v>58</v>
      </c>
      <c r="D350" s="9" t="s">
        <v>264</v>
      </c>
      <c r="E350" s="9" t="s">
        <v>228</v>
      </c>
      <c r="F350" s="9" t="s">
        <v>235</v>
      </c>
      <c r="G350" s="9" t="s">
        <v>272</v>
      </c>
      <c r="H350" s="6">
        <v>163</v>
      </c>
      <c r="I350" s="6">
        <v>33</v>
      </c>
      <c r="J350" s="6">
        <v>33</v>
      </c>
      <c r="K350" s="6">
        <v>130</v>
      </c>
      <c r="L350" s="10" t="s">
        <v>55</v>
      </c>
    </row>
    <row r="351" spans="1:12">
      <c r="A351" s="9" t="s">
        <v>27</v>
      </c>
      <c r="B351" s="9" t="s">
        <v>57</v>
      </c>
      <c r="C351" s="9" t="s">
        <v>58</v>
      </c>
      <c r="D351" s="9" t="s">
        <v>264</v>
      </c>
      <c r="E351" s="9" t="s">
        <v>228</v>
      </c>
      <c r="F351" s="9" t="s">
        <v>235</v>
      </c>
      <c r="G351" s="9" t="s">
        <v>273</v>
      </c>
      <c r="H351" s="6">
        <v>284</v>
      </c>
      <c r="I351" s="6">
        <v>157</v>
      </c>
      <c r="J351" s="6">
        <v>144</v>
      </c>
      <c r="K351" s="6">
        <v>127</v>
      </c>
      <c r="L351" s="10" t="s">
        <v>55</v>
      </c>
    </row>
    <row r="352" spans="1:12">
      <c r="A352" s="9" t="s">
        <v>27</v>
      </c>
      <c r="B352" s="9" t="s">
        <v>57</v>
      </c>
      <c r="C352" s="9" t="s">
        <v>58</v>
      </c>
      <c r="D352" s="9" t="s">
        <v>264</v>
      </c>
      <c r="E352" s="9" t="s">
        <v>228</v>
      </c>
      <c r="F352" s="9" t="s">
        <v>235</v>
      </c>
      <c r="G352" s="9" t="s">
        <v>274</v>
      </c>
      <c r="H352" s="6">
        <v>318</v>
      </c>
      <c r="I352" s="6">
        <v>221</v>
      </c>
      <c r="J352" s="6">
        <v>180</v>
      </c>
      <c r="K352" s="6">
        <v>97</v>
      </c>
      <c r="L352" s="10" t="s">
        <v>55</v>
      </c>
    </row>
    <row r="353" spans="1:12">
      <c r="A353" s="9" t="s">
        <v>27</v>
      </c>
      <c r="B353" s="9" t="s">
        <v>57</v>
      </c>
      <c r="C353" s="9" t="s">
        <v>58</v>
      </c>
      <c r="D353" s="9" t="s">
        <v>264</v>
      </c>
      <c r="E353" s="9" t="s">
        <v>228</v>
      </c>
      <c r="F353" s="9" t="s">
        <v>235</v>
      </c>
      <c r="G353" s="9" t="s">
        <v>275</v>
      </c>
      <c r="H353" s="6">
        <v>139</v>
      </c>
      <c r="I353" s="6">
        <v>91</v>
      </c>
      <c r="J353" s="6">
        <v>83</v>
      </c>
      <c r="K353" s="6">
        <v>48</v>
      </c>
      <c r="L353" s="10" t="s">
        <v>55</v>
      </c>
    </row>
    <row r="354" spans="1:12">
      <c r="A354" s="9" t="s">
        <v>27</v>
      </c>
      <c r="B354" s="9" t="s">
        <v>57</v>
      </c>
      <c r="C354" s="9" t="s">
        <v>58</v>
      </c>
      <c r="D354" s="9" t="s">
        <v>264</v>
      </c>
      <c r="E354" s="9" t="s">
        <v>228</v>
      </c>
      <c r="F354" s="9" t="s">
        <v>235</v>
      </c>
      <c r="G354" s="9" t="s">
        <v>276</v>
      </c>
      <c r="H354" s="6">
        <v>255</v>
      </c>
      <c r="I354" s="6">
        <v>209</v>
      </c>
      <c r="J354" s="6">
        <v>171</v>
      </c>
      <c r="K354" s="6">
        <v>39</v>
      </c>
      <c r="L354" s="6">
        <v>7</v>
      </c>
    </row>
    <row r="355" spans="1:12">
      <c r="A355" s="9" t="s">
        <v>27</v>
      </c>
      <c r="B355" s="9" t="s">
        <v>57</v>
      </c>
      <c r="C355" s="9" t="s">
        <v>58</v>
      </c>
      <c r="D355" s="9" t="s">
        <v>264</v>
      </c>
      <c r="E355" s="9" t="s">
        <v>228</v>
      </c>
      <c r="F355" s="9" t="s">
        <v>235</v>
      </c>
      <c r="G355" s="9" t="s">
        <v>277</v>
      </c>
      <c r="H355" s="6">
        <v>221</v>
      </c>
      <c r="I355" s="6">
        <v>167</v>
      </c>
      <c r="J355" s="6">
        <v>155</v>
      </c>
      <c r="K355" s="6">
        <v>50</v>
      </c>
      <c r="L355" s="6">
        <v>4</v>
      </c>
    </row>
    <row r="356" spans="1:12">
      <c r="A356" s="9" t="s">
        <v>27</v>
      </c>
      <c r="B356" s="9" t="s">
        <v>57</v>
      </c>
      <c r="C356" s="9" t="s">
        <v>58</v>
      </c>
      <c r="D356" s="9" t="s">
        <v>264</v>
      </c>
      <c r="E356" s="9" t="s">
        <v>228</v>
      </c>
      <c r="F356" s="9" t="s">
        <v>235</v>
      </c>
      <c r="G356" s="9" t="s">
        <v>278</v>
      </c>
      <c r="H356" s="6">
        <v>320</v>
      </c>
      <c r="I356" s="6">
        <v>234</v>
      </c>
      <c r="J356" s="6">
        <v>223</v>
      </c>
      <c r="K356" s="6">
        <v>86</v>
      </c>
      <c r="L356" s="10" t="s">
        <v>55</v>
      </c>
    </row>
    <row r="357" spans="1:12">
      <c r="A357" s="9" t="s">
        <v>27</v>
      </c>
      <c r="B357" s="9" t="s">
        <v>57</v>
      </c>
      <c r="C357" s="9" t="s">
        <v>58</v>
      </c>
      <c r="D357" s="9" t="s">
        <v>264</v>
      </c>
      <c r="E357" s="9" t="s">
        <v>228</v>
      </c>
      <c r="F357" s="9" t="s">
        <v>235</v>
      </c>
      <c r="G357" s="9" t="s">
        <v>279</v>
      </c>
      <c r="H357" s="6">
        <v>234</v>
      </c>
      <c r="I357" s="6">
        <v>139</v>
      </c>
      <c r="J357" s="6">
        <v>121</v>
      </c>
      <c r="K357" s="6">
        <v>95</v>
      </c>
      <c r="L357" s="10" t="s">
        <v>55</v>
      </c>
    </row>
    <row r="358" spans="1:12">
      <c r="A358" s="9" t="s">
        <v>27</v>
      </c>
      <c r="B358" s="9" t="s">
        <v>57</v>
      </c>
      <c r="C358" s="9" t="s">
        <v>58</v>
      </c>
      <c r="D358" s="9" t="s">
        <v>264</v>
      </c>
      <c r="E358" s="9" t="s">
        <v>228</v>
      </c>
      <c r="F358" s="9" t="s">
        <v>235</v>
      </c>
      <c r="G358" s="9" t="s">
        <v>280</v>
      </c>
      <c r="H358" s="6">
        <v>19516</v>
      </c>
      <c r="I358" s="6">
        <v>4737</v>
      </c>
      <c r="J358" s="6">
        <v>4212</v>
      </c>
      <c r="K358" s="6">
        <v>14760</v>
      </c>
      <c r="L358" s="6">
        <v>19</v>
      </c>
    </row>
    <row r="359" spans="1:12">
      <c r="A359" s="9" t="s">
        <v>27</v>
      </c>
      <c r="B359" s="9" t="s">
        <v>57</v>
      </c>
      <c r="C359" s="9" t="s">
        <v>58</v>
      </c>
      <c r="D359" s="9" t="s">
        <v>264</v>
      </c>
      <c r="E359" s="9" t="s">
        <v>228</v>
      </c>
      <c r="F359" s="9" t="s">
        <v>281</v>
      </c>
      <c r="G359" s="9" t="s">
        <v>6</v>
      </c>
      <c r="H359" s="6">
        <v>16053</v>
      </c>
      <c r="I359" s="6">
        <v>3905</v>
      </c>
      <c r="J359" s="6">
        <v>3464</v>
      </c>
      <c r="K359" s="6">
        <v>12130</v>
      </c>
      <c r="L359" s="6">
        <v>18</v>
      </c>
    </row>
    <row r="360" spans="1:12">
      <c r="A360" s="9" t="s">
        <v>27</v>
      </c>
      <c r="B360" s="9" t="s">
        <v>57</v>
      </c>
      <c r="C360" s="9" t="s">
        <v>58</v>
      </c>
      <c r="D360" s="9" t="s">
        <v>264</v>
      </c>
      <c r="E360" s="9" t="s">
        <v>228</v>
      </c>
      <c r="F360" s="9" t="s">
        <v>281</v>
      </c>
      <c r="G360" s="9" t="s">
        <v>272</v>
      </c>
      <c r="H360" s="6">
        <v>66</v>
      </c>
      <c r="I360" s="6">
        <v>5</v>
      </c>
      <c r="J360" s="6">
        <v>5</v>
      </c>
      <c r="K360" s="6">
        <v>61</v>
      </c>
      <c r="L360" s="10" t="s">
        <v>55</v>
      </c>
    </row>
    <row r="361" spans="1:12">
      <c r="A361" s="9" t="s">
        <v>27</v>
      </c>
      <c r="B361" s="9" t="s">
        <v>57</v>
      </c>
      <c r="C361" s="9" t="s">
        <v>58</v>
      </c>
      <c r="D361" s="9" t="s">
        <v>264</v>
      </c>
      <c r="E361" s="9" t="s">
        <v>228</v>
      </c>
      <c r="F361" s="9" t="s">
        <v>281</v>
      </c>
      <c r="G361" s="9" t="s">
        <v>273</v>
      </c>
      <c r="H361" s="6">
        <v>109</v>
      </c>
      <c r="I361" s="6">
        <v>65</v>
      </c>
      <c r="J361" s="6">
        <v>52</v>
      </c>
      <c r="K361" s="6">
        <v>44</v>
      </c>
      <c r="L361" s="10" t="s">
        <v>55</v>
      </c>
    </row>
    <row r="362" spans="1:12">
      <c r="A362" s="9" t="s">
        <v>27</v>
      </c>
      <c r="B362" s="9" t="s">
        <v>57</v>
      </c>
      <c r="C362" s="9" t="s">
        <v>58</v>
      </c>
      <c r="D362" s="9" t="s">
        <v>264</v>
      </c>
      <c r="E362" s="9" t="s">
        <v>228</v>
      </c>
      <c r="F362" s="9" t="s">
        <v>281</v>
      </c>
      <c r="G362" s="9" t="s">
        <v>274</v>
      </c>
      <c r="H362" s="6">
        <v>60</v>
      </c>
      <c r="I362" s="6">
        <v>46</v>
      </c>
      <c r="J362" s="6">
        <v>35</v>
      </c>
      <c r="K362" s="6">
        <v>14</v>
      </c>
      <c r="L362" s="10" t="s">
        <v>55</v>
      </c>
    </row>
    <row r="363" spans="1:12">
      <c r="A363" s="9" t="s">
        <v>27</v>
      </c>
      <c r="B363" s="9" t="s">
        <v>57</v>
      </c>
      <c r="C363" s="9" t="s">
        <v>58</v>
      </c>
      <c r="D363" s="9" t="s">
        <v>264</v>
      </c>
      <c r="E363" s="9" t="s">
        <v>228</v>
      </c>
      <c r="F363" s="9" t="s">
        <v>281</v>
      </c>
      <c r="G363" s="9" t="s">
        <v>275</v>
      </c>
      <c r="H363" s="6">
        <v>45</v>
      </c>
      <c r="I363" s="6">
        <v>35</v>
      </c>
      <c r="J363" s="6">
        <v>35</v>
      </c>
      <c r="K363" s="6">
        <v>10</v>
      </c>
      <c r="L363" s="10" t="s">
        <v>55</v>
      </c>
    </row>
    <row r="364" spans="1:12">
      <c r="A364" s="9" t="s">
        <v>27</v>
      </c>
      <c r="B364" s="9" t="s">
        <v>57</v>
      </c>
      <c r="C364" s="9" t="s">
        <v>58</v>
      </c>
      <c r="D364" s="9" t="s">
        <v>264</v>
      </c>
      <c r="E364" s="9" t="s">
        <v>228</v>
      </c>
      <c r="F364" s="9" t="s">
        <v>281</v>
      </c>
      <c r="G364" s="9" t="s">
        <v>276</v>
      </c>
      <c r="H364" s="6">
        <v>75</v>
      </c>
      <c r="I364" s="6">
        <v>71</v>
      </c>
      <c r="J364" s="6">
        <v>66</v>
      </c>
      <c r="K364" s="6">
        <v>4</v>
      </c>
      <c r="L364" s="10" t="s">
        <v>55</v>
      </c>
    </row>
    <row r="365" spans="1:12">
      <c r="A365" s="9" t="s">
        <v>27</v>
      </c>
      <c r="B365" s="9" t="s">
        <v>57</v>
      </c>
      <c r="C365" s="9" t="s">
        <v>58</v>
      </c>
      <c r="D365" s="9" t="s">
        <v>264</v>
      </c>
      <c r="E365" s="9" t="s">
        <v>228</v>
      </c>
      <c r="F365" s="9" t="s">
        <v>281</v>
      </c>
      <c r="G365" s="9" t="s">
        <v>277</v>
      </c>
      <c r="H365" s="6">
        <v>64</v>
      </c>
      <c r="I365" s="6">
        <v>47</v>
      </c>
      <c r="J365" s="6">
        <v>41</v>
      </c>
      <c r="K365" s="6">
        <v>13</v>
      </c>
      <c r="L365" s="6">
        <v>4</v>
      </c>
    </row>
    <row r="366" spans="1:12">
      <c r="A366" s="9" t="s">
        <v>27</v>
      </c>
      <c r="B366" s="9" t="s">
        <v>57</v>
      </c>
      <c r="C366" s="9" t="s">
        <v>58</v>
      </c>
      <c r="D366" s="9" t="s">
        <v>264</v>
      </c>
      <c r="E366" s="9" t="s">
        <v>228</v>
      </c>
      <c r="F366" s="9" t="s">
        <v>281</v>
      </c>
      <c r="G366" s="9" t="s">
        <v>278</v>
      </c>
      <c r="H366" s="6">
        <v>127</v>
      </c>
      <c r="I366" s="6">
        <v>87</v>
      </c>
      <c r="J366" s="6">
        <v>82</v>
      </c>
      <c r="K366" s="6">
        <v>40</v>
      </c>
      <c r="L366" s="10" t="s">
        <v>55</v>
      </c>
    </row>
    <row r="367" spans="1:12">
      <c r="A367" s="9" t="s">
        <v>27</v>
      </c>
      <c r="B367" s="9" t="s">
        <v>57</v>
      </c>
      <c r="C367" s="9" t="s">
        <v>58</v>
      </c>
      <c r="D367" s="9" t="s">
        <v>264</v>
      </c>
      <c r="E367" s="9" t="s">
        <v>228</v>
      </c>
      <c r="F367" s="9" t="s">
        <v>281</v>
      </c>
      <c r="G367" s="9" t="s">
        <v>279</v>
      </c>
      <c r="H367" s="6">
        <v>110</v>
      </c>
      <c r="I367" s="6">
        <v>58</v>
      </c>
      <c r="J367" s="6">
        <v>58</v>
      </c>
      <c r="K367" s="6">
        <v>52</v>
      </c>
      <c r="L367" s="10" t="s">
        <v>55</v>
      </c>
    </row>
    <row r="368" spans="1:12">
      <c r="A368" s="9" t="s">
        <v>27</v>
      </c>
      <c r="B368" s="9" t="s">
        <v>57</v>
      </c>
      <c r="C368" s="9" t="s">
        <v>58</v>
      </c>
      <c r="D368" s="9" t="s">
        <v>264</v>
      </c>
      <c r="E368" s="9" t="s">
        <v>228</v>
      </c>
      <c r="F368" s="9" t="s">
        <v>281</v>
      </c>
      <c r="G368" s="9" t="s">
        <v>280</v>
      </c>
      <c r="H368" s="6">
        <v>15397</v>
      </c>
      <c r="I368" s="6">
        <v>3491</v>
      </c>
      <c r="J368" s="6">
        <v>3090</v>
      </c>
      <c r="K368" s="6">
        <v>11892</v>
      </c>
      <c r="L368" s="6">
        <v>14</v>
      </c>
    </row>
    <row r="369" spans="1:12">
      <c r="A369" s="9" t="s">
        <v>27</v>
      </c>
      <c r="B369" s="9" t="s">
        <v>57</v>
      </c>
      <c r="C369" s="9" t="s">
        <v>58</v>
      </c>
      <c r="D369" s="9" t="s">
        <v>264</v>
      </c>
      <c r="E369" s="9" t="s">
        <v>228</v>
      </c>
      <c r="F369" s="9" t="s">
        <v>282</v>
      </c>
      <c r="G369" s="9" t="s">
        <v>6</v>
      </c>
      <c r="H369" s="6">
        <v>4528</v>
      </c>
      <c r="I369" s="6">
        <v>1599</v>
      </c>
      <c r="J369" s="6">
        <v>1429</v>
      </c>
      <c r="K369" s="6">
        <v>2924</v>
      </c>
      <c r="L369" s="6">
        <v>5</v>
      </c>
    </row>
    <row r="370" spans="1:12">
      <c r="A370" s="9" t="s">
        <v>27</v>
      </c>
      <c r="B370" s="9" t="s">
        <v>57</v>
      </c>
      <c r="C370" s="9" t="s">
        <v>58</v>
      </c>
      <c r="D370" s="9" t="s">
        <v>264</v>
      </c>
      <c r="E370" s="9" t="s">
        <v>228</v>
      </c>
      <c r="F370" s="9" t="s">
        <v>282</v>
      </c>
      <c r="G370" s="9" t="s">
        <v>272</v>
      </c>
      <c r="H370" s="6">
        <v>49</v>
      </c>
      <c r="I370" s="10" t="s">
        <v>55</v>
      </c>
      <c r="J370" s="10" t="s">
        <v>55</v>
      </c>
      <c r="K370" s="6">
        <v>49</v>
      </c>
      <c r="L370" s="10" t="s">
        <v>55</v>
      </c>
    </row>
    <row r="371" spans="1:12">
      <c r="A371" s="9" t="s">
        <v>27</v>
      </c>
      <c r="B371" s="9" t="s">
        <v>57</v>
      </c>
      <c r="C371" s="9" t="s">
        <v>58</v>
      </c>
      <c r="D371" s="9" t="s">
        <v>264</v>
      </c>
      <c r="E371" s="9" t="s">
        <v>228</v>
      </c>
      <c r="F371" s="9" t="s">
        <v>282</v>
      </c>
      <c r="G371" s="9" t="s">
        <v>273</v>
      </c>
      <c r="H371" s="6">
        <v>100</v>
      </c>
      <c r="I371" s="6">
        <v>42</v>
      </c>
      <c r="J371" s="6">
        <v>42</v>
      </c>
      <c r="K371" s="6">
        <v>58</v>
      </c>
      <c r="L371" s="10" t="s">
        <v>55</v>
      </c>
    </row>
    <row r="372" spans="1:12">
      <c r="A372" s="9" t="s">
        <v>27</v>
      </c>
      <c r="B372" s="9" t="s">
        <v>57</v>
      </c>
      <c r="C372" s="9" t="s">
        <v>58</v>
      </c>
      <c r="D372" s="9" t="s">
        <v>264</v>
      </c>
      <c r="E372" s="9" t="s">
        <v>228</v>
      </c>
      <c r="F372" s="9" t="s">
        <v>282</v>
      </c>
      <c r="G372" s="9" t="s">
        <v>274</v>
      </c>
      <c r="H372" s="6">
        <v>108</v>
      </c>
      <c r="I372" s="6">
        <v>66</v>
      </c>
      <c r="J372" s="6">
        <v>58</v>
      </c>
      <c r="K372" s="6">
        <v>42</v>
      </c>
      <c r="L372" s="10" t="s">
        <v>55</v>
      </c>
    </row>
    <row r="373" spans="1:12">
      <c r="A373" s="9" t="s">
        <v>27</v>
      </c>
      <c r="B373" s="9" t="s">
        <v>57</v>
      </c>
      <c r="C373" s="9" t="s">
        <v>58</v>
      </c>
      <c r="D373" s="9" t="s">
        <v>264</v>
      </c>
      <c r="E373" s="9" t="s">
        <v>228</v>
      </c>
      <c r="F373" s="9" t="s">
        <v>282</v>
      </c>
      <c r="G373" s="9" t="s">
        <v>275</v>
      </c>
      <c r="H373" s="6">
        <v>64</v>
      </c>
      <c r="I373" s="6">
        <v>48</v>
      </c>
      <c r="J373" s="6">
        <v>48</v>
      </c>
      <c r="K373" s="6">
        <v>16</v>
      </c>
      <c r="L373" s="10" t="s">
        <v>55</v>
      </c>
    </row>
    <row r="374" spans="1:12">
      <c r="A374" s="9" t="s">
        <v>27</v>
      </c>
      <c r="B374" s="9" t="s">
        <v>57</v>
      </c>
      <c r="C374" s="9" t="s">
        <v>58</v>
      </c>
      <c r="D374" s="9" t="s">
        <v>264</v>
      </c>
      <c r="E374" s="9" t="s">
        <v>228</v>
      </c>
      <c r="F374" s="9" t="s">
        <v>282</v>
      </c>
      <c r="G374" s="9" t="s">
        <v>276</v>
      </c>
      <c r="H374" s="6">
        <v>86</v>
      </c>
      <c r="I374" s="6">
        <v>64</v>
      </c>
      <c r="J374" s="6">
        <v>44</v>
      </c>
      <c r="K374" s="6">
        <v>22</v>
      </c>
      <c r="L374" s="10" t="s">
        <v>55</v>
      </c>
    </row>
    <row r="375" spans="1:12">
      <c r="A375" s="9" t="s">
        <v>27</v>
      </c>
      <c r="B375" s="9" t="s">
        <v>57</v>
      </c>
      <c r="C375" s="9" t="s">
        <v>58</v>
      </c>
      <c r="D375" s="9" t="s">
        <v>264</v>
      </c>
      <c r="E375" s="9" t="s">
        <v>228</v>
      </c>
      <c r="F375" s="9" t="s">
        <v>282</v>
      </c>
      <c r="G375" s="9" t="s">
        <v>277</v>
      </c>
      <c r="H375" s="6">
        <v>123</v>
      </c>
      <c r="I375" s="6">
        <v>86</v>
      </c>
      <c r="J375" s="6">
        <v>80</v>
      </c>
      <c r="K375" s="6">
        <v>37</v>
      </c>
      <c r="L375" s="10" t="s">
        <v>55</v>
      </c>
    </row>
    <row r="376" spans="1:12">
      <c r="A376" s="9" t="s">
        <v>27</v>
      </c>
      <c r="B376" s="9" t="s">
        <v>57</v>
      </c>
      <c r="C376" s="9" t="s">
        <v>58</v>
      </c>
      <c r="D376" s="9" t="s">
        <v>264</v>
      </c>
      <c r="E376" s="9" t="s">
        <v>228</v>
      </c>
      <c r="F376" s="9" t="s">
        <v>282</v>
      </c>
      <c r="G376" s="9" t="s">
        <v>278</v>
      </c>
      <c r="H376" s="6">
        <v>161</v>
      </c>
      <c r="I376" s="6">
        <v>122</v>
      </c>
      <c r="J376" s="6">
        <v>116</v>
      </c>
      <c r="K376" s="6">
        <v>39</v>
      </c>
      <c r="L376" s="10" t="s">
        <v>55</v>
      </c>
    </row>
    <row r="377" spans="1:12">
      <c r="A377" s="9" t="s">
        <v>27</v>
      </c>
      <c r="B377" s="9" t="s">
        <v>57</v>
      </c>
      <c r="C377" s="9" t="s">
        <v>58</v>
      </c>
      <c r="D377" s="9" t="s">
        <v>264</v>
      </c>
      <c r="E377" s="9" t="s">
        <v>228</v>
      </c>
      <c r="F377" s="9" t="s">
        <v>282</v>
      </c>
      <c r="G377" s="9" t="s">
        <v>279</v>
      </c>
      <c r="H377" s="6">
        <v>106</v>
      </c>
      <c r="I377" s="6">
        <v>63</v>
      </c>
      <c r="J377" s="6">
        <v>45</v>
      </c>
      <c r="K377" s="6">
        <v>43</v>
      </c>
      <c r="L377" s="10" t="s">
        <v>55</v>
      </c>
    </row>
    <row r="378" spans="1:12">
      <c r="A378" s="9" t="s">
        <v>27</v>
      </c>
      <c r="B378" s="9" t="s">
        <v>57</v>
      </c>
      <c r="C378" s="9" t="s">
        <v>58</v>
      </c>
      <c r="D378" s="9" t="s">
        <v>264</v>
      </c>
      <c r="E378" s="9" t="s">
        <v>228</v>
      </c>
      <c r="F378" s="9" t="s">
        <v>282</v>
      </c>
      <c r="G378" s="9" t="s">
        <v>280</v>
      </c>
      <c r="H378" s="6">
        <v>3731</v>
      </c>
      <c r="I378" s="6">
        <v>1108</v>
      </c>
      <c r="J378" s="6">
        <v>996</v>
      </c>
      <c r="K378" s="6">
        <v>2618</v>
      </c>
      <c r="L378" s="6">
        <v>5</v>
      </c>
    </row>
    <row r="379" spans="1:12">
      <c r="A379" s="9" t="s">
        <v>27</v>
      </c>
      <c r="B379" s="9" t="s">
        <v>57</v>
      </c>
      <c r="C379" s="9" t="s">
        <v>58</v>
      </c>
      <c r="D379" s="9" t="s">
        <v>264</v>
      </c>
      <c r="E379" s="9" t="s">
        <v>228</v>
      </c>
      <c r="F379" s="9" t="s">
        <v>283</v>
      </c>
      <c r="G379" s="9" t="s">
        <v>6</v>
      </c>
      <c r="H379" s="6">
        <v>869</v>
      </c>
      <c r="I379" s="6">
        <v>484</v>
      </c>
      <c r="J379" s="6">
        <v>429</v>
      </c>
      <c r="K379" s="6">
        <v>378</v>
      </c>
      <c r="L379" s="6">
        <v>7</v>
      </c>
    </row>
    <row r="380" spans="1:12">
      <c r="A380" s="9" t="s">
        <v>27</v>
      </c>
      <c r="B380" s="9" t="s">
        <v>57</v>
      </c>
      <c r="C380" s="9" t="s">
        <v>58</v>
      </c>
      <c r="D380" s="9" t="s">
        <v>264</v>
      </c>
      <c r="E380" s="9" t="s">
        <v>228</v>
      </c>
      <c r="F380" s="9" t="s">
        <v>283</v>
      </c>
      <c r="G380" s="9" t="s">
        <v>272</v>
      </c>
      <c r="H380" s="6">
        <v>48</v>
      </c>
      <c r="I380" s="6">
        <v>28</v>
      </c>
      <c r="J380" s="6">
        <v>28</v>
      </c>
      <c r="K380" s="6">
        <v>20</v>
      </c>
      <c r="L380" s="10" t="s">
        <v>55</v>
      </c>
    </row>
    <row r="381" spans="1:12">
      <c r="A381" s="9" t="s">
        <v>27</v>
      </c>
      <c r="B381" s="9" t="s">
        <v>57</v>
      </c>
      <c r="C381" s="9" t="s">
        <v>58</v>
      </c>
      <c r="D381" s="9" t="s">
        <v>264</v>
      </c>
      <c r="E381" s="9" t="s">
        <v>228</v>
      </c>
      <c r="F381" s="9" t="s">
        <v>283</v>
      </c>
      <c r="G381" s="9" t="s">
        <v>273</v>
      </c>
      <c r="H381" s="6">
        <v>75</v>
      </c>
      <c r="I381" s="6">
        <v>50</v>
      </c>
      <c r="J381" s="6">
        <v>50</v>
      </c>
      <c r="K381" s="6">
        <v>25</v>
      </c>
      <c r="L381" s="10" t="s">
        <v>55</v>
      </c>
    </row>
    <row r="382" spans="1:12">
      <c r="A382" s="9" t="s">
        <v>27</v>
      </c>
      <c r="B382" s="9" t="s">
        <v>57</v>
      </c>
      <c r="C382" s="9" t="s">
        <v>58</v>
      </c>
      <c r="D382" s="9" t="s">
        <v>264</v>
      </c>
      <c r="E382" s="9" t="s">
        <v>228</v>
      </c>
      <c r="F382" s="9" t="s">
        <v>283</v>
      </c>
      <c r="G382" s="9" t="s">
        <v>274</v>
      </c>
      <c r="H382" s="6">
        <v>150</v>
      </c>
      <c r="I382" s="6">
        <v>109</v>
      </c>
      <c r="J382" s="6">
        <v>87</v>
      </c>
      <c r="K382" s="6">
        <v>41</v>
      </c>
      <c r="L382" s="10" t="s">
        <v>55</v>
      </c>
    </row>
    <row r="383" spans="1:12">
      <c r="A383" s="9" t="s">
        <v>27</v>
      </c>
      <c r="B383" s="9" t="s">
        <v>57</v>
      </c>
      <c r="C383" s="9" t="s">
        <v>58</v>
      </c>
      <c r="D383" s="9" t="s">
        <v>264</v>
      </c>
      <c r="E383" s="9" t="s">
        <v>228</v>
      </c>
      <c r="F383" s="9" t="s">
        <v>283</v>
      </c>
      <c r="G383" s="9" t="s">
        <v>275</v>
      </c>
      <c r="H383" s="6">
        <v>30</v>
      </c>
      <c r="I383" s="6">
        <v>8</v>
      </c>
      <c r="J383" s="10" t="s">
        <v>55</v>
      </c>
      <c r="K383" s="6">
        <v>22</v>
      </c>
      <c r="L383" s="10" t="s">
        <v>55</v>
      </c>
    </row>
    <row r="384" spans="1:12">
      <c r="A384" s="9" t="s">
        <v>27</v>
      </c>
      <c r="B384" s="9" t="s">
        <v>57</v>
      </c>
      <c r="C384" s="9" t="s">
        <v>58</v>
      </c>
      <c r="D384" s="9" t="s">
        <v>264</v>
      </c>
      <c r="E384" s="9" t="s">
        <v>228</v>
      </c>
      <c r="F384" s="9" t="s">
        <v>283</v>
      </c>
      <c r="G384" s="9" t="s">
        <v>276</v>
      </c>
      <c r="H384" s="6">
        <v>94</v>
      </c>
      <c r="I384" s="6">
        <v>74</v>
      </c>
      <c r="J384" s="6">
        <v>61</v>
      </c>
      <c r="K384" s="6">
        <v>13</v>
      </c>
      <c r="L384" s="6">
        <v>7</v>
      </c>
    </row>
    <row r="385" spans="1:12">
      <c r="A385" s="9" t="s">
        <v>27</v>
      </c>
      <c r="B385" s="9" t="s">
        <v>57</v>
      </c>
      <c r="C385" s="9" t="s">
        <v>58</v>
      </c>
      <c r="D385" s="9" t="s">
        <v>264</v>
      </c>
      <c r="E385" s="9" t="s">
        <v>228</v>
      </c>
      <c r="F385" s="9" t="s">
        <v>283</v>
      </c>
      <c r="G385" s="9" t="s">
        <v>277</v>
      </c>
      <c r="H385" s="6">
        <v>34</v>
      </c>
      <c r="I385" s="6">
        <v>34</v>
      </c>
      <c r="J385" s="6">
        <v>34</v>
      </c>
      <c r="K385" s="10" t="s">
        <v>55</v>
      </c>
      <c r="L385" s="10" t="s">
        <v>55</v>
      </c>
    </row>
    <row r="386" spans="1:12">
      <c r="A386" s="9" t="s">
        <v>27</v>
      </c>
      <c r="B386" s="9" t="s">
        <v>57</v>
      </c>
      <c r="C386" s="9" t="s">
        <v>58</v>
      </c>
      <c r="D386" s="9" t="s">
        <v>264</v>
      </c>
      <c r="E386" s="9" t="s">
        <v>228</v>
      </c>
      <c r="F386" s="9" t="s">
        <v>283</v>
      </c>
      <c r="G386" s="9" t="s">
        <v>278</v>
      </c>
      <c r="H386" s="6">
        <v>32</v>
      </c>
      <c r="I386" s="6">
        <v>25</v>
      </c>
      <c r="J386" s="6">
        <v>25</v>
      </c>
      <c r="K386" s="6">
        <v>7</v>
      </c>
      <c r="L386" s="10" t="s">
        <v>55</v>
      </c>
    </row>
    <row r="387" spans="1:12">
      <c r="A387" s="9" t="s">
        <v>27</v>
      </c>
      <c r="B387" s="9" t="s">
        <v>57</v>
      </c>
      <c r="C387" s="9" t="s">
        <v>58</v>
      </c>
      <c r="D387" s="9" t="s">
        <v>264</v>
      </c>
      <c r="E387" s="9" t="s">
        <v>228</v>
      </c>
      <c r="F387" s="9" t="s">
        <v>283</v>
      </c>
      <c r="G387" s="9" t="s">
        <v>279</v>
      </c>
      <c r="H387" s="6">
        <v>18</v>
      </c>
      <c r="I387" s="6">
        <v>18</v>
      </c>
      <c r="J387" s="6">
        <v>18</v>
      </c>
      <c r="K387" s="10" t="s">
        <v>55</v>
      </c>
      <c r="L387" s="10" t="s">
        <v>55</v>
      </c>
    </row>
    <row r="388" spans="1:12">
      <c r="A388" s="9" t="s">
        <v>27</v>
      </c>
      <c r="B388" s="9" t="s">
        <v>57</v>
      </c>
      <c r="C388" s="9" t="s">
        <v>58</v>
      </c>
      <c r="D388" s="9" t="s">
        <v>264</v>
      </c>
      <c r="E388" s="9" t="s">
        <v>228</v>
      </c>
      <c r="F388" s="9" t="s">
        <v>283</v>
      </c>
      <c r="G388" s="9" t="s">
        <v>280</v>
      </c>
      <c r="H388" s="6">
        <v>388</v>
      </c>
      <c r="I388" s="6">
        <v>138</v>
      </c>
      <c r="J388" s="6">
        <v>126</v>
      </c>
      <c r="K388" s="6">
        <v>250</v>
      </c>
      <c r="L388" s="10" t="s">
        <v>55</v>
      </c>
    </row>
    <row r="389" spans="1:12">
      <c r="A389" s="9" t="s">
        <v>27</v>
      </c>
      <c r="B389" s="9" t="s">
        <v>57</v>
      </c>
      <c r="C389" s="9" t="s">
        <v>58</v>
      </c>
      <c r="D389" s="9" t="s">
        <v>264</v>
      </c>
      <c r="E389" s="9" t="s">
        <v>18</v>
      </c>
      <c r="F389" s="9" t="s">
        <v>6</v>
      </c>
      <c r="G389" s="9" t="s">
        <v>6</v>
      </c>
      <c r="H389" s="6">
        <v>5148</v>
      </c>
      <c r="I389" s="6">
        <v>114</v>
      </c>
      <c r="J389" s="6">
        <v>72</v>
      </c>
      <c r="K389" s="6">
        <v>54</v>
      </c>
      <c r="L389" s="6">
        <v>4980</v>
      </c>
    </row>
    <row r="390" spans="1:12">
      <c r="A390" s="9" t="s">
        <v>27</v>
      </c>
      <c r="B390" s="9" t="s">
        <v>57</v>
      </c>
      <c r="C390" s="9" t="s">
        <v>58</v>
      </c>
      <c r="D390" s="9" t="s">
        <v>264</v>
      </c>
      <c r="E390" s="9" t="s">
        <v>18</v>
      </c>
      <c r="F390" s="9" t="s">
        <v>234</v>
      </c>
      <c r="G390" s="9" t="s">
        <v>6</v>
      </c>
      <c r="H390" s="6">
        <v>128</v>
      </c>
      <c r="I390" s="6">
        <v>7</v>
      </c>
      <c r="J390" s="6">
        <v>7</v>
      </c>
      <c r="K390" s="10" t="s">
        <v>55</v>
      </c>
      <c r="L390" s="6">
        <v>121</v>
      </c>
    </row>
    <row r="391" spans="1:12">
      <c r="A391" s="9" t="s">
        <v>27</v>
      </c>
      <c r="B391" s="9" t="s">
        <v>57</v>
      </c>
      <c r="C391" s="9" t="s">
        <v>58</v>
      </c>
      <c r="D391" s="9" t="s">
        <v>264</v>
      </c>
      <c r="E391" s="9" t="s">
        <v>18</v>
      </c>
      <c r="F391" s="9" t="s">
        <v>235</v>
      </c>
      <c r="G391" s="9" t="s">
        <v>6</v>
      </c>
      <c r="H391" s="6">
        <v>5020</v>
      </c>
      <c r="I391" s="6">
        <v>107</v>
      </c>
      <c r="J391" s="6">
        <v>65</v>
      </c>
      <c r="K391" s="6">
        <v>54</v>
      </c>
      <c r="L391" s="6">
        <v>4859</v>
      </c>
    </row>
    <row r="392" spans="1:12">
      <c r="A392" s="9" t="s">
        <v>27</v>
      </c>
      <c r="B392" s="9" t="s">
        <v>57</v>
      </c>
      <c r="C392" s="9" t="s">
        <v>58</v>
      </c>
      <c r="D392" s="9" t="s">
        <v>264</v>
      </c>
      <c r="E392" s="9" t="s">
        <v>18</v>
      </c>
      <c r="F392" s="9" t="s">
        <v>235</v>
      </c>
      <c r="G392" s="9" t="s">
        <v>272</v>
      </c>
      <c r="H392" s="6">
        <v>353</v>
      </c>
      <c r="I392" s="10" t="s">
        <v>55</v>
      </c>
      <c r="J392" s="10" t="s">
        <v>55</v>
      </c>
      <c r="K392" s="6">
        <v>6</v>
      </c>
      <c r="L392" s="6">
        <v>347</v>
      </c>
    </row>
    <row r="393" spans="1:12">
      <c r="A393" s="9" t="s">
        <v>27</v>
      </c>
      <c r="B393" s="9" t="s">
        <v>57</v>
      </c>
      <c r="C393" s="9" t="s">
        <v>58</v>
      </c>
      <c r="D393" s="9" t="s">
        <v>264</v>
      </c>
      <c r="E393" s="9" t="s">
        <v>18</v>
      </c>
      <c r="F393" s="9" t="s">
        <v>235</v>
      </c>
      <c r="G393" s="9" t="s">
        <v>273</v>
      </c>
      <c r="H393" s="6">
        <v>576</v>
      </c>
      <c r="I393" s="6">
        <v>17</v>
      </c>
      <c r="J393" s="6">
        <v>17</v>
      </c>
      <c r="K393" s="6">
        <v>6</v>
      </c>
      <c r="L393" s="6">
        <v>553</v>
      </c>
    </row>
    <row r="394" spans="1:12">
      <c r="A394" s="9" t="s">
        <v>27</v>
      </c>
      <c r="B394" s="9" t="s">
        <v>57</v>
      </c>
      <c r="C394" s="9" t="s">
        <v>58</v>
      </c>
      <c r="D394" s="9" t="s">
        <v>264</v>
      </c>
      <c r="E394" s="9" t="s">
        <v>18</v>
      </c>
      <c r="F394" s="9" t="s">
        <v>235</v>
      </c>
      <c r="G394" s="9" t="s">
        <v>274</v>
      </c>
      <c r="H394" s="6">
        <v>526</v>
      </c>
      <c r="I394" s="6">
        <v>9</v>
      </c>
      <c r="J394" s="10" t="s">
        <v>55</v>
      </c>
      <c r="K394" s="10" t="s">
        <v>55</v>
      </c>
      <c r="L394" s="6">
        <v>517</v>
      </c>
    </row>
    <row r="395" spans="1:12">
      <c r="A395" s="9" t="s">
        <v>27</v>
      </c>
      <c r="B395" s="9" t="s">
        <v>57</v>
      </c>
      <c r="C395" s="9" t="s">
        <v>58</v>
      </c>
      <c r="D395" s="9" t="s">
        <v>264</v>
      </c>
      <c r="E395" s="9" t="s">
        <v>18</v>
      </c>
      <c r="F395" s="9" t="s">
        <v>235</v>
      </c>
      <c r="G395" s="9" t="s">
        <v>275</v>
      </c>
      <c r="H395" s="6">
        <v>355</v>
      </c>
      <c r="I395" s="10" t="s">
        <v>55</v>
      </c>
      <c r="J395" s="10" t="s">
        <v>55</v>
      </c>
      <c r="K395" s="10" t="s">
        <v>55</v>
      </c>
      <c r="L395" s="6">
        <v>355</v>
      </c>
    </row>
    <row r="396" spans="1:12">
      <c r="A396" s="9" t="s">
        <v>27</v>
      </c>
      <c r="B396" s="9" t="s">
        <v>57</v>
      </c>
      <c r="C396" s="9" t="s">
        <v>58</v>
      </c>
      <c r="D396" s="9" t="s">
        <v>264</v>
      </c>
      <c r="E396" s="9" t="s">
        <v>18</v>
      </c>
      <c r="F396" s="9" t="s">
        <v>235</v>
      </c>
      <c r="G396" s="9" t="s">
        <v>276</v>
      </c>
      <c r="H396" s="6">
        <v>519</v>
      </c>
      <c r="I396" s="6">
        <v>5</v>
      </c>
      <c r="J396" s="6">
        <v>5</v>
      </c>
      <c r="K396" s="10" t="s">
        <v>55</v>
      </c>
      <c r="L396" s="6">
        <v>514</v>
      </c>
    </row>
    <row r="397" spans="1:12">
      <c r="A397" s="9" t="s">
        <v>27</v>
      </c>
      <c r="B397" s="9" t="s">
        <v>57</v>
      </c>
      <c r="C397" s="9" t="s">
        <v>58</v>
      </c>
      <c r="D397" s="9" t="s">
        <v>264</v>
      </c>
      <c r="E397" s="9" t="s">
        <v>18</v>
      </c>
      <c r="F397" s="9" t="s">
        <v>235</v>
      </c>
      <c r="G397" s="9" t="s">
        <v>277</v>
      </c>
      <c r="H397" s="6">
        <v>479</v>
      </c>
      <c r="I397" s="10" t="s">
        <v>55</v>
      </c>
      <c r="J397" s="10" t="s">
        <v>55</v>
      </c>
      <c r="K397" s="6">
        <v>6</v>
      </c>
      <c r="L397" s="6">
        <v>473</v>
      </c>
    </row>
    <row r="398" spans="1:12">
      <c r="A398" s="9" t="s">
        <v>27</v>
      </c>
      <c r="B398" s="9" t="s">
        <v>57</v>
      </c>
      <c r="C398" s="9" t="s">
        <v>58</v>
      </c>
      <c r="D398" s="9" t="s">
        <v>264</v>
      </c>
      <c r="E398" s="9" t="s">
        <v>18</v>
      </c>
      <c r="F398" s="9" t="s">
        <v>235</v>
      </c>
      <c r="G398" s="9" t="s">
        <v>278</v>
      </c>
      <c r="H398" s="6">
        <v>305</v>
      </c>
      <c r="I398" s="10" t="s">
        <v>55</v>
      </c>
      <c r="J398" s="10" t="s">
        <v>55</v>
      </c>
      <c r="K398" s="6">
        <v>4</v>
      </c>
      <c r="L398" s="6">
        <v>301</v>
      </c>
    </row>
    <row r="399" spans="1:12">
      <c r="A399" s="9" t="s">
        <v>27</v>
      </c>
      <c r="B399" s="9" t="s">
        <v>57</v>
      </c>
      <c r="C399" s="9" t="s">
        <v>58</v>
      </c>
      <c r="D399" s="9" t="s">
        <v>264</v>
      </c>
      <c r="E399" s="9" t="s">
        <v>18</v>
      </c>
      <c r="F399" s="9" t="s">
        <v>235</v>
      </c>
      <c r="G399" s="9" t="s">
        <v>279</v>
      </c>
      <c r="H399" s="6">
        <v>254</v>
      </c>
      <c r="I399" s="10" t="s">
        <v>55</v>
      </c>
      <c r="J399" s="10" t="s">
        <v>55</v>
      </c>
      <c r="K399" s="10" t="s">
        <v>55</v>
      </c>
      <c r="L399" s="6">
        <v>254</v>
      </c>
    </row>
    <row r="400" spans="1:12">
      <c r="A400" s="9" t="s">
        <v>27</v>
      </c>
      <c r="B400" s="9" t="s">
        <v>57</v>
      </c>
      <c r="C400" s="9" t="s">
        <v>58</v>
      </c>
      <c r="D400" s="9" t="s">
        <v>264</v>
      </c>
      <c r="E400" s="9" t="s">
        <v>18</v>
      </c>
      <c r="F400" s="9" t="s">
        <v>235</v>
      </c>
      <c r="G400" s="9" t="s">
        <v>280</v>
      </c>
      <c r="H400" s="6">
        <v>1653</v>
      </c>
      <c r="I400" s="6">
        <v>76</v>
      </c>
      <c r="J400" s="6">
        <v>43</v>
      </c>
      <c r="K400" s="6">
        <v>32</v>
      </c>
      <c r="L400" s="6">
        <v>1545</v>
      </c>
    </row>
    <row r="401" spans="1:12">
      <c r="A401" s="9" t="s">
        <v>27</v>
      </c>
      <c r="B401" s="9" t="s">
        <v>57</v>
      </c>
      <c r="C401" s="9" t="s">
        <v>58</v>
      </c>
      <c r="D401" s="9" t="s">
        <v>264</v>
      </c>
      <c r="E401" s="9" t="s">
        <v>18</v>
      </c>
      <c r="F401" s="9" t="s">
        <v>281</v>
      </c>
      <c r="G401" s="9" t="s">
        <v>6</v>
      </c>
      <c r="H401" s="6">
        <v>1743</v>
      </c>
      <c r="I401" s="6">
        <v>48</v>
      </c>
      <c r="J401" s="6">
        <v>38</v>
      </c>
      <c r="K401" s="6">
        <v>32</v>
      </c>
      <c r="L401" s="6">
        <v>1663</v>
      </c>
    </row>
    <row r="402" spans="1:12">
      <c r="A402" s="9" t="s">
        <v>27</v>
      </c>
      <c r="B402" s="9" t="s">
        <v>57</v>
      </c>
      <c r="C402" s="9" t="s">
        <v>58</v>
      </c>
      <c r="D402" s="9" t="s">
        <v>264</v>
      </c>
      <c r="E402" s="9" t="s">
        <v>18</v>
      </c>
      <c r="F402" s="9" t="s">
        <v>281</v>
      </c>
      <c r="G402" s="9" t="s">
        <v>272</v>
      </c>
      <c r="H402" s="6">
        <v>141</v>
      </c>
      <c r="I402" s="10" t="s">
        <v>55</v>
      </c>
      <c r="J402" s="10" t="s">
        <v>55</v>
      </c>
      <c r="K402" s="10" t="s">
        <v>55</v>
      </c>
      <c r="L402" s="6">
        <v>141</v>
      </c>
    </row>
    <row r="403" spans="1:12">
      <c r="A403" s="9" t="s">
        <v>27</v>
      </c>
      <c r="B403" s="9" t="s">
        <v>57</v>
      </c>
      <c r="C403" s="9" t="s">
        <v>58</v>
      </c>
      <c r="D403" s="9" t="s">
        <v>264</v>
      </c>
      <c r="E403" s="9" t="s">
        <v>18</v>
      </c>
      <c r="F403" s="9" t="s">
        <v>281</v>
      </c>
      <c r="G403" s="9" t="s">
        <v>273</v>
      </c>
      <c r="H403" s="6">
        <v>142</v>
      </c>
      <c r="I403" s="6">
        <v>5</v>
      </c>
      <c r="J403" s="6">
        <v>5</v>
      </c>
      <c r="K403" s="6">
        <v>6</v>
      </c>
      <c r="L403" s="6">
        <v>131</v>
      </c>
    </row>
    <row r="404" spans="1:12">
      <c r="A404" s="9" t="s">
        <v>27</v>
      </c>
      <c r="B404" s="9" t="s">
        <v>57</v>
      </c>
      <c r="C404" s="9" t="s">
        <v>58</v>
      </c>
      <c r="D404" s="9" t="s">
        <v>264</v>
      </c>
      <c r="E404" s="9" t="s">
        <v>18</v>
      </c>
      <c r="F404" s="9" t="s">
        <v>281</v>
      </c>
      <c r="G404" s="9" t="s">
        <v>274</v>
      </c>
      <c r="H404" s="6">
        <v>76</v>
      </c>
      <c r="I404" s="10" t="s">
        <v>55</v>
      </c>
      <c r="J404" s="10" t="s">
        <v>55</v>
      </c>
      <c r="K404" s="10" t="s">
        <v>55</v>
      </c>
      <c r="L404" s="6">
        <v>76</v>
      </c>
    </row>
    <row r="405" spans="1:12">
      <c r="A405" s="9" t="s">
        <v>27</v>
      </c>
      <c r="B405" s="9" t="s">
        <v>57</v>
      </c>
      <c r="C405" s="9" t="s">
        <v>58</v>
      </c>
      <c r="D405" s="9" t="s">
        <v>264</v>
      </c>
      <c r="E405" s="9" t="s">
        <v>18</v>
      </c>
      <c r="F405" s="9" t="s">
        <v>281</v>
      </c>
      <c r="G405" s="9" t="s">
        <v>275</v>
      </c>
      <c r="H405" s="6">
        <v>56</v>
      </c>
      <c r="I405" s="10" t="s">
        <v>55</v>
      </c>
      <c r="J405" s="10" t="s">
        <v>55</v>
      </c>
      <c r="K405" s="10" t="s">
        <v>55</v>
      </c>
      <c r="L405" s="6">
        <v>56</v>
      </c>
    </row>
    <row r="406" spans="1:12">
      <c r="A406" s="9" t="s">
        <v>27</v>
      </c>
      <c r="B406" s="9" t="s">
        <v>57</v>
      </c>
      <c r="C406" s="9" t="s">
        <v>58</v>
      </c>
      <c r="D406" s="9" t="s">
        <v>264</v>
      </c>
      <c r="E406" s="9" t="s">
        <v>18</v>
      </c>
      <c r="F406" s="9" t="s">
        <v>281</v>
      </c>
      <c r="G406" s="9" t="s">
        <v>276</v>
      </c>
      <c r="H406" s="6">
        <v>32</v>
      </c>
      <c r="I406" s="10" t="s">
        <v>55</v>
      </c>
      <c r="J406" s="10" t="s">
        <v>55</v>
      </c>
      <c r="K406" s="10" t="s">
        <v>55</v>
      </c>
      <c r="L406" s="6">
        <v>32</v>
      </c>
    </row>
    <row r="407" spans="1:12">
      <c r="A407" s="9" t="s">
        <v>27</v>
      </c>
      <c r="B407" s="9" t="s">
        <v>57</v>
      </c>
      <c r="C407" s="9" t="s">
        <v>58</v>
      </c>
      <c r="D407" s="9" t="s">
        <v>264</v>
      </c>
      <c r="E407" s="9" t="s">
        <v>18</v>
      </c>
      <c r="F407" s="9" t="s">
        <v>281</v>
      </c>
      <c r="G407" s="9" t="s">
        <v>277</v>
      </c>
      <c r="H407" s="6">
        <v>75</v>
      </c>
      <c r="I407" s="10" t="s">
        <v>55</v>
      </c>
      <c r="J407" s="10" t="s">
        <v>55</v>
      </c>
      <c r="K407" s="10" t="s">
        <v>55</v>
      </c>
      <c r="L407" s="6">
        <v>75</v>
      </c>
    </row>
    <row r="408" spans="1:12">
      <c r="A408" s="9" t="s">
        <v>27</v>
      </c>
      <c r="B408" s="9" t="s">
        <v>57</v>
      </c>
      <c r="C408" s="9" t="s">
        <v>58</v>
      </c>
      <c r="D408" s="9" t="s">
        <v>264</v>
      </c>
      <c r="E408" s="9" t="s">
        <v>18</v>
      </c>
      <c r="F408" s="9" t="s">
        <v>281</v>
      </c>
      <c r="G408" s="9" t="s">
        <v>278</v>
      </c>
      <c r="H408" s="6">
        <v>68</v>
      </c>
      <c r="I408" s="10" t="s">
        <v>55</v>
      </c>
      <c r="J408" s="10" t="s">
        <v>55</v>
      </c>
      <c r="K408" s="6">
        <v>4</v>
      </c>
      <c r="L408" s="6">
        <v>64</v>
      </c>
    </row>
    <row r="409" spans="1:12">
      <c r="A409" s="9" t="s">
        <v>27</v>
      </c>
      <c r="B409" s="9" t="s">
        <v>57</v>
      </c>
      <c r="C409" s="9" t="s">
        <v>58</v>
      </c>
      <c r="D409" s="9" t="s">
        <v>264</v>
      </c>
      <c r="E409" s="9" t="s">
        <v>18</v>
      </c>
      <c r="F409" s="9" t="s">
        <v>281</v>
      </c>
      <c r="G409" s="9" t="s">
        <v>279</v>
      </c>
      <c r="H409" s="6">
        <v>81</v>
      </c>
      <c r="I409" s="10" t="s">
        <v>55</v>
      </c>
      <c r="J409" s="10" t="s">
        <v>55</v>
      </c>
      <c r="K409" s="10" t="s">
        <v>55</v>
      </c>
      <c r="L409" s="6">
        <v>81</v>
      </c>
    </row>
    <row r="410" spans="1:12">
      <c r="A410" s="9" t="s">
        <v>27</v>
      </c>
      <c r="B410" s="9" t="s">
        <v>57</v>
      </c>
      <c r="C410" s="9" t="s">
        <v>58</v>
      </c>
      <c r="D410" s="9" t="s">
        <v>264</v>
      </c>
      <c r="E410" s="9" t="s">
        <v>18</v>
      </c>
      <c r="F410" s="9" t="s">
        <v>281</v>
      </c>
      <c r="G410" s="9" t="s">
        <v>280</v>
      </c>
      <c r="H410" s="6">
        <v>1072</v>
      </c>
      <c r="I410" s="6">
        <v>43</v>
      </c>
      <c r="J410" s="6">
        <v>33</v>
      </c>
      <c r="K410" s="6">
        <v>22</v>
      </c>
      <c r="L410" s="6">
        <v>1007</v>
      </c>
    </row>
    <row r="411" spans="1:12">
      <c r="A411" s="9" t="s">
        <v>27</v>
      </c>
      <c r="B411" s="9" t="s">
        <v>57</v>
      </c>
      <c r="C411" s="9" t="s">
        <v>58</v>
      </c>
      <c r="D411" s="9" t="s">
        <v>264</v>
      </c>
      <c r="E411" s="9" t="s">
        <v>18</v>
      </c>
      <c r="F411" s="9" t="s">
        <v>282</v>
      </c>
      <c r="G411" s="9" t="s">
        <v>6</v>
      </c>
      <c r="H411" s="6">
        <v>1830</v>
      </c>
      <c r="I411" s="6">
        <v>50</v>
      </c>
      <c r="J411" s="6">
        <v>27</v>
      </c>
      <c r="K411" s="6">
        <v>10</v>
      </c>
      <c r="L411" s="6">
        <v>1770</v>
      </c>
    </row>
    <row r="412" spans="1:12">
      <c r="A412" s="9" t="s">
        <v>27</v>
      </c>
      <c r="B412" s="9" t="s">
        <v>57</v>
      </c>
      <c r="C412" s="9" t="s">
        <v>58</v>
      </c>
      <c r="D412" s="9" t="s">
        <v>264</v>
      </c>
      <c r="E412" s="9" t="s">
        <v>18</v>
      </c>
      <c r="F412" s="9" t="s">
        <v>282</v>
      </c>
      <c r="G412" s="9" t="s">
        <v>272</v>
      </c>
      <c r="H412" s="6">
        <v>114</v>
      </c>
      <c r="I412" s="10" t="s">
        <v>55</v>
      </c>
      <c r="J412" s="10" t="s">
        <v>55</v>
      </c>
      <c r="K412" s="10" t="s">
        <v>55</v>
      </c>
      <c r="L412" s="6">
        <v>114</v>
      </c>
    </row>
    <row r="413" spans="1:12">
      <c r="A413" s="9" t="s">
        <v>27</v>
      </c>
      <c r="B413" s="9" t="s">
        <v>57</v>
      </c>
      <c r="C413" s="9" t="s">
        <v>58</v>
      </c>
      <c r="D413" s="9" t="s">
        <v>264</v>
      </c>
      <c r="E413" s="9" t="s">
        <v>18</v>
      </c>
      <c r="F413" s="9" t="s">
        <v>282</v>
      </c>
      <c r="G413" s="9" t="s">
        <v>273</v>
      </c>
      <c r="H413" s="6">
        <v>213</v>
      </c>
      <c r="I413" s="6">
        <v>12</v>
      </c>
      <c r="J413" s="6">
        <v>12</v>
      </c>
      <c r="K413" s="10" t="s">
        <v>55</v>
      </c>
      <c r="L413" s="6">
        <v>201</v>
      </c>
    </row>
    <row r="414" spans="1:12">
      <c r="A414" s="9" t="s">
        <v>27</v>
      </c>
      <c r="B414" s="9" t="s">
        <v>57</v>
      </c>
      <c r="C414" s="9" t="s">
        <v>58</v>
      </c>
      <c r="D414" s="9" t="s">
        <v>264</v>
      </c>
      <c r="E414" s="9" t="s">
        <v>18</v>
      </c>
      <c r="F414" s="9" t="s">
        <v>282</v>
      </c>
      <c r="G414" s="9" t="s">
        <v>274</v>
      </c>
      <c r="H414" s="6">
        <v>157</v>
      </c>
      <c r="I414" s="10" t="s">
        <v>55</v>
      </c>
      <c r="J414" s="10" t="s">
        <v>55</v>
      </c>
      <c r="K414" s="10" t="s">
        <v>55</v>
      </c>
      <c r="L414" s="6">
        <v>157</v>
      </c>
    </row>
    <row r="415" spans="1:12">
      <c r="A415" s="9" t="s">
        <v>27</v>
      </c>
      <c r="B415" s="9" t="s">
        <v>57</v>
      </c>
      <c r="C415" s="9" t="s">
        <v>58</v>
      </c>
      <c r="D415" s="9" t="s">
        <v>264</v>
      </c>
      <c r="E415" s="9" t="s">
        <v>18</v>
      </c>
      <c r="F415" s="9" t="s">
        <v>282</v>
      </c>
      <c r="G415" s="9" t="s">
        <v>275</v>
      </c>
      <c r="H415" s="6">
        <v>151</v>
      </c>
      <c r="I415" s="10" t="s">
        <v>55</v>
      </c>
      <c r="J415" s="10" t="s">
        <v>55</v>
      </c>
      <c r="K415" s="10" t="s">
        <v>55</v>
      </c>
      <c r="L415" s="6">
        <v>151</v>
      </c>
    </row>
    <row r="416" spans="1:12">
      <c r="A416" s="9" t="s">
        <v>27</v>
      </c>
      <c r="B416" s="9" t="s">
        <v>57</v>
      </c>
      <c r="C416" s="9" t="s">
        <v>58</v>
      </c>
      <c r="D416" s="9" t="s">
        <v>264</v>
      </c>
      <c r="E416" s="9" t="s">
        <v>18</v>
      </c>
      <c r="F416" s="9" t="s">
        <v>282</v>
      </c>
      <c r="G416" s="9" t="s">
        <v>276</v>
      </c>
      <c r="H416" s="6">
        <v>230</v>
      </c>
      <c r="I416" s="6">
        <v>5</v>
      </c>
      <c r="J416" s="6">
        <v>5</v>
      </c>
      <c r="K416" s="10" t="s">
        <v>55</v>
      </c>
      <c r="L416" s="6">
        <v>225</v>
      </c>
    </row>
    <row r="417" spans="1:12">
      <c r="A417" s="9" t="s">
        <v>27</v>
      </c>
      <c r="B417" s="9" t="s">
        <v>57</v>
      </c>
      <c r="C417" s="9" t="s">
        <v>58</v>
      </c>
      <c r="D417" s="9" t="s">
        <v>264</v>
      </c>
      <c r="E417" s="9" t="s">
        <v>18</v>
      </c>
      <c r="F417" s="9" t="s">
        <v>282</v>
      </c>
      <c r="G417" s="9" t="s">
        <v>277</v>
      </c>
      <c r="H417" s="6">
        <v>216</v>
      </c>
      <c r="I417" s="10" t="s">
        <v>55</v>
      </c>
      <c r="J417" s="10" t="s">
        <v>55</v>
      </c>
      <c r="K417" s="10" t="s">
        <v>55</v>
      </c>
      <c r="L417" s="6">
        <v>216</v>
      </c>
    </row>
    <row r="418" spans="1:12">
      <c r="A418" s="9" t="s">
        <v>27</v>
      </c>
      <c r="B418" s="9" t="s">
        <v>57</v>
      </c>
      <c r="C418" s="9" t="s">
        <v>58</v>
      </c>
      <c r="D418" s="9" t="s">
        <v>264</v>
      </c>
      <c r="E418" s="9" t="s">
        <v>18</v>
      </c>
      <c r="F418" s="9" t="s">
        <v>282</v>
      </c>
      <c r="G418" s="9" t="s">
        <v>278</v>
      </c>
      <c r="H418" s="6">
        <v>145</v>
      </c>
      <c r="I418" s="10" t="s">
        <v>55</v>
      </c>
      <c r="J418" s="10" t="s">
        <v>55</v>
      </c>
      <c r="K418" s="10" t="s">
        <v>55</v>
      </c>
      <c r="L418" s="6">
        <v>145</v>
      </c>
    </row>
    <row r="419" spans="1:12">
      <c r="A419" s="9" t="s">
        <v>27</v>
      </c>
      <c r="B419" s="9" t="s">
        <v>57</v>
      </c>
      <c r="C419" s="9" t="s">
        <v>58</v>
      </c>
      <c r="D419" s="9" t="s">
        <v>264</v>
      </c>
      <c r="E419" s="9" t="s">
        <v>18</v>
      </c>
      <c r="F419" s="9" t="s">
        <v>282</v>
      </c>
      <c r="G419" s="9" t="s">
        <v>279</v>
      </c>
      <c r="H419" s="6">
        <v>100</v>
      </c>
      <c r="I419" s="10" t="s">
        <v>55</v>
      </c>
      <c r="J419" s="10" t="s">
        <v>55</v>
      </c>
      <c r="K419" s="10" t="s">
        <v>55</v>
      </c>
      <c r="L419" s="6">
        <v>100</v>
      </c>
    </row>
    <row r="420" spans="1:12">
      <c r="A420" s="9" t="s">
        <v>27</v>
      </c>
      <c r="B420" s="9" t="s">
        <v>57</v>
      </c>
      <c r="C420" s="9" t="s">
        <v>58</v>
      </c>
      <c r="D420" s="9" t="s">
        <v>264</v>
      </c>
      <c r="E420" s="9" t="s">
        <v>18</v>
      </c>
      <c r="F420" s="9" t="s">
        <v>282</v>
      </c>
      <c r="G420" s="9" t="s">
        <v>280</v>
      </c>
      <c r="H420" s="6">
        <v>504</v>
      </c>
      <c r="I420" s="6">
        <v>33</v>
      </c>
      <c r="J420" s="6">
        <v>10</v>
      </c>
      <c r="K420" s="6">
        <v>10</v>
      </c>
      <c r="L420" s="6">
        <v>461</v>
      </c>
    </row>
    <row r="421" spans="1:12">
      <c r="A421" s="9" t="s">
        <v>27</v>
      </c>
      <c r="B421" s="9" t="s">
        <v>57</v>
      </c>
      <c r="C421" s="9" t="s">
        <v>58</v>
      </c>
      <c r="D421" s="9" t="s">
        <v>264</v>
      </c>
      <c r="E421" s="9" t="s">
        <v>18</v>
      </c>
      <c r="F421" s="9" t="s">
        <v>283</v>
      </c>
      <c r="G421" s="9" t="s">
        <v>6</v>
      </c>
      <c r="H421" s="6">
        <v>1447</v>
      </c>
      <c r="I421" s="6">
        <v>9</v>
      </c>
      <c r="J421" s="10" t="s">
        <v>55</v>
      </c>
      <c r="K421" s="6">
        <v>12</v>
      </c>
      <c r="L421" s="6">
        <v>1426</v>
      </c>
    </row>
    <row r="422" spans="1:12">
      <c r="A422" s="9" t="s">
        <v>27</v>
      </c>
      <c r="B422" s="9" t="s">
        <v>57</v>
      </c>
      <c r="C422" s="9" t="s">
        <v>58</v>
      </c>
      <c r="D422" s="9" t="s">
        <v>264</v>
      </c>
      <c r="E422" s="9" t="s">
        <v>18</v>
      </c>
      <c r="F422" s="9" t="s">
        <v>283</v>
      </c>
      <c r="G422" s="9" t="s">
        <v>272</v>
      </c>
      <c r="H422" s="6">
        <v>98</v>
      </c>
      <c r="I422" s="10" t="s">
        <v>55</v>
      </c>
      <c r="J422" s="10" t="s">
        <v>55</v>
      </c>
      <c r="K422" s="6">
        <v>6</v>
      </c>
      <c r="L422" s="6">
        <v>92</v>
      </c>
    </row>
    <row r="423" spans="1:12">
      <c r="A423" s="9" t="s">
        <v>27</v>
      </c>
      <c r="B423" s="9" t="s">
        <v>57</v>
      </c>
      <c r="C423" s="9" t="s">
        <v>58</v>
      </c>
      <c r="D423" s="9" t="s">
        <v>264</v>
      </c>
      <c r="E423" s="9" t="s">
        <v>18</v>
      </c>
      <c r="F423" s="9" t="s">
        <v>283</v>
      </c>
      <c r="G423" s="9" t="s">
        <v>273</v>
      </c>
      <c r="H423" s="6">
        <v>221</v>
      </c>
      <c r="I423" s="10" t="s">
        <v>55</v>
      </c>
      <c r="J423" s="10" t="s">
        <v>55</v>
      </c>
      <c r="K423" s="10" t="s">
        <v>55</v>
      </c>
      <c r="L423" s="6">
        <v>221</v>
      </c>
    </row>
    <row r="424" spans="1:12">
      <c r="A424" s="9" t="s">
        <v>27</v>
      </c>
      <c r="B424" s="9" t="s">
        <v>57</v>
      </c>
      <c r="C424" s="9" t="s">
        <v>58</v>
      </c>
      <c r="D424" s="9" t="s">
        <v>264</v>
      </c>
      <c r="E424" s="9" t="s">
        <v>18</v>
      </c>
      <c r="F424" s="9" t="s">
        <v>283</v>
      </c>
      <c r="G424" s="9" t="s">
        <v>274</v>
      </c>
      <c r="H424" s="6">
        <v>293</v>
      </c>
      <c r="I424" s="6">
        <v>9</v>
      </c>
      <c r="J424" s="10" t="s">
        <v>55</v>
      </c>
      <c r="K424" s="10" t="s">
        <v>55</v>
      </c>
      <c r="L424" s="6">
        <v>284</v>
      </c>
    </row>
    <row r="425" spans="1:12">
      <c r="A425" s="9" t="s">
        <v>27</v>
      </c>
      <c r="B425" s="9" t="s">
        <v>57</v>
      </c>
      <c r="C425" s="9" t="s">
        <v>58</v>
      </c>
      <c r="D425" s="9" t="s">
        <v>264</v>
      </c>
      <c r="E425" s="9" t="s">
        <v>18</v>
      </c>
      <c r="F425" s="9" t="s">
        <v>283</v>
      </c>
      <c r="G425" s="9" t="s">
        <v>275</v>
      </c>
      <c r="H425" s="6">
        <v>148</v>
      </c>
      <c r="I425" s="10" t="s">
        <v>55</v>
      </c>
      <c r="J425" s="10" t="s">
        <v>55</v>
      </c>
      <c r="K425" s="10" t="s">
        <v>55</v>
      </c>
      <c r="L425" s="6">
        <v>148</v>
      </c>
    </row>
    <row r="426" spans="1:12">
      <c r="A426" s="9" t="s">
        <v>27</v>
      </c>
      <c r="B426" s="9" t="s">
        <v>57</v>
      </c>
      <c r="C426" s="9" t="s">
        <v>58</v>
      </c>
      <c r="D426" s="9" t="s">
        <v>264</v>
      </c>
      <c r="E426" s="9" t="s">
        <v>18</v>
      </c>
      <c r="F426" s="9" t="s">
        <v>283</v>
      </c>
      <c r="G426" s="9" t="s">
        <v>276</v>
      </c>
      <c r="H426" s="6">
        <v>257</v>
      </c>
      <c r="I426" s="10" t="s">
        <v>55</v>
      </c>
      <c r="J426" s="10" t="s">
        <v>55</v>
      </c>
      <c r="K426" s="10" t="s">
        <v>55</v>
      </c>
      <c r="L426" s="6">
        <v>257</v>
      </c>
    </row>
    <row r="427" spans="1:12">
      <c r="A427" s="9" t="s">
        <v>27</v>
      </c>
      <c r="B427" s="9" t="s">
        <v>57</v>
      </c>
      <c r="C427" s="9" t="s">
        <v>58</v>
      </c>
      <c r="D427" s="9" t="s">
        <v>264</v>
      </c>
      <c r="E427" s="9" t="s">
        <v>18</v>
      </c>
      <c r="F427" s="9" t="s">
        <v>283</v>
      </c>
      <c r="G427" s="9" t="s">
        <v>277</v>
      </c>
      <c r="H427" s="6">
        <v>188</v>
      </c>
      <c r="I427" s="10" t="s">
        <v>55</v>
      </c>
      <c r="J427" s="10" t="s">
        <v>55</v>
      </c>
      <c r="K427" s="6">
        <v>6</v>
      </c>
      <c r="L427" s="6">
        <v>182</v>
      </c>
    </row>
    <row r="428" spans="1:12">
      <c r="A428" s="9" t="s">
        <v>27</v>
      </c>
      <c r="B428" s="9" t="s">
        <v>57</v>
      </c>
      <c r="C428" s="9" t="s">
        <v>58</v>
      </c>
      <c r="D428" s="9" t="s">
        <v>264</v>
      </c>
      <c r="E428" s="9" t="s">
        <v>18</v>
      </c>
      <c r="F428" s="9" t="s">
        <v>283</v>
      </c>
      <c r="G428" s="9" t="s">
        <v>278</v>
      </c>
      <c r="H428" s="6">
        <v>92</v>
      </c>
      <c r="I428" s="10" t="s">
        <v>55</v>
      </c>
      <c r="J428" s="10" t="s">
        <v>55</v>
      </c>
      <c r="K428" s="10" t="s">
        <v>55</v>
      </c>
      <c r="L428" s="6">
        <v>92</v>
      </c>
    </row>
    <row r="429" spans="1:12">
      <c r="A429" s="9" t="s">
        <v>27</v>
      </c>
      <c r="B429" s="9" t="s">
        <v>57</v>
      </c>
      <c r="C429" s="9" t="s">
        <v>58</v>
      </c>
      <c r="D429" s="9" t="s">
        <v>264</v>
      </c>
      <c r="E429" s="9" t="s">
        <v>18</v>
      </c>
      <c r="F429" s="9" t="s">
        <v>283</v>
      </c>
      <c r="G429" s="9" t="s">
        <v>279</v>
      </c>
      <c r="H429" s="6">
        <v>73</v>
      </c>
      <c r="I429" s="10" t="s">
        <v>55</v>
      </c>
      <c r="J429" s="10" t="s">
        <v>55</v>
      </c>
      <c r="K429" s="10" t="s">
        <v>55</v>
      </c>
      <c r="L429" s="6">
        <v>73</v>
      </c>
    </row>
    <row r="430" spans="1:12">
      <c r="A430" s="9" t="s">
        <v>27</v>
      </c>
      <c r="B430" s="9" t="s">
        <v>57</v>
      </c>
      <c r="C430" s="9" t="s">
        <v>58</v>
      </c>
      <c r="D430" s="9" t="s">
        <v>264</v>
      </c>
      <c r="E430" s="9" t="s">
        <v>18</v>
      </c>
      <c r="F430" s="9" t="s">
        <v>283</v>
      </c>
      <c r="G430" s="9" t="s">
        <v>280</v>
      </c>
      <c r="H430" s="6">
        <v>77</v>
      </c>
      <c r="I430" s="10" t="s">
        <v>55</v>
      </c>
      <c r="J430" s="10" t="s">
        <v>55</v>
      </c>
      <c r="K430" s="10" t="s">
        <v>55</v>
      </c>
      <c r="L430" s="6">
        <v>77</v>
      </c>
    </row>
    <row r="431" spans="1:12">
      <c r="A431" s="9" t="s">
        <v>56</v>
      </c>
      <c r="B431" s="9" t="s">
        <v>57</v>
      </c>
      <c r="C431" s="9" t="s">
        <v>59</v>
      </c>
      <c r="D431" s="9" t="s">
        <v>264</v>
      </c>
      <c r="E431" s="9" t="s">
        <v>6</v>
      </c>
      <c r="F431" s="9" t="s">
        <v>6</v>
      </c>
      <c r="G431" s="9" t="s">
        <v>6</v>
      </c>
      <c r="H431" s="6">
        <v>19059</v>
      </c>
      <c r="I431" s="6">
        <v>14664</v>
      </c>
      <c r="J431" s="6">
        <v>10306</v>
      </c>
      <c r="K431" s="6">
        <v>3770</v>
      </c>
      <c r="L431" s="6">
        <v>625</v>
      </c>
    </row>
    <row r="432" spans="1:12">
      <c r="A432" s="9" t="s">
        <v>56</v>
      </c>
      <c r="B432" s="9" t="s">
        <v>57</v>
      </c>
      <c r="C432" s="9" t="s">
        <v>59</v>
      </c>
      <c r="D432" s="9" t="s">
        <v>264</v>
      </c>
      <c r="E432" s="9" t="s">
        <v>6</v>
      </c>
      <c r="F432" s="9" t="s">
        <v>234</v>
      </c>
      <c r="G432" s="9" t="s">
        <v>6</v>
      </c>
      <c r="H432" s="6">
        <v>978</v>
      </c>
      <c r="I432" s="6">
        <v>846</v>
      </c>
      <c r="J432" s="6">
        <v>486</v>
      </c>
      <c r="K432" s="6">
        <v>120</v>
      </c>
      <c r="L432" s="6">
        <v>12</v>
      </c>
    </row>
    <row r="433" spans="1:12">
      <c r="A433" s="9" t="s">
        <v>56</v>
      </c>
      <c r="B433" s="9" t="s">
        <v>57</v>
      </c>
      <c r="C433" s="9" t="s">
        <v>59</v>
      </c>
      <c r="D433" s="9" t="s">
        <v>264</v>
      </c>
      <c r="E433" s="9" t="s">
        <v>6</v>
      </c>
      <c r="F433" s="9" t="s">
        <v>235</v>
      </c>
      <c r="G433" s="9" t="s">
        <v>6</v>
      </c>
      <c r="H433" s="6">
        <v>18081</v>
      </c>
      <c r="I433" s="6">
        <v>13818</v>
      </c>
      <c r="J433" s="6">
        <v>9820</v>
      </c>
      <c r="K433" s="6">
        <v>3650</v>
      </c>
      <c r="L433" s="6">
        <v>613</v>
      </c>
    </row>
    <row r="434" spans="1:12">
      <c r="A434" s="9" t="s">
        <v>56</v>
      </c>
      <c r="B434" s="9" t="s">
        <v>57</v>
      </c>
      <c r="C434" s="9" t="s">
        <v>59</v>
      </c>
      <c r="D434" s="9" t="s">
        <v>264</v>
      </c>
      <c r="E434" s="9" t="s">
        <v>6</v>
      </c>
      <c r="F434" s="9" t="s">
        <v>235</v>
      </c>
      <c r="G434" s="9" t="s">
        <v>272</v>
      </c>
      <c r="H434" s="6">
        <v>587</v>
      </c>
      <c r="I434" s="6">
        <v>310</v>
      </c>
      <c r="J434" s="6">
        <v>240</v>
      </c>
      <c r="K434" s="6">
        <v>240</v>
      </c>
      <c r="L434" s="6">
        <v>37</v>
      </c>
    </row>
    <row r="435" spans="1:12">
      <c r="A435" s="9" t="s">
        <v>56</v>
      </c>
      <c r="B435" s="9" t="s">
        <v>57</v>
      </c>
      <c r="C435" s="9" t="s">
        <v>59</v>
      </c>
      <c r="D435" s="9" t="s">
        <v>264</v>
      </c>
      <c r="E435" s="9" t="s">
        <v>6</v>
      </c>
      <c r="F435" s="9" t="s">
        <v>235</v>
      </c>
      <c r="G435" s="9" t="s">
        <v>273</v>
      </c>
      <c r="H435" s="6">
        <v>1472</v>
      </c>
      <c r="I435" s="6">
        <v>1193</v>
      </c>
      <c r="J435" s="6">
        <v>938</v>
      </c>
      <c r="K435" s="6">
        <v>230</v>
      </c>
      <c r="L435" s="6">
        <v>49</v>
      </c>
    </row>
    <row r="436" spans="1:12">
      <c r="A436" s="9" t="s">
        <v>56</v>
      </c>
      <c r="B436" s="9" t="s">
        <v>57</v>
      </c>
      <c r="C436" s="9" t="s">
        <v>59</v>
      </c>
      <c r="D436" s="9" t="s">
        <v>264</v>
      </c>
      <c r="E436" s="9" t="s">
        <v>6</v>
      </c>
      <c r="F436" s="9" t="s">
        <v>235</v>
      </c>
      <c r="G436" s="9" t="s">
        <v>274</v>
      </c>
      <c r="H436" s="6">
        <v>1692</v>
      </c>
      <c r="I436" s="6">
        <v>1451</v>
      </c>
      <c r="J436" s="6">
        <v>1117</v>
      </c>
      <c r="K436" s="6">
        <v>167</v>
      </c>
      <c r="L436" s="6">
        <v>74</v>
      </c>
    </row>
    <row r="437" spans="1:12">
      <c r="A437" s="9" t="s">
        <v>56</v>
      </c>
      <c r="B437" s="9" t="s">
        <v>57</v>
      </c>
      <c r="C437" s="9" t="s">
        <v>59</v>
      </c>
      <c r="D437" s="9" t="s">
        <v>264</v>
      </c>
      <c r="E437" s="9" t="s">
        <v>6</v>
      </c>
      <c r="F437" s="9" t="s">
        <v>235</v>
      </c>
      <c r="G437" s="9" t="s">
        <v>275</v>
      </c>
      <c r="H437" s="6">
        <v>1549</v>
      </c>
      <c r="I437" s="6">
        <v>1383</v>
      </c>
      <c r="J437" s="6">
        <v>1143</v>
      </c>
      <c r="K437" s="6">
        <v>137</v>
      </c>
      <c r="L437" s="6">
        <v>29</v>
      </c>
    </row>
    <row r="438" spans="1:12">
      <c r="A438" s="9" t="s">
        <v>56</v>
      </c>
      <c r="B438" s="9" t="s">
        <v>57</v>
      </c>
      <c r="C438" s="9" t="s">
        <v>59</v>
      </c>
      <c r="D438" s="9" t="s">
        <v>264</v>
      </c>
      <c r="E438" s="9" t="s">
        <v>6</v>
      </c>
      <c r="F438" s="9" t="s">
        <v>235</v>
      </c>
      <c r="G438" s="9" t="s">
        <v>276</v>
      </c>
      <c r="H438" s="6">
        <v>1649</v>
      </c>
      <c r="I438" s="6">
        <v>1458</v>
      </c>
      <c r="J438" s="6">
        <v>1095</v>
      </c>
      <c r="K438" s="6">
        <v>115</v>
      </c>
      <c r="L438" s="6">
        <v>76</v>
      </c>
    </row>
    <row r="439" spans="1:12">
      <c r="A439" s="9" t="s">
        <v>56</v>
      </c>
      <c r="B439" s="9" t="s">
        <v>57</v>
      </c>
      <c r="C439" s="9" t="s">
        <v>59</v>
      </c>
      <c r="D439" s="9" t="s">
        <v>264</v>
      </c>
      <c r="E439" s="9" t="s">
        <v>6</v>
      </c>
      <c r="F439" s="9" t="s">
        <v>235</v>
      </c>
      <c r="G439" s="9" t="s">
        <v>277</v>
      </c>
      <c r="H439" s="6">
        <v>1475</v>
      </c>
      <c r="I439" s="6">
        <v>1281</v>
      </c>
      <c r="J439" s="6">
        <v>992</v>
      </c>
      <c r="K439" s="6">
        <v>111</v>
      </c>
      <c r="L439" s="6">
        <v>83</v>
      </c>
    </row>
    <row r="440" spans="1:12">
      <c r="A440" s="9" t="s">
        <v>56</v>
      </c>
      <c r="B440" s="9" t="s">
        <v>57</v>
      </c>
      <c r="C440" s="9" t="s">
        <v>59</v>
      </c>
      <c r="D440" s="9" t="s">
        <v>264</v>
      </c>
      <c r="E440" s="9" t="s">
        <v>6</v>
      </c>
      <c r="F440" s="9" t="s">
        <v>235</v>
      </c>
      <c r="G440" s="9" t="s">
        <v>278</v>
      </c>
      <c r="H440" s="6">
        <v>1315</v>
      </c>
      <c r="I440" s="6">
        <v>1148</v>
      </c>
      <c r="J440" s="6">
        <v>848</v>
      </c>
      <c r="K440" s="6">
        <v>106</v>
      </c>
      <c r="L440" s="6">
        <v>61</v>
      </c>
    </row>
    <row r="441" spans="1:12">
      <c r="A441" s="9" t="s">
        <v>56</v>
      </c>
      <c r="B441" s="9" t="s">
        <v>57</v>
      </c>
      <c r="C441" s="9" t="s">
        <v>59</v>
      </c>
      <c r="D441" s="9" t="s">
        <v>264</v>
      </c>
      <c r="E441" s="9" t="s">
        <v>6</v>
      </c>
      <c r="F441" s="9" t="s">
        <v>235</v>
      </c>
      <c r="G441" s="9" t="s">
        <v>279</v>
      </c>
      <c r="H441" s="6">
        <v>811</v>
      </c>
      <c r="I441" s="6">
        <v>699</v>
      </c>
      <c r="J441" s="6">
        <v>467</v>
      </c>
      <c r="K441" s="6">
        <v>74</v>
      </c>
      <c r="L441" s="6">
        <v>38</v>
      </c>
    </row>
    <row r="442" spans="1:12">
      <c r="A442" s="9" t="s">
        <v>56</v>
      </c>
      <c r="B442" s="9" t="s">
        <v>57</v>
      </c>
      <c r="C442" s="9" t="s">
        <v>59</v>
      </c>
      <c r="D442" s="9" t="s">
        <v>264</v>
      </c>
      <c r="E442" s="9" t="s">
        <v>6</v>
      </c>
      <c r="F442" s="9" t="s">
        <v>235</v>
      </c>
      <c r="G442" s="9" t="s">
        <v>280</v>
      </c>
      <c r="H442" s="6">
        <v>7531</v>
      </c>
      <c r="I442" s="6">
        <v>4895</v>
      </c>
      <c r="J442" s="6">
        <v>2980</v>
      </c>
      <c r="K442" s="6">
        <v>2470</v>
      </c>
      <c r="L442" s="6">
        <v>166</v>
      </c>
    </row>
    <row r="443" spans="1:12">
      <c r="A443" s="9" t="s">
        <v>56</v>
      </c>
      <c r="B443" s="9" t="s">
        <v>57</v>
      </c>
      <c r="C443" s="9" t="s">
        <v>59</v>
      </c>
      <c r="D443" s="9" t="s">
        <v>264</v>
      </c>
      <c r="E443" s="9" t="s">
        <v>6</v>
      </c>
      <c r="F443" s="9" t="s">
        <v>281</v>
      </c>
      <c r="G443" s="9" t="s">
        <v>6</v>
      </c>
      <c r="H443" s="6">
        <v>7514</v>
      </c>
      <c r="I443" s="6">
        <v>5185</v>
      </c>
      <c r="J443" s="6">
        <v>3479</v>
      </c>
      <c r="K443" s="6">
        <v>2115</v>
      </c>
      <c r="L443" s="6">
        <v>214</v>
      </c>
    </row>
    <row r="444" spans="1:12">
      <c r="A444" s="9" t="s">
        <v>56</v>
      </c>
      <c r="B444" s="9" t="s">
        <v>57</v>
      </c>
      <c r="C444" s="9" t="s">
        <v>59</v>
      </c>
      <c r="D444" s="9" t="s">
        <v>264</v>
      </c>
      <c r="E444" s="9" t="s">
        <v>6</v>
      </c>
      <c r="F444" s="9" t="s">
        <v>281</v>
      </c>
      <c r="G444" s="9" t="s">
        <v>272</v>
      </c>
      <c r="H444" s="6">
        <v>124</v>
      </c>
      <c r="I444" s="6">
        <v>45</v>
      </c>
      <c r="J444" s="6">
        <v>40</v>
      </c>
      <c r="K444" s="6">
        <v>74</v>
      </c>
      <c r="L444" s="6">
        <v>5</v>
      </c>
    </row>
    <row r="445" spans="1:12">
      <c r="A445" s="9" t="s">
        <v>56</v>
      </c>
      <c r="B445" s="9" t="s">
        <v>57</v>
      </c>
      <c r="C445" s="9" t="s">
        <v>59</v>
      </c>
      <c r="D445" s="9" t="s">
        <v>264</v>
      </c>
      <c r="E445" s="9" t="s">
        <v>6</v>
      </c>
      <c r="F445" s="9" t="s">
        <v>281</v>
      </c>
      <c r="G445" s="9" t="s">
        <v>273</v>
      </c>
      <c r="H445" s="6">
        <v>276</v>
      </c>
      <c r="I445" s="6">
        <v>205</v>
      </c>
      <c r="J445" s="6">
        <v>162</v>
      </c>
      <c r="K445" s="6">
        <v>66</v>
      </c>
      <c r="L445" s="6">
        <v>5</v>
      </c>
    </row>
    <row r="446" spans="1:12">
      <c r="A446" s="9" t="s">
        <v>56</v>
      </c>
      <c r="B446" s="9" t="s">
        <v>57</v>
      </c>
      <c r="C446" s="9" t="s">
        <v>59</v>
      </c>
      <c r="D446" s="9" t="s">
        <v>264</v>
      </c>
      <c r="E446" s="9" t="s">
        <v>6</v>
      </c>
      <c r="F446" s="9" t="s">
        <v>281</v>
      </c>
      <c r="G446" s="9" t="s">
        <v>274</v>
      </c>
      <c r="H446" s="6">
        <v>289</v>
      </c>
      <c r="I446" s="6">
        <v>251</v>
      </c>
      <c r="J446" s="6">
        <v>206</v>
      </c>
      <c r="K446" s="6">
        <v>20</v>
      </c>
      <c r="L446" s="6">
        <v>18</v>
      </c>
    </row>
    <row r="447" spans="1:12">
      <c r="A447" s="9" t="s">
        <v>56</v>
      </c>
      <c r="B447" s="9" t="s">
        <v>57</v>
      </c>
      <c r="C447" s="9" t="s">
        <v>59</v>
      </c>
      <c r="D447" s="9" t="s">
        <v>264</v>
      </c>
      <c r="E447" s="9" t="s">
        <v>6</v>
      </c>
      <c r="F447" s="9" t="s">
        <v>281</v>
      </c>
      <c r="G447" s="9" t="s">
        <v>275</v>
      </c>
      <c r="H447" s="6">
        <v>204</v>
      </c>
      <c r="I447" s="6">
        <v>162</v>
      </c>
      <c r="J447" s="6">
        <v>140</v>
      </c>
      <c r="K447" s="6">
        <v>33</v>
      </c>
      <c r="L447" s="6">
        <v>9</v>
      </c>
    </row>
    <row r="448" spans="1:12">
      <c r="A448" s="9" t="s">
        <v>56</v>
      </c>
      <c r="B448" s="9" t="s">
        <v>57</v>
      </c>
      <c r="C448" s="9" t="s">
        <v>59</v>
      </c>
      <c r="D448" s="9" t="s">
        <v>264</v>
      </c>
      <c r="E448" s="9" t="s">
        <v>6</v>
      </c>
      <c r="F448" s="9" t="s">
        <v>281</v>
      </c>
      <c r="G448" s="9" t="s">
        <v>276</v>
      </c>
      <c r="H448" s="6">
        <v>176</v>
      </c>
      <c r="I448" s="6">
        <v>152</v>
      </c>
      <c r="J448" s="6">
        <v>125</v>
      </c>
      <c r="K448" s="6">
        <v>14</v>
      </c>
      <c r="L448" s="6">
        <v>10</v>
      </c>
    </row>
    <row r="449" spans="1:12">
      <c r="A449" s="9" t="s">
        <v>56</v>
      </c>
      <c r="B449" s="9" t="s">
        <v>57</v>
      </c>
      <c r="C449" s="9" t="s">
        <v>59</v>
      </c>
      <c r="D449" s="9" t="s">
        <v>264</v>
      </c>
      <c r="E449" s="9" t="s">
        <v>6</v>
      </c>
      <c r="F449" s="9" t="s">
        <v>281</v>
      </c>
      <c r="G449" s="9" t="s">
        <v>277</v>
      </c>
      <c r="H449" s="6">
        <v>282</v>
      </c>
      <c r="I449" s="6">
        <v>256</v>
      </c>
      <c r="J449" s="6">
        <v>214</v>
      </c>
      <c r="K449" s="6">
        <v>22</v>
      </c>
      <c r="L449" s="6">
        <v>4</v>
      </c>
    </row>
    <row r="450" spans="1:12">
      <c r="A450" s="9" t="s">
        <v>56</v>
      </c>
      <c r="B450" s="9" t="s">
        <v>57</v>
      </c>
      <c r="C450" s="9" t="s">
        <v>59</v>
      </c>
      <c r="D450" s="9" t="s">
        <v>264</v>
      </c>
      <c r="E450" s="9" t="s">
        <v>6</v>
      </c>
      <c r="F450" s="9" t="s">
        <v>281</v>
      </c>
      <c r="G450" s="9" t="s">
        <v>278</v>
      </c>
      <c r="H450" s="6">
        <v>430</v>
      </c>
      <c r="I450" s="6">
        <v>373</v>
      </c>
      <c r="J450" s="6">
        <v>281</v>
      </c>
      <c r="K450" s="6">
        <v>33</v>
      </c>
      <c r="L450" s="6">
        <v>24</v>
      </c>
    </row>
    <row r="451" spans="1:12">
      <c r="A451" s="9" t="s">
        <v>56</v>
      </c>
      <c r="B451" s="9" t="s">
        <v>57</v>
      </c>
      <c r="C451" s="9" t="s">
        <v>59</v>
      </c>
      <c r="D451" s="9" t="s">
        <v>264</v>
      </c>
      <c r="E451" s="9" t="s">
        <v>6</v>
      </c>
      <c r="F451" s="9" t="s">
        <v>281</v>
      </c>
      <c r="G451" s="9" t="s">
        <v>279</v>
      </c>
      <c r="H451" s="6">
        <v>360</v>
      </c>
      <c r="I451" s="6">
        <v>319</v>
      </c>
      <c r="J451" s="6">
        <v>206</v>
      </c>
      <c r="K451" s="6">
        <v>25</v>
      </c>
      <c r="L451" s="6">
        <v>16</v>
      </c>
    </row>
    <row r="452" spans="1:12">
      <c r="A452" s="9" t="s">
        <v>56</v>
      </c>
      <c r="B452" s="9" t="s">
        <v>57</v>
      </c>
      <c r="C452" s="9" t="s">
        <v>59</v>
      </c>
      <c r="D452" s="9" t="s">
        <v>264</v>
      </c>
      <c r="E452" s="9" t="s">
        <v>6</v>
      </c>
      <c r="F452" s="9" t="s">
        <v>281</v>
      </c>
      <c r="G452" s="9" t="s">
        <v>280</v>
      </c>
      <c r="H452" s="6">
        <v>5373</v>
      </c>
      <c r="I452" s="6">
        <v>3422</v>
      </c>
      <c r="J452" s="6">
        <v>2105</v>
      </c>
      <c r="K452" s="6">
        <v>1828</v>
      </c>
      <c r="L452" s="6">
        <v>123</v>
      </c>
    </row>
    <row r="453" spans="1:12">
      <c r="A453" s="9" t="s">
        <v>56</v>
      </c>
      <c r="B453" s="9" t="s">
        <v>57</v>
      </c>
      <c r="C453" s="9" t="s">
        <v>59</v>
      </c>
      <c r="D453" s="9" t="s">
        <v>264</v>
      </c>
      <c r="E453" s="9" t="s">
        <v>6</v>
      </c>
      <c r="F453" s="9" t="s">
        <v>282</v>
      </c>
      <c r="G453" s="9" t="s">
        <v>6</v>
      </c>
      <c r="H453" s="6">
        <v>6543</v>
      </c>
      <c r="I453" s="6">
        <v>5226</v>
      </c>
      <c r="J453" s="6">
        <v>3919</v>
      </c>
      <c r="K453" s="6">
        <v>1115</v>
      </c>
      <c r="L453" s="6">
        <v>202</v>
      </c>
    </row>
    <row r="454" spans="1:12">
      <c r="A454" s="9" t="s">
        <v>56</v>
      </c>
      <c r="B454" s="9" t="s">
        <v>57</v>
      </c>
      <c r="C454" s="9" t="s">
        <v>59</v>
      </c>
      <c r="D454" s="9" t="s">
        <v>264</v>
      </c>
      <c r="E454" s="9" t="s">
        <v>6</v>
      </c>
      <c r="F454" s="9" t="s">
        <v>282</v>
      </c>
      <c r="G454" s="9" t="s">
        <v>272</v>
      </c>
      <c r="H454" s="6">
        <v>250</v>
      </c>
      <c r="I454" s="6">
        <v>133</v>
      </c>
      <c r="J454" s="6">
        <v>82</v>
      </c>
      <c r="K454" s="6">
        <v>105</v>
      </c>
      <c r="L454" s="6">
        <v>12</v>
      </c>
    </row>
    <row r="455" spans="1:12">
      <c r="A455" s="9" t="s">
        <v>56</v>
      </c>
      <c r="B455" s="9" t="s">
        <v>57</v>
      </c>
      <c r="C455" s="9" t="s">
        <v>59</v>
      </c>
      <c r="D455" s="9" t="s">
        <v>264</v>
      </c>
      <c r="E455" s="9" t="s">
        <v>6</v>
      </c>
      <c r="F455" s="9" t="s">
        <v>282</v>
      </c>
      <c r="G455" s="9" t="s">
        <v>273</v>
      </c>
      <c r="H455" s="6">
        <v>627</v>
      </c>
      <c r="I455" s="6">
        <v>522</v>
      </c>
      <c r="J455" s="6">
        <v>412</v>
      </c>
      <c r="K455" s="6">
        <v>76</v>
      </c>
      <c r="L455" s="6">
        <v>29</v>
      </c>
    </row>
    <row r="456" spans="1:12">
      <c r="A456" s="9" t="s">
        <v>56</v>
      </c>
      <c r="B456" s="9" t="s">
        <v>57</v>
      </c>
      <c r="C456" s="9" t="s">
        <v>59</v>
      </c>
      <c r="D456" s="9" t="s">
        <v>264</v>
      </c>
      <c r="E456" s="9" t="s">
        <v>6</v>
      </c>
      <c r="F456" s="9" t="s">
        <v>282</v>
      </c>
      <c r="G456" s="9" t="s">
        <v>274</v>
      </c>
      <c r="H456" s="6">
        <v>691</v>
      </c>
      <c r="I456" s="6">
        <v>585</v>
      </c>
      <c r="J456" s="6">
        <v>483</v>
      </c>
      <c r="K456" s="6">
        <v>78</v>
      </c>
      <c r="L456" s="6">
        <v>28</v>
      </c>
    </row>
    <row r="457" spans="1:12">
      <c r="A457" s="9" t="s">
        <v>56</v>
      </c>
      <c r="B457" s="9" t="s">
        <v>57</v>
      </c>
      <c r="C457" s="9" t="s">
        <v>59</v>
      </c>
      <c r="D457" s="9" t="s">
        <v>264</v>
      </c>
      <c r="E457" s="9" t="s">
        <v>6</v>
      </c>
      <c r="F457" s="9" t="s">
        <v>282</v>
      </c>
      <c r="G457" s="9" t="s">
        <v>275</v>
      </c>
      <c r="H457" s="6">
        <v>669</v>
      </c>
      <c r="I457" s="6">
        <v>603</v>
      </c>
      <c r="J457" s="6">
        <v>512</v>
      </c>
      <c r="K457" s="6">
        <v>59</v>
      </c>
      <c r="L457" s="6">
        <v>7</v>
      </c>
    </row>
    <row r="458" spans="1:12">
      <c r="A458" s="9" t="s">
        <v>56</v>
      </c>
      <c r="B458" s="9" t="s">
        <v>57</v>
      </c>
      <c r="C458" s="9" t="s">
        <v>59</v>
      </c>
      <c r="D458" s="9" t="s">
        <v>264</v>
      </c>
      <c r="E458" s="9" t="s">
        <v>6</v>
      </c>
      <c r="F458" s="9" t="s">
        <v>282</v>
      </c>
      <c r="G458" s="9" t="s">
        <v>276</v>
      </c>
      <c r="H458" s="6">
        <v>782</v>
      </c>
      <c r="I458" s="6">
        <v>691</v>
      </c>
      <c r="J458" s="6">
        <v>527</v>
      </c>
      <c r="K458" s="6">
        <v>61</v>
      </c>
      <c r="L458" s="6">
        <v>30</v>
      </c>
    </row>
    <row r="459" spans="1:12">
      <c r="A459" s="9" t="s">
        <v>56</v>
      </c>
      <c r="B459" s="9" t="s">
        <v>57</v>
      </c>
      <c r="C459" s="9" t="s">
        <v>59</v>
      </c>
      <c r="D459" s="9" t="s">
        <v>264</v>
      </c>
      <c r="E459" s="9" t="s">
        <v>6</v>
      </c>
      <c r="F459" s="9" t="s">
        <v>282</v>
      </c>
      <c r="G459" s="9" t="s">
        <v>277</v>
      </c>
      <c r="H459" s="6">
        <v>735</v>
      </c>
      <c r="I459" s="6">
        <v>644</v>
      </c>
      <c r="J459" s="6">
        <v>523</v>
      </c>
      <c r="K459" s="6">
        <v>70</v>
      </c>
      <c r="L459" s="6">
        <v>21</v>
      </c>
    </row>
    <row r="460" spans="1:12">
      <c r="A460" s="9" t="s">
        <v>56</v>
      </c>
      <c r="B460" s="9" t="s">
        <v>57</v>
      </c>
      <c r="C460" s="9" t="s">
        <v>59</v>
      </c>
      <c r="D460" s="9" t="s">
        <v>264</v>
      </c>
      <c r="E460" s="9" t="s">
        <v>6</v>
      </c>
      <c r="F460" s="9" t="s">
        <v>282</v>
      </c>
      <c r="G460" s="9" t="s">
        <v>278</v>
      </c>
      <c r="H460" s="6">
        <v>673</v>
      </c>
      <c r="I460" s="6">
        <v>596</v>
      </c>
      <c r="J460" s="6">
        <v>451</v>
      </c>
      <c r="K460" s="6">
        <v>54</v>
      </c>
      <c r="L460" s="6">
        <v>23</v>
      </c>
    </row>
    <row r="461" spans="1:12">
      <c r="A461" s="9" t="s">
        <v>56</v>
      </c>
      <c r="B461" s="9" t="s">
        <v>57</v>
      </c>
      <c r="C461" s="9" t="s">
        <v>59</v>
      </c>
      <c r="D461" s="9" t="s">
        <v>264</v>
      </c>
      <c r="E461" s="9" t="s">
        <v>6</v>
      </c>
      <c r="F461" s="9" t="s">
        <v>282</v>
      </c>
      <c r="G461" s="9" t="s">
        <v>279</v>
      </c>
      <c r="H461" s="6">
        <v>335</v>
      </c>
      <c r="I461" s="6">
        <v>284</v>
      </c>
      <c r="J461" s="6">
        <v>198</v>
      </c>
      <c r="K461" s="6">
        <v>35</v>
      </c>
      <c r="L461" s="6">
        <v>16</v>
      </c>
    </row>
    <row r="462" spans="1:12">
      <c r="A462" s="9" t="s">
        <v>56</v>
      </c>
      <c r="B462" s="9" t="s">
        <v>57</v>
      </c>
      <c r="C462" s="9" t="s">
        <v>59</v>
      </c>
      <c r="D462" s="9" t="s">
        <v>264</v>
      </c>
      <c r="E462" s="9" t="s">
        <v>6</v>
      </c>
      <c r="F462" s="9" t="s">
        <v>282</v>
      </c>
      <c r="G462" s="9" t="s">
        <v>280</v>
      </c>
      <c r="H462" s="6">
        <v>1781</v>
      </c>
      <c r="I462" s="6">
        <v>1168</v>
      </c>
      <c r="J462" s="6">
        <v>731</v>
      </c>
      <c r="K462" s="6">
        <v>577</v>
      </c>
      <c r="L462" s="6">
        <v>36</v>
      </c>
    </row>
    <row r="463" spans="1:12">
      <c r="A463" s="9" t="s">
        <v>56</v>
      </c>
      <c r="B463" s="9" t="s">
        <v>57</v>
      </c>
      <c r="C463" s="9" t="s">
        <v>59</v>
      </c>
      <c r="D463" s="9" t="s">
        <v>264</v>
      </c>
      <c r="E463" s="9" t="s">
        <v>6</v>
      </c>
      <c r="F463" s="9" t="s">
        <v>283</v>
      </c>
      <c r="G463" s="9" t="s">
        <v>6</v>
      </c>
      <c r="H463" s="6">
        <v>4024</v>
      </c>
      <c r="I463" s="6">
        <v>3407</v>
      </c>
      <c r="J463" s="6">
        <v>2422</v>
      </c>
      <c r="K463" s="6">
        <v>420</v>
      </c>
      <c r="L463" s="6">
        <v>197</v>
      </c>
    </row>
    <row r="464" spans="1:12">
      <c r="A464" s="9" t="s">
        <v>56</v>
      </c>
      <c r="B464" s="9" t="s">
        <v>57</v>
      </c>
      <c r="C464" s="9" t="s">
        <v>59</v>
      </c>
      <c r="D464" s="9" t="s">
        <v>264</v>
      </c>
      <c r="E464" s="9" t="s">
        <v>6</v>
      </c>
      <c r="F464" s="9" t="s">
        <v>283</v>
      </c>
      <c r="G464" s="9" t="s">
        <v>272</v>
      </c>
      <c r="H464" s="6">
        <v>213</v>
      </c>
      <c r="I464" s="6">
        <v>132</v>
      </c>
      <c r="J464" s="6">
        <v>118</v>
      </c>
      <c r="K464" s="6">
        <v>61</v>
      </c>
      <c r="L464" s="6">
        <v>20</v>
      </c>
    </row>
    <row r="465" spans="1:12">
      <c r="A465" s="9" t="s">
        <v>56</v>
      </c>
      <c r="B465" s="9" t="s">
        <v>57</v>
      </c>
      <c r="C465" s="9" t="s">
        <v>59</v>
      </c>
      <c r="D465" s="9" t="s">
        <v>264</v>
      </c>
      <c r="E465" s="9" t="s">
        <v>6</v>
      </c>
      <c r="F465" s="9" t="s">
        <v>283</v>
      </c>
      <c r="G465" s="9" t="s">
        <v>273</v>
      </c>
      <c r="H465" s="6">
        <v>569</v>
      </c>
      <c r="I465" s="6">
        <v>466</v>
      </c>
      <c r="J465" s="6">
        <v>364</v>
      </c>
      <c r="K465" s="6">
        <v>88</v>
      </c>
      <c r="L465" s="6">
        <v>15</v>
      </c>
    </row>
    <row r="466" spans="1:12">
      <c r="A466" s="9" t="s">
        <v>56</v>
      </c>
      <c r="B466" s="9" t="s">
        <v>57</v>
      </c>
      <c r="C466" s="9" t="s">
        <v>59</v>
      </c>
      <c r="D466" s="9" t="s">
        <v>264</v>
      </c>
      <c r="E466" s="9" t="s">
        <v>6</v>
      </c>
      <c r="F466" s="9" t="s">
        <v>283</v>
      </c>
      <c r="G466" s="9" t="s">
        <v>274</v>
      </c>
      <c r="H466" s="6">
        <v>712</v>
      </c>
      <c r="I466" s="6">
        <v>615</v>
      </c>
      <c r="J466" s="6">
        <v>428</v>
      </c>
      <c r="K466" s="6">
        <v>69</v>
      </c>
      <c r="L466" s="6">
        <v>28</v>
      </c>
    </row>
    <row r="467" spans="1:12">
      <c r="A467" s="9" t="s">
        <v>56</v>
      </c>
      <c r="B467" s="9" t="s">
        <v>57</v>
      </c>
      <c r="C467" s="9" t="s">
        <v>59</v>
      </c>
      <c r="D467" s="9" t="s">
        <v>264</v>
      </c>
      <c r="E467" s="9" t="s">
        <v>6</v>
      </c>
      <c r="F467" s="9" t="s">
        <v>283</v>
      </c>
      <c r="G467" s="9" t="s">
        <v>275</v>
      </c>
      <c r="H467" s="6">
        <v>676</v>
      </c>
      <c r="I467" s="6">
        <v>618</v>
      </c>
      <c r="J467" s="6">
        <v>491</v>
      </c>
      <c r="K467" s="6">
        <v>45</v>
      </c>
      <c r="L467" s="6">
        <v>13</v>
      </c>
    </row>
    <row r="468" spans="1:12">
      <c r="A468" s="9" t="s">
        <v>56</v>
      </c>
      <c r="B468" s="9" t="s">
        <v>57</v>
      </c>
      <c r="C468" s="9" t="s">
        <v>59</v>
      </c>
      <c r="D468" s="9" t="s">
        <v>264</v>
      </c>
      <c r="E468" s="9" t="s">
        <v>6</v>
      </c>
      <c r="F468" s="9" t="s">
        <v>283</v>
      </c>
      <c r="G468" s="9" t="s">
        <v>276</v>
      </c>
      <c r="H468" s="6">
        <v>691</v>
      </c>
      <c r="I468" s="6">
        <v>615</v>
      </c>
      <c r="J468" s="6">
        <v>443</v>
      </c>
      <c r="K468" s="6">
        <v>40</v>
      </c>
      <c r="L468" s="6">
        <v>36</v>
      </c>
    </row>
    <row r="469" spans="1:12">
      <c r="A469" s="9" t="s">
        <v>56</v>
      </c>
      <c r="B469" s="9" t="s">
        <v>57</v>
      </c>
      <c r="C469" s="9" t="s">
        <v>59</v>
      </c>
      <c r="D469" s="9" t="s">
        <v>264</v>
      </c>
      <c r="E469" s="9" t="s">
        <v>6</v>
      </c>
      <c r="F469" s="9" t="s">
        <v>283</v>
      </c>
      <c r="G469" s="9" t="s">
        <v>277</v>
      </c>
      <c r="H469" s="6">
        <v>458</v>
      </c>
      <c r="I469" s="6">
        <v>381</v>
      </c>
      <c r="J469" s="6">
        <v>255</v>
      </c>
      <c r="K469" s="6">
        <v>19</v>
      </c>
      <c r="L469" s="6">
        <v>58</v>
      </c>
    </row>
    <row r="470" spans="1:12">
      <c r="A470" s="9" t="s">
        <v>56</v>
      </c>
      <c r="B470" s="9" t="s">
        <v>57</v>
      </c>
      <c r="C470" s="9" t="s">
        <v>59</v>
      </c>
      <c r="D470" s="9" t="s">
        <v>264</v>
      </c>
      <c r="E470" s="9" t="s">
        <v>6</v>
      </c>
      <c r="F470" s="9" t="s">
        <v>283</v>
      </c>
      <c r="G470" s="9" t="s">
        <v>278</v>
      </c>
      <c r="H470" s="6">
        <v>212</v>
      </c>
      <c r="I470" s="6">
        <v>179</v>
      </c>
      <c r="J470" s="6">
        <v>116</v>
      </c>
      <c r="K470" s="6">
        <v>19</v>
      </c>
      <c r="L470" s="6">
        <v>14</v>
      </c>
    </row>
    <row r="471" spans="1:12">
      <c r="A471" s="9" t="s">
        <v>56</v>
      </c>
      <c r="B471" s="9" t="s">
        <v>57</v>
      </c>
      <c r="C471" s="9" t="s">
        <v>59</v>
      </c>
      <c r="D471" s="9" t="s">
        <v>264</v>
      </c>
      <c r="E471" s="9" t="s">
        <v>6</v>
      </c>
      <c r="F471" s="9" t="s">
        <v>283</v>
      </c>
      <c r="G471" s="9" t="s">
        <v>279</v>
      </c>
      <c r="H471" s="6">
        <v>116</v>
      </c>
      <c r="I471" s="6">
        <v>96</v>
      </c>
      <c r="J471" s="6">
        <v>63</v>
      </c>
      <c r="K471" s="6">
        <v>14</v>
      </c>
      <c r="L471" s="6">
        <v>6</v>
      </c>
    </row>
    <row r="472" spans="1:12">
      <c r="A472" s="9" t="s">
        <v>56</v>
      </c>
      <c r="B472" s="9" t="s">
        <v>57</v>
      </c>
      <c r="C472" s="9" t="s">
        <v>59</v>
      </c>
      <c r="D472" s="9" t="s">
        <v>264</v>
      </c>
      <c r="E472" s="9" t="s">
        <v>6</v>
      </c>
      <c r="F472" s="9" t="s">
        <v>283</v>
      </c>
      <c r="G472" s="9" t="s">
        <v>280</v>
      </c>
      <c r="H472" s="6">
        <v>377</v>
      </c>
      <c r="I472" s="6">
        <v>305</v>
      </c>
      <c r="J472" s="6">
        <v>144</v>
      </c>
      <c r="K472" s="6">
        <v>65</v>
      </c>
      <c r="L472" s="6">
        <v>7</v>
      </c>
    </row>
    <row r="473" spans="1:12">
      <c r="A473" s="9" t="s">
        <v>56</v>
      </c>
      <c r="B473" s="9" t="s">
        <v>57</v>
      </c>
      <c r="C473" s="9" t="s">
        <v>59</v>
      </c>
      <c r="D473" s="9" t="s">
        <v>264</v>
      </c>
      <c r="E473" s="9" t="s">
        <v>226</v>
      </c>
      <c r="F473" s="9" t="s">
        <v>6</v>
      </c>
      <c r="G473" s="9" t="s">
        <v>6</v>
      </c>
      <c r="H473" s="6">
        <v>16359</v>
      </c>
      <c r="I473" s="6">
        <v>14056</v>
      </c>
      <c r="J473" s="6">
        <v>9773</v>
      </c>
      <c r="K473" s="6">
        <v>2298</v>
      </c>
      <c r="L473" s="6">
        <v>5</v>
      </c>
    </row>
    <row r="474" spans="1:12">
      <c r="A474" s="9" t="s">
        <v>56</v>
      </c>
      <c r="B474" s="9" t="s">
        <v>57</v>
      </c>
      <c r="C474" s="9" t="s">
        <v>59</v>
      </c>
      <c r="D474" s="9" t="s">
        <v>264</v>
      </c>
      <c r="E474" s="9" t="s">
        <v>226</v>
      </c>
      <c r="F474" s="9" t="s">
        <v>234</v>
      </c>
      <c r="G474" s="9" t="s">
        <v>6</v>
      </c>
      <c r="H474" s="6">
        <v>939</v>
      </c>
      <c r="I474" s="6">
        <v>831</v>
      </c>
      <c r="J474" s="6">
        <v>471</v>
      </c>
      <c r="K474" s="6">
        <v>108</v>
      </c>
      <c r="L474" s="10" t="s">
        <v>55</v>
      </c>
    </row>
    <row r="475" spans="1:12">
      <c r="A475" s="9" t="s">
        <v>56</v>
      </c>
      <c r="B475" s="9" t="s">
        <v>57</v>
      </c>
      <c r="C475" s="9" t="s">
        <v>59</v>
      </c>
      <c r="D475" s="9" t="s">
        <v>264</v>
      </c>
      <c r="E475" s="9" t="s">
        <v>226</v>
      </c>
      <c r="F475" s="9" t="s">
        <v>235</v>
      </c>
      <c r="G475" s="9" t="s">
        <v>6</v>
      </c>
      <c r="H475" s="6">
        <v>15420</v>
      </c>
      <c r="I475" s="6">
        <v>13225</v>
      </c>
      <c r="J475" s="6">
        <v>9302</v>
      </c>
      <c r="K475" s="6">
        <v>2190</v>
      </c>
      <c r="L475" s="6">
        <v>5</v>
      </c>
    </row>
    <row r="476" spans="1:12">
      <c r="A476" s="9" t="s">
        <v>56</v>
      </c>
      <c r="B476" s="9" t="s">
        <v>57</v>
      </c>
      <c r="C476" s="9" t="s">
        <v>59</v>
      </c>
      <c r="D476" s="9" t="s">
        <v>264</v>
      </c>
      <c r="E476" s="9" t="s">
        <v>226</v>
      </c>
      <c r="F476" s="9" t="s">
        <v>235</v>
      </c>
      <c r="G476" s="9" t="s">
        <v>272</v>
      </c>
      <c r="H476" s="6">
        <v>544</v>
      </c>
      <c r="I476" s="6">
        <v>310</v>
      </c>
      <c r="J476" s="6">
        <v>240</v>
      </c>
      <c r="K476" s="6">
        <v>234</v>
      </c>
      <c r="L476" s="10" t="s">
        <v>55</v>
      </c>
    </row>
    <row r="477" spans="1:12">
      <c r="A477" s="9" t="s">
        <v>56</v>
      </c>
      <c r="B477" s="9" t="s">
        <v>57</v>
      </c>
      <c r="C477" s="9" t="s">
        <v>59</v>
      </c>
      <c r="D477" s="9" t="s">
        <v>264</v>
      </c>
      <c r="E477" s="9" t="s">
        <v>226</v>
      </c>
      <c r="F477" s="9" t="s">
        <v>235</v>
      </c>
      <c r="G477" s="9" t="s">
        <v>273</v>
      </c>
      <c r="H477" s="6">
        <v>1379</v>
      </c>
      <c r="I477" s="6">
        <v>1176</v>
      </c>
      <c r="J477" s="6">
        <v>921</v>
      </c>
      <c r="K477" s="6">
        <v>203</v>
      </c>
      <c r="L477" s="10" t="s">
        <v>55</v>
      </c>
    </row>
    <row r="478" spans="1:12">
      <c r="A478" s="9" t="s">
        <v>56</v>
      </c>
      <c r="B478" s="9" t="s">
        <v>57</v>
      </c>
      <c r="C478" s="9" t="s">
        <v>59</v>
      </c>
      <c r="D478" s="9" t="s">
        <v>264</v>
      </c>
      <c r="E478" s="9" t="s">
        <v>226</v>
      </c>
      <c r="F478" s="9" t="s">
        <v>235</v>
      </c>
      <c r="G478" s="9" t="s">
        <v>274</v>
      </c>
      <c r="H478" s="6">
        <v>1570</v>
      </c>
      <c r="I478" s="6">
        <v>1416</v>
      </c>
      <c r="J478" s="6">
        <v>1096</v>
      </c>
      <c r="K478" s="6">
        <v>154</v>
      </c>
      <c r="L478" s="10" t="s">
        <v>55</v>
      </c>
    </row>
    <row r="479" spans="1:12">
      <c r="A479" s="9" t="s">
        <v>56</v>
      </c>
      <c r="B479" s="9" t="s">
        <v>57</v>
      </c>
      <c r="C479" s="9" t="s">
        <v>59</v>
      </c>
      <c r="D479" s="9" t="s">
        <v>264</v>
      </c>
      <c r="E479" s="9" t="s">
        <v>226</v>
      </c>
      <c r="F479" s="9" t="s">
        <v>235</v>
      </c>
      <c r="G479" s="9" t="s">
        <v>275</v>
      </c>
      <c r="H479" s="6">
        <v>1516</v>
      </c>
      <c r="I479" s="6">
        <v>1379</v>
      </c>
      <c r="J479" s="6">
        <v>1139</v>
      </c>
      <c r="K479" s="6">
        <v>137</v>
      </c>
      <c r="L479" s="10" t="s">
        <v>55</v>
      </c>
    </row>
    <row r="480" spans="1:12">
      <c r="A480" s="9" t="s">
        <v>56</v>
      </c>
      <c r="B480" s="9" t="s">
        <v>57</v>
      </c>
      <c r="C480" s="9" t="s">
        <v>59</v>
      </c>
      <c r="D480" s="9" t="s">
        <v>264</v>
      </c>
      <c r="E480" s="9" t="s">
        <v>226</v>
      </c>
      <c r="F480" s="9" t="s">
        <v>235</v>
      </c>
      <c r="G480" s="9" t="s">
        <v>276</v>
      </c>
      <c r="H480" s="6">
        <v>1571</v>
      </c>
      <c r="I480" s="6">
        <v>1451</v>
      </c>
      <c r="J480" s="6">
        <v>1095</v>
      </c>
      <c r="K480" s="6">
        <v>115</v>
      </c>
      <c r="L480" s="6">
        <v>5</v>
      </c>
    </row>
    <row r="481" spans="1:12">
      <c r="A481" s="9" t="s">
        <v>56</v>
      </c>
      <c r="B481" s="9" t="s">
        <v>57</v>
      </c>
      <c r="C481" s="9" t="s">
        <v>59</v>
      </c>
      <c r="D481" s="9" t="s">
        <v>264</v>
      </c>
      <c r="E481" s="9" t="s">
        <v>226</v>
      </c>
      <c r="F481" s="9" t="s">
        <v>235</v>
      </c>
      <c r="G481" s="9" t="s">
        <v>277</v>
      </c>
      <c r="H481" s="6">
        <v>1383</v>
      </c>
      <c r="I481" s="6">
        <v>1276</v>
      </c>
      <c r="J481" s="6">
        <v>987</v>
      </c>
      <c r="K481" s="6">
        <v>107</v>
      </c>
      <c r="L481" s="10" t="s">
        <v>55</v>
      </c>
    </row>
    <row r="482" spans="1:12">
      <c r="A482" s="9" t="s">
        <v>56</v>
      </c>
      <c r="B482" s="9" t="s">
        <v>57</v>
      </c>
      <c r="C482" s="9" t="s">
        <v>59</v>
      </c>
      <c r="D482" s="9" t="s">
        <v>264</v>
      </c>
      <c r="E482" s="9" t="s">
        <v>226</v>
      </c>
      <c r="F482" s="9" t="s">
        <v>235</v>
      </c>
      <c r="G482" s="9" t="s">
        <v>278</v>
      </c>
      <c r="H482" s="6">
        <v>1231</v>
      </c>
      <c r="I482" s="6">
        <v>1129</v>
      </c>
      <c r="J482" s="6">
        <v>829</v>
      </c>
      <c r="K482" s="6">
        <v>102</v>
      </c>
      <c r="L482" s="10" t="s">
        <v>55</v>
      </c>
    </row>
    <row r="483" spans="1:12">
      <c r="A483" s="9" t="s">
        <v>56</v>
      </c>
      <c r="B483" s="9" t="s">
        <v>57</v>
      </c>
      <c r="C483" s="9" t="s">
        <v>59</v>
      </c>
      <c r="D483" s="9" t="s">
        <v>264</v>
      </c>
      <c r="E483" s="9" t="s">
        <v>226</v>
      </c>
      <c r="F483" s="9" t="s">
        <v>235</v>
      </c>
      <c r="G483" s="9" t="s">
        <v>279</v>
      </c>
      <c r="H483" s="6">
        <v>744</v>
      </c>
      <c r="I483" s="6">
        <v>678</v>
      </c>
      <c r="J483" s="6">
        <v>446</v>
      </c>
      <c r="K483" s="6">
        <v>66</v>
      </c>
      <c r="L483" s="10" t="s">
        <v>55</v>
      </c>
    </row>
    <row r="484" spans="1:12">
      <c r="A484" s="9" t="s">
        <v>56</v>
      </c>
      <c r="B484" s="9" t="s">
        <v>57</v>
      </c>
      <c r="C484" s="9" t="s">
        <v>59</v>
      </c>
      <c r="D484" s="9" t="s">
        <v>264</v>
      </c>
      <c r="E484" s="9" t="s">
        <v>226</v>
      </c>
      <c r="F484" s="9" t="s">
        <v>235</v>
      </c>
      <c r="G484" s="9" t="s">
        <v>280</v>
      </c>
      <c r="H484" s="6">
        <v>5482</v>
      </c>
      <c r="I484" s="6">
        <v>4410</v>
      </c>
      <c r="J484" s="6">
        <v>2549</v>
      </c>
      <c r="K484" s="6">
        <v>1072</v>
      </c>
      <c r="L484" s="10" t="s">
        <v>55</v>
      </c>
    </row>
    <row r="485" spans="1:12">
      <c r="A485" s="9" t="s">
        <v>56</v>
      </c>
      <c r="B485" s="9" t="s">
        <v>57</v>
      </c>
      <c r="C485" s="9" t="s">
        <v>59</v>
      </c>
      <c r="D485" s="9" t="s">
        <v>264</v>
      </c>
      <c r="E485" s="9" t="s">
        <v>226</v>
      </c>
      <c r="F485" s="9" t="s">
        <v>281</v>
      </c>
      <c r="G485" s="9" t="s">
        <v>6</v>
      </c>
      <c r="H485" s="6">
        <v>5769</v>
      </c>
      <c r="I485" s="6">
        <v>4777</v>
      </c>
      <c r="J485" s="6">
        <v>3121</v>
      </c>
      <c r="K485" s="6">
        <v>987</v>
      </c>
      <c r="L485" s="6">
        <v>5</v>
      </c>
    </row>
    <row r="486" spans="1:12">
      <c r="A486" s="9" t="s">
        <v>56</v>
      </c>
      <c r="B486" s="9" t="s">
        <v>57</v>
      </c>
      <c r="C486" s="9" t="s">
        <v>59</v>
      </c>
      <c r="D486" s="9" t="s">
        <v>264</v>
      </c>
      <c r="E486" s="9" t="s">
        <v>226</v>
      </c>
      <c r="F486" s="9" t="s">
        <v>281</v>
      </c>
      <c r="G486" s="9" t="s">
        <v>272</v>
      </c>
      <c r="H486" s="6">
        <v>119</v>
      </c>
      <c r="I486" s="6">
        <v>45</v>
      </c>
      <c r="J486" s="6">
        <v>40</v>
      </c>
      <c r="K486" s="6">
        <v>74</v>
      </c>
      <c r="L486" s="10" t="s">
        <v>55</v>
      </c>
    </row>
    <row r="487" spans="1:12">
      <c r="A487" s="9" t="s">
        <v>56</v>
      </c>
      <c r="B487" s="9" t="s">
        <v>57</v>
      </c>
      <c r="C487" s="9" t="s">
        <v>59</v>
      </c>
      <c r="D487" s="9" t="s">
        <v>264</v>
      </c>
      <c r="E487" s="9" t="s">
        <v>226</v>
      </c>
      <c r="F487" s="9" t="s">
        <v>281</v>
      </c>
      <c r="G487" s="9" t="s">
        <v>273</v>
      </c>
      <c r="H487" s="6">
        <v>248</v>
      </c>
      <c r="I487" s="6">
        <v>196</v>
      </c>
      <c r="J487" s="6">
        <v>153</v>
      </c>
      <c r="K487" s="6">
        <v>52</v>
      </c>
      <c r="L487" s="10" t="s">
        <v>55</v>
      </c>
    </row>
    <row r="488" spans="1:12">
      <c r="A488" s="9" t="s">
        <v>56</v>
      </c>
      <c r="B488" s="9" t="s">
        <v>57</v>
      </c>
      <c r="C488" s="9" t="s">
        <v>59</v>
      </c>
      <c r="D488" s="9" t="s">
        <v>264</v>
      </c>
      <c r="E488" s="9" t="s">
        <v>226</v>
      </c>
      <c r="F488" s="9" t="s">
        <v>281</v>
      </c>
      <c r="G488" s="9" t="s">
        <v>274</v>
      </c>
      <c r="H488" s="6">
        <v>257</v>
      </c>
      <c r="I488" s="6">
        <v>237</v>
      </c>
      <c r="J488" s="6">
        <v>198</v>
      </c>
      <c r="K488" s="6">
        <v>20</v>
      </c>
      <c r="L488" s="10" t="s">
        <v>55</v>
      </c>
    </row>
    <row r="489" spans="1:12">
      <c r="A489" s="9" t="s">
        <v>56</v>
      </c>
      <c r="B489" s="9" t="s">
        <v>57</v>
      </c>
      <c r="C489" s="9" t="s">
        <v>59</v>
      </c>
      <c r="D489" s="9" t="s">
        <v>264</v>
      </c>
      <c r="E489" s="9" t="s">
        <v>226</v>
      </c>
      <c r="F489" s="9" t="s">
        <v>281</v>
      </c>
      <c r="G489" s="9" t="s">
        <v>275</v>
      </c>
      <c r="H489" s="6">
        <v>191</v>
      </c>
      <c r="I489" s="6">
        <v>158</v>
      </c>
      <c r="J489" s="6">
        <v>136</v>
      </c>
      <c r="K489" s="6">
        <v>33</v>
      </c>
      <c r="L489" s="10" t="s">
        <v>55</v>
      </c>
    </row>
    <row r="490" spans="1:12">
      <c r="A490" s="9" t="s">
        <v>56</v>
      </c>
      <c r="B490" s="9" t="s">
        <v>57</v>
      </c>
      <c r="C490" s="9" t="s">
        <v>59</v>
      </c>
      <c r="D490" s="9" t="s">
        <v>264</v>
      </c>
      <c r="E490" s="9" t="s">
        <v>226</v>
      </c>
      <c r="F490" s="9" t="s">
        <v>281</v>
      </c>
      <c r="G490" s="9" t="s">
        <v>276</v>
      </c>
      <c r="H490" s="6">
        <v>171</v>
      </c>
      <c r="I490" s="6">
        <v>152</v>
      </c>
      <c r="J490" s="6">
        <v>125</v>
      </c>
      <c r="K490" s="6">
        <v>14</v>
      </c>
      <c r="L490" s="6">
        <v>5</v>
      </c>
    </row>
    <row r="491" spans="1:12">
      <c r="A491" s="9" t="s">
        <v>56</v>
      </c>
      <c r="B491" s="9" t="s">
        <v>57</v>
      </c>
      <c r="C491" s="9" t="s">
        <v>59</v>
      </c>
      <c r="D491" s="9" t="s">
        <v>264</v>
      </c>
      <c r="E491" s="9" t="s">
        <v>226</v>
      </c>
      <c r="F491" s="9" t="s">
        <v>281</v>
      </c>
      <c r="G491" s="9" t="s">
        <v>277</v>
      </c>
      <c r="H491" s="6">
        <v>274</v>
      </c>
      <c r="I491" s="6">
        <v>256</v>
      </c>
      <c r="J491" s="6">
        <v>214</v>
      </c>
      <c r="K491" s="6">
        <v>18</v>
      </c>
      <c r="L491" s="10" t="s">
        <v>55</v>
      </c>
    </row>
    <row r="492" spans="1:12">
      <c r="A492" s="9" t="s">
        <v>56</v>
      </c>
      <c r="B492" s="9" t="s">
        <v>57</v>
      </c>
      <c r="C492" s="9" t="s">
        <v>59</v>
      </c>
      <c r="D492" s="9" t="s">
        <v>264</v>
      </c>
      <c r="E492" s="9" t="s">
        <v>226</v>
      </c>
      <c r="F492" s="9" t="s">
        <v>281</v>
      </c>
      <c r="G492" s="9" t="s">
        <v>278</v>
      </c>
      <c r="H492" s="6">
        <v>393</v>
      </c>
      <c r="I492" s="6">
        <v>364</v>
      </c>
      <c r="J492" s="6">
        <v>272</v>
      </c>
      <c r="K492" s="6">
        <v>29</v>
      </c>
      <c r="L492" s="10" t="s">
        <v>55</v>
      </c>
    </row>
    <row r="493" spans="1:12">
      <c r="A493" s="9" t="s">
        <v>56</v>
      </c>
      <c r="B493" s="9" t="s">
        <v>57</v>
      </c>
      <c r="C493" s="9" t="s">
        <v>59</v>
      </c>
      <c r="D493" s="9" t="s">
        <v>264</v>
      </c>
      <c r="E493" s="9" t="s">
        <v>226</v>
      </c>
      <c r="F493" s="9" t="s">
        <v>281</v>
      </c>
      <c r="G493" s="9" t="s">
        <v>279</v>
      </c>
      <c r="H493" s="6">
        <v>332</v>
      </c>
      <c r="I493" s="6">
        <v>315</v>
      </c>
      <c r="J493" s="6">
        <v>202</v>
      </c>
      <c r="K493" s="6">
        <v>17</v>
      </c>
      <c r="L493" s="10" t="s">
        <v>55</v>
      </c>
    </row>
    <row r="494" spans="1:12">
      <c r="A494" s="9" t="s">
        <v>56</v>
      </c>
      <c r="B494" s="9" t="s">
        <v>57</v>
      </c>
      <c r="C494" s="9" t="s">
        <v>59</v>
      </c>
      <c r="D494" s="9" t="s">
        <v>264</v>
      </c>
      <c r="E494" s="9" t="s">
        <v>226</v>
      </c>
      <c r="F494" s="9" t="s">
        <v>281</v>
      </c>
      <c r="G494" s="9" t="s">
        <v>280</v>
      </c>
      <c r="H494" s="6">
        <v>3784</v>
      </c>
      <c r="I494" s="6">
        <v>3054</v>
      </c>
      <c r="J494" s="6">
        <v>1781</v>
      </c>
      <c r="K494" s="6">
        <v>730</v>
      </c>
      <c r="L494" s="10" t="s">
        <v>55</v>
      </c>
    </row>
    <row r="495" spans="1:12">
      <c r="A495" s="9" t="s">
        <v>56</v>
      </c>
      <c r="B495" s="9" t="s">
        <v>57</v>
      </c>
      <c r="C495" s="9" t="s">
        <v>59</v>
      </c>
      <c r="D495" s="9" t="s">
        <v>264</v>
      </c>
      <c r="E495" s="9" t="s">
        <v>226</v>
      </c>
      <c r="F495" s="9" t="s">
        <v>282</v>
      </c>
      <c r="G495" s="9" t="s">
        <v>6</v>
      </c>
      <c r="H495" s="6">
        <v>5907</v>
      </c>
      <c r="I495" s="6">
        <v>5089</v>
      </c>
      <c r="J495" s="6">
        <v>3799</v>
      </c>
      <c r="K495" s="6">
        <v>818</v>
      </c>
      <c r="L495" s="10" t="s">
        <v>55</v>
      </c>
    </row>
    <row r="496" spans="1:12">
      <c r="A496" s="9" t="s">
        <v>56</v>
      </c>
      <c r="B496" s="9" t="s">
        <v>57</v>
      </c>
      <c r="C496" s="9" t="s">
        <v>59</v>
      </c>
      <c r="D496" s="9" t="s">
        <v>264</v>
      </c>
      <c r="E496" s="9" t="s">
        <v>226</v>
      </c>
      <c r="F496" s="9" t="s">
        <v>282</v>
      </c>
      <c r="G496" s="9" t="s">
        <v>272</v>
      </c>
      <c r="H496" s="6">
        <v>232</v>
      </c>
      <c r="I496" s="6">
        <v>133</v>
      </c>
      <c r="J496" s="6">
        <v>82</v>
      </c>
      <c r="K496" s="6">
        <v>99</v>
      </c>
      <c r="L496" s="10" t="s">
        <v>55</v>
      </c>
    </row>
    <row r="497" spans="1:12">
      <c r="A497" s="9" t="s">
        <v>56</v>
      </c>
      <c r="B497" s="9" t="s">
        <v>57</v>
      </c>
      <c r="C497" s="9" t="s">
        <v>59</v>
      </c>
      <c r="D497" s="9" t="s">
        <v>264</v>
      </c>
      <c r="E497" s="9" t="s">
        <v>226</v>
      </c>
      <c r="F497" s="9" t="s">
        <v>282</v>
      </c>
      <c r="G497" s="9" t="s">
        <v>273</v>
      </c>
      <c r="H497" s="6">
        <v>585</v>
      </c>
      <c r="I497" s="6">
        <v>522</v>
      </c>
      <c r="J497" s="6">
        <v>412</v>
      </c>
      <c r="K497" s="6">
        <v>63</v>
      </c>
      <c r="L497" s="10" t="s">
        <v>55</v>
      </c>
    </row>
    <row r="498" spans="1:12">
      <c r="A498" s="9" t="s">
        <v>56</v>
      </c>
      <c r="B498" s="9" t="s">
        <v>57</v>
      </c>
      <c r="C498" s="9" t="s">
        <v>59</v>
      </c>
      <c r="D498" s="9" t="s">
        <v>264</v>
      </c>
      <c r="E498" s="9" t="s">
        <v>226</v>
      </c>
      <c r="F498" s="9" t="s">
        <v>282</v>
      </c>
      <c r="G498" s="9" t="s">
        <v>274</v>
      </c>
      <c r="H498" s="6">
        <v>657</v>
      </c>
      <c r="I498" s="6">
        <v>585</v>
      </c>
      <c r="J498" s="6">
        <v>483</v>
      </c>
      <c r="K498" s="6">
        <v>72</v>
      </c>
      <c r="L498" s="10" t="s">
        <v>55</v>
      </c>
    </row>
    <row r="499" spans="1:12">
      <c r="A499" s="9" t="s">
        <v>56</v>
      </c>
      <c r="B499" s="9" t="s">
        <v>57</v>
      </c>
      <c r="C499" s="9" t="s">
        <v>59</v>
      </c>
      <c r="D499" s="9" t="s">
        <v>264</v>
      </c>
      <c r="E499" s="9" t="s">
        <v>226</v>
      </c>
      <c r="F499" s="9" t="s">
        <v>282</v>
      </c>
      <c r="G499" s="9" t="s">
        <v>275</v>
      </c>
      <c r="H499" s="6">
        <v>662</v>
      </c>
      <c r="I499" s="6">
        <v>603</v>
      </c>
      <c r="J499" s="6">
        <v>512</v>
      </c>
      <c r="K499" s="6">
        <v>59</v>
      </c>
      <c r="L499" s="10" t="s">
        <v>55</v>
      </c>
    </row>
    <row r="500" spans="1:12">
      <c r="A500" s="9" t="s">
        <v>56</v>
      </c>
      <c r="B500" s="9" t="s">
        <v>57</v>
      </c>
      <c r="C500" s="9" t="s">
        <v>59</v>
      </c>
      <c r="D500" s="9" t="s">
        <v>264</v>
      </c>
      <c r="E500" s="9" t="s">
        <v>226</v>
      </c>
      <c r="F500" s="9" t="s">
        <v>282</v>
      </c>
      <c r="G500" s="9" t="s">
        <v>276</v>
      </c>
      <c r="H500" s="6">
        <v>745</v>
      </c>
      <c r="I500" s="6">
        <v>684</v>
      </c>
      <c r="J500" s="6">
        <v>527</v>
      </c>
      <c r="K500" s="6">
        <v>61</v>
      </c>
      <c r="L500" s="10" t="s">
        <v>55</v>
      </c>
    </row>
    <row r="501" spans="1:12">
      <c r="A501" s="9" t="s">
        <v>56</v>
      </c>
      <c r="B501" s="9" t="s">
        <v>57</v>
      </c>
      <c r="C501" s="9" t="s">
        <v>59</v>
      </c>
      <c r="D501" s="9" t="s">
        <v>264</v>
      </c>
      <c r="E501" s="9" t="s">
        <v>226</v>
      </c>
      <c r="F501" s="9" t="s">
        <v>282</v>
      </c>
      <c r="G501" s="9" t="s">
        <v>277</v>
      </c>
      <c r="H501" s="6">
        <v>709</v>
      </c>
      <c r="I501" s="6">
        <v>639</v>
      </c>
      <c r="J501" s="6">
        <v>518</v>
      </c>
      <c r="K501" s="6">
        <v>70</v>
      </c>
      <c r="L501" s="10" t="s">
        <v>55</v>
      </c>
    </row>
    <row r="502" spans="1:12">
      <c r="A502" s="9" t="s">
        <v>56</v>
      </c>
      <c r="B502" s="9" t="s">
        <v>57</v>
      </c>
      <c r="C502" s="9" t="s">
        <v>59</v>
      </c>
      <c r="D502" s="9" t="s">
        <v>264</v>
      </c>
      <c r="E502" s="9" t="s">
        <v>226</v>
      </c>
      <c r="F502" s="9" t="s">
        <v>282</v>
      </c>
      <c r="G502" s="9" t="s">
        <v>278</v>
      </c>
      <c r="H502" s="6">
        <v>640</v>
      </c>
      <c r="I502" s="6">
        <v>586</v>
      </c>
      <c r="J502" s="6">
        <v>441</v>
      </c>
      <c r="K502" s="6">
        <v>54</v>
      </c>
      <c r="L502" s="10" t="s">
        <v>55</v>
      </c>
    </row>
    <row r="503" spans="1:12">
      <c r="A503" s="9" t="s">
        <v>56</v>
      </c>
      <c r="B503" s="9" t="s">
        <v>57</v>
      </c>
      <c r="C503" s="9" t="s">
        <v>59</v>
      </c>
      <c r="D503" s="9" t="s">
        <v>264</v>
      </c>
      <c r="E503" s="9" t="s">
        <v>226</v>
      </c>
      <c r="F503" s="9" t="s">
        <v>282</v>
      </c>
      <c r="G503" s="9" t="s">
        <v>279</v>
      </c>
      <c r="H503" s="6">
        <v>308</v>
      </c>
      <c r="I503" s="6">
        <v>273</v>
      </c>
      <c r="J503" s="6">
        <v>187</v>
      </c>
      <c r="K503" s="6">
        <v>35</v>
      </c>
      <c r="L503" s="10" t="s">
        <v>55</v>
      </c>
    </row>
    <row r="504" spans="1:12">
      <c r="A504" s="9" t="s">
        <v>56</v>
      </c>
      <c r="B504" s="9" t="s">
        <v>57</v>
      </c>
      <c r="C504" s="9" t="s">
        <v>59</v>
      </c>
      <c r="D504" s="9" t="s">
        <v>264</v>
      </c>
      <c r="E504" s="9" t="s">
        <v>226</v>
      </c>
      <c r="F504" s="9" t="s">
        <v>282</v>
      </c>
      <c r="G504" s="9" t="s">
        <v>280</v>
      </c>
      <c r="H504" s="6">
        <v>1369</v>
      </c>
      <c r="I504" s="6">
        <v>1064</v>
      </c>
      <c r="J504" s="6">
        <v>637</v>
      </c>
      <c r="K504" s="6">
        <v>305</v>
      </c>
      <c r="L504" s="10" t="s">
        <v>55</v>
      </c>
    </row>
    <row r="505" spans="1:12">
      <c r="A505" s="9" t="s">
        <v>56</v>
      </c>
      <c r="B505" s="9" t="s">
        <v>57</v>
      </c>
      <c r="C505" s="9" t="s">
        <v>59</v>
      </c>
      <c r="D505" s="9" t="s">
        <v>264</v>
      </c>
      <c r="E505" s="9" t="s">
        <v>226</v>
      </c>
      <c r="F505" s="9" t="s">
        <v>283</v>
      </c>
      <c r="G505" s="9" t="s">
        <v>6</v>
      </c>
      <c r="H505" s="6">
        <v>3744</v>
      </c>
      <c r="I505" s="6">
        <v>3359</v>
      </c>
      <c r="J505" s="6">
        <v>2382</v>
      </c>
      <c r="K505" s="6">
        <v>385</v>
      </c>
      <c r="L505" s="10" t="s">
        <v>55</v>
      </c>
    </row>
    <row r="506" spans="1:12">
      <c r="A506" s="9" t="s">
        <v>56</v>
      </c>
      <c r="B506" s="9" t="s">
        <v>57</v>
      </c>
      <c r="C506" s="9" t="s">
        <v>59</v>
      </c>
      <c r="D506" s="9" t="s">
        <v>264</v>
      </c>
      <c r="E506" s="9" t="s">
        <v>226</v>
      </c>
      <c r="F506" s="9" t="s">
        <v>283</v>
      </c>
      <c r="G506" s="9" t="s">
        <v>272</v>
      </c>
      <c r="H506" s="6">
        <v>193</v>
      </c>
      <c r="I506" s="6">
        <v>132</v>
      </c>
      <c r="J506" s="6">
        <v>118</v>
      </c>
      <c r="K506" s="6">
        <v>61</v>
      </c>
      <c r="L506" s="10" t="s">
        <v>55</v>
      </c>
    </row>
    <row r="507" spans="1:12">
      <c r="A507" s="9" t="s">
        <v>56</v>
      </c>
      <c r="B507" s="9" t="s">
        <v>57</v>
      </c>
      <c r="C507" s="9" t="s">
        <v>59</v>
      </c>
      <c r="D507" s="9" t="s">
        <v>264</v>
      </c>
      <c r="E507" s="9" t="s">
        <v>226</v>
      </c>
      <c r="F507" s="9" t="s">
        <v>283</v>
      </c>
      <c r="G507" s="9" t="s">
        <v>273</v>
      </c>
      <c r="H507" s="6">
        <v>546</v>
      </c>
      <c r="I507" s="6">
        <v>458</v>
      </c>
      <c r="J507" s="6">
        <v>356</v>
      </c>
      <c r="K507" s="6">
        <v>88</v>
      </c>
      <c r="L507" s="10" t="s">
        <v>55</v>
      </c>
    </row>
    <row r="508" spans="1:12">
      <c r="A508" s="9" t="s">
        <v>56</v>
      </c>
      <c r="B508" s="9" t="s">
        <v>57</v>
      </c>
      <c r="C508" s="9" t="s">
        <v>59</v>
      </c>
      <c r="D508" s="9" t="s">
        <v>264</v>
      </c>
      <c r="E508" s="9" t="s">
        <v>226</v>
      </c>
      <c r="F508" s="9" t="s">
        <v>283</v>
      </c>
      <c r="G508" s="9" t="s">
        <v>274</v>
      </c>
      <c r="H508" s="6">
        <v>656</v>
      </c>
      <c r="I508" s="6">
        <v>594</v>
      </c>
      <c r="J508" s="6">
        <v>415</v>
      </c>
      <c r="K508" s="6">
        <v>62</v>
      </c>
      <c r="L508" s="10" t="s">
        <v>55</v>
      </c>
    </row>
    <row r="509" spans="1:12">
      <c r="A509" s="9" t="s">
        <v>56</v>
      </c>
      <c r="B509" s="9" t="s">
        <v>57</v>
      </c>
      <c r="C509" s="9" t="s">
        <v>59</v>
      </c>
      <c r="D509" s="9" t="s">
        <v>264</v>
      </c>
      <c r="E509" s="9" t="s">
        <v>226</v>
      </c>
      <c r="F509" s="9" t="s">
        <v>283</v>
      </c>
      <c r="G509" s="9" t="s">
        <v>275</v>
      </c>
      <c r="H509" s="6">
        <v>663</v>
      </c>
      <c r="I509" s="6">
        <v>618</v>
      </c>
      <c r="J509" s="6">
        <v>491</v>
      </c>
      <c r="K509" s="6">
        <v>45</v>
      </c>
      <c r="L509" s="10" t="s">
        <v>55</v>
      </c>
    </row>
    <row r="510" spans="1:12">
      <c r="A510" s="9" t="s">
        <v>56</v>
      </c>
      <c r="B510" s="9" t="s">
        <v>57</v>
      </c>
      <c r="C510" s="9" t="s">
        <v>59</v>
      </c>
      <c r="D510" s="9" t="s">
        <v>264</v>
      </c>
      <c r="E510" s="9" t="s">
        <v>226</v>
      </c>
      <c r="F510" s="9" t="s">
        <v>283</v>
      </c>
      <c r="G510" s="9" t="s">
        <v>276</v>
      </c>
      <c r="H510" s="6">
        <v>655</v>
      </c>
      <c r="I510" s="6">
        <v>615</v>
      </c>
      <c r="J510" s="6">
        <v>443</v>
      </c>
      <c r="K510" s="6">
        <v>40</v>
      </c>
      <c r="L510" s="10" t="s">
        <v>55</v>
      </c>
    </row>
    <row r="511" spans="1:12">
      <c r="A511" s="9" t="s">
        <v>56</v>
      </c>
      <c r="B511" s="9" t="s">
        <v>57</v>
      </c>
      <c r="C511" s="9" t="s">
        <v>59</v>
      </c>
      <c r="D511" s="9" t="s">
        <v>264</v>
      </c>
      <c r="E511" s="9" t="s">
        <v>226</v>
      </c>
      <c r="F511" s="9" t="s">
        <v>283</v>
      </c>
      <c r="G511" s="9" t="s">
        <v>277</v>
      </c>
      <c r="H511" s="6">
        <v>400</v>
      </c>
      <c r="I511" s="6">
        <v>381</v>
      </c>
      <c r="J511" s="6">
        <v>255</v>
      </c>
      <c r="K511" s="6">
        <v>19</v>
      </c>
      <c r="L511" s="10" t="s">
        <v>55</v>
      </c>
    </row>
    <row r="512" spans="1:12">
      <c r="A512" s="9" t="s">
        <v>56</v>
      </c>
      <c r="B512" s="9" t="s">
        <v>57</v>
      </c>
      <c r="C512" s="9" t="s">
        <v>59</v>
      </c>
      <c r="D512" s="9" t="s">
        <v>264</v>
      </c>
      <c r="E512" s="9" t="s">
        <v>226</v>
      </c>
      <c r="F512" s="9" t="s">
        <v>283</v>
      </c>
      <c r="G512" s="9" t="s">
        <v>278</v>
      </c>
      <c r="H512" s="6">
        <v>198</v>
      </c>
      <c r="I512" s="6">
        <v>179</v>
      </c>
      <c r="J512" s="6">
        <v>116</v>
      </c>
      <c r="K512" s="6">
        <v>19</v>
      </c>
      <c r="L512" s="10" t="s">
        <v>55</v>
      </c>
    </row>
    <row r="513" spans="1:12">
      <c r="A513" s="9" t="s">
        <v>56</v>
      </c>
      <c r="B513" s="9" t="s">
        <v>57</v>
      </c>
      <c r="C513" s="9" t="s">
        <v>59</v>
      </c>
      <c r="D513" s="9" t="s">
        <v>264</v>
      </c>
      <c r="E513" s="9" t="s">
        <v>226</v>
      </c>
      <c r="F513" s="9" t="s">
        <v>283</v>
      </c>
      <c r="G513" s="9" t="s">
        <v>279</v>
      </c>
      <c r="H513" s="6">
        <v>104</v>
      </c>
      <c r="I513" s="6">
        <v>90</v>
      </c>
      <c r="J513" s="6">
        <v>57</v>
      </c>
      <c r="K513" s="6">
        <v>14</v>
      </c>
      <c r="L513" s="10" t="s">
        <v>55</v>
      </c>
    </row>
    <row r="514" spans="1:12">
      <c r="A514" s="9" t="s">
        <v>56</v>
      </c>
      <c r="B514" s="9" t="s">
        <v>57</v>
      </c>
      <c r="C514" s="9" t="s">
        <v>59</v>
      </c>
      <c r="D514" s="9" t="s">
        <v>264</v>
      </c>
      <c r="E514" s="9" t="s">
        <v>226</v>
      </c>
      <c r="F514" s="9" t="s">
        <v>283</v>
      </c>
      <c r="G514" s="9" t="s">
        <v>280</v>
      </c>
      <c r="H514" s="6">
        <v>329</v>
      </c>
      <c r="I514" s="6">
        <v>292</v>
      </c>
      <c r="J514" s="6">
        <v>131</v>
      </c>
      <c r="K514" s="6">
        <v>37</v>
      </c>
      <c r="L514" s="10" t="s">
        <v>55</v>
      </c>
    </row>
    <row r="515" spans="1:12">
      <c r="A515" s="9" t="s">
        <v>56</v>
      </c>
      <c r="B515" s="9" t="s">
        <v>57</v>
      </c>
      <c r="C515" s="9" t="s">
        <v>59</v>
      </c>
      <c r="D515" s="9" t="s">
        <v>264</v>
      </c>
      <c r="E515" s="9" t="s">
        <v>227</v>
      </c>
      <c r="F515" s="9" t="s">
        <v>6</v>
      </c>
      <c r="G515" s="9" t="s">
        <v>6</v>
      </c>
      <c r="H515" s="6">
        <v>10784</v>
      </c>
      <c r="I515" s="6">
        <v>8975</v>
      </c>
      <c r="J515" s="6">
        <v>8611</v>
      </c>
      <c r="K515" s="6">
        <v>1809</v>
      </c>
      <c r="L515" s="10" t="s">
        <v>55</v>
      </c>
    </row>
    <row r="516" spans="1:12">
      <c r="A516" s="9" t="s">
        <v>56</v>
      </c>
      <c r="B516" s="9" t="s">
        <v>57</v>
      </c>
      <c r="C516" s="9" t="s">
        <v>59</v>
      </c>
      <c r="D516" s="9" t="s">
        <v>264</v>
      </c>
      <c r="E516" s="9" t="s">
        <v>227</v>
      </c>
      <c r="F516" s="9" t="s">
        <v>234</v>
      </c>
      <c r="G516" s="9" t="s">
        <v>6</v>
      </c>
      <c r="H516" s="6">
        <v>506</v>
      </c>
      <c r="I516" s="6">
        <v>435</v>
      </c>
      <c r="J516" s="6">
        <v>378</v>
      </c>
      <c r="K516" s="6">
        <v>71</v>
      </c>
      <c r="L516" s="10" t="s">
        <v>55</v>
      </c>
    </row>
    <row r="517" spans="1:12">
      <c r="A517" s="9" t="s">
        <v>56</v>
      </c>
      <c r="B517" s="9" t="s">
        <v>57</v>
      </c>
      <c r="C517" s="9" t="s">
        <v>59</v>
      </c>
      <c r="D517" s="9" t="s">
        <v>264</v>
      </c>
      <c r="E517" s="9" t="s">
        <v>227</v>
      </c>
      <c r="F517" s="9" t="s">
        <v>235</v>
      </c>
      <c r="G517" s="9" t="s">
        <v>6</v>
      </c>
      <c r="H517" s="6">
        <v>10278</v>
      </c>
      <c r="I517" s="6">
        <v>8540</v>
      </c>
      <c r="J517" s="6">
        <v>8233</v>
      </c>
      <c r="K517" s="6">
        <v>1738</v>
      </c>
      <c r="L517" s="10" t="s">
        <v>55</v>
      </c>
    </row>
    <row r="518" spans="1:12">
      <c r="A518" s="9" t="s">
        <v>56</v>
      </c>
      <c r="B518" s="9" t="s">
        <v>57</v>
      </c>
      <c r="C518" s="9" t="s">
        <v>59</v>
      </c>
      <c r="D518" s="9" t="s">
        <v>264</v>
      </c>
      <c r="E518" s="9" t="s">
        <v>227</v>
      </c>
      <c r="F518" s="9" t="s">
        <v>235</v>
      </c>
      <c r="G518" s="9" t="s">
        <v>272</v>
      </c>
      <c r="H518" s="6">
        <v>406</v>
      </c>
      <c r="I518" s="6">
        <v>218</v>
      </c>
      <c r="J518" s="6">
        <v>211</v>
      </c>
      <c r="K518" s="6">
        <v>188</v>
      </c>
      <c r="L518" s="10" t="s">
        <v>55</v>
      </c>
    </row>
    <row r="519" spans="1:12">
      <c r="A519" s="9" t="s">
        <v>56</v>
      </c>
      <c r="B519" s="9" t="s">
        <v>57</v>
      </c>
      <c r="C519" s="9" t="s">
        <v>59</v>
      </c>
      <c r="D519" s="9" t="s">
        <v>264</v>
      </c>
      <c r="E519" s="9" t="s">
        <v>227</v>
      </c>
      <c r="F519" s="9" t="s">
        <v>235</v>
      </c>
      <c r="G519" s="9" t="s">
        <v>273</v>
      </c>
      <c r="H519" s="6">
        <v>970</v>
      </c>
      <c r="I519" s="6">
        <v>832</v>
      </c>
      <c r="J519" s="6">
        <v>797</v>
      </c>
      <c r="K519" s="6">
        <v>138</v>
      </c>
      <c r="L519" s="10" t="s">
        <v>55</v>
      </c>
    </row>
    <row r="520" spans="1:12">
      <c r="A520" s="9" t="s">
        <v>56</v>
      </c>
      <c r="B520" s="9" t="s">
        <v>57</v>
      </c>
      <c r="C520" s="9" t="s">
        <v>59</v>
      </c>
      <c r="D520" s="9" t="s">
        <v>264</v>
      </c>
      <c r="E520" s="9" t="s">
        <v>227</v>
      </c>
      <c r="F520" s="9" t="s">
        <v>235</v>
      </c>
      <c r="G520" s="9" t="s">
        <v>274</v>
      </c>
      <c r="H520" s="6">
        <v>1135</v>
      </c>
      <c r="I520" s="6">
        <v>1008</v>
      </c>
      <c r="J520" s="6">
        <v>967</v>
      </c>
      <c r="K520" s="6">
        <v>127</v>
      </c>
      <c r="L520" s="10" t="s">
        <v>55</v>
      </c>
    </row>
    <row r="521" spans="1:12">
      <c r="A521" s="9" t="s">
        <v>56</v>
      </c>
      <c r="B521" s="9" t="s">
        <v>57</v>
      </c>
      <c r="C521" s="9" t="s">
        <v>59</v>
      </c>
      <c r="D521" s="9" t="s">
        <v>264</v>
      </c>
      <c r="E521" s="9" t="s">
        <v>227</v>
      </c>
      <c r="F521" s="9" t="s">
        <v>235</v>
      </c>
      <c r="G521" s="9" t="s">
        <v>275</v>
      </c>
      <c r="H521" s="6">
        <v>1178</v>
      </c>
      <c r="I521" s="6">
        <v>1079</v>
      </c>
      <c r="J521" s="6">
        <v>1065</v>
      </c>
      <c r="K521" s="6">
        <v>99</v>
      </c>
      <c r="L521" s="10" t="s">
        <v>55</v>
      </c>
    </row>
    <row r="522" spans="1:12">
      <c r="A522" s="9" t="s">
        <v>56</v>
      </c>
      <c r="B522" s="9" t="s">
        <v>57</v>
      </c>
      <c r="C522" s="9" t="s">
        <v>59</v>
      </c>
      <c r="D522" s="9" t="s">
        <v>264</v>
      </c>
      <c r="E522" s="9" t="s">
        <v>227</v>
      </c>
      <c r="F522" s="9" t="s">
        <v>235</v>
      </c>
      <c r="G522" s="9" t="s">
        <v>276</v>
      </c>
      <c r="H522" s="6">
        <v>1141</v>
      </c>
      <c r="I522" s="6">
        <v>1046</v>
      </c>
      <c r="J522" s="6">
        <v>1024</v>
      </c>
      <c r="K522" s="6">
        <v>95</v>
      </c>
      <c r="L522" s="10" t="s">
        <v>55</v>
      </c>
    </row>
    <row r="523" spans="1:12">
      <c r="A523" s="9" t="s">
        <v>56</v>
      </c>
      <c r="B523" s="9" t="s">
        <v>57</v>
      </c>
      <c r="C523" s="9" t="s">
        <v>59</v>
      </c>
      <c r="D523" s="9" t="s">
        <v>264</v>
      </c>
      <c r="E523" s="9" t="s">
        <v>227</v>
      </c>
      <c r="F523" s="9" t="s">
        <v>235</v>
      </c>
      <c r="G523" s="9" t="s">
        <v>277</v>
      </c>
      <c r="H523" s="6">
        <v>965</v>
      </c>
      <c r="I523" s="6">
        <v>885</v>
      </c>
      <c r="J523" s="6">
        <v>881</v>
      </c>
      <c r="K523" s="6">
        <v>80</v>
      </c>
      <c r="L523" s="10" t="s">
        <v>55</v>
      </c>
    </row>
    <row r="524" spans="1:12">
      <c r="A524" s="9" t="s">
        <v>56</v>
      </c>
      <c r="B524" s="9" t="s">
        <v>57</v>
      </c>
      <c r="C524" s="9" t="s">
        <v>59</v>
      </c>
      <c r="D524" s="9" t="s">
        <v>264</v>
      </c>
      <c r="E524" s="9" t="s">
        <v>227</v>
      </c>
      <c r="F524" s="9" t="s">
        <v>235</v>
      </c>
      <c r="G524" s="9" t="s">
        <v>278</v>
      </c>
      <c r="H524" s="6">
        <v>843</v>
      </c>
      <c r="I524" s="6">
        <v>753</v>
      </c>
      <c r="J524" s="6">
        <v>712</v>
      </c>
      <c r="K524" s="6">
        <v>90</v>
      </c>
      <c r="L524" s="10" t="s">
        <v>55</v>
      </c>
    </row>
    <row r="525" spans="1:12">
      <c r="A525" s="9" t="s">
        <v>56</v>
      </c>
      <c r="B525" s="9" t="s">
        <v>57</v>
      </c>
      <c r="C525" s="9" t="s">
        <v>59</v>
      </c>
      <c r="D525" s="9" t="s">
        <v>264</v>
      </c>
      <c r="E525" s="9" t="s">
        <v>227</v>
      </c>
      <c r="F525" s="9" t="s">
        <v>235</v>
      </c>
      <c r="G525" s="9" t="s">
        <v>279</v>
      </c>
      <c r="H525" s="6">
        <v>485</v>
      </c>
      <c r="I525" s="6">
        <v>429</v>
      </c>
      <c r="J525" s="6">
        <v>410</v>
      </c>
      <c r="K525" s="6">
        <v>56</v>
      </c>
      <c r="L525" s="10" t="s">
        <v>55</v>
      </c>
    </row>
    <row r="526" spans="1:12">
      <c r="A526" s="9" t="s">
        <v>56</v>
      </c>
      <c r="B526" s="9" t="s">
        <v>57</v>
      </c>
      <c r="C526" s="9" t="s">
        <v>59</v>
      </c>
      <c r="D526" s="9" t="s">
        <v>264</v>
      </c>
      <c r="E526" s="9" t="s">
        <v>227</v>
      </c>
      <c r="F526" s="9" t="s">
        <v>235</v>
      </c>
      <c r="G526" s="9" t="s">
        <v>280</v>
      </c>
      <c r="H526" s="6">
        <v>3155</v>
      </c>
      <c r="I526" s="6">
        <v>2290</v>
      </c>
      <c r="J526" s="6">
        <v>2166</v>
      </c>
      <c r="K526" s="6">
        <v>865</v>
      </c>
      <c r="L526" s="10" t="s">
        <v>55</v>
      </c>
    </row>
    <row r="527" spans="1:12">
      <c r="A527" s="9" t="s">
        <v>56</v>
      </c>
      <c r="B527" s="9" t="s">
        <v>57</v>
      </c>
      <c r="C527" s="9" t="s">
        <v>59</v>
      </c>
      <c r="D527" s="9" t="s">
        <v>264</v>
      </c>
      <c r="E527" s="9" t="s">
        <v>227</v>
      </c>
      <c r="F527" s="9" t="s">
        <v>281</v>
      </c>
      <c r="G527" s="9" t="s">
        <v>6</v>
      </c>
      <c r="H527" s="6">
        <v>3628</v>
      </c>
      <c r="I527" s="6">
        <v>2858</v>
      </c>
      <c r="J527" s="6">
        <v>2707</v>
      </c>
      <c r="K527" s="6">
        <v>770</v>
      </c>
      <c r="L527" s="10" t="s">
        <v>55</v>
      </c>
    </row>
    <row r="528" spans="1:12">
      <c r="A528" s="9" t="s">
        <v>56</v>
      </c>
      <c r="B528" s="9" t="s">
        <v>57</v>
      </c>
      <c r="C528" s="9" t="s">
        <v>59</v>
      </c>
      <c r="D528" s="9" t="s">
        <v>264</v>
      </c>
      <c r="E528" s="9" t="s">
        <v>227</v>
      </c>
      <c r="F528" s="9" t="s">
        <v>281</v>
      </c>
      <c r="G528" s="9" t="s">
        <v>272</v>
      </c>
      <c r="H528" s="6">
        <v>87</v>
      </c>
      <c r="I528" s="6">
        <v>30</v>
      </c>
      <c r="J528" s="6">
        <v>30</v>
      </c>
      <c r="K528" s="6">
        <v>57</v>
      </c>
      <c r="L528" s="10" t="s">
        <v>55</v>
      </c>
    </row>
    <row r="529" spans="1:12">
      <c r="A529" s="9" t="s">
        <v>56</v>
      </c>
      <c r="B529" s="9" t="s">
        <v>57</v>
      </c>
      <c r="C529" s="9" t="s">
        <v>59</v>
      </c>
      <c r="D529" s="9" t="s">
        <v>264</v>
      </c>
      <c r="E529" s="9" t="s">
        <v>227</v>
      </c>
      <c r="F529" s="9" t="s">
        <v>281</v>
      </c>
      <c r="G529" s="9" t="s">
        <v>273</v>
      </c>
      <c r="H529" s="6">
        <v>166</v>
      </c>
      <c r="I529" s="6">
        <v>128</v>
      </c>
      <c r="J529" s="6">
        <v>123</v>
      </c>
      <c r="K529" s="6">
        <v>38</v>
      </c>
      <c r="L529" s="10" t="s">
        <v>55</v>
      </c>
    </row>
    <row r="530" spans="1:12">
      <c r="A530" s="9" t="s">
        <v>56</v>
      </c>
      <c r="B530" s="9" t="s">
        <v>57</v>
      </c>
      <c r="C530" s="9" t="s">
        <v>59</v>
      </c>
      <c r="D530" s="9" t="s">
        <v>264</v>
      </c>
      <c r="E530" s="9" t="s">
        <v>227</v>
      </c>
      <c r="F530" s="9" t="s">
        <v>281</v>
      </c>
      <c r="G530" s="9" t="s">
        <v>274</v>
      </c>
      <c r="H530" s="6">
        <v>178</v>
      </c>
      <c r="I530" s="6">
        <v>162</v>
      </c>
      <c r="J530" s="6">
        <v>153</v>
      </c>
      <c r="K530" s="6">
        <v>16</v>
      </c>
      <c r="L530" s="10" t="s">
        <v>55</v>
      </c>
    </row>
    <row r="531" spans="1:12">
      <c r="A531" s="9" t="s">
        <v>56</v>
      </c>
      <c r="B531" s="9" t="s">
        <v>57</v>
      </c>
      <c r="C531" s="9" t="s">
        <v>59</v>
      </c>
      <c r="D531" s="9" t="s">
        <v>264</v>
      </c>
      <c r="E531" s="9" t="s">
        <v>227</v>
      </c>
      <c r="F531" s="9" t="s">
        <v>281</v>
      </c>
      <c r="G531" s="9" t="s">
        <v>275</v>
      </c>
      <c r="H531" s="6">
        <v>158</v>
      </c>
      <c r="I531" s="6">
        <v>131</v>
      </c>
      <c r="J531" s="6">
        <v>131</v>
      </c>
      <c r="K531" s="6">
        <v>27</v>
      </c>
      <c r="L531" s="10" t="s">
        <v>55</v>
      </c>
    </row>
    <row r="532" spans="1:12">
      <c r="A532" s="9" t="s">
        <v>56</v>
      </c>
      <c r="B532" s="9" t="s">
        <v>57</v>
      </c>
      <c r="C532" s="9" t="s">
        <v>59</v>
      </c>
      <c r="D532" s="9" t="s">
        <v>264</v>
      </c>
      <c r="E532" s="9" t="s">
        <v>227</v>
      </c>
      <c r="F532" s="9" t="s">
        <v>281</v>
      </c>
      <c r="G532" s="9" t="s">
        <v>276</v>
      </c>
      <c r="H532" s="6">
        <v>129</v>
      </c>
      <c r="I532" s="6">
        <v>115</v>
      </c>
      <c r="J532" s="6">
        <v>111</v>
      </c>
      <c r="K532" s="6">
        <v>14</v>
      </c>
      <c r="L532" s="10" t="s">
        <v>55</v>
      </c>
    </row>
    <row r="533" spans="1:12">
      <c r="A533" s="9" t="s">
        <v>56</v>
      </c>
      <c r="B533" s="9" t="s">
        <v>57</v>
      </c>
      <c r="C533" s="9" t="s">
        <v>59</v>
      </c>
      <c r="D533" s="9" t="s">
        <v>264</v>
      </c>
      <c r="E533" s="9" t="s">
        <v>227</v>
      </c>
      <c r="F533" s="9" t="s">
        <v>281</v>
      </c>
      <c r="G533" s="9" t="s">
        <v>277</v>
      </c>
      <c r="H533" s="6">
        <v>218</v>
      </c>
      <c r="I533" s="6">
        <v>209</v>
      </c>
      <c r="J533" s="6">
        <v>205</v>
      </c>
      <c r="K533" s="6">
        <v>9</v>
      </c>
      <c r="L533" s="10" t="s">
        <v>55</v>
      </c>
    </row>
    <row r="534" spans="1:12">
      <c r="A534" s="9" t="s">
        <v>56</v>
      </c>
      <c r="B534" s="9" t="s">
        <v>57</v>
      </c>
      <c r="C534" s="9" t="s">
        <v>59</v>
      </c>
      <c r="D534" s="9" t="s">
        <v>264</v>
      </c>
      <c r="E534" s="9" t="s">
        <v>227</v>
      </c>
      <c r="F534" s="9" t="s">
        <v>281</v>
      </c>
      <c r="G534" s="9" t="s">
        <v>278</v>
      </c>
      <c r="H534" s="6">
        <v>299</v>
      </c>
      <c r="I534" s="6">
        <v>270</v>
      </c>
      <c r="J534" s="6">
        <v>251</v>
      </c>
      <c r="K534" s="6">
        <v>29</v>
      </c>
      <c r="L534" s="10" t="s">
        <v>55</v>
      </c>
    </row>
    <row r="535" spans="1:12">
      <c r="A535" s="9" t="s">
        <v>56</v>
      </c>
      <c r="B535" s="9" t="s">
        <v>57</v>
      </c>
      <c r="C535" s="9" t="s">
        <v>59</v>
      </c>
      <c r="D535" s="9" t="s">
        <v>264</v>
      </c>
      <c r="E535" s="9" t="s">
        <v>227</v>
      </c>
      <c r="F535" s="9" t="s">
        <v>281</v>
      </c>
      <c r="G535" s="9" t="s">
        <v>279</v>
      </c>
      <c r="H535" s="6">
        <v>204</v>
      </c>
      <c r="I535" s="6">
        <v>191</v>
      </c>
      <c r="J535" s="6">
        <v>183</v>
      </c>
      <c r="K535" s="6">
        <v>13</v>
      </c>
      <c r="L535" s="10" t="s">
        <v>55</v>
      </c>
    </row>
    <row r="536" spans="1:12">
      <c r="A536" s="9" t="s">
        <v>56</v>
      </c>
      <c r="B536" s="9" t="s">
        <v>57</v>
      </c>
      <c r="C536" s="9" t="s">
        <v>59</v>
      </c>
      <c r="D536" s="9" t="s">
        <v>264</v>
      </c>
      <c r="E536" s="9" t="s">
        <v>227</v>
      </c>
      <c r="F536" s="9" t="s">
        <v>281</v>
      </c>
      <c r="G536" s="9" t="s">
        <v>280</v>
      </c>
      <c r="H536" s="6">
        <v>2189</v>
      </c>
      <c r="I536" s="6">
        <v>1622</v>
      </c>
      <c r="J536" s="6">
        <v>1520</v>
      </c>
      <c r="K536" s="6">
        <v>567</v>
      </c>
      <c r="L536" s="10" t="s">
        <v>55</v>
      </c>
    </row>
    <row r="537" spans="1:12">
      <c r="A537" s="9" t="s">
        <v>56</v>
      </c>
      <c r="B537" s="9" t="s">
        <v>57</v>
      </c>
      <c r="C537" s="9" t="s">
        <v>59</v>
      </c>
      <c r="D537" s="9" t="s">
        <v>264</v>
      </c>
      <c r="E537" s="9" t="s">
        <v>227</v>
      </c>
      <c r="F537" s="9" t="s">
        <v>282</v>
      </c>
      <c r="G537" s="9" t="s">
        <v>6</v>
      </c>
      <c r="H537" s="6">
        <v>4189</v>
      </c>
      <c r="I537" s="6">
        <v>3507</v>
      </c>
      <c r="J537" s="6">
        <v>3405</v>
      </c>
      <c r="K537" s="6">
        <v>682</v>
      </c>
      <c r="L537" s="10" t="s">
        <v>55</v>
      </c>
    </row>
    <row r="538" spans="1:12">
      <c r="A538" s="9" t="s">
        <v>56</v>
      </c>
      <c r="B538" s="9" t="s">
        <v>57</v>
      </c>
      <c r="C538" s="9" t="s">
        <v>59</v>
      </c>
      <c r="D538" s="9" t="s">
        <v>264</v>
      </c>
      <c r="E538" s="9" t="s">
        <v>227</v>
      </c>
      <c r="F538" s="9" t="s">
        <v>282</v>
      </c>
      <c r="G538" s="9" t="s">
        <v>272</v>
      </c>
      <c r="H538" s="6">
        <v>165</v>
      </c>
      <c r="I538" s="6">
        <v>77</v>
      </c>
      <c r="J538" s="6">
        <v>70</v>
      </c>
      <c r="K538" s="6">
        <v>88</v>
      </c>
      <c r="L538" s="10" t="s">
        <v>55</v>
      </c>
    </row>
    <row r="539" spans="1:12">
      <c r="A539" s="9" t="s">
        <v>56</v>
      </c>
      <c r="B539" s="9" t="s">
        <v>57</v>
      </c>
      <c r="C539" s="9" t="s">
        <v>59</v>
      </c>
      <c r="D539" s="9" t="s">
        <v>264</v>
      </c>
      <c r="E539" s="9" t="s">
        <v>227</v>
      </c>
      <c r="F539" s="9" t="s">
        <v>282</v>
      </c>
      <c r="G539" s="9" t="s">
        <v>273</v>
      </c>
      <c r="H539" s="6">
        <v>451</v>
      </c>
      <c r="I539" s="6">
        <v>407</v>
      </c>
      <c r="J539" s="6">
        <v>383</v>
      </c>
      <c r="K539" s="6">
        <v>44</v>
      </c>
      <c r="L539" s="10" t="s">
        <v>55</v>
      </c>
    </row>
    <row r="540" spans="1:12">
      <c r="A540" s="9" t="s">
        <v>56</v>
      </c>
      <c r="B540" s="9" t="s">
        <v>57</v>
      </c>
      <c r="C540" s="9" t="s">
        <v>59</v>
      </c>
      <c r="D540" s="9" t="s">
        <v>264</v>
      </c>
      <c r="E540" s="9" t="s">
        <v>227</v>
      </c>
      <c r="F540" s="9" t="s">
        <v>282</v>
      </c>
      <c r="G540" s="9" t="s">
        <v>274</v>
      </c>
      <c r="H540" s="6">
        <v>536</v>
      </c>
      <c r="I540" s="6">
        <v>471</v>
      </c>
      <c r="J540" s="6">
        <v>453</v>
      </c>
      <c r="K540" s="6">
        <v>65</v>
      </c>
      <c r="L540" s="10" t="s">
        <v>55</v>
      </c>
    </row>
    <row r="541" spans="1:12">
      <c r="A541" s="9" t="s">
        <v>56</v>
      </c>
      <c r="B541" s="9" t="s">
        <v>57</v>
      </c>
      <c r="C541" s="9" t="s">
        <v>59</v>
      </c>
      <c r="D541" s="9" t="s">
        <v>264</v>
      </c>
      <c r="E541" s="9" t="s">
        <v>227</v>
      </c>
      <c r="F541" s="9" t="s">
        <v>282</v>
      </c>
      <c r="G541" s="9" t="s">
        <v>275</v>
      </c>
      <c r="H541" s="6">
        <v>511</v>
      </c>
      <c r="I541" s="6">
        <v>471</v>
      </c>
      <c r="J541" s="6">
        <v>471</v>
      </c>
      <c r="K541" s="6">
        <v>40</v>
      </c>
      <c r="L541" s="10" t="s">
        <v>55</v>
      </c>
    </row>
    <row r="542" spans="1:12">
      <c r="A542" s="9" t="s">
        <v>56</v>
      </c>
      <c r="B542" s="9" t="s">
        <v>57</v>
      </c>
      <c r="C542" s="9" t="s">
        <v>59</v>
      </c>
      <c r="D542" s="9" t="s">
        <v>264</v>
      </c>
      <c r="E542" s="9" t="s">
        <v>227</v>
      </c>
      <c r="F542" s="9" t="s">
        <v>282</v>
      </c>
      <c r="G542" s="9" t="s">
        <v>276</v>
      </c>
      <c r="H542" s="6">
        <v>559</v>
      </c>
      <c r="I542" s="6">
        <v>504</v>
      </c>
      <c r="J542" s="6">
        <v>493</v>
      </c>
      <c r="K542" s="6">
        <v>55</v>
      </c>
      <c r="L542" s="10" t="s">
        <v>55</v>
      </c>
    </row>
    <row r="543" spans="1:12">
      <c r="A543" s="9" t="s">
        <v>56</v>
      </c>
      <c r="B543" s="9" t="s">
        <v>57</v>
      </c>
      <c r="C543" s="9" t="s">
        <v>59</v>
      </c>
      <c r="D543" s="9" t="s">
        <v>264</v>
      </c>
      <c r="E543" s="9" t="s">
        <v>227</v>
      </c>
      <c r="F543" s="9" t="s">
        <v>282</v>
      </c>
      <c r="G543" s="9" t="s">
        <v>277</v>
      </c>
      <c r="H543" s="6">
        <v>524</v>
      </c>
      <c r="I543" s="6">
        <v>472</v>
      </c>
      <c r="J543" s="6">
        <v>472</v>
      </c>
      <c r="K543" s="6">
        <v>52</v>
      </c>
      <c r="L543" s="10" t="s">
        <v>55</v>
      </c>
    </row>
    <row r="544" spans="1:12">
      <c r="A544" s="9" t="s">
        <v>56</v>
      </c>
      <c r="B544" s="9" t="s">
        <v>57</v>
      </c>
      <c r="C544" s="9" t="s">
        <v>59</v>
      </c>
      <c r="D544" s="9" t="s">
        <v>264</v>
      </c>
      <c r="E544" s="9" t="s">
        <v>227</v>
      </c>
      <c r="F544" s="9" t="s">
        <v>282</v>
      </c>
      <c r="G544" s="9" t="s">
        <v>278</v>
      </c>
      <c r="H544" s="6">
        <v>429</v>
      </c>
      <c r="I544" s="6">
        <v>381</v>
      </c>
      <c r="J544" s="6">
        <v>359</v>
      </c>
      <c r="K544" s="6">
        <v>48</v>
      </c>
      <c r="L544" s="10" t="s">
        <v>55</v>
      </c>
    </row>
    <row r="545" spans="1:12">
      <c r="A545" s="9" t="s">
        <v>56</v>
      </c>
      <c r="B545" s="9" t="s">
        <v>57</v>
      </c>
      <c r="C545" s="9" t="s">
        <v>59</v>
      </c>
      <c r="D545" s="9" t="s">
        <v>264</v>
      </c>
      <c r="E545" s="9" t="s">
        <v>227</v>
      </c>
      <c r="F545" s="9" t="s">
        <v>282</v>
      </c>
      <c r="G545" s="9" t="s">
        <v>279</v>
      </c>
      <c r="H545" s="6">
        <v>210</v>
      </c>
      <c r="I545" s="6">
        <v>181</v>
      </c>
      <c r="J545" s="6">
        <v>176</v>
      </c>
      <c r="K545" s="6">
        <v>29</v>
      </c>
      <c r="L545" s="10" t="s">
        <v>55</v>
      </c>
    </row>
    <row r="546" spans="1:12">
      <c r="A546" s="9" t="s">
        <v>56</v>
      </c>
      <c r="B546" s="9" t="s">
        <v>57</v>
      </c>
      <c r="C546" s="9" t="s">
        <v>59</v>
      </c>
      <c r="D546" s="9" t="s">
        <v>264</v>
      </c>
      <c r="E546" s="9" t="s">
        <v>227</v>
      </c>
      <c r="F546" s="9" t="s">
        <v>282</v>
      </c>
      <c r="G546" s="9" t="s">
        <v>280</v>
      </c>
      <c r="H546" s="6">
        <v>804</v>
      </c>
      <c r="I546" s="6">
        <v>543</v>
      </c>
      <c r="J546" s="6">
        <v>528</v>
      </c>
      <c r="K546" s="6">
        <v>261</v>
      </c>
      <c r="L546" s="10" t="s">
        <v>55</v>
      </c>
    </row>
    <row r="547" spans="1:12">
      <c r="A547" s="9" t="s">
        <v>56</v>
      </c>
      <c r="B547" s="9" t="s">
        <v>57</v>
      </c>
      <c r="C547" s="9" t="s">
        <v>59</v>
      </c>
      <c r="D547" s="9" t="s">
        <v>264</v>
      </c>
      <c r="E547" s="9" t="s">
        <v>227</v>
      </c>
      <c r="F547" s="9" t="s">
        <v>283</v>
      </c>
      <c r="G547" s="9" t="s">
        <v>6</v>
      </c>
      <c r="H547" s="6">
        <v>2461</v>
      </c>
      <c r="I547" s="6">
        <v>2175</v>
      </c>
      <c r="J547" s="6">
        <v>2121</v>
      </c>
      <c r="K547" s="6">
        <v>286</v>
      </c>
      <c r="L547" s="10" t="s">
        <v>55</v>
      </c>
    </row>
    <row r="548" spans="1:12">
      <c r="A548" s="9" t="s">
        <v>56</v>
      </c>
      <c r="B548" s="9" t="s">
        <v>57</v>
      </c>
      <c r="C548" s="9" t="s">
        <v>59</v>
      </c>
      <c r="D548" s="9" t="s">
        <v>264</v>
      </c>
      <c r="E548" s="9" t="s">
        <v>227</v>
      </c>
      <c r="F548" s="9" t="s">
        <v>283</v>
      </c>
      <c r="G548" s="9" t="s">
        <v>272</v>
      </c>
      <c r="H548" s="6">
        <v>154</v>
      </c>
      <c r="I548" s="6">
        <v>111</v>
      </c>
      <c r="J548" s="6">
        <v>111</v>
      </c>
      <c r="K548" s="6">
        <v>43</v>
      </c>
      <c r="L548" s="10" t="s">
        <v>55</v>
      </c>
    </row>
    <row r="549" spans="1:12">
      <c r="A549" s="9" t="s">
        <v>56</v>
      </c>
      <c r="B549" s="9" t="s">
        <v>57</v>
      </c>
      <c r="C549" s="9" t="s">
        <v>59</v>
      </c>
      <c r="D549" s="9" t="s">
        <v>264</v>
      </c>
      <c r="E549" s="9" t="s">
        <v>227</v>
      </c>
      <c r="F549" s="9" t="s">
        <v>283</v>
      </c>
      <c r="G549" s="9" t="s">
        <v>273</v>
      </c>
      <c r="H549" s="6">
        <v>353</v>
      </c>
      <c r="I549" s="6">
        <v>297</v>
      </c>
      <c r="J549" s="6">
        <v>291</v>
      </c>
      <c r="K549" s="6">
        <v>56</v>
      </c>
      <c r="L549" s="10" t="s">
        <v>55</v>
      </c>
    </row>
    <row r="550" spans="1:12">
      <c r="A550" s="9" t="s">
        <v>56</v>
      </c>
      <c r="B550" s="9" t="s">
        <v>57</v>
      </c>
      <c r="C550" s="9" t="s">
        <v>59</v>
      </c>
      <c r="D550" s="9" t="s">
        <v>264</v>
      </c>
      <c r="E550" s="9" t="s">
        <v>227</v>
      </c>
      <c r="F550" s="9" t="s">
        <v>283</v>
      </c>
      <c r="G550" s="9" t="s">
        <v>274</v>
      </c>
      <c r="H550" s="6">
        <v>421</v>
      </c>
      <c r="I550" s="6">
        <v>375</v>
      </c>
      <c r="J550" s="6">
        <v>361</v>
      </c>
      <c r="K550" s="6">
        <v>46</v>
      </c>
      <c r="L550" s="10" t="s">
        <v>55</v>
      </c>
    </row>
    <row r="551" spans="1:12">
      <c r="A551" s="9" t="s">
        <v>56</v>
      </c>
      <c r="B551" s="9" t="s">
        <v>57</v>
      </c>
      <c r="C551" s="9" t="s">
        <v>59</v>
      </c>
      <c r="D551" s="9" t="s">
        <v>264</v>
      </c>
      <c r="E551" s="9" t="s">
        <v>227</v>
      </c>
      <c r="F551" s="9" t="s">
        <v>283</v>
      </c>
      <c r="G551" s="9" t="s">
        <v>275</v>
      </c>
      <c r="H551" s="6">
        <v>509</v>
      </c>
      <c r="I551" s="6">
        <v>477</v>
      </c>
      <c r="J551" s="6">
        <v>463</v>
      </c>
      <c r="K551" s="6">
        <v>32</v>
      </c>
      <c r="L551" s="10" t="s">
        <v>55</v>
      </c>
    </row>
    <row r="552" spans="1:12">
      <c r="A552" s="9" t="s">
        <v>56</v>
      </c>
      <c r="B552" s="9" t="s">
        <v>57</v>
      </c>
      <c r="C552" s="9" t="s">
        <v>59</v>
      </c>
      <c r="D552" s="9" t="s">
        <v>264</v>
      </c>
      <c r="E552" s="9" t="s">
        <v>227</v>
      </c>
      <c r="F552" s="9" t="s">
        <v>283</v>
      </c>
      <c r="G552" s="9" t="s">
        <v>276</v>
      </c>
      <c r="H552" s="6">
        <v>453</v>
      </c>
      <c r="I552" s="6">
        <v>427</v>
      </c>
      <c r="J552" s="6">
        <v>420</v>
      </c>
      <c r="K552" s="6">
        <v>26</v>
      </c>
      <c r="L552" s="10" t="s">
        <v>55</v>
      </c>
    </row>
    <row r="553" spans="1:12">
      <c r="A553" s="9" t="s">
        <v>56</v>
      </c>
      <c r="B553" s="9" t="s">
        <v>57</v>
      </c>
      <c r="C553" s="9" t="s">
        <v>59</v>
      </c>
      <c r="D553" s="9" t="s">
        <v>264</v>
      </c>
      <c r="E553" s="9" t="s">
        <v>227</v>
      </c>
      <c r="F553" s="9" t="s">
        <v>283</v>
      </c>
      <c r="G553" s="9" t="s">
        <v>277</v>
      </c>
      <c r="H553" s="6">
        <v>223</v>
      </c>
      <c r="I553" s="6">
        <v>204</v>
      </c>
      <c r="J553" s="6">
        <v>204</v>
      </c>
      <c r="K553" s="6">
        <v>19</v>
      </c>
      <c r="L553" s="10" t="s">
        <v>55</v>
      </c>
    </row>
    <row r="554" spans="1:12">
      <c r="A554" s="9" t="s">
        <v>56</v>
      </c>
      <c r="B554" s="9" t="s">
        <v>57</v>
      </c>
      <c r="C554" s="9" t="s">
        <v>59</v>
      </c>
      <c r="D554" s="9" t="s">
        <v>264</v>
      </c>
      <c r="E554" s="9" t="s">
        <v>227</v>
      </c>
      <c r="F554" s="9" t="s">
        <v>283</v>
      </c>
      <c r="G554" s="9" t="s">
        <v>278</v>
      </c>
      <c r="H554" s="6">
        <v>115</v>
      </c>
      <c r="I554" s="6">
        <v>102</v>
      </c>
      <c r="J554" s="6">
        <v>102</v>
      </c>
      <c r="K554" s="6">
        <v>13</v>
      </c>
      <c r="L554" s="10" t="s">
        <v>55</v>
      </c>
    </row>
    <row r="555" spans="1:12">
      <c r="A555" s="9" t="s">
        <v>56</v>
      </c>
      <c r="B555" s="9" t="s">
        <v>57</v>
      </c>
      <c r="C555" s="9" t="s">
        <v>59</v>
      </c>
      <c r="D555" s="9" t="s">
        <v>264</v>
      </c>
      <c r="E555" s="9" t="s">
        <v>227</v>
      </c>
      <c r="F555" s="9" t="s">
        <v>283</v>
      </c>
      <c r="G555" s="9" t="s">
        <v>279</v>
      </c>
      <c r="H555" s="6">
        <v>71</v>
      </c>
      <c r="I555" s="6">
        <v>57</v>
      </c>
      <c r="J555" s="6">
        <v>51</v>
      </c>
      <c r="K555" s="6">
        <v>14</v>
      </c>
      <c r="L555" s="10" t="s">
        <v>55</v>
      </c>
    </row>
    <row r="556" spans="1:12">
      <c r="A556" s="9" t="s">
        <v>56</v>
      </c>
      <c r="B556" s="9" t="s">
        <v>57</v>
      </c>
      <c r="C556" s="9" t="s">
        <v>59</v>
      </c>
      <c r="D556" s="9" t="s">
        <v>264</v>
      </c>
      <c r="E556" s="9" t="s">
        <v>227</v>
      </c>
      <c r="F556" s="9" t="s">
        <v>283</v>
      </c>
      <c r="G556" s="9" t="s">
        <v>280</v>
      </c>
      <c r="H556" s="6">
        <v>162</v>
      </c>
      <c r="I556" s="6">
        <v>125</v>
      </c>
      <c r="J556" s="6">
        <v>118</v>
      </c>
      <c r="K556" s="6">
        <v>37</v>
      </c>
      <c r="L556" s="10" t="s">
        <v>55</v>
      </c>
    </row>
    <row r="557" spans="1:12">
      <c r="A557" s="9" t="s">
        <v>56</v>
      </c>
      <c r="B557" s="9" t="s">
        <v>57</v>
      </c>
      <c r="C557" s="9" t="s">
        <v>59</v>
      </c>
      <c r="D557" s="9" t="s">
        <v>264</v>
      </c>
      <c r="E557" s="9" t="s">
        <v>228</v>
      </c>
      <c r="F557" s="9" t="s">
        <v>6</v>
      </c>
      <c r="G557" s="9" t="s">
        <v>6</v>
      </c>
      <c r="H557" s="6">
        <v>2073</v>
      </c>
      <c r="I557" s="6">
        <v>601</v>
      </c>
      <c r="J557" s="6">
        <v>526</v>
      </c>
      <c r="K557" s="6">
        <v>1467</v>
      </c>
      <c r="L557" s="6">
        <v>5</v>
      </c>
    </row>
    <row r="558" spans="1:12">
      <c r="A558" s="9" t="s">
        <v>56</v>
      </c>
      <c r="B558" s="9" t="s">
        <v>57</v>
      </c>
      <c r="C558" s="9" t="s">
        <v>59</v>
      </c>
      <c r="D558" s="9" t="s">
        <v>264</v>
      </c>
      <c r="E558" s="9" t="s">
        <v>228</v>
      </c>
      <c r="F558" s="9" t="s">
        <v>234</v>
      </c>
      <c r="G558" s="9" t="s">
        <v>6</v>
      </c>
      <c r="H558" s="6">
        <v>20</v>
      </c>
      <c r="I558" s="6">
        <v>8</v>
      </c>
      <c r="J558" s="6">
        <v>8</v>
      </c>
      <c r="K558" s="6">
        <v>12</v>
      </c>
      <c r="L558" s="10" t="s">
        <v>55</v>
      </c>
    </row>
    <row r="559" spans="1:12">
      <c r="A559" s="9" t="s">
        <v>56</v>
      </c>
      <c r="B559" s="9" t="s">
        <v>57</v>
      </c>
      <c r="C559" s="9" t="s">
        <v>59</v>
      </c>
      <c r="D559" s="9" t="s">
        <v>264</v>
      </c>
      <c r="E559" s="9" t="s">
        <v>228</v>
      </c>
      <c r="F559" s="9" t="s">
        <v>235</v>
      </c>
      <c r="G559" s="9" t="s">
        <v>6</v>
      </c>
      <c r="H559" s="6">
        <v>2053</v>
      </c>
      <c r="I559" s="6">
        <v>593</v>
      </c>
      <c r="J559" s="6">
        <v>518</v>
      </c>
      <c r="K559" s="6">
        <v>1455</v>
      </c>
      <c r="L559" s="6">
        <v>5</v>
      </c>
    </row>
    <row r="560" spans="1:12">
      <c r="A560" s="9" t="s">
        <v>56</v>
      </c>
      <c r="B560" s="9" t="s">
        <v>57</v>
      </c>
      <c r="C560" s="9" t="s">
        <v>59</v>
      </c>
      <c r="D560" s="9" t="s">
        <v>264</v>
      </c>
      <c r="E560" s="9" t="s">
        <v>228</v>
      </c>
      <c r="F560" s="9" t="s">
        <v>235</v>
      </c>
      <c r="G560" s="9" t="s">
        <v>272</v>
      </c>
      <c r="H560" s="6">
        <v>6</v>
      </c>
      <c r="I560" s="10" t="s">
        <v>55</v>
      </c>
      <c r="J560" s="10" t="s">
        <v>55</v>
      </c>
      <c r="K560" s="6">
        <v>6</v>
      </c>
      <c r="L560" s="10" t="s">
        <v>55</v>
      </c>
    </row>
    <row r="561" spans="1:12">
      <c r="A561" s="9" t="s">
        <v>56</v>
      </c>
      <c r="B561" s="9" t="s">
        <v>57</v>
      </c>
      <c r="C561" s="9" t="s">
        <v>59</v>
      </c>
      <c r="D561" s="9" t="s">
        <v>264</v>
      </c>
      <c r="E561" s="9" t="s">
        <v>228</v>
      </c>
      <c r="F561" s="9" t="s">
        <v>235</v>
      </c>
      <c r="G561" s="9" t="s">
        <v>273</v>
      </c>
      <c r="H561" s="6">
        <v>44</v>
      </c>
      <c r="I561" s="6">
        <v>17</v>
      </c>
      <c r="J561" s="6">
        <v>17</v>
      </c>
      <c r="K561" s="6">
        <v>27</v>
      </c>
      <c r="L561" s="10" t="s">
        <v>55</v>
      </c>
    </row>
    <row r="562" spans="1:12">
      <c r="A562" s="9" t="s">
        <v>56</v>
      </c>
      <c r="B562" s="9" t="s">
        <v>57</v>
      </c>
      <c r="C562" s="9" t="s">
        <v>59</v>
      </c>
      <c r="D562" s="9" t="s">
        <v>264</v>
      </c>
      <c r="E562" s="9" t="s">
        <v>228</v>
      </c>
      <c r="F562" s="9" t="s">
        <v>235</v>
      </c>
      <c r="G562" s="9" t="s">
        <v>274</v>
      </c>
      <c r="H562" s="6">
        <v>48</v>
      </c>
      <c r="I562" s="6">
        <v>35</v>
      </c>
      <c r="J562" s="6">
        <v>21</v>
      </c>
      <c r="K562" s="6">
        <v>13</v>
      </c>
      <c r="L562" s="10" t="s">
        <v>55</v>
      </c>
    </row>
    <row r="563" spans="1:12">
      <c r="A563" s="9" t="s">
        <v>56</v>
      </c>
      <c r="B563" s="9" t="s">
        <v>57</v>
      </c>
      <c r="C563" s="9" t="s">
        <v>59</v>
      </c>
      <c r="D563" s="9" t="s">
        <v>264</v>
      </c>
      <c r="E563" s="9" t="s">
        <v>228</v>
      </c>
      <c r="F563" s="9" t="s">
        <v>235</v>
      </c>
      <c r="G563" s="9" t="s">
        <v>275</v>
      </c>
      <c r="H563" s="6">
        <v>4</v>
      </c>
      <c r="I563" s="6">
        <v>4</v>
      </c>
      <c r="J563" s="6">
        <v>4</v>
      </c>
      <c r="K563" s="10" t="s">
        <v>55</v>
      </c>
      <c r="L563" s="10" t="s">
        <v>55</v>
      </c>
    </row>
    <row r="564" spans="1:12">
      <c r="A564" s="9" t="s">
        <v>56</v>
      </c>
      <c r="B564" s="9" t="s">
        <v>57</v>
      </c>
      <c r="C564" s="9" t="s">
        <v>59</v>
      </c>
      <c r="D564" s="9" t="s">
        <v>264</v>
      </c>
      <c r="E564" s="9" t="s">
        <v>228</v>
      </c>
      <c r="F564" s="9" t="s">
        <v>235</v>
      </c>
      <c r="G564" s="9" t="s">
        <v>276</v>
      </c>
      <c r="H564" s="6">
        <v>7</v>
      </c>
      <c r="I564" s="6">
        <v>7</v>
      </c>
      <c r="J564" s="10" t="s">
        <v>55</v>
      </c>
      <c r="K564" s="10" t="s">
        <v>55</v>
      </c>
      <c r="L564" s="10" t="s">
        <v>55</v>
      </c>
    </row>
    <row r="565" spans="1:12">
      <c r="A565" s="9" t="s">
        <v>56</v>
      </c>
      <c r="B565" s="9" t="s">
        <v>57</v>
      </c>
      <c r="C565" s="9" t="s">
        <v>59</v>
      </c>
      <c r="D565" s="9" t="s">
        <v>264</v>
      </c>
      <c r="E565" s="9" t="s">
        <v>228</v>
      </c>
      <c r="F565" s="9" t="s">
        <v>235</v>
      </c>
      <c r="G565" s="9" t="s">
        <v>277</v>
      </c>
      <c r="H565" s="6">
        <v>9</v>
      </c>
      <c r="I565" s="6">
        <v>5</v>
      </c>
      <c r="J565" s="6">
        <v>5</v>
      </c>
      <c r="K565" s="6">
        <v>4</v>
      </c>
      <c r="L565" s="10" t="s">
        <v>55</v>
      </c>
    </row>
    <row r="566" spans="1:12">
      <c r="A566" s="9" t="s">
        <v>56</v>
      </c>
      <c r="B566" s="9" t="s">
        <v>57</v>
      </c>
      <c r="C566" s="9" t="s">
        <v>59</v>
      </c>
      <c r="D566" s="9" t="s">
        <v>264</v>
      </c>
      <c r="E566" s="9" t="s">
        <v>228</v>
      </c>
      <c r="F566" s="9" t="s">
        <v>235</v>
      </c>
      <c r="G566" s="9" t="s">
        <v>278</v>
      </c>
      <c r="H566" s="6">
        <v>23</v>
      </c>
      <c r="I566" s="6">
        <v>19</v>
      </c>
      <c r="J566" s="6">
        <v>19</v>
      </c>
      <c r="K566" s="6">
        <v>4</v>
      </c>
      <c r="L566" s="10" t="s">
        <v>55</v>
      </c>
    </row>
    <row r="567" spans="1:12">
      <c r="A567" s="9" t="s">
        <v>56</v>
      </c>
      <c r="B567" s="9" t="s">
        <v>57</v>
      </c>
      <c r="C567" s="9" t="s">
        <v>59</v>
      </c>
      <c r="D567" s="9" t="s">
        <v>264</v>
      </c>
      <c r="E567" s="9" t="s">
        <v>228</v>
      </c>
      <c r="F567" s="9" t="s">
        <v>235</v>
      </c>
      <c r="G567" s="9" t="s">
        <v>279</v>
      </c>
      <c r="H567" s="6">
        <v>29</v>
      </c>
      <c r="I567" s="6">
        <v>21</v>
      </c>
      <c r="J567" s="6">
        <v>21</v>
      </c>
      <c r="K567" s="6">
        <v>8</v>
      </c>
      <c r="L567" s="10" t="s">
        <v>55</v>
      </c>
    </row>
    <row r="568" spans="1:12">
      <c r="A568" s="9" t="s">
        <v>56</v>
      </c>
      <c r="B568" s="9" t="s">
        <v>57</v>
      </c>
      <c r="C568" s="9" t="s">
        <v>59</v>
      </c>
      <c r="D568" s="9" t="s">
        <v>264</v>
      </c>
      <c r="E568" s="9" t="s">
        <v>228</v>
      </c>
      <c r="F568" s="9" t="s">
        <v>235</v>
      </c>
      <c r="G568" s="9" t="s">
        <v>280</v>
      </c>
      <c r="H568" s="6">
        <v>1883</v>
      </c>
      <c r="I568" s="6">
        <v>485</v>
      </c>
      <c r="J568" s="6">
        <v>431</v>
      </c>
      <c r="K568" s="6">
        <v>1393</v>
      </c>
      <c r="L568" s="6">
        <v>5</v>
      </c>
    </row>
    <row r="569" spans="1:12">
      <c r="A569" s="9" t="s">
        <v>56</v>
      </c>
      <c r="B569" s="9" t="s">
        <v>57</v>
      </c>
      <c r="C569" s="9" t="s">
        <v>59</v>
      </c>
      <c r="D569" s="9" t="s">
        <v>264</v>
      </c>
      <c r="E569" s="9" t="s">
        <v>228</v>
      </c>
      <c r="F569" s="9" t="s">
        <v>281</v>
      </c>
      <c r="G569" s="9" t="s">
        <v>6</v>
      </c>
      <c r="H569" s="6">
        <v>1541</v>
      </c>
      <c r="I569" s="6">
        <v>408</v>
      </c>
      <c r="J569" s="6">
        <v>358</v>
      </c>
      <c r="K569" s="6">
        <v>1128</v>
      </c>
      <c r="L569" s="6">
        <v>5</v>
      </c>
    </row>
    <row r="570" spans="1:12">
      <c r="A570" s="9" t="s">
        <v>56</v>
      </c>
      <c r="B570" s="9" t="s">
        <v>57</v>
      </c>
      <c r="C570" s="9" t="s">
        <v>59</v>
      </c>
      <c r="D570" s="9" t="s">
        <v>264</v>
      </c>
      <c r="E570" s="9" t="s">
        <v>228</v>
      </c>
      <c r="F570" s="9" t="s">
        <v>281</v>
      </c>
      <c r="G570" s="9" t="s">
        <v>272</v>
      </c>
      <c r="H570" s="10" t="s">
        <v>55</v>
      </c>
      <c r="I570" s="10" t="s">
        <v>55</v>
      </c>
      <c r="J570" s="10" t="s">
        <v>55</v>
      </c>
      <c r="K570" s="10" t="s">
        <v>55</v>
      </c>
      <c r="L570" s="10" t="s">
        <v>55</v>
      </c>
    </row>
    <row r="571" spans="1:12">
      <c r="A571" s="9" t="s">
        <v>56</v>
      </c>
      <c r="B571" s="9" t="s">
        <v>57</v>
      </c>
      <c r="C571" s="9" t="s">
        <v>59</v>
      </c>
      <c r="D571" s="9" t="s">
        <v>264</v>
      </c>
      <c r="E571" s="9" t="s">
        <v>228</v>
      </c>
      <c r="F571" s="9" t="s">
        <v>281</v>
      </c>
      <c r="G571" s="9" t="s">
        <v>273</v>
      </c>
      <c r="H571" s="6">
        <v>23</v>
      </c>
      <c r="I571" s="6">
        <v>9</v>
      </c>
      <c r="J571" s="6">
        <v>9</v>
      </c>
      <c r="K571" s="6">
        <v>14</v>
      </c>
      <c r="L571" s="10" t="s">
        <v>55</v>
      </c>
    </row>
    <row r="572" spans="1:12">
      <c r="A572" s="9" t="s">
        <v>56</v>
      </c>
      <c r="B572" s="9" t="s">
        <v>57</v>
      </c>
      <c r="C572" s="9" t="s">
        <v>59</v>
      </c>
      <c r="D572" s="9" t="s">
        <v>264</v>
      </c>
      <c r="E572" s="9" t="s">
        <v>228</v>
      </c>
      <c r="F572" s="9" t="s">
        <v>281</v>
      </c>
      <c r="G572" s="9" t="s">
        <v>274</v>
      </c>
      <c r="H572" s="6">
        <v>14</v>
      </c>
      <c r="I572" s="6">
        <v>14</v>
      </c>
      <c r="J572" s="6">
        <v>8</v>
      </c>
      <c r="K572" s="10" t="s">
        <v>55</v>
      </c>
      <c r="L572" s="10" t="s">
        <v>55</v>
      </c>
    </row>
    <row r="573" spans="1:12">
      <c r="A573" s="9" t="s">
        <v>56</v>
      </c>
      <c r="B573" s="9" t="s">
        <v>57</v>
      </c>
      <c r="C573" s="9" t="s">
        <v>59</v>
      </c>
      <c r="D573" s="9" t="s">
        <v>264</v>
      </c>
      <c r="E573" s="9" t="s">
        <v>228</v>
      </c>
      <c r="F573" s="9" t="s">
        <v>281</v>
      </c>
      <c r="G573" s="9" t="s">
        <v>275</v>
      </c>
      <c r="H573" s="6">
        <v>4</v>
      </c>
      <c r="I573" s="6">
        <v>4</v>
      </c>
      <c r="J573" s="6">
        <v>4</v>
      </c>
      <c r="K573" s="10" t="s">
        <v>55</v>
      </c>
      <c r="L573" s="10" t="s">
        <v>55</v>
      </c>
    </row>
    <row r="574" spans="1:12">
      <c r="A574" s="9" t="s">
        <v>56</v>
      </c>
      <c r="B574" s="9" t="s">
        <v>57</v>
      </c>
      <c r="C574" s="9" t="s">
        <v>59</v>
      </c>
      <c r="D574" s="9" t="s">
        <v>264</v>
      </c>
      <c r="E574" s="9" t="s">
        <v>228</v>
      </c>
      <c r="F574" s="9" t="s">
        <v>281</v>
      </c>
      <c r="G574" s="9" t="s">
        <v>276</v>
      </c>
      <c r="H574" s="10" t="s">
        <v>55</v>
      </c>
      <c r="I574" s="10" t="s">
        <v>55</v>
      </c>
      <c r="J574" s="10" t="s">
        <v>55</v>
      </c>
      <c r="K574" s="10" t="s">
        <v>55</v>
      </c>
      <c r="L574" s="10" t="s">
        <v>55</v>
      </c>
    </row>
    <row r="575" spans="1:12">
      <c r="A575" s="9" t="s">
        <v>56</v>
      </c>
      <c r="B575" s="9" t="s">
        <v>57</v>
      </c>
      <c r="C575" s="9" t="s">
        <v>59</v>
      </c>
      <c r="D575" s="9" t="s">
        <v>264</v>
      </c>
      <c r="E575" s="9" t="s">
        <v>228</v>
      </c>
      <c r="F575" s="9" t="s">
        <v>281</v>
      </c>
      <c r="G575" s="9" t="s">
        <v>277</v>
      </c>
      <c r="H575" s="6">
        <v>4</v>
      </c>
      <c r="I575" s="10" t="s">
        <v>55</v>
      </c>
      <c r="J575" s="10" t="s">
        <v>55</v>
      </c>
      <c r="K575" s="6">
        <v>4</v>
      </c>
      <c r="L575" s="10" t="s">
        <v>55</v>
      </c>
    </row>
    <row r="576" spans="1:12">
      <c r="A576" s="9" t="s">
        <v>56</v>
      </c>
      <c r="B576" s="9" t="s">
        <v>57</v>
      </c>
      <c r="C576" s="9" t="s">
        <v>59</v>
      </c>
      <c r="D576" s="9" t="s">
        <v>264</v>
      </c>
      <c r="E576" s="9" t="s">
        <v>228</v>
      </c>
      <c r="F576" s="9" t="s">
        <v>281</v>
      </c>
      <c r="G576" s="9" t="s">
        <v>278</v>
      </c>
      <c r="H576" s="6">
        <v>13</v>
      </c>
      <c r="I576" s="6">
        <v>9</v>
      </c>
      <c r="J576" s="6">
        <v>9</v>
      </c>
      <c r="K576" s="6">
        <v>4</v>
      </c>
      <c r="L576" s="10" t="s">
        <v>55</v>
      </c>
    </row>
    <row r="577" spans="1:12">
      <c r="A577" s="9" t="s">
        <v>56</v>
      </c>
      <c r="B577" s="9" t="s">
        <v>57</v>
      </c>
      <c r="C577" s="9" t="s">
        <v>59</v>
      </c>
      <c r="D577" s="9" t="s">
        <v>264</v>
      </c>
      <c r="E577" s="9" t="s">
        <v>228</v>
      </c>
      <c r="F577" s="9" t="s">
        <v>281</v>
      </c>
      <c r="G577" s="9" t="s">
        <v>279</v>
      </c>
      <c r="H577" s="6">
        <v>12</v>
      </c>
      <c r="I577" s="6">
        <v>4</v>
      </c>
      <c r="J577" s="6">
        <v>4</v>
      </c>
      <c r="K577" s="6">
        <v>8</v>
      </c>
      <c r="L577" s="10" t="s">
        <v>55</v>
      </c>
    </row>
    <row r="578" spans="1:12">
      <c r="A578" s="9" t="s">
        <v>56</v>
      </c>
      <c r="B578" s="9" t="s">
        <v>57</v>
      </c>
      <c r="C578" s="9" t="s">
        <v>59</v>
      </c>
      <c r="D578" s="9" t="s">
        <v>264</v>
      </c>
      <c r="E578" s="9" t="s">
        <v>228</v>
      </c>
      <c r="F578" s="9" t="s">
        <v>281</v>
      </c>
      <c r="G578" s="9" t="s">
        <v>280</v>
      </c>
      <c r="H578" s="6">
        <v>1471</v>
      </c>
      <c r="I578" s="6">
        <v>368</v>
      </c>
      <c r="J578" s="6">
        <v>324</v>
      </c>
      <c r="K578" s="6">
        <v>1098</v>
      </c>
      <c r="L578" s="6">
        <v>5</v>
      </c>
    </row>
    <row r="579" spans="1:12">
      <c r="A579" s="9" t="s">
        <v>56</v>
      </c>
      <c r="B579" s="9" t="s">
        <v>57</v>
      </c>
      <c r="C579" s="9" t="s">
        <v>59</v>
      </c>
      <c r="D579" s="9" t="s">
        <v>264</v>
      </c>
      <c r="E579" s="9" t="s">
        <v>228</v>
      </c>
      <c r="F579" s="9" t="s">
        <v>282</v>
      </c>
      <c r="G579" s="9" t="s">
        <v>6</v>
      </c>
      <c r="H579" s="6">
        <v>429</v>
      </c>
      <c r="I579" s="6">
        <v>137</v>
      </c>
      <c r="J579" s="6">
        <v>120</v>
      </c>
      <c r="K579" s="6">
        <v>292</v>
      </c>
      <c r="L579" s="10" t="s">
        <v>55</v>
      </c>
    </row>
    <row r="580" spans="1:12">
      <c r="A580" s="9" t="s">
        <v>56</v>
      </c>
      <c r="B580" s="9" t="s">
        <v>57</v>
      </c>
      <c r="C580" s="9" t="s">
        <v>59</v>
      </c>
      <c r="D580" s="9" t="s">
        <v>264</v>
      </c>
      <c r="E580" s="9" t="s">
        <v>228</v>
      </c>
      <c r="F580" s="9" t="s">
        <v>282</v>
      </c>
      <c r="G580" s="9" t="s">
        <v>272</v>
      </c>
      <c r="H580" s="6">
        <v>6</v>
      </c>
      <c r="I580" s="10" t="s">
        <v>55</v>
      </c>
      <c r="J580" s="10" t="s">
        <v>55</v>
      </c>
      <c r="K580" s="6">
        <v>6</v>
      </c>
      <c r="L580" s="10" t="s">
        <v>55</v>
      </c>
    </row>
    <row r="581" spans="1:12">
      <c r="A581" s="9" t="s">
        <v>56</v>
      </c>
      <c r="B581" s="9" t="s">
        <v>57</v>
      </c>
      <c r="C581" s="9" t="s">
        <v>59</v>
      </c>
      <c r="D581" s="9" t="s">
        <v>264</v>
      </c>
      <c r="E581" s="9" t="s">
        <v>228</v>
      </c>
      <c r="F581" s="9" t="s">
        <v>282</v>
      </c>
      <c r="G581" s="9" t="s">
        <v>273</v>
      </c>
      <c r="H581" s="6">
        <v>13</v>
      </c>
      <c r="I581" s="10" t="s">
        <v>55</v>
      </c>
      <c r="J581" s="10" t="s">
        <v>55</v>
      </c>
      <c r="K581" s="6">
        <v>13</v>
      </c>
      <c r="L581" s="10" t="s">
        <v>55</v>
      </c>
    </row>
    <row r="582" spans="1:12">
      <c r="A582" s="9" t="s">
        <v>56</v>
      </c>
      <c r="B582" s="9" t="s">
        <v>57</v>
      </c>
      <c r="C582" s="9" t="s">
        <v>59</v>
      </c>
      <c r="D582" s="9" t="s">
        <v>264</v>
      </c>
      <c r="E582" s="9" t="s">
        <v>228</v>
      </c>
      <c r="F582" s="9" t="s">
        <v>282</v>
      </c>
      <c r="G582" s="9" t="s">
        <v>274</v>
      </c>
      <c r="H582" s="6">
        <v>6</v>
      </c>
      <c r="I582" s="10" t="s">
        <v>55</v>
      </c>
      <c r="J582" s="10" t="s">
        <v>55</v>
      </c>
      <c r="K582" s="6">
        <v>6</v>
      </c>
      <c r="L582" s="10" t="s">
        <v>55</v>
      </c>
    </row>
    <row r="583" spans="1:12">
      <c r="A583" s="9" t="s">
        <v>56</v>
      </c>
      <c r="B583" s="9" t="s">
        <v>57</v>
      </c>
      <c r="C583" s="9" t="s">
        <v>59</v>
      </c>
      <c r="D583" s="9" t="s">
        <v>264</v>
      </c>
      <c r="E583" s="9" t="s">
        <v>228</v>
      </c>
      <c r="F583" s="9" t="s">
        <v>282</v>
      </c>
      <c r="G583" s="9" t="s">
        <v>275</v>
      </c>
      <c r="H583" s="10" t="s">
        <v>55</v>
      </c>
      <c r="I583" s="10" t="s">
        <v>55</v>
      </c>
      <c r="J583" s="10" t="s">
        <v>55</v>
      </c>
      <c r="K583" s="10" t="s">
        <v>55</v>
      </c>
      <c r="L583" s="10" t="s">
        <v>55</v>
      </c>
    </row>
    <row r="584" spans="1:12">
      <c r="A584" s="9" t="s">
        <v>56</v>
      </c>
      <c r="B584" s="9" t="s">
        <v>57</v>
      </c>
      <c r="C584" s="9" t="s">
        <v>59</v>
      </c>
      <c r="D584" s="9" t="s">
        <v>264</v>
      </c>
      <c r="E584" s="9" t="s">
        <v>228</v>
      </c>
      <c r="F584" s="9" t="s">
        <v>282</v>
      </c>
      <c r="G584" s="9" t="s">
        <v>276</v>
      </c>
      <c r="H584" s="6">
        <v>7</v>
      </c>
      <c r="I584" s="6">
        <v>7</v>
      </c>
      <c r="J584" s="10" t="s">
        <v>55</v>
      </c>
      <c r="K584" s="10" t="s">
        <v>55</v>
      </c>
      <c r="L584" s="10" t="s">
        <v>55</v>
      </c>
    </row>
    <row r="585" spans="1:12">
      <c r="A585" s="9" t="s">
        <v>56</v>
      </c>
      <c r="B585" s="9" t="s">
        <v>57</v>
      </c>
      <c r="C585" s="9" t="s">
        <v>59</v>
      </c>
      <c r="D585" s="9" t="s">
        <v>264</v>
      </c>
      <c r="E585" s="9" t="s">
        <v>228</v>
      </c>
      <c r="F585" s="9" t="s">
        <v>282</v>
      </c>
      <c r="G585" s="9" t="s">
        <v>277</v>
      </c>
      <c r="H585" s="6">
        <v>5</v>
      </c>
      <c r="I585" s="6">
        <v>5</v>
      </c>
      <c r="J585" s="6">
        <v>5</v>
      </c>
      <c r="K585" s="10" t="s">
        <v>55</v>
      </c>
      <c r="L585" s="10" t="s">
        <v>55</v>
      </c>
    </row>
    <row r="586" spans="1:12">
      <c r="A586" s="9" t="s">
        <v>56</v>
      </c>
      <c r="B586" s="9" t="s">
        <v>57</v>
      </c>
      <c r="C586" s="9" t="s">
        <v>59</v>
      </c>
      <c r="D586" s="9" t="s">
        <v>264</v>
      </c>
      <c r="E586" s="9" t="s">
        <v>228</v>
      </c>
      <c r="F586" s="9" t="s">
        <v>282</v>
      </c>
      <c r="G586" s="9" t="s">
        <v>278</v>
      </c>
      <c r="H586" s="6">
        <v>10</v>
      </c>
      <c r="I586" s="6">
        <v>10</v>
      </c>
      <c r="J586" s="6">
        <v>10</v>
      </c>
      <c r="K586" s="10" t="s">
        <v>55</v>
      </c>
      <c r="L586" s="10" t="s">
        <v>55</v>
      </c>
    </row>
    <row r="587" spans="1:12">
      <c r="A587" s="9" t="s">
        <v>56</v>
      </c>
      <c r="B587" s="9" t="s">
        <v>57</v>
      </c>
      <c r="C587" s="9" t="s">
        <v>59</v>
      </c>
      <c r="D587" s="9" t="s">
        <v>264</v>
      </c>
      <c r="E587" s="9" t="s">
        <v>228</v>
      </c>
      <c r="F587" s="9" t="s">
        <v>282</v>
      </c>
      <c r="G587" s="9" t="s">
        <v>279</v>
      </c>
      <c r="H587" s="6">
        <v>11</v>
      </c>
      <c r="I587" s="6">
        <v>11</v>
      </c>
      <c r="J587" s="6">
        <v>11</v>
      </c>
      <c r="K587" s="10" t="s">
        <v>55</v>
      </c>
      <c r="L587" s="10" t="s">
        <v>55</v>
      </c>
    </row>
    <row r="588" spans="1:12">
      <c r="A588" s="9" t="s">
        <v>56</v>
      </c>
      <c r="B588" s="9" t="s">
        <v>57</v>
      </c>
      <c r="C588" s="9" t="s">
        <v>59</v>
      </c>
      <c r="D588" s="9" t="s">
        <v>264</v>
      </c>
      <c r="E588" s="9" t="s">
        <v>228</v>
      </c>
      <c r="F588" s="9" t="s">
        <v>282</v>
      </c>
      <c r="G588" s="9" t="s">
        <v>280</v>
      </c>
      <c r="H588" s="6">
        <v>371</v>
      </c>
      <c r="I588" s="6">
        <v>104</v>
      </c>
      <c r="J588" s="6">
        <v>94</v>
      </c>
      <c r="K588" s="6">
        <v>267</v>
      </c>
      <c r="L588" s="10" t="s">
        <v>55</v>
      </c>
    </row>
    <row r="589" spans="1:12">
      <c r="A589" s="9" t="s">
        <v>56</v>
      </c>
      <c r="B589" s="9" t="s">
        <v>57</v>
      </c>
      <c r="C589" s="9" t="s">
        <v>59</v>
      </c>
      <c r="D589" s="9" t="s">
        <v>264</v>
      </c>
      <c r="E589" s="9" t="s">
        <v>228</v>
      </c>
      <c r="F589" s="9" t="s">
        <v>283</v>
      </c>
      <c r="G589" s="9" t="s">
        <v>6</v>
      </c>
      <c r="H589" s="6">
        <v>83</v>
      </c>
      <c r="I589" s="6">
        <v>48</v>
      </c>
      <c r="J589" s="6">
        <v>40</v>
      </c>
      <c r="K589" s="6">
        <v>35</v>
      </c>
      <c r="L589" s="10" t="s">
        <v>55</v>
      </c>
    </row>
    <row r="590" spans="1:12">
      <c r="A590" s="9" t="s">
        <v>56</v>
      </c>
      <c r="B590" s="9" t="s">
        <v>57</v>
      </c>
      <c r="C590" s="9" t="s">
        <v>59</v>
      </c>
      <c r="D590" s="9" t="s">
        <v>264</v>
      </c>
      <c r="E590" s="9" t="s">
        <v>228</v>
      </c>
      <c r="F590" s="9" t="s">
        <v>283</v>
      </c>
      <c r="G590" s="9" t="s">
        <v>272</v>
      </c>
      <c r="H590" s="10" t="s">
        <v>55</v>
      </c>
      <c r="I590" s="10" t="s">
        <v>55</v>
      </c>
      <c r="J590" s="10" t="s">
        <v>55</v>
      </c>
      <c r="K590" s="10" t="s">
        <v>55</v>
      </c>
      <c r="L590" s="10" t="s">
        <v>55</v>
      </c>
    </row>
    <row r="591" spans="1:12">
      <c r="A591" s="9" t="s">
        <v>56</v>
      </c>
      <c r="B591" s="9" t="s">
        <v>57</v>
      </c>
      <c r="C591" s="9" t="s">
        <v>59</v>
      </c>
      <c r="D591" s="9" t="s">
        <v>264</v>
      </c>
      <c r="E591" s="9" t="s">
        <v>228</v>
      </c>
      <c r="F591" s="9" t="s">
        <v>283</v>
      </c>
      <c r="G591" s="9" t="s">
        <v>273</v>
      </c>
      <c r="H591" s="6">
        <v>8</v>
      </c>
      <c r="I591" s="6">
        <v>8</v>
      </c>
      <c r="J591" s="6">
        <v>8</v>
      </c>
      <c r="K591" s="10" t="s">
        <v>55</v>
      </c>
      <c r="L591" s="10" t="s">
        <v>55</v>
      </c>
    </row>
    <row r="592" spans="1:12">
      <c r="A592" s="9" t="s">
        <v>56</v>
      </c>
      <c r="B592" s="9" t="s">
        <v>57</v>
      </c>
      <c r="C592" s="9" t="s">
        <v>59</v>
      </c>
      <c r="D592" s="9" t="s">
        <v>264</v>
      </c>
      <c r="E592" s="9" t="s">
        <v>228</v>
      </c>
      <c r="F592" s="9" t="s">
        <v>283</v>
      </c>
      <c r="G592" s="9" t="s">
        <v>274</v>
      </c>
      <c r="H592" s="6">
        <v>28</v>
      </c>
      <c r="I592" s="6">
        <v>21</v>
      </c>
      <c r="J592" s="6">
        <v>13</v>
      </c>
      <c r="K592" s="6">
        <v>7</v>
      </c>
      <c r="L592" s="10" t="s">
        <v>55</v>
      </c>
    </row>
    <row r="593" spans="1:12">
      <c r="A593" s="9" t="s">
        <v>56</v>
      </c>
      <c r="B593" s="9" t="s">
        <v>57</v>
      </c>
      <c r="C593" s="9" t="s">
        <v>59</v>
      </c>
      <c r="D593" s="9" t="s">
        <v>264</v>
      </c>
      <c r="E593" s="9" t="s">
        <v>228</v>
      </c>
      <c r="F593" s="9" t="s">
        <v>283</v>
      </c>
      <c r="G593" s="9" t="s">
        <v>275</v>
      </c>
      <c r="H593" s="10" t="s">
        <v>55</v>
      </c>
      <c r="I593" s="10" t="s">
        <v>55</v>
      </c>
      <c r="J593" s="10" t="s">
        <v>55</v>
      </c>
      <c r="K593" s="10" t="s">
        <v>55</v>
      </c>
      <c r="L593" s="10" t="s">
        <v>55</v>
      </c>
    </row>
    <row r="594" spans="1:12">
      <c r="A594" s="9" t="s">
        <v>56</v>
      </c>
      <c r="B594" s="9" t="s">
        <v>57</v>
      </c>
      <c r="C594" s="9" t="s">
        <v>59</v>
      </c>
      <c r="D594" s="9" t="s">
        <v>264</v>
      </c>
      <c r="E594" s="9" t="s">
        <v>228</v>
      </c>
      <c r="F594" s="9" t="s">
        <v>283</v>
      </c>
      <c r="G594" s="9" t="s">
        <v>276</v>
      </c>
      <c r="H594" s="10" t="s">
        <v>55</v>
      </c>
      <c r="I594" s="10" t="s">
        <v>55</v>
      </c>
      <c r="J594" s="10" t="s">
        <v>55</v>
      </c>
      <c r="K594" s="10" t="s">
        <v>55</v>
      </c>
      <c r="L594" s="10" t="s">
        <v>55</v>
      </c>
    </row>
    <row r="595" spans="1:12">
      <c r="A595" s="9" t="s">
        <v>56</v>
      </c>
      <c r="B595" s="9" t="s">
        <v>57</v>
      </c>
      <c r="C595" s="9" t="s">
        <v>59</v>
      </c>
      <c r="D595" s="9" t="s">
        <v>264</v>
      </c>
      <c r="E595" s="9" t="s">
        <v>228</v>
      </c>
      <c r="F595" s="9" t="s">
        <v>283</v>
      </c>
      <c r="G595" s="9" t="s">
        <v>277</v>
      </c>
      <c r="H595" s="10" t="s">
        <v>55</v>
      </c>
      <c r="I595" s="10" t="s">
        <v>55</v>
      </c>
      <c r="J595" s="10" t="s">
        <v>55</v>
      </c>
      <c r="K595" s="10" t="s">
        <v>55</v>
      </c>
      <c r="L595" s="10" t="s">
        <v>55</v>
      </c>
    </row>
    <row r="596" spans="1:12">
      <c r="A596" s="9" t="s">
        <v>56</v>
      </c>
      <c r="B596" s="9" t="s">
        <v>57</v>
      </c>
      <c r="C596" s="9" t="s">
        <v>59</v>
      </c>
      <c r="D596" s="9" t="s">
        <v>264</v>
      </c>
      <c r="E596" s="9" t="s">
        <v>228</v>
      </c>
      <c r="F596" s="9" t="s">
        <v>283</v>
      </c>
      <c r="G596" s="9" t="s">
        <v>278</v>
      </c>
      <c r="H596" s="10" t="s">
        <v>55</v>
      </c>
      <c r="I596" s="10" t="s">
        <v>55</v>
      </c>
      <c r="J596" s="10" t="s">
        <v>55</v>
      </c>
      <c r="K596" s="10" t="s">
        <v>55</v>
      </c>
      <c r="L596" s="10" t="s">
        <v>55</v>
      </c>
    </row>
    <row r="597" spans="1:12">
      <c r="A597" s="9" t="s">
        <v>56</v>
      </c>
      <c r="B597" s="9" t="s">
        <v>57</v>
      </c>
      <c r="C597" s="9" t="s">
        <v>59</v>
      </c>
      <c r="D597" s="9" t="s">
        <v>264</v>
      </c>
      <c r="E597" s="9" t="s">
        <v>228</v>
      </c>
      <c r="F597" s="9" t="s">
        <v>283</v>
      </c>
      <c r="G597" s="9" t="s">
        <v>279</v>
      </c>
      <c r="H597" s="6">
        <v>6</v>
      </c>
      <c r="I597" s="6">
        <v>6</v>
      </c>
      <c r="J597" s="6">
        <v>6</v>
      </c>
      <c r="K597" s="10" t="s">
        <v>55</v>
      </c>
      <c r="L597" s="10" t="s">
        <v>55</v>
      </c>
    </row>
    <row r="598" spans="1:12">
      <c r="A598" s="9" t="s">
        <v>56</v>
      </c>
      <c r="B598" s="9" t="s">
        <v>57</v>
      </c>
      <c r="C598" s="9" t="s">
        <v>59</v>
      </c>
      <c r="D598" s="9" t="s">
        <v>264</v>
      </c>
      <c r="E598" s="9" t="s">
        <v>228</v>
      </c>
      <c r="F598" s="9" t="s">
        <v>283</v>
      </c>
      <c r="G598" s="9" t="s">
        <v>280</v>
      </c>
      <c r="H598" s="6">
        <v>41</v>
      </c>
      <c r="I598" s="6">
        <v>13</v>
      </c>
      <c r="J598" s="6">
        <v>13</v>
      </c>
      <c r="K598" s="6">
        <v>28</v>
      </c>
      <c r="L598" s="10" t="s">
        <v>55</v>
      </c>
    </row>
    <row r="599" spans="1:12">
      <c r="A599" s="9" t="s">
        <v>56</v>
      </c>
      <c r="B599" s="9" t="s">
        <v>57</v>
      </c>
      <c r="C599" s="9" t="s">
        <v>59</v>
      </c>
      <c r="D599" s="9" t="s">
        <v>264</v>
      </c>
      <c r="E599" s="9" t="s">
        <v>18</v>
      </c>
      <c r="F599" s="9" t="s">
        <v>6</v>
      </c>
      <c r="G599" s="9" t="s">
        <v>6</v>
      </c>
      <c r="H599" s="6">
        <v>627</v>
      </c>
      <c r="I599" s="6">
        <v>7</v>
      </c>
      <c r="J599" s="6">
        <v>7</v>
      </c>
      <c r="K599" s="6">
        <v>5</v>
      </c>
      <c r="L599" s="6">
        <v>615</v>
      </c>
    </row>
    <row r="600" spans="1:12">
      <c r="A600" s="9" t="s">
        <v>56</v>
      </c>
      <c r="B600" s="9" t="s">
        <v>57</v>
      </c>
      <c r="C600" s="9" t="s">
        <v>59</v>
      </c>
      <c r="D600" s="9" t="s">
        <v>264</v>
      </c>
      <c r="E600" s="9" t="s">
        <v>18</v>
      </c>
      <c r="F600" s="9" t="s">
        <v>234</v>
      </c>
      <c r="G600" s="9" t="s">
        <v>6</v>
      </c>
      <c r="H600" s="6">
        <v>19</v>
      </c>
      <c r="I600" s="6">
        <v>7</v>
      </c>
      <c r="J600" s="6">
        <v>7</v>
      </c>
      <c r="K600" s="10" t="s">
        <v>55</v>
      </c>
      <c r="L600" s="6">
        <v>12</v>
      </c>
    </row>
    <row r="601" spans="1:12">
      <c r="A601" s="9" t="s">
        <v>56</v>
      </c>
      <c r="B601" s="9" t="s">
        <v>57</v>
      </c>
      <c r="C601" s="9" t="s">
        <v>59</v>
      </c>
      <c r="D601" s="9" t="s">
        <v>264</v>
      </c>
      <c r="E601" s="9" t="s">
        <v>18</v>
      </c>
      <c r="F601" s="9" t="s">
        <v>235</v>
      </c>
      <c r="G601" s="9" t="s">
        <v>6</v>
      </c>
      <c r="H601" s="6">
        <v>608</v>
      </c>
      <c r="I601" s="10" t="s">
        <v>55</v>
      </c>
      <c r="J601" s="10" t="s">
        <v>55</v>
      </c>
      <c r="K601" s="6">
        <v>5</v>
      </c>
      <c r="L601" s="6">
        <v>603</v>
      </c>
    </row>
    <row r="602" spans="1:12">
      <c r="A602" s="9" t="s">
        <v>56</v>
      </c>
      <c r="B602" s="9" t="s">
        <v>57</v>
      </c>
      <c r="C602" s="9" t="s">
        <v>59</v>
      </c>
      <c r="D602" s="9" t="s">
        <v>264</v>
      </c>
      <c r="E602" s="9" t="s">
        <v>18</v>
      </c>
      <c r="F602" s="9" t="s">
        <v>235</v>
      </c>
      <c r="G602" s="9" t="s">
        <v>272</v>
      </c>
      <c r="H602" s="6">
        <v>37</v>
      </c>
      <c r="I602" s="10" t="s">
        <v>55</v>
      </c>
      <c r="J602" s="10" t="s">
        <v>55</v>
      </c>
      <c r="K602" s="10" t="s">
        <v>55</v>
      </c>
      <c r="L602" s="6">
        <v>37</v>
      </c>
    </row>
    <row r="603" spans="1:12">
      <c r="A603" s="9" t="s">
        <v>56</v>
      </c>
      <c r="B603" s="9" t="s">
        <v>57</v>
      </c>
      <c r="C603" s="9" t="s">
        <v>59</v>
      </c>
      <c r="D603" s="9" t="s">
        <v>264</v>
      </c>
      <c r="E603" s="9" t="s">
        <v>18</v>
      </c>
      <c r="F603" s="9" t="s">
        <v>235</v>
      </c>
      <c r="G603" s="9" t="s">
        <v>273</v>
      </c>
      <c r="H603" s="6">
        <v>49</v>
      </c>
      <c r="I603" s="10" t="s">
        <v>55</v>
      </c>
      <c r="J603" s="10" t="s">
        <v>55</v>
      </c>
      <c r="K603" s="10" t="s">
        <v>55</v>
      </c>
      <c r="L603" s="6">
        <v>49</v>
      </c>
    </row>
    <row r="604" spans="1:12">
      <c r="A604" s="9" t="s">
        <v>56</v>
      </c>
      <c r="B604" s="9" t="s">
        <v>57</v>
      </c>
      <c r="C604" s="9" t="s">
        <v>59</v>
      </c>
      <c r="D604" s="9" t="s">
        <v>264</v>
      </c>
      <c r="E604" s="9" t="s">
        <v>18</v>
      </c>
      <c r="F604" s="9" t="s">
        <v>235</v>
      </c>
      <c r="G604" s="9" t="s">
        <v>274</v>
      </c>
      <c r="H604" s="6">
        <v>74</v>
      </c>
      <c r="I604" s="10" t="s">
        <v>55</v>
      </c>
      <c r="J604" s="10" t="s">
        <v>55</v>
      </c>
      <c r="K604" s="10" t="s">
        <v>55</v>
      </c>
      <c r="L604" s="6">
        <v>74</v>
      </c>
    </row>
    <row r="605" spans="1:12">
      <c r="A605" s="9" t="s">
        <v>56</v>
      </c>
      <c r="B605" s="9" t="s">
        <v>57</v>
      </c>
      <c r="C605" s="9" t="s">
        <v>59</v>
      </c>
      <c r="D605" s="9" t="s">
        <v>264</v>
      </c>
      <c r="E605" s="9" t="s">
        <v>18</v>
      </c>
      <c r="F605" s="9" t="s">
        <v>235</v>
      </c>
      <c r="G605" s="9" t="s">
        <v>275</v>
      </c>
      <c r="H605" s="6">
        <v>29</v>
      </c>
      <c r="I605" s="10" t="s">
        <v>55</v>
      </c>
      <c r="J605" s="10" t="s">
        <v>55</v>
      </c>
      <c r="K605" s="10" t="s">
        <v>55</v>
      </c>
      <c r="L605" s="6">
        <v>29</v>
      </c>
    </row>
    <row r="606" spans="1:12">
      <c r="A606" s="9" t="s">
        <v>56</v>
      </c>
      <c r="B606" s="9" t="s">
        <v>57</v>
      </c>
      <c r="C606" s="9" t="s">
        <v>59</v>
      </c>
      <c r="D606" s="9" t="s">
        <v>264</v>
      </c>
      <c r="E606" s="9" t="s">
        <v>18</v>
      </c>
      <c r="F606" s="9" t="s">
        <v>235</v>
      </c>
      <c r="G606" s="9" t="s">
        <v>276</v>
      </c>
      <c r="H606" s="6">
        <v>71</v>
      </c>
      <c r="I606" s="10" t="s">
        <v>55</v>
      </c>
      <c r="J606" s="10" t="s">
        <v>55</v>
      </c>
      <c r="K606" s="10" t="s">
        <v>55</v>
      </c>
      <c r="L606" s="6">
        <v>71</v>
      </c>
    </row>
    <row r="607" spans="1:12">
      <c r="A607" s="9" t="s">
        <v>56</v>
      </c>
      <c r="B607" s="9" t="s">
        <v>57</v>
      </c>
      <c r="C607" s="9" t="s">
        <v>59</v>
      </c>
      <c r="D607" s="9" t="s">
        <v>264</v>
      </c>
      <c r="E607" s="9" t="s">
        <v>18</v>
      </c>
      <c r="F607" s="9" t="s">
        <v>235</v>
      </c>
      <c r="G607" s="9" t="s">
        <v>277</v>
      </c>
      <c r="H607" s="6">
        <v>83</v>
      </c>
      <c r="I607" s="10" t="s">
        <v>55</v>
      </c>
      <c r="J607" s="10" t="s">
        <v>55</v>
      </c>
      <c r="K607" s="10" t="s">
        <v>55</v>
      </c>
      <c r="L607" s="6">
        <v>83</v>
      </c>
    </row>
    <row r="608" spans="1:12">
      <c r="A608" s="9" t="s">
        <v>56</v>
      </c>
      <c r="B608" s="9" t="s">
        <v>57</v>
      </c>
      <c r="C608" s="9" t="s">
        <v>59</v>
      </c>
      <c r="D608" s="9" t="s">
        <v>264</v>
      </c>
      <c r="E608" s="9" t="s">
        <v>18</v>
      </c>
      <c r="F608" s="9" t="s">
        <v>235</v>
      </c>
      <c r="G608" s="9" t="s">
        <v>278</v>
      </c>
      <c r="H608" s="6">
        <v>61</v>
      </c>
      <c r="I608" s="10" t="s">
        <v>55</v>
      </c>
      <c r="J608" s="10" t="s">
        <v>55</v>
      </c>
      <c r="K608" s="10" t="s">
        <v>55</v>
      </c>
      <c r="L608" s="6">
        <v>61</v>
      </c>
    </row>
    <row r="609" spans="1:12">
      <c r="A609" s="9" t="s">
        <v>56</v>
      </c>
      <c r="B609" s="9" t="s">
        <v>57</v>
      </c>
      <c r="C609" s="9" t="s">
        <v>59</v>
      </c>
      <c r="D609" s="9" t="s">
        <v>264</v>
      </c>
      <c r="E609" s="9" t="s">
        <v>18</v>
      </c>
      <c r="F609" s="9" t="s">
        <v>235</v>
      </c>
      <c r="G609" s="9" t="s">
        <v>279</v>
      </c>
      <c r="H609" s="6">
        <v>38</v>
      </c>
      <c r="I609" s="10" t="s">
        <v>55</v>
      </c>
      <c r="J609" s="10" t="s">
        <v>55</v>
      </c>
      <c r="K609" s="10" t="s">
        <v>55</v>
      </c>
      <c r="L609" s="6">
        <v>38</v>
      </c>
    </row>
    <row r="610" spans="1:12">
      <c r="A610" s="9" t="s">
        <v>56</v>
      </c>
      <c r="B610" s="9" t="s">
        <v>57</v>
      </c>
      <c r="C610" s="9" t="s">
        <v>59</v>
      </c>
      <c r="D610" s="9" t="s">
        <v>264</v>
      </c>
      <c r="E610" s="9" t="s">
        <v>18</v>
      </c>
      <c r="F610" s="9" t="s">
        <v>235</v>
      </c>
      <c r="G610" s="9" t="s">
        <v>280</v>
      </c>
      <c r="H610" s="6">
        <v>166</v>
      </c>
      <c r="I610" s="10" t="s">
        <v>55</v>
      </c>
      <c r="J610" s="10" t="s">
        <v>55</v>
      </c>
      <c r="K610" s="6">
        <v>5</v>
      </c>
      <c r="L610" s="6">
        <v>161</v>
      </c>
    </row>
    <row r="611" spans="1:12">
      <c r="A611" s="9" t="s">
        <v>56</v>
      </c>
      <c r="B611" s="9" t="s">
        <v>57</v>
      </c>
      <c r="C611" s="9" t="s">
        <v>59</v>
      </c>
      <c r="D611" s="9" t="s">
        <v>264</v>
      </c>
      <c r="E611" s="9" t="s">
        <v>18</v>
      </c>
      <c r="F611" s="9" t="s">
        <v>281</v>
      </c>
      <c r="G611" s="9" t="s">
        <v>6</v>
      </c>
      <c r="H611" s="6">
        <v>204</v>
      </c>
      <c r="I611" s="10" t="s">
        <v>55</v>
      </c>
      <c r="J611" s="10" t="s">
        <v>55</v>
      </c>
      <c r="K611" s="10" t="s">
        <v>55</v>
      </c>
      <c r="L611" s="6">
        <v>204</v>
      </c>
    </row>
    <row r="612" spans="1:12">
      <c r="A612" s="9" t="s">
        <v>56</v>
      </c>
      <c r="B612" s="9" t="s">
        <v>57</v>
      </c>
      <c r="C612" s="9" t="s">
        <v>59</v>
      </c>
      <c r="D612" s="9" t="s">
        <v>264</v>
      </c>
      <c r="E612" s="9" t="s">
        <v>18</v>
      </c>
      <c r="F612" s="9" t="s">
        <v>281</v>
      </c>
      <c r="G612" s="9" t="s">
        <v>272</v>
      </c>
      <c r="H612" s="6">
        <v>5</v>
      </c>
      <c r="I612" s="10" t="s">
        <v>55</v>
      </c>
      <c r="J612" s="10" t="s">
        <v>55</v>
      </c>
      <c r="K612" s="10" t="s">
        <v>55</v>
      </c>
      <c r="L612" s="6">
        <v>5</v>
      </c>
    </row>
    <row r="613" spans="1:12">
      <c r="A613" s="9" t="s">
        <v>56</v>
      </c>
      <c r="B613" s="9" t="s">
        <v>57</v>
      </c>
      <c r="C613" s="9" t="s">
        <v>59</v>
      </c>
      <c r="D613" s="9" t="s">
        <v>264</v>
      </c>
      <c r="E613" s="9" t="s">
        <v>18</v>
      </c>
      <c r="F613" s="9" t="s">
        <v>281</v>
      </c>
      <c r="G613" s="9" t="s">
        <v>273</v>
      </c>
      <c r="H613" s="6">
        <v>5</v>
      </c>
      <c r="I613" s="10" t="s">
        <v>55</v>
      </c>
      <c r="J613" s="10" t="s">
        <v>55</v>
      </c>
      <c r="K613" s="10" t="s">
        <v>55</v>
      </c>
      <c r="L613" s="6">
        <v>5</v>
      </c>
    </row>
    <row r="614" spans="1:12">
      <c r="A614" s="9" t="s">
        <v>56</v>
      </c>
      <c r="B614" s="9" t="s">
        <v>57</v>
      </c>
      <c r="C614" s="9" t="s">
        <v>59</v>
      </c>
      <c r="D614" s="9" t="s">
        <v>264</v>
      </c>
      <c r="E614" s="9" t="s">
        <v>18</v>
      </c>
      <c r="F614" s="9" t="s">
        <v>281</v>
      </c>
      <c r="G614" s="9" t="s">
        <v>274</v>
      </c>
      <c r="H614" s="6">
        <v>18</v>
      </c>
      <c r="I614" s="10" t="s">
        <v>55</v>
      </c>
      <c r="J614" s="10" t="s">
        <v>55</v>
      </c>
      <c r="K614" s="10" t="s">
        <v>55</v>
      </c>
      <c r="L614" s="6">
        <v>18</v>
      </c>
    </row>
    <row r="615" spans="1:12">
      <c r="A615" s="9" t="s">
        <v>56</v>
      </c>
      <c r="B615" s="9" t="s">
        <v>57</v>
      </c>
      <c r="C615" s="9" t="s">
        <v>59</v>
      </c>
      <c r="D615" s="9" t="s">
        <v>264</v>
      </c>
      <c r="E615" s="9" t="s">
        <v>18</v>
      </c>
      <c r="F615" s="9" t="s">
        <v>281</v>
      </c>
      <c r="G615" s="9" t="s">
        <v>275</v>
      </c>
      <c r="H615" s="6">
        <v>9</v>
      </c>
      <c r="I615" s="10" t="s">
        <v>55</v>
      </c>
      <c r="J615" s="10" t="s">
        <v>55</v>
      </c>
      <c r="K615" s="10" t="s">
        <v>55</v>
      </c>
      <c r="L615" s="6">
        <v>9</v>
      </c>
    </row>
    <row r="616" spans="1:12">
      <c r="A616" s="9" t="s">
        <v>56</v>
      </c>
      <c r="B616" s="9" t="s">
        <v>57</v>
      </c>
      <c r="C616" s="9" t="s">
        <v>59</v>
      </c>
      <c r="D616" s="9" t="s">
        <v>264</v>
      </c>
      <c r="E616" s="9" t="s">
        <v>18</v>
      </c>
      <c r="F616" s="9" t="s">
        <v>281</v>
      </c>
      <c r="G616" s="9" t="s">
        <v>276</v>
      </c>
      <c r="H616" s="6">
        <v>5</v>
      </c>
      <c r="I616" s="10" t="s">
        <v>55</v>
      </c>
      <c r="J616" s="10" t="s">
        <v>55</v>
      </c>
      <c r="K616" s="10" t="s">
        <v>55</v>
      </c>
      <c r="L616" s="6">
        <v>5</v>
      </c>
    </row>
    <row r="617" spans="1:12">
      <c r="A617" s="9" t="s">
        <v>56</v>
      </c>
      <c r="B617" s="9" t="s">
        <v>57</v>
      </c>
      <c r="C617" s="9" t="s">
        <v>59</v>
      </c>
      <c r="D617" s="9" t="s">
        <v>264</v>
      </c>
      <c r="E617" s="9" t="s">
        <v>18</v>
      </c>
      <c r="F617" s="9" t="s">
        <v>281</v>
      </c>
      <c r="G617" s="9" t="s">
        <v>277</v>
      </c>
      <c r="H617" s="6">
        <v>4</v>
      </c>
      <c r="I617" s="10" t="s">
        <v>55</v>
      </c>
      <c r="J617" s="10" t="s">
        <v>55</v>
      </c>
      <c r="K617" s="10" t="s">
        <v>55</v>
      </c>
      <c r="L617" s="6">
        <v>4</v>
      </c>
    </row>
    <row r="618" spans="1:12">
      <c r="A618" s="9" t="s">
        <v>56</v>
      </c>
      <c r="B618" s="9" t="s">
        <v>57</v>
      </c>
      <c r="C618" s="9" t="s">
        <v>59</v>
      </c>
      <c r="D618" s="9" t="s">
        <v>264</v>
      </c>
      <c r="E618" s="9" t="s">
        <v>18</v>
      </c>
      <c r="F618" s="9" t="s">
        <v>281</v>
      </c>
      <c r="G618" s="9" t="s">
        <v>278</v>
      </c>
      <c r="H618" s="6">
        <v>24</v>
      </c>
      <c r="I618" s="10" t="s">
        <v>55</v>
      </c>
      <c r="J618" s="10" t="s">
        <v>55</v>
      </c>
      <c r="K618" s="10" t="s">
        <v>55</v>
      </c>
      <c r="L618" s="6">
        <v>24</v>
      </c>
    </row>
    <row r="619" spans="1:12">
      <c r="A619" s="9" t="s">
        <v>56</v>
      </c>
      <c r="B619" s="9" t="s">
        <v>57</v>
      </c>
      <c r="C619" s="9" t="s">
        <v>59</v>
      </c>
      <c r="D619" s="9" t="s">
        <v>264</v>
      </c>
      <c r="E619" s="9" t="s">
        <v>18</v>
      </c>
      <c r="F619" s="9" t="s">
        <v>281</v>
      </c>
      <c r="G619" s="9" t="s">
        <v>279</v>
      </c>
      <c r="H619" s="6">
        <v>16</v>
      </c>
      <c r="I619" s="10" t="s">
        <v>55</v>
      </c>
      <c r="J619" s="10" t="s">
        <v>55</v>
      </c>
      <c r="K619" s="10" t="s">
        <v>55</v>
      </c>
      <c r="L619" s="6">
        <v>16</v>
      </c>
    </row>
    <row r="620" spans="1:12">
      <c r="A620" s="9" t="s">
        <v>56</v>
      </c>
      <c r="B620" s="9" t="s">
        <v>57</v>
      </c>
      <c r="C620" s="9" t="s">
        <v>59</v>
      </c>
      <c r="D620" s="9" t="s">
        <v>264</v>
      </c>
      <c r="E620" s="9" t="s">
        <v>18</v>
      </c>
      <c r="F620" s="9" t="s">
        <v>281</v>
      </c>
      <c r="G620" s="9" t="s">
        <v>280</v>
      </c>
      <c r="H620" s="6">
        <v>118</v>
      </c>
      <c r="I620" s="10" t="s">
        <v>55</v>
      </c>
      <c r="J620" s="10" t="s">
        <v>55</v>
      </c>
      <c r="K620" s="10" t="s">
        <v>55</v>
      </c>
      <c r="L620" s="6">
        <v>118</v>
      </c>
    </row>
    <row r="621" spans="1:12">
      <c r="A621" s="9" t="s">
        <v>56</v>
      </c>
      <c r="B621" s="9" t="s">
        <v>57</v>
      </c>
      <c r="C621" s="9" t="s">
        <v>59</v>
      </c>
      <c r="D621" s="9" t="s">
        <v>264</v>
      </c>
      <c r="E621" s="9" t="s">
        <v>18</v>
      </c>
      <c r="F621" s="9" t="s">
        <v>282</v>
      </c>
      <c r="G621" s="9" t="s">
        <v>6</v>
      </c>
      <c r="H621" s="6">
        <v>207</v>
      </c>
      <c r="I621" s="10" t="s">
        <v>55</v>
      </c>
      <c r="J621" s="10" t="s">
        <v>55</v>
      </c>
      <c r="K621" s="6">
        <v>5</v>
      </c>
      <c r="L621" s="6">
        <v>202</v>
      </c>
    </row>
    <row r="622" spans="1:12">
      <c r="A622" s="9" t="s">
        <v>56</v>
      </c>
      <c r="B622" s="9" t="s">
        <v>57</v>
      </c>
      <c r="C622" s="9" t="s">
        <v>59</v>
      </c>
      <c r="D622" s="9" t="s">
        <v>264</v>
      </c>
      <c r="E622" s="9" t="s">
        <v>18</v>
      </c>
      <c r="F622" s="9" t="s">
        <v>282</v>
      </c>
      <c r="G622" s="9" t="s">
        <v>272</v>
      </c>
      <c r="H622" s="6">
        <v>12</v>
      </c>
      <c r="I622" s="10" t="s">
        <v>55</v>
      </c>
      <c r="J622" s="10" t="s">
        <v>55</v>
      </c>
      <c r="K622" s="10" t="s">
        <v>55</v>
      </c>
      <c r="L622" s="6">
        <v>12</v>
      </c>
    </row>
    <row r="623" spans="1:12">
      <c r="A623" s="9" t="s">
        <v>56</v>
      </c>
      <c r="B623" s="9" t="s">
        <v>57</v>
      </c>
      <c r="C623" s="9" t="s">
        <v>59</v>
      </c>
      <c r="D623" s="9" t="s">
        <v>264</v>
      </c>
      <c r="E623" s="9" t="s">
        <v>18</v>
      </c>
      <c r="F623" s="9" t="s">
        <v>282</v>
      </c>
      <c r="G623" s="9" t="s">
        <v>273</v>
      </c>
      <c r="H623" s="6">
        <v>29</v>
      </c>
      <c r="I623" s="10" t="s">
        <v>55</v>
      </c>
      <c r="J623" s="10" t="s">
        <v>55</v>
      </c>
      <c r="K623" s="10" t="s">
        <v>55</v>
      </c>
      <c r="L623" s="6">
        <v>29</v>
      </c>
    </row>
    <row r="624" spans="1:12">
      <c r="A624" s="9" t="s">
        <v>56</v>
      </c>
      <c r="B624" s="9" t="s">
        <v>57</v>
      </c>
      <c r="C624" s="9" t="s">
        <v>59</v>
      </c>
      <c r="D624" s="9" t="s">
        <v>264</v>
      </c>
      <c r="E624" s="9" t="s">
        <v>18</v>
      </c>
      <c r="F624" s="9" t="s">
        <v>282</v>
      </c>
      <c r="G624" s="9" t="s">
        <v>274</v>
      </c>
      <c r="H624" s="6">
        <v>28</v>
      </c>
      <c r="I624" s="10" t="s">
        <v>55</v>
      </c>
      <c r="J624" s="10" t="s">
        <v>55</v>
      </c>
      <c r="K624" s="10" t="s">
        <v>55</v>
      </c>
      <c r="L624" s="6">
        <v>28</v>
      </c>
    </row>
    <row r="625" spans="1:12">
      <c r="A625" s="9" t="s">
        <v>56</v>
      </c>
      <c r="B625" s="9" t="s">
        <v>57</v>
      </c>
      <c r="C625" s="9" t="s">
        <v>59</v>
      </c>
      <c r="D625" s="9" t="s">
        <v>264</v>
      </c>
      <c r="E625" s="9" t="s">
        <v>18</v>
      </c>
      <c r="F625" s="9" t="s">
        <v>282</v>
      </c>
      <c r="G625" s="9" t="s">
        <v>275</v>
      </c>
      <c r="H625" s="6">
        <v>7</v>
      </c>
      <c r="I625" s="10" t="s">
        <v>55</v>
      </c>
      <c r="J625" s="10" t="s">
        <v>55</v>
      </c>
      <c r="K625" s="10" t="s">
        <v>55</v>
      </c>
      <c r="L625" s="6">
        <v>7</v>
      </c>
    </row>
    <row r="626" spans="1:12">
      <c r="A626" s="9" t="s">
        <v>56</v>
      </c>
      <c r="B626" s="9" t="s">
        <v>57</v>
      </c>
      <c r="C626" s="9" t="s">
        <v>59</v>
      </c>
      <c r="D626" s="9" t="s">
        <v>264</v>
      </c>
      <c r="E626" s="9" t="s">
        <v>18</v>
      </c>
      <c r="F626" s="9" t="s">
        <v>282</v>
      </c>
      <c r="G626" s="9" t="s">
        <v>276</v>
      </c>
      <c r="H626" s="6">
        <v>30</v>
      </c>
      <c r="I626" s="10" t="s">
        <v>55</v>
      </c>
      <c r="J626" s="10" t="s">
        <v>55</v>
      </c>
      <c r="K626" s="10" t="s">
        <v>55</v>
      </c>
      <c r="L626" s="6">
        <v>30</v>
      </c>
    </row>
    <row r="627" spans="1:12">
      <c r="A627" s="9" t="s">
        <v>56</v>
      </c>
      <c r="B627" s="9" t="s">
        <v>57</v>
      </c>
      <c r="C627" s="9" t="s">
        <v>59</v>
      </c>
      <c r="D627" s="9" t="s">
        <v>264</v>
      </c>
      <c r="E627" s="9" t="s">
        <v>18</v>
      </c>
      <c r="F627" s="9" t="s">
        <v>282</v>
      </c>
      <c r="G627" s="9" t="s">
        <v>277</v>
      </c>
      <c r="H627" s="6">
        <v>21</v>
      </c>
      <c r="I627" s="10" t="s">
        <v>55</v>
      </c>
      <c r="J627" s="10" t="s">
        <v>55</v>
      </c>
      <c r="K627" s="10" t="s">
        <v>55</v>
      </c>
      <c r="L627" s="6">
        <v>21</v>
      </c>
    </row>
    <row r="628" spans="1:12">
      <c r="A628" s="9" t="s">
        <v>56</v>
      </c>
      <c r="B628" s="9" t="s">
        <v>57</v>
      </c>
      <c r="C628" s="9" t="s">
        <v>59</v>
      </c>
      <c r="D628" s="9" t="s">
        <v>264</v>
      </c>
      <c r="E628" s="9" t="s">
        <v>18</v>
      </c>
      <c r="F628" s="9" t="s">
        <v>282</v>
      </c>
      <c r="G628" s="9" t="s">
        <v>278</v>
      </c>
      <c r="H628" s="6">
        <v>23</v>
      </c>
      <c r="I628" s="10" t="s">
        <v>55</v>
      </c>
      <c r="J628" s="10" t="s">
        <v>55</v>
      </c>
      <c r="K628" s="10" t="s">
        <v>55</v>
      </c>
      <c r="L628" s="6">
        <v>23</v>
      </c>
    </row>
    <row r="629" spans="1:12">
      <c r="A629" s="9" t="s">
        <v>56</v>
      </c>
      <c r="B629" s="9" t="s">
        <v>57</v>
      </c>
      <c r="C629" s="9" t="s">
        <v>59</v>
      </c>
      <c r="D629" s="9" t="s">
        <v>264</v>
      </c>
      <c r="E629" s="9" t="s">
        <v>18</v>
      </c>
      <c r="F629" s="9" t="s">
        <v>282</v>
      </c>
      <c r="G629" s="9" t="s">
        <v>279</v>
      </c>
      <c r="H629" s="6">
        <v>16</v>
      </c>
      <c r="I629" s="10" t="s">
        <v>55</v>
      </c>
      <c r="J629" s="10" t="s">
        <v>55</v>
      </c>
      <c r="K629" s="10" t="s">
        <v>55</v>
      </c>
      <c r="L629" s="6">
        <v>16</v>
      </c>
    </row>
    <row r="630" spans="1:12">
      <c r="A630" s="9" t="s">
        <v>56</v>
      </c>
      <c r="B630" s="9" t="s">
        <v>57</v>
      </c>
      <c r="C630" s="9" t="s">
        <v>59</v>
      </c>
      <c r="D630" s="9" t="s">
        <v>264</v>
      </c>
      <c r="E630" s="9" t="s">
        <v>18</v>
      </c>
      <c r="F630" s="9" t="s">
        <v>282</v>
      </c>
      <c r="G630" s="9" t="s">
        <v>280</v>
      </c>
      <c r="H630" s="6">
        <v>41</v>
      </c>
      <c r="I630" s="10" t="s">
        <v>55</v>
      </c>
      <c r="J630" s="10" t="s">
        <v>55</v>
      </c>
      <c r="K630" s="6">
        <v>5</v>
      </c>
      <c r="L630" s="6">
        <v>36</v>
      </c>
    </row>
    <row r="631" spans="1:12">
      <c r="A631" s="9" t="s">
        <v>56</v>
      </c>
      <c r="B631" s="9" t="s">
        <v>57</v>
      </c>
      <c r="C631" s="9" t="s">
        <v>59</v>
      </c>
      <c r="D631" s="9" t="s">
        <v>264</v>
      </c>
      <c r="E631" s="9" t="s">
        <v>18</v>
      </c>
      <c r="F631" s="9" t="s">
        <v>283</v>
      </c>
      <c r="G631" s="9" t="s">
        <v>6</v>
      </c>
      <c r="H631" s="6">
        <v>197</v>
      </c>
      <c r="I631" s="10" t="s">
        <v>55</v>
      </c>
      <c r="J631" s="10" t="s">
        <v>55</v>
      </c>
      <c r="K631" s="10" t="s">
        <v>55</v>
      </c>
      <c r="L631" s="6">
        <v>197</v>
      </c>
    </row>
    <row r="632" spans="1:12">
      <c r="A632" s="9" t="s">
        <v>56</v>
      </c>
      <c r="B632" s="9" t="s">
        <v>57</v>
      </c>
      <c r="C632" s="9" t="s">
        <v>59</v>
      </c>
      <c r="D632" s="9" t="s">
        <v>264</v>
      </c>
      <c r="E632" s="9" t="s">
        <v>18</v>
      </c>
      <c r="F632" s="9" t="s">
        <v>283</v>
      </c>
      <c r="G632" s="9" t="s">
        <v>272</v>
      </c>
      <c r="H632" s="6">
        <v>20</v>
      </c>
      <c r="I632" s="10" t="s">
        <v>55</v>
      </c>
      <c r="J632" s="10" t="s">
        <v>55</v>
      </c>
      <c r="K632" s="10" t="s">
        <v>55</v>
      </c>
      <c r="L632" s="6">
        <v>20</v>
      </c>
    </row>
    <row r="633" spans="1:12">
      <c r="A633" s="9" t="s">
        <v>56</v>
      </c>
      <c r="B633" s="9" t="s">
        <v>57</v>
      </c>
      <c r="C633" s="9" t="s">
        <v>59</v>
      </c>
      <c r="D633" s="9" t="s">
        <v>264</v>
      </c>
      <c r="E633" s="9" t="s">
        <v>18</v>
      </c>
      <c r="F633" s="9" t="s">
        <v>283</v>
      </c>
      <c r="G633" s="9" t="s">
        <v>273</v>
      </c>
      <c r="H633" s="6">
        <v>15</v>
      </c>
      <c r="I633" s="10" t="s">
        <v>55</v>
      </c>
      <c r="J633" s="10" t="s">
        <v>55</v>
      </c>
      <c r="K633" s="10" t="s">
        <v>55</v>
      </c>
      <c r="L633" s="6">
        <v>15</v>
      </c>
    </row>
    <row r="634" spans="1:12">
      <c r="A634" s="9" t="s">
        <v>56</v>
      </c>
      <c r="B634" s="9" t="s">
        <v>57</v>
      </c>
      <c r="C634" s="9" t="s">
        <v>59</v>
      </c>
      <c r="D634" s="9" t="s">
        <v>264</v>
      </c>
      <c r="E634" s="9" t="s">
        <v>18</v>
      </c>
      <c r="F634" s="9" t="s">
        <v>283</v>
      </c>
      <c r="G634" s="9" t="s">
        <v>274</v>
      </c>
      <c r="H634" s="6">
        <v>28</v>
      </c>
      <c r="I634" s="10" t="s">
        <v>55</v>
      </c>
      <c r="J634" s="10" t="s">
        <v>55</v>
      </c>
      <c r="K634" s="10" t="s">
        <v>55</v>
      </c>
      <c r="L634" s="6">
        <v>28</v>
      </c>
    </row>
    <row r="635" spans="1:12">
      <c r="A635" s="9" t="s">
        <v>56</v>
      </c>
      <c r="B635" s="9" t="s">
        <v>57</v>
      </c>
      <c r="C635" s="9" t="s">
        <v>59</v>
      </c>
      <c r="D635" s="9" t="s">
        <v>264</v>
      </c>
      <c r="E635" s="9" t="s">
        <v>18</v>
      </c>
      <c r="F635" s="9" t="s">
        <v>283</v>
      </c>
      <c r="G635" s="9" t="s">
        <v>275</v>
      </c>
      <c r="H635" s="6">
        <v>13</v>
      </c>
      <c r="I635" s="10" t="s">
        <v>55</v>
      </c>
      <c r="J635" s="10" t="s">
        <v>55</v>
      </c>
      <c r="K635" s="10" t="s">
        <v>55</v>
      </c>
      <c r="L635" s="6">
        <v>13</v>
      </c>
    </row>
    <row r="636" spans="1:12">
      <c r="A636" s="9" t="s">
        <v>56</v>
      </c>
      <c r="B636" s="9" t="s">
        <v>57</v>
      </c>
      <c r="C636" s="9" t="s">
        <v>59</v>
      </c>
      <c r="D636" s="9" t="s">
        <v>264</v>
      </c>
      <c r="E636" s="9" t="s">
        <v>18</v>
      </c>
      <c r="F636" s="9" t="s">
        <v>283</v>
      </c>
      <c r="G636" s="9" t="s">
        <v>276</v>
      </c>
      <c r="H636" s="6">
        <v>36</v>
      </c>
      <c r="I636" s="10" t="s">
        <v>55</v>
      </c>
      <c r="J636" s="10" t="s">
        <v>55</v>
      </c>
      <c r="K636" s="10" t="s">
        <v>55</v>
      </c>
      <c r="L636" s="6">
        <v>36</v>
      </c>
    </row>
    <row r="637" spans="1:12">
      <c r="A637" s="9" t="s">
        <v>56</v>
      </c>
      <c r="B637" s="9" t="s">
        <v>57</v>
      </c>
      <c r="C637" s="9" t="s">
        <v>59</v>
      </c>
      <c r="D637" s="9" t="s">
        <v>264</v>
      </c>
      <c r="E637" s="9" t="s">
        <v>18</v>
      </c>
      <c r="F637" s="9" t="s">
        <v>283</v>
      </c>
      <c r="G637" s="9" t="s">
        <v>277</v>
      </c>
      <c r="H637" s="6">
        <v>58</v>
      </c>
      <c r="I637" s="10" t="s">
        <v>55</v>
      </c>
      <c r="J637" s="10" t="s">
        <v>55</v>
      </c>
      <c r="K637" s="10" t="s">
        <v>55</v>
      </c>
      <c r="L637" s="6">
        <v>58</v>
      </c>
    </row>
    <row r="638" spans="1:12">
      <c r="A638" s="9" t="s">
        <v>56</v>
      </c>
      <c r="B638" s="9" t="s">
        <v>57</v>
      </c>
      <c r="C638" s="9" t="s">
        <v>59</v>
      </c>
      <c r="D638" s="9" t="s">
        <v>264</v>
      </c>
      <c r="E638" s="9" t="s">
        <v>18</v>
      </c>
      <c r="F638" s="9" t="s">
        <v>283</v>
      </c>
      <c r="G638" s="9" t="s">
        <v>278</v>
      </c>
      <c r="H638" s="6">
        <v>14</v>
      </c>
      <c r="I638" s="10" t="s">
        <v>55</v>
      </c>
      <c r="J638" s="10" t="s">
        <v>55</v>
      </c>
      <c r="K638" s="10" t="s">
        <v>55</v>
      </c>
      <c r="L638" s="6">
        <v>14</v>
      </c>
    </row>
    <row r="639" spans="1:12">
      <c r="A639" s="9" t="s">
        <v>56</v>
      </c>
      <c r="B639" s="9" t="s">
        <v>57</v>
      </c>
      <c r="C639" s="9" t="s">
        <v>59</v>
      </c>
      <c r="D639" s="9" t="s">
        <v>264</v>
      </c>
      <c r="E639" s="9" t="s">
        <v>18</v>
      </c>
      <c r="F639" s="9" t="s">
        <v>283</v>
      </c>
      <c r="G639" s="9" t="s">
        <v>279</v>
      </c>
      <c r="H639" s="6">
        <v>6</v>
      </c>
      <c r="I639" s="10" t="s">
        <v>55</v>
      </c>
      <c r="J639" s="10" t="s">
        <v>55</v>
      </c>
      <c r="K639" s="10" t="s">
        <v>55</v>
      </c>
      <c r="L639" s="6">
        <v>6</v>
      </c>
    </row>
    <row r="640" spans="1:12">
      <c r="A640" s="9" t="s">
        <v>56</v>
      </c>
      <c r="B640" s="9" t="s">
        <v>57</v>
      </c>
      <c r="C640" s="9" t="s">
        <v>59</v>
      </c>
      <c r="D640" s="9" t="s">
        <v>264</v>
      </c>
      <c r="E640" s="9" t="s">
        <v>18</v>
      </c>
      <c r="F640" s="9" t="s">
        <v>283</v>
      </c>
      <c r="G640" s="9" t="s">
        <v>280</v>
      </c>
      <c r="H640" s="6">
        <v>7</v>
      </c>
      <c r="I640" s="10" t="s">
        <v>55</v>
      </c>
      <c r="J640" s="10" t="s">
        <v>55</v>
      </c>
      <c r="K640" s="10" t="s">
        <v>55</v>
      </c>
      <c r="L640" s="6">
        <v>7</v>
      </c>
    </row>
  </sheetData>
  <phoneticPr fontId="2"/>
  <pageMargins left="0.7" right="0.7" top="0.75" bottom="0.75" header="0.3" footer="0.3"/>
</worksheet>
</file>

<file path=xl/worksheets/sheet4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E3CC61A-C7E4-4F2E-BD2D-9280263AE8B8}">
  <sheetPr>
    <pageSetUpPr fitToPage="1"/>
  </sheetPr>
  <dimension ref="A1:J1090"/>
  <sheetViews>
    <sheetView zoomScaleNormal="100" workbookViewId="0">
      <pane xSplit="6" ySplit="10" topLeftCell="G11" activePane="bottomRight" state="frozen"/>
      <selection pane="topRight" activeCell="Z1" sqref="Z1"/>
      <selection pane="bottomLeft" activeCell="A19" sqref="A19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18.75" style="11" customWidth="1"/>
    <col min="5" max="6" width="20" style="11" customWidth="1"/>
    <col min="7" max="16384" width="12.625" style="11"/>
  </cols>
  <sheetData>
    <row r="1" spans="1:10" s="1" customFormat="1">
      <c r="A1" s="1" t="s">
        <v>0</v>
      </c>
    </row>
    <row r="2" spans="1:10" s="1" customFormat="1">
      <c r="A2" s="1" t="s">
        <v>293</v>
      </c>
    </row>
    <row r="3" spans="1:10" s="1" customFormat="1"/>
    <row r="4" spans="1:10" s="1" customFormat="1" hidden="1"/>
    <row r="5" spans="1:10" s="1" customFormat="1" ht="24">
      <c r="G5" s="3" t="s">
        <v>294</v>
      </c>
      <c r="H5" s="3" t="s">
        <v>294</v>
      </c>
      <c r="I5" s="3" t="s">
        <v>294</v>
      </c>
      <c r="J5" s="3" t="s">
        <v>294</v>
      </c>
    </row>
    <row r="6" spans="1:10" s="1" customFormat="1" ht="24">
      <c r="G6" s="3" t="s">
        <v>225</v>
      </c>
      <c r="H6" s="3" t="s">
        <v>225</v>
      </c>
      <c r="I6" s="3" t="s">
        <v>225</v>
      </c>
      <c r="J6" s="3" t="s">
        <v>225</v>
      </c>
    </row>
    <row r="7" spans="1:10" s="1" customFormat="1">
      <c r="G7" s="3">
        <v>1</v>
      </c>
      <c r="H7" s="3">
        <v>1</v>
      </c>
      <c r="I7" s="3">
        <v>1</v>
      </c>
      <c r="J7" s="3">
        <v>1</v>
      </c>
    </row>
    <row r="8" spans="1:10" s="1" customFormat="1" ht="24">
      <c r="G8" s="3" t="s">
        <v>6</v>
      </c>
      <c r="H8" s="3" t="s">
        <v>226</v>
      </c>
      <c r="I8" s="3" t="s">
        <v>228</v>
      </c>
      <c r="J8" s="3" t="s">
        <v>18</v>
      </c>
    </row>
    <row r="9" spans="1:10" s="1" customFormat="1">
      <c r="G9" s="4" t="s">
        <v>229</v>
      </c>
      <c r="H9" s="4" t="s">
        <v>229</v>
      </c>
      <c r="I9" s="4" t="s">
        <v>229</v>
      </c>
      <c r="J9" s="4" t="s">
        <v>229</v>
      </c>
    </row>
    <row r="10" spans="1:10" s="1" customFormat="1">
      <c r="A10" s="2" t="s">
        <v>21</v>
      </c>
      <c r="B10" s="2" t="s">
        <v>22</v>
      </c>
      <c r="C10" s="2" t="s">
        <v>23</v>
      </c>
      <c r="D10" s="2" t="s">
        <v>231</v>
      </c>
      <c r="E10" s="2" t="s">
        <v>295</v>
      </c>
      <c r="F10" s="2" t="s">
        <v>296</v>
      </c>
      <c r="G10" s="2" t="s">
        <v>26</v>
      </c>
      <c r="H10" s="2"/>
      <c r="I10" s="2"/>
      <c r="J10" s="2"/>
    </row>
    <row r="11" spans="1:10">
      <c r="A11" s="5" t="s">
        <v>27</v>
      </c>
      <c r="B11" s="5" t="s">
        <v>28</v>
      </c>
      <c r="C11" s="5" t="s">
        <v>29</v>
      </c>
      <c r="D11" s="5" t="s">
        <v>6</v>
      </c>
      <c r="E11" s="5" t="s">
        <v>6</v>
      </c>
      <c r="F11" s="5" t="s">
        <v>6</v>
      </c>
      <c r="G11" s="6">
        <v>11158840</v>
      </c>
      <c r="H11" s="6">
        <v>4512635</v>
      </c>
      <c r="I11" s="6">
        <v>5714737</v>
      </c>
      <c r="J11" s="6">
        <v>931468</v>
      </c>
    </row>
    <row r="12" spans="1:10">
      <c r="A12" s="9" t="s">
        <v>27</v>
      </c>
      <c r="B12" s="9" t="s">
        <v>28</v>
      </c>
      <c r="C12" s="9" t="s">
        <v>29</v>
      </c>
      <c r="D12" s="9" t="s">
        <v>6</v>
      </c>
      <c r="E12" s="9" t="s">
        <v>6</v>
      </c>
      <c r="F12" s="9" t="s">
        <v>297</v>
      </c>
      <c r="G12" s="6">
        <v>3909098</v>
      </c>
      <c r="H12" s="6">
        <v>2567897</v>
      </c>
      <c r="I12" s="6">
        <v>897165</v>
      </c>
      <c r="J12" s="6">
        <v>444036</v>
      </c>
    </row>
    <row r="13" spans="1:10">
      <c r="A13" s="9" t="s">
        <v>27</v>
      </c>
      <c r="B13" s="9" t="s">
        <v>28</v>
      </c>
      <c r="C13" s="9" t="s">
        <v>29</v>
      </c>
      <c r="D13" s="9" t="s">
        <v>6</v>
      </c>
      <c r="E13" s="9" t="s">
        <v>6</v>
      </c>
      <c r="F13" s="9" t="s">
        <v>298</v>
      </c>
      <c r="G13" s="6">
        <v>1303518</v>
      </c>
      <c r="H13" s="6">
        <v>701949</v>
      </c>
      <c r="I13" s="6">
        <v>554626</v>
      </c>
      <c r="J13" s="6">
        <v>46943</v>
      </c>
    </row>
    <row r="14" spans="1:10">
      <c r="A14" s="9" t="s">
        <v>27</v>
      </c>
      <c r="B14" s="9" t="s">
        <v>28</v>
      </c>
      <c r="C14" s="9" t="s">
        <v>29</v>
      </c>
      <c r="D14" s="9" t="s">
        <v>6</v>
      </c>
      <c r="E14" s="9" t="s">
        <v>6</v>
      </c>
      <c r="F14" s="9" t="s">
        <v>299</v>
      </c>
      <c r="G14" s="6">
        <v>1695354</v>
      </c>
      <c r="H14" s="6">
        <v>592233</v>
      </c>
      <c r="I14" s="6">
        <v>1036109</v>
      </c>
      <c r="J14" s="6">
        <v>67012</v>
      </c>
    </row>
    <row r="15" spans="1:10">
      <c r="A15" s="9" t="s">
        <v>27</v>
      </c>
      <c r="B15" s="9" t="s">
        <v>28</v>
      </c>
      <c r="C15" s="9" t="s">
        <v>29</v>
      </c>
      <c r="D15" s="9" t="s">
        <v>6</v>
      </c>
      <c r="E15" s="9" t="s">
        <v>6</v>
      </c>
      <c r="F15" s="9" t="s">
        <v>300</v>
      </c>
      <c r="G15" s="6">
        <v>1924851</v>
      </c>
      <c r="H15" s="6">
        <v>424225</v>
      </c>
      <c r="I15" s="6">
        <v>1382616</v>
      </c>
      <c r="J15" s="6">
        <v>118010</v>
      </c>
    </row>
    <row r="16" spans="1:10">
      <c r="A16" s="9" t="s">
        <v>27</v>
      </c>
      <c r="B16" s="9" t="s">
        <v>28</v>
      </c>
      <c r="C16" s="9" t="s">
        <v>29</v>
      </c>
      <c r="D16" s="9" t="s">
        <v>6</v>
      </c>
      <c r="E16" s="9" t="s">
        <v>6</v>
      </c>
      <c r="F16" s="9" t="s">
        <v>301</v>
      </c>
      <c r="G16" s="6">
        <v>1303271</v>
      </c>
      <c r="H16" s="6">
        <v>160383</v>
      </c>
      <c r="I16" s="6">
        <v>1015617</v>
      </c>
      <c r="J16" s="6">
        <v>127271</v>
      </c>
    </row>
    <row r="17" spans="1:10">
      <c r="A17" s="9" t="s">
        <v>27</v>
      </c>
      <c r="B17" s="9" t="s">
        <v>28</v>
      </c>
      <c r="C17" s="9" t="s">
        <v>29</v>
      </c>
      <c r="D17" s="9" t="s">
        <v>6</v>
      </c>
      <c r="E17" s="9" t="s">
        <v>6</v>
      </c>
      <c r="F17" s="9" t="s">
        <v>302</v>
      </c>
      <c r="G17" s="6">
        <v>711100</v>
      </c>
      <c r="H17" s="6">
        <v>52717</v>
      </c>
      <c r="I17" s="6">
        <v>570115</v>
      </c>
      <c r="J17" s="6">
        <v>88268</v>
      </c>
    </row>
    <row r="18" spans="1:10">
      <c r="A18" s="9" t="s">
        <v>27</v>
      </c>
      <c r="B18" s="9" t="s">
        <v>28</v>
      </c>
      <c r="C18" s="9" t="s">
        <v>29</v>
      </c>
      <c r="D18" s="9" t="s">
        <v>6</v>
      </c>
      <c r="E18" s="9" t="s">
        <v>6</v>
      </c>
      <c r="F18" s="9" t="s">
        <v>303</v>
      </c>
      <c r="G18" s="6">
        <v>311648</v>
      </c>
      <c r="H18" s="6">
        <v>13231</v>
      </c>
      <c r="I18" s="6">
        <v>258489</v>
      </c>
      <c r="J18" s="6">
        <v>39928</v>
      </c>
    </row>
    <row r="19" spans="1:10">
      <c r="A19" s="9" t="s">
        <v>27</v>
      </c>
      <c r="B19" s="9" t="s">
        <v>28</v>
      </c>
      <c r="C19" s="9" t="s">
        <v>29</v>
      </c>
      <c r="D19" s="9" t="s">
        <v>6</v>
      </c>
      <c r="E19" s="9" t="s">
        <v>6</v>
      </c>
      <c r="F19" s="9" t="s">
        <v>304</v>
      </c>
      <c r="G19" s="6">
        <v>7249742</v>
      </c>
      <c r="H19" s="6">
        <v>1944738</v>
      </c>
      <c r="I19" s="6">
        <v>4817572</v>
      </c>
      <c r="J19" s="6">
        <v>487432</v>
      </c>
    </row>
    <row r="20" spans="1:10">
      <c r="A20" s="9" t="s">
        <v>27</v>
      </c>
      <c r="B20" s="9" t="s">
        <v>28</v>
      </c>
      <c r="C20" s="9" t="s">
        <v>29</v>
      </c>
      <c r="D20" s="9" t="s">
        <v>6</v>
      </c>
      <c r="E20" s="9" t="s">
        <v>6</v>
      </c>
      <c r="F20" s="9" t="s">
        <v>49</v>
      </c>
      <c r="G20" s="6">
        <v>5946224</v>
      </c>
      <c r="H20" s="6">
        <v>1242789</v>
      </c>
      <c r="I20" s="6">
        <v>4262946</v>
      </c>
      <c r="J20" s="6">
        <v>440489</v>
      </c>
    </row>
    <row r="21" spans="1:10">
      <c r="A21" s="9" t="s">
        <v>27</v>
      </c>
      <c r="B21" s="9" t="s">
        <v>28</v>
      </c>
      <c r="C21" s="9" t="s">
        <v>29</v>
      </c>
      <c r="D21" s="9" t="s">
        <v>6</v>
      </c>
      <c r="E21" s="9" t="s">
        <v>297</v>
      </c>
      <c r="F21" s="9" t="s">
        <v>6</v>
      </c>
      <c r="G21" s="6">
        <v>3346235</v>
      </c>
      <c r="H21" s="6">
        <v>2199679</v>
      </c>
      <c r="I21" s="6">
        <v>731157</v>
      </c>
      <c r="J21" s="6">
        <v>415399</v>
      </c>
    </row>
    <row r="22" spans="1:10">
      <c r="A22" s="9" t="s">
        <v>27</v>
      </c>
      <c r="B22" s="9" t="s">
        <v>28</v>
      </c>
      <c r="C22" s="9" t="s">
        <v>29</v>
      </c>
      <c r="D22" s="9" t="s">
        <v>6</v>
      </c>
      <c r="E22" s="9" t="s">
        <v>297</v>
      </c>
      <c r="F22" s="9" t="s">
        <v>297</v>
      </c>
      <c r="G22" s="6">
        <v>3242488</v>
      </c>
      <c r="H22" s="6">
        <v>2145346</v>
      </c>
      <c r="I22" s="6">
        <v>689995</v>
      </c>
      <c r="J22" s="6">
        <v>407147</v>
      </c>
    </row>
    <row r="23" spans="1:10">
      <c r="A23" s="9" t="s">
        <v>27</v>
      </c>
      <c r="B23" s="9" t="s">
        <v>28</v>
      </c>
      <c r="C23" s="9" t="s">
        <v>29</v>
      </c>
      <c r="D23" s="9" t="s">
        <v>6</v>
      </c>
      <c r="E23" s="9" t="s">
        <v>297</v>
      </c>
      <c r="F23" s="9" t="s">
        <v>298</v>
      </c>
      <c r="G23" s="6">
        <v>82771</v>
      </c>
      <c r="H23" s="6">
        <v>47197</v>
      </c>
      <c r="I23" s="6">
        <v>29845</v>
      </c>
      <c r="J23" s="6">
        <v>5729</v>
      </c>
    </row>
    <row r="24" spans="1:10">
      <c r="A24" s="9" t="s">
        <v>27</v>
      </c>
      <c r="B24" s="9" t="s">
        <v>28</v>
      </c>
      <c r="C24" s="9" t="s">
        <v>29</v>
      </c>
      <c r="D24" s="9" t="s">
        <v>6</v>
      </c>
      <c r="E24" s="9" t="s">
        <v>297</v>
      </c>
      <c r="F24" s="9" t="s">
        <v>299</v>
      </c>
      <c r="G24" s="6">
        <v>14971</v>
      </c>
      <c r="H24" s="6">
        <v>5760</v>
      </c>
      <c r="I24" s="6">
        <v>7859</v>
      </c>
      <c r="J24" s="6">
        <v>1352</v>
      </c>
    </row>
    <row r="25" spans="1:10">
      <c r="A25" s="9" t="s">
        <v>27</v>
      </c>
      <c r="B25" s="9" t="s">
        <v>28</v>
      </c>
      <c r="C25" s="9" t="s">
        <v>29</v>
      </c>
      <c r="D25" s="9" t="s">
        <v>6</v>
      </c>
      <c r="E25" s="9" t="s">
        <v>297</v>
      </c>
      <c r="F25" s="9" t="s">
        <v>300</v>
      </c>
      <c r="G25" s="6">
        <v>4515</v>
      </c>
      <c r="H25" s="6">
        <v>1155</v>
      </c>
      <c r="I25" s="6">
        <v>2741</v>
      </c>
      <c r="J25" s="6">
        <v>619</v>
      </c>
    </row>
    <row r="26" spans="1:10">
      <c r="A26" s="9" t="s">
        <v>27</v>
      </c>
      <c r="B26" s="9" t="s">
        <v>28</v>
      </c>
      <c r="C26" s="9" t="s">
        <v>29</v>
      </c>
      <c r="D26" s="9" t="s">
        <v>6</v>
      </c>
      <c r="E26" s="9" t="s">
        <v>297</v>
      </c>
      <c r="F26" s="9" t="s">
        <v>301</v>
      </c>
      <c r="G26" s="6">
        <v>962</v>
      </c>
      <c r="H26" s="6">
        <v>146</v>
      </c>
      <c r="I26" s="6">
        <v>513</v>
      </c>
      <c r="J26" s="6">
        <v>303</v>
      </c>
    </row>
    <row r="27" spans="1:10">
      <c r="A27" s="9" t="s">
        <v>27</v>
      </c>
      <c r="B27" s="9" t="s">
        <v>28</v>
      </c>
      <c r="C27" s="9" t="s">
        <v>29</v>
      </c>
      <c r="D27" s="9" t="s">
        <v>6</v>
      </c>
      <c r="E27" s="9" t="s">
        <v>297</v>
      </c>
      <c r="F27" s="9" t="s">
        <v>302</v>
      </c>
      <c r="G27" s="6">
        <v>393</v>
      </c>
      <c r="H27" s="6">
        <v>47</v>
      </c>
      <c r="I27" s="6">
        <v>167</v>
      </c>
      <c r="J27" s="6">
        <v>179</v>
      </c>
    </row>
    <row r="28" spans="1:10">
      <c r="A28" s="9" t="s">
        <v>27</v>
      </c>
      <c r="B28" s="9" t="s">
        <v>28</v>
      </c>
      <c r="C28" s="9" t="s">
        <v>29</v>
      </c>
      <c r="D28" s="9" t="s">
        <v>6</v>
      </c>
      <c r="E28" s="9" t="s">
        <v>297</v>
      </c>
      <c r="F28" s="9" t="s">
        <v>303</v>
      </c>
      <c r="G28" s="6">
        <v>135</v>
      </c>
      <c r="H28" s="6">
        <v>28</v>
      </c>
      <c r="I28" s="6">
        <v>37</v>
      </c>
      <c r="J28" s="6">
        <v>70</v>
      </c>
    </row>
    <row r="29" spans="1:10">
      <c r="A29" s="9" t="s">
        <v>27</v>
      </c>
      <c r="B29" s="9" t="s">
        <v>28</v>
      </c>
      <c r="C29" s="9" t="s">
        <v>29</v>
      </c>
      <c r="D29" s="9" t="s">
        <v>6</v>
      </c>
      <c r="E29" s="9" t="s">
        <v>297</v>
      </c>
      <c r="F29" s="9" t="s">
        <v>304</v>
      </c>
      <c r="G29" s="6">
        <v>103747</v>
      </c>
      <c r="H29" s="6">
        <v>54333</v>
      </c>
      <c r="I29" s="6">
        <v>41162</v>
      </c>
      <c r="J29" s="6">
        <v>8252</v>
      </c>
    </row>
    <row r="30" spans="1:10">
      <c r="A30" s="9" t="s">
        <v>27</v>
      </c>
      <c r="B30" s="9" t="s">
        <v>28</v>
      </c>
      <c r="C30" s="9" t="s">
        <v>29</v>
      </c>
      <c r="D30" s="9" t="s">
        <v>6</v>
      </c>
      <c r="E30" s="9" t="s">
        <v>297</v>
      </c>
      <c r="F30" s="9" t="s">
        <v>49</v>
      </c>
      <c r="G30" s="6">
        <v>20976</v>
      </c>
      <c r="H30" s="6">
        <v>7136</v>
      </c>
      <c r="I30" s="6">
        <v>11317</v>
      </c>
      <c r="J30" s="6">
        <v>2523</v>
      </c>
    </row>
    <row r="31" spans="1:10">
      <c r="A31" s="9" t="s">
        <v>27</v>
      </c>
      <c r="B31" s="9" t="s">
        <v>28</v>
      </c>
      <c r="C31" s="9" t="s">
        <v>29</v>
      </c>
      <c r="D31" s="9" t="s">
        <v>6</v>
      </c>
      <c r="E31" s="9" t="s">
        <v>298</v>
      </c>
      <c r="F31" s="9" t="s">
        <v>6</v>
      </c>
      <c r="G31" s="6">
        <v>1079954</v>
      </c>
      <c r="H31" s="6">
        <v>629872</v>
      </c>
      <c r="I31" s="6">
        <v>404322</v>
      </c>
      <c r="J31" s="6">
        <v>45760</v>
      </c>
    </row>
    <row r="32" spans="1:10">
      <c r="A32" s="9" t="s">
        <v>27</v>
      </c>
      <c r="B32" s="9" t="s">
        <v>28</v>
      </c>
      <c r="C32" s="9" t="s">
        <v>29</v>
      </c>
      <c r="D32" s="9" t="s">
        <v>6</v>
      </c>
      <c r="E32" s="9" t="s">
        <v>298</v>
      </c>
      <c r="F32" s="9" t="s">
        <v>297</v>
      </c>
      <c r="G32" s="6">
        <v>467854</v>
      </c>
      <c r="H32" s="6">
        <v>301252</v>
      </c>
      <c r="I32" s="6">
        <v>143680</v>
      </c>
      <c r="J32" s="6">
        <v>22922</v>
      </c>
    </row>
    <row r="33" spans="1:10">
      <c r="A33" s="9" t="s">
        <v>27</v>
      </c>
      <c r="B33" s="9" t="s">
        <v>28</v>
      </c>
      <c r="C33" s="9" t="s">
        <v>29</v>
      </c>
      <c r="D33" s="9" t="s">
        <v>6</v>
      </c>
      <c r="E33" s="9" t="s">
        <v>298</v>
      </c>
      <c r="F33" s="9" t="s">
        <v>298</v>
      </c>
      <c r="G33" s="6">
        <v>517686</v>
      </c>
      <c r="H33" s="6">
        <v>293733</v>
      </c>
      <c r="I33" s="6">
        <v>206431</v>
      </c>
      <c r="J33" s="6">
        <v>17522</v>
      </c>
    </row>
    <row r="34" spans="1:10">
      <c r="A34" s="9" t="s">
        <v>27</v>
      </c>
      <c r="B34" s="9" t="s">
        <v>28</v>
      </c>
      <c r="C34" s="9" t="s">
        <v>29</v>
      </c>
      <c r="D34" s="9" t="s">
        <v>6</v>
      </c>
      <c r="E34" s="9" t="s">
        <v>298</v>
      </c>
      <c r="F34" s="9" t="s">
        <v>299</v>
      </c>
      <c r="G34" s="6">
        <v>75768</v>
      </c>
      <c r="H34" s="6">
        <v>30418</v>
      </c>
      <c r="I34" s="6">
        <v>41732</v>
      </c>
      <c r="J34" s="6">
        <v>3618</v>
      </c>
    </row>
    <row r="35" spans="1:10">
      <c r="A35" s="9" t="s">
        <v>27</v>
      </c>
      <c r="B35" s="9" t="s">
        <v>28</v>
      </c>
      <c r="C35" s="9" t="s">
        <v>29</v>
      </c>
      <c r="D35" s="9" t="s">
        <v>6</v>
      </c>
      <c r="E35" s="9" t="s">
        <v>298</v>
      </c>
      <c r="F35" s="9" t="s">
        <v>300</v>
      </c>
      <c r="G35" s="6">
        <v>15057</v>
      </c>
      <c r="H35" s="6">
        <v>3910</v>
      </c>
      <c r="I35" s="6">
        <v>9961</v>
      </c>
      <c r="J35" s="6">
        <v>1186</v>
      </c>
    </row>
    <row r="36" spans="1:10">
      <c r="A36" s="9" t="s">
        <v>27</v>
      </c>
      <c r="B36" s="9" t="s">
        <v>28</v>
      </c>
      <c r="C36" s="9" t="s">
        <v>29</v>
      </c>
      <c r="D36" s="9" t="s">
        <v>6</v>
      </c>
      <c r="E36" s="9" t="s">
        <v>298</v>
      </c>
      <c r="F36" s="9" t="s">
        <v>301</v>
      </c>
      <c r="G36" s="6">
        <v>2835</v>
      </c>
      <c r="H36" s="6">
        <v>472</v>
      </c>
      <c r="I36" s="6">
        <v>2039</v>
      </c>
      <c r="J36" s="6">
        <v>324</v>
      </c>
    </row>
    <row r="37" spans="1:10">
      <c r="A37" s="9" t="s">
        <v>27</v>
      </c>
      <c r="B37" s="9" t="s">
        <v>28</v>
      </c>
      <c r="C37" s="9" t="s">
        <v>29</v>
      </c>
      <c r="D37" s="9" t="s">
        <v>6</v>
      </c>
      <c r="E37" s="9" t="s">
        <v>298</v>
      </c>
      <c r="F37" s="9" t="s">
        <v>302</v>
      </c>
      <c r="G37" s="6">
        <v>517</v>
      </c>
      <c r="H37" s="6">
        <v>51</v>
      </c>
      <c r="I37" s="6">
        <v>365</v>
      </c>
      <c r="J37" s="6">
        <v>101</v>
      </c>
    </row>
    <row r="38" spans="1:10">
      <c r="A38" s="9" t="s">
        <v>27</v>
      </c>
      <c r="B38" s="9" t="s">
        <v>28</v>
      </c>
      <c r="C38" s="9" t="s">
        <v>29</v>
      </c>
      <c r="D38" s="9" t="s">
        <v>6</v>
      </c>
      <c r="E38" s="9" t="s">
        <v>298</v>
      </c>
      <c r="F38" s="9" t="s">
        <v>303</v>
      </c>
      <c r="G38" s="6">
        <v>237</v>
      </c>
      <c r="H38" s="6">
        <v>36</v>
      </c>
      <c r="I38" s="6">
        <v>114</v>
      </c>
      <c r="J38" s="6">
        <v>87</v>
      </c>
    </row>
    <row r="39" spans="1:10">
      <c r="A39" s="9" t="s">
        <v>27</v>
      </c>
      <c r="B39" s="9" t="s">
        <v>28</v>
      </c>
      <c r="C39" s="9" t="s">
        <v>29</v>
      </c>
      <c r="D39" s="9" t="s">
        <v>6</v>
      </c>
      <c r="E39" s="9" t="s">
        <v>298</v>
      </c>
      <c r="F39" s="9" t="s">
        <v>304</v>
      </c>
      <c r="G39" s="6">
        <v>612100</v>
      </c>
      <c r="H39" s="6">
        <v>328620</v>
      </c>
      <c r="I39" s="6">
        <v>260642</v>
      </c>
      <c r="J39" s="6">
        <v>22838</v>
      </c>
    </row>
    <row r="40" spans="1:10">
      <c r="A40" s="9" t="s">
        <v>27</v>
      </c>
      <c r="B40" s="9" t="s">
        <v>28</v>
      </c>
      <c r="C40" s="9" t="s">
        <v>29</v>
      </c>
      <c r="D40" s="9" t="s">
        <v>6</v>
      </c>
      <c r="E40" s="9" t="s">
        <v>298</v>
      </c>
      <c r="F40" s="9" t="s">
        <v>49</v>
      </c>
      <c r="G40" s="6">
        <v>94414</v>
      </c>
      <c r="H40" s="6">
        <v>34887</v>
      </c>
      <c r="I40" s="6">
        <v>54211</v>
      </c>
      <c r="J40" s="6">
        <v>5316</v>
      </c>
    </row>
    <row r="41" spans="1:10">
      <c r="A41" s="9" t="s">
        <v>27</v>
      </c>
      <c r="B41" s="9" t="s">
        <v>28</v>
      </c>
      <c r="C41" s="9" t="s">
        <v>29</v>
      </c>
      <c r="D41" s="9" t="s">
        <v>6</v>
      </c>
      <c r="E41" s="9" t="s">
        <v>299</v>
      </c>
      <c r="F41" s="9" t="s">
        <v>6</v>
      </c>
      <c r="G41" s="6">
        <v>1523864</v>
      </c>
      <c r="H41" s="6">
        <v>661393</v>
      </c>
      <c r="I41" s="6">
        <v>805902</v>
      </c>
      <c r="J41" s="6">
        <v>56569</v>
      </c>
    </row>
    <row r="42" spans="1:10">
      <c r="A42" s="9" t="s">
        <v>27</v>
      </c>
      <c r="B42" s="9" t="s">
        <v>28</v>
      </c>
      <c r="C42" s="9" t="s">
        <v>29</v>
      </c>
      <c r="D42" s="9" t="s">
        <v>6</v>
      </c>
      <c r="E42" s="9" t="s">
        <v>299</v>
      </c>
      <c r="F42" s="9" t="s">
        <v>297</v>
      </c>
      <c r="G42" s="6">
        <v>145582</v>
      </c>
      <c r="H42" s="6">
        <v>90517</v>
      </c>
      <c r="I42" s="6">
        <v>46727</v>
      </c>
      <c r="J42" s="6">
        <v>8338</v>
      </c>
    </row>
    <row r="43" spans="1:10">
      <c r="A43" s="9" t="s">
        <v>27</v>
      </c>
      <c r="B43" s="9" t="s">
        <v>28</v>
      </c>
      <c r="C43" s="9" t="s">
        <v>29</v>
      </c>
      <c r="D43" s="9" t="s">
        <v>6</v>
      </c>
      <c r="E43" s="9" t="s">
        <v>299</v>
      </c>
      <c r="F43" s="9" t="s">
        <v>298</v>
      </c>
      <c r="G43" s="6">
        <v>541540</v>
      </c>
      <c r="H43" s="6">
        <v>279885</v>
      </c>
      <c r="I43" s="6">
        <v>245821</v>
      </c>
      <c r="J43" s="6">
        <v>15834</v>
      </c>
    </row>
    <row r="44" spans="1:10">
      <c r="A44" s="9" t="s">
        <v>27</v>
      </c>
      <c r="B44" s="9" t="s">
        <v>28</v>
      </c>
      <c r="C44" s="9" t="s">
        <v>29</v>
      </c>
      <c r="D44" s="9" t="s">
        <v>6</v>
      </c>
      <c r="E44" s="9" t="s">
        <v>299</v>
      </c>
      <c r="F44" s="9" t="s">
        <v>299</v>
      </c>
      <c r="G44" s="6">
        <v>698601</v>
      </c>
      <c r="H44" s="6">
        <v>257593</v>
      </c>
      <c r="I44" s="6">
        <v>417759</v>
      </c>
      <c r="J44" s="6">
        <v>23249</v>
      </c>
    </row>
    <row r="45" spans="1:10">
      <c r="A45" s="9" t="s">
        <v>27</v>
      </c>
      <c r="B45" s="9" t="s">
        <v>28</v>
      </c>
      <c r="C45" s="9" t="s">
        <v>29</v>
      </c>
      <c r="D45" s="9" t="s">
        <v>6</v>
      </c>
      <c r="E45" s="9" t="s">
        <v>299</v>
      </c>
      <c r="F45" s="9" t="s">
        <v>300</v>
      </c>
      <c r="G45" s="6">
        <v>119292</v>
      </c>
      <c r="H45" s="6">
        <v>30686</v>
      </c>
      <c r="I45" s="6">
        <v>81573</v>
      </c>
      <c r="J45" s="6">
        <v>7033</v>
      </c>
    </row>
    <row r="46" spans="1:10">
      <c r="A46" s="9" t="s">
        <v>27</v>
      </c>
      <c r="B46" s="9" t="s">
        <v>28</v>
      </c>
      <c r="C46" s="9" t="s">
        <v>29</v>
      </c>
      <c r="D46" s="9" t="s">
        <v>6</v>
      </c>
      <c r="E46" s="9" t="s">
        <v>299</v>
      </c>
      <c r="F46" s="9" t="s">
        <v>301</v>
      </c>
      <c r="G46" s="6">
        <v>15221</v>
      </c>
      <c r="H46" s="6">
        <v>2325</v>
      </c>
      <c r="I46" s="6">
        <v>11314</v>
      </c>
      <c r="J46" s="6">
        <v>1582</v>
      </c>
    </row>
    <row r="47" spans="1:10">
      <c r="A47" s="9" t="s">
        <v>27</v>
      </c>
      <c r="B47" s="9" t="s">
        <v>28</v>
      </c>
      <c r="C47" s="9" t="s">
        <v>29</v>
      </c>
      <c r="D47" s="9" t="s">
        <v>6</v>
      </c>
      <c r="E47" s="9" t="s">
        <v>299</v>
      </c>
      <c r="F47" s="9" t="s">
        <v>302</v>
      </c>
      <c r="G47" s="6">
        <v>3047</v>
      </c>
      <c r="H47" s="6">
        <v>327</v>
      </c>
      <c r="I47" s="6">
        <v>2318</v>
      </c>
      <c r="J47" s="6">
        <v>402</v>
      </c>
    </row>
    <row r="48" spans="1:10">
      <c r="A48" s="9" t="s">
        <v>27</v>
      </c>
      <c r="B48" s="9" t="s">
        <v>28</v>
      </c>
      <c r="C48" s="9" t="s">
        <v>29</v>
      </c>
      <c r="D48" s="9" t="s">
        <v>6</v>
      </c>
      <c r="E48" s="9" t="s">
        <v>299</v>
      </c>
      <c r="F48" s="9" t="s">
        <v>303</v>
      </c>
      <c r="G48" s="6">
        <v>581</v>
      </c>
      <c r="H48" s="6">
        <v>60</v>
      </c>
      <c r="I48" s="6">
        <v>390</v>
      </c>
      <c r="J48" s="6">
        <v>131</v>
      </c>
    </row>
    <row r="49" spans="1:10">
      <c r="A49" s="9" t="s">
        <v>27</v>
      </c>
      <c r="B49" s="9" t="s">
        <v>28</v>
      </c>
      <c r="C49" s="9" t="s">
        <v>29</v>
      </c>
      <c r="D49" s="9" t="s">
        <v>6</v>
      </c>
      <c r="E49" s="9" t="s">
        <v>299</v>
      </c>
      <c r="F49" s="9" t="s">
        <v>304</v>
      </c>
      <c r="G49" s="6">
        <v>1378282</v>
      </c>
      <c r="H49" s="6">
        <v>570876</v>
      </c>
      <c r="I49" s="6">
        <v>759175</v>
      </c>
      <c r="J49" s="6">
        <v>48231</v>
      </c>
    </row>
    <row r="50" spans="1:10">
      <c r="A50" s="9" t="s">
        <v>27</v>
      </c>
      <c r="B50" s="9" t="s">
        <v>28</v>
      </c>
      <c r="C50" s="9" t="s">
        <v>29</v>
      </c>
      <c r="D50" s="9" t="s">
        <v>6</v>
      </c>
      <c r="E50" s="9" t="s">
        <v>299</v>
      </c>
      <c r="F50" s="9" t="s">
        <v>49</v>
      </c>
      <c r="G50" s="6">
        <v>836742</v>
      </c>
      <c r="H50" s="6">
        <v>290991</v>
      </c>
      <c r="I50" s="6">
        <v>513354</v>
      </c>
      <c r="J50" s="6">
        <v>32397</v>
      </c>
    </row>
    <row r="51" spans="1:10">
      <c r="A51" s="9" t="s">
        <v>27</v>
      </c>
      <c r="B51" s="9" t="s">
        <v>28</v>
      </c>
      <c r="C51" s="9" t="s">
        <v>29</v>
      </c>
      <c r="D51" s="9" t="s">
        <v>6</v>
      </c>
      <c r="E51" s="9" t="s">
        <v>300</v>
      </c>
      <c r="F51" s="9" t="s">
        <v>6</v>
      </c>
      <c r="G51" s="6">
        <v>1957708</v>
      </c>
      <c r="H51" s="6">
        <v>584446</v>
      </c>
      <c r="I51" s="6">
        <v>1275416</v>
      </c>
      <c r="J51" s="6">
        <v>97846</v>
      </c>
    </row>
    <row r="52" spans="1:10">
      <c r="A52" s="9" t="s">
        <v>27</v>
      </c>
      <c r="B52" s="9" t="s">
        <v>28</v>
      </c>
      <c r="C52" s="9" t="s">
        <v>29</v>
      </c>
      <c r="D52" s="9" t="s">
        <v>6</v>
      </c>
      <c r="E52" s="9" t="s">
        <v>300</v>
      </c>
      <c r="F52" s="9" t="s">
        <v>297</v>
      </c>
      <c r="G52" s="6">
        <v>41944</v>
      </c>
      <c r="H52" s="6">
        <v>24866</v>
      </c>
      <c r="I52" s="6">
        <v>13090</v>
      </c>
      <c r="J52" s="6">
        <v>3988</v>
      </c>
    </row>
    <row r="53" spans="1:10">
      <c r="A53" s="9" t="s">
        <v>27</v>
      </c>
      <c r="B53" s="9" t="s">
        <v>28</v>
      </c>
      <c r="C53" s="9" t="s">
        <v>29</v>
      </c>
      <c r="D53" s="9" t="s">
        <v>6</v>
      </c>
      <c r="E53" s="9" t="s">
        <v>300</v>
      </c>
      <c r="F53" s="9" t="s">
        <v>298</v>
      </c>
      <c r="G53" s="6">
        <v>143006</v>
      </c>
      <c r="H53" s="6">
        <v>71903</v>
      </c>
      <c r="I53" s="6">
        <v>64875</v>
      </c>
      <c r="J53" s="6">
        <v>6228</v>
      </c>
    </row>
    <row r="54" spans="1:10">
      <c r="A54" s="9" t="s">
        <v>27</v>
      </c>
      <c r="B54" s="9" t="s">
        <v>28</v>
      </c>
      <c r="C54" s="9" t="s">
        <v>29</v>
      </c>
      <c r="D54" s="9" t="s">
        <v>6</v>
      </c>
      <c r="E54" s="9" t="s">
        <v>300</v>
      </c>
      <c r="F54" s="9" t="s">
        <v>299</v>
      </c>
      <c r="G54" s="6">
        <v>781238</v>
      </c>
      <c r="H54" s="6">
        <v>259491</v>
      </c>
      <c r="I54" s="6">
        <v>491320</v>
      </c>
      <c r="J54" s="6">
        <v>30427</v>
      </c>
    </row>
    <row r="55" spans="1:10">
      <c r="A55" s="9" t="s">
        <v>27</v>
      </c>
      <c r="B55" s="9" t="s">
        <v>28</v>
      </c>
      <c r="C55" s="9" t="s">
        <v>29</v>
      </c>
      <c r="D55" s="9" t="s">
        <v>6</v>
      </c>
      <c r="E55" s="9" t="s">
        <v>300</v>
      </c>
      <c r="F55" s="9" t="s">
        <v>300</v>
      </c>
      <c r="G55" s="6">
        <v>897464</v>
      </c>
      <c r="H55" s="6">
        <v>214726</v>
      </c>
      <c r="I55" s="6">
        <v>635489</v>
      </c>
      <c r="J55" s="6">
        <v>47249</v>
      </c>
    </row>
    <row r="56" spans="1:10">
      <c r="A56" s="9" t="s">
        <v>27</v>
      </c>
      <c r="B56" s="9" t="s">
        <v>28</v>
      </c>
      <c r="C56" s="9" t="s">
        <v>29</v>
      </c>
      <c r="D56" s="9" t="s">
        <v>6</v>
      </c>
      <c r="E56" s="9" t="s">
        <v>300</v>
      </c>
      <c r="F56" s="9" t="s">
        <v>301</v>
      </c>
      <c r="G56" s="6">
        <v>79748</v>
      </c>
      <c r="H56" s="6">
        <v>12104</v>
      </c>
      <c r="I56" s="6">
        <v>59859</v>
      </c>
      <c r="J56" s="6">
        <v>7785</v>
      </c>
    </row>
    <row r="57" spans="1:10">
      <c r="A57" s="9" t="s">
        <v>27</v>
      </c>
      <c r="B57" s="9" t="s">
        <v>28</v>
      </c>
      <c r="C57" s="9" t="s">
        <v>29</v>
      </c>
      <c r="D57" s="9" t="s">
        <v>6</v>
      </c>
      <c r="E57" s="9" t="s">
        <v>300</v>
      </c>
      <c r="F57" s="9" t="s">
        <v>302</v>
      </c>
      <c r="G57" s="6">
        <v>11850</v>
      </c>
      <c r="H57" s="6">
        <v>1158</v>
      </c>
      <c r="I57" s="6">
        <v>8969</v>
      </c>
      <c r="J57" s="6">
        <v>1723</v>
      </c>
    </row>
    <row r="58" spans="1:10">
      <c r="A58" s="9" t="s">
        <v>27</v>
      </c>
      <c r="B58" s="9" t="s">
        <v>28</v>
      </c>
      <c r="C58" s="9" t="s">
        <v>29</v>
      </c>
      <c r="D58" s="9" t="s">
        <v>6</v>
      </c>
      <c r="E58" s="9" t="s">
        <v>300</v>
      </c>
      <c r="F58" s="9" t="s">
        <v>303</v>
      </c>
      <c r="G58" s="6">
        <v>2458</v>
      </c>
      <c r="H58" s="6">
        <v>198</v>
      </c>
      <c r="I58" s="6">
        <v>1814</v>
      </c>
      <c r="J58" s="6">
        <v>446</v>
      </c>
    </row>
    <row r="59" spans="1:10">
      <c r="A59" s="9" t="s">
        <v>27</v>
      </c>
      <c r="B59" s="9" t="s">
        <v>28</v>
      </c>
      <c r="C59" s="9" t="s">
        <v>29</v>
      </c>
      <c r="D59" s="9" t="s">
        <v>6</v>
      </c>
      <c r="E59" s="9" t="s">
        <v>300</v>
      </c>
      <c r="F59" s="9" t="s">
        <v>304</v>
      </c>
      <c r="G59" s="6">
        <v>1915764</v>
      </c>
      <c r="H59" s="6">
        <v>559580</v>
      </c>
      <c r="I59" s="6">
        <v>1262326</v>
      </c>
      <c r="J59" s="6">
        <v>93858</v>
      </c>
    </row>
    <row r="60" spans="1:10">
      <c r="A60" s="9" t="s">
        <v>27</v>
      </c>
      <c r="B60" s="9" t="s">
        <v>28</v>
      </c>
      <c r="C60" s="9" t="s">
        <v>29</v>
      </c>
      <c r="D60" s="9" t="s">
        <v>6</v>
      </c>
      <c r="E60" s="9" t="s">
        <v>300</v>
      </c>
      <c r="F60" s="9" t="s">
        <v>49</v>
      </c>
      <c r="G60" s="6">
        <v>1772758</v>
      </c>
      <c r="H60" s="6">
        <v>487677</v>
      </c>
      <c r="I60" s="6">
        <v>1197451</v>
      </c>
      <c r="J60" s="6">
        <v>87630</v>
      </c>
    </row>
    <row r="61" spans="1:10">
      <c r="A61" s="9" t="s">
        <v>27</v>
      </c>
      <c r="B61" s="9" t="s">
        <v>28</v>
      </c>
      <c r="C61" s="9" t="s">
        <v>29</v>
      </c>
      <c r="D61" s="9" t="s">
        <v>6</v>
      </c>
      <c r="E61" s="9" t="s">
        <v>301</v>
      </c>
      <c r="F61" s="9" t="s">
        <v>6</v>
      </c>
      <c r="G61" s="6">
        <v>1531828</v>
      </c>
      <c r="H61" s="6">
        <v>280665</v>
      </c>
      <c r="I61" s="6">
        <v>1130182</v>
      </c>
      <c r="J61" s="6">
        <v>120981</v>
      </c>
    </row>
    <row r="62" spans="1:10">
      <c r="A62" s="9" t="s">
        <v>27</v>
      </c>
      <c r="B62" s="9" t="s">
        <v>28</v>
      </c>
      <c r="C62" s="9" t="s">
        <v>29</v>
      </c>
      <c r="D62" s="9" t="s">
        <v>6</v>
      </c>
      <c r="E62" s="9" t="s">
        <v>301</v>
      </c>
      <c r="F62" s="9" t="s">
        <v>297</v>
      </c>
      <c r="G62" s="6">
        <v>8755</v>
      </c>
      <c r="H62" s="6">
        <v>4755</v>
      </c>
      <c r="I62" s="6">
        <v>2802</v>
      </c>
      <c r="J62" s="6">
        <v>1198</v>
      </c>
    </row>
    <row r="63" spans="1:10">
      <c r="A63" s="9" t="s">
        <v>27</v>
      </c>
      <c r="B63" s="9" t="s">
        <v>28</v>
      </c>
      <c r="C63" s="9" t="s">
        <v>29</v>
      </c>
      <c r="D63" s="9" t="s">
        <v>6</v>
      </c>
      <c r="E63" s="9" t="s">
        <v>301</v>
      </c>
      <c r="F63" s="9" t="s">
        <v>298</v>
      </c>
      <c r="G63" s="6">
        <v>14719</v>
      </c>
      <c r="H63" s="6">
        <v>7471</v>
      </c>
      <c r="I63" s="6">
        <v>6056</v>
      </c>
      <c r="J63" s="6">
        <v>1192</v>
      </c>
    </row>
    <row r="64" spans="1:10">
      <c r="A64" s="9" t="s">
        <v>27</v>
      </c>
      <c r="B64" s="9" t="s">
        <v>28</v>
      </c>
      <c r="C64" s="9" t="s">
        <v>29</v>
      </c>
      <c r="D64" s="9" t="s">
        <v>6</v>
      </c>
      <c r="E64" s="9" t="s">
        <v>301</v>
      </c>
      <c r="F64" s="9" t="s">
        <v>299</v>
      </c>
      <c r="G64" s="6">
        <v>111181</v>
      </c>
      <c r="H64" s="6">
        <v>34681</v>
      </c>
      <c r="I64" s="6">
        <v>69473</v>
      </c>
      <c r="J64" s="6">
        <v>7027</v>
      </c>
    </row>
    <row r="65" spans="1:10">
      <c r="A65" s="9" t="s">
        <v>27</v>
      </c>
      <c r="B65" s="9" t="s">
        <v>28</v>
      </c>
      <c r="C65" s="9" t="s">
        <v>29</v>
      </c>
      <c r="D65" s="9" t="s">
        <v>6</v>
      </c>
      <c r="E65" s="9" t="s">
        <v>301</v>
      </c>
      <c r="F65" s="9" t="s">
        <v>300</v>
      </c>
      <c r="G65" s="6">
        <v>769549</v>
      </c>
      <c r="H65" s="6">
        <v>152172</v>
      </c>
      <c r="I65" s="6">
        <v>566467</v>
      </c>
      <c r="J65" s="6">
        <v>50910</v>
      </c>
    </row>
    <row r="66" spans="1:10">
      <c r="A66" s="9" t="s">
        <v>27</v>
      </c>
      <c r="B66" s="9" t="s">
        <v>28</v>
      </c>
      <c r="C66" s="9" t="s">
        <v>29</v>
      </c>
      <c r="D66" s="9" t="s">
        <v>6</v>
      </c>
      <c r="E66" s="9" t="s">
        <v>301</v>
      </c>
      <c r="F66" s="9" t="s">
        <v>301</v>
      </c>
      <c r="G66" s="6">
        <v>564354</v>
      </c>
      <c r="H66" s="6">
        <v>76106</v>
      </c>
      <c r="I66" s="6">
        <v>436914</v>
      </c>
      <c r="J66" s="6">
        <v>51334</v>
      </c>
    </row>
    <row r="67" spans="1:10">
      <c r="A67" s="9" t="s">
        <v>27</v>
      </c>
      <c r="B67" s="9" t="s">
        <v>28</v>
      </c>
      <c r="C67" s="9" t="s">
        <v>29</v>
      </c>
      <c r="D67" s="9" t="s">
        <v>6</v>
      </c>
      <c r="E67" s="9" t="s">
        <v>301</v>
      </c>
      <c r="F67" s="9" t="s">
        <v>302</v>
      </c>
      <c r="G67" s="6">
        <v>55505</v>
      </c>
      <c r="H67" s="6">
        <v>5046</v>
      </c>
      <c r="I67" s="6">
        <v>42619</v>
      </c>
      <c r="J67" s="6">
        <v>7840</v>
      </c>
    </row>
    <row r="68" spans="1:10">
      <c r="A68" s="9" t="s">
        <v>27</v>
      </c>
      <c r="B68" s="9" t="s">
        <v>28</v>
      </c>
      <c r="C68" s="9" t="s">
        <v>29</v>
      </c>
      <c r="D68" s="9" t="s">
        <v>6</v>
      </c>
      <c r="E68" s="9" t="s">
        <v>301</v>
      </c>
      <c r="F68" s="9" t="s">
        <v>303</v>
      </c>
      <c r="G68" s="6">
        <v>7765</v>
      </c>
      <c r="H68" s="6">
        <v>434</v>
      </c>
      <c r="I68" s="6">
        <v>5851</v>
      </c>
      <c r="J68" s="6">
        <v>1480</v>
      </c>
    </row>
    <row r="69" spans="1:10">
      <c r="A69" s="9" t="s">
        <v>27</v>
      </c>
      <c r="B69" s="9" t="s">
        <v>28</v>
      </c>
      <c r="C69" s="9" t="s">
        <v>29</v>
      </c>
      <c r="D69" s="9" t="s">
        <v>6</v>
      </c>
      <c r="E69" s="9" t="s">
        <v>301</v>
      </c>
      <c r="F69" s="9" t="s">
        <v>304</v>
      </c>
      <c r="G69" s="6">
        <v>1523073</v>
      </c>
      <c r="H69" s="6">
        <v>275910</v>
      </c>
      <c r="I69" s="6">
        <v>1127380</v>
      </c>
      <c r="J69" s="6">
        <v>119783</v>
      </c>
    </row>
    <row r="70" spans="1:10">
      <c r="A70" s="9" t="s">
        <v>27</v>
      </c>
      <c r="B70" s="9" t="s">
        <v>28</v>
      </c>
      <c r="C70" s="9" t="s">
        <v>29</v>
      </c>
      <c r="D70" s="9" t="s">
        <v>6</v>
      </c>
      <c r="E70" s="9" t="s">
        <v>301</v>
      </c>
      <c r="F70" s="9" t="s">
        <v>49</v>
      </c>
      <c r="G70" s="6">
        <v>1508354</v>
      </c>
      <c r="H70" s="6">
        <v>268439</v>
      </c>
      <c r="I70" s="6">
        <v>1121324</v>
      </c>
      <c r="J70" s="6">
        <v>118591</v>
      </c>
    </row>
    <row r="71" spans="1:10">
      <c r="A71" s="9" t="s">
        <v>27</v>
      </c>
      <c r="B71" s="9" t="s">
        <v>28</v>
      </c>
      <c r="C71" s="9" t="s">
        <v>29</v>
      </c>
      <c r="D71" s="9" t="s">
        <v>6</v>
      </c>
      <c r="E71" s="9" t="s">
        <v>302</v>
      </c>
      <c r="F71" s="9" t="s">
        <v>6</v>
      </c>
      <c r="G71" s="6">
        <v>1039351</v>
      </c>
      <c r="H71" s="6">
        <v>115456</v>
      </c>
      <c r="I71" s="6">
        <v>811211</v>
      </c>
      <c r="J71" s="6">
        <v>112684</v>
      </c>
    </row>
    <row r="72" spans="1:10">
      <c r="A72" s="9" t="s">
        <v>27</v>
      </c>
      <c r="B72" s="9" t="s">
        <v>28</v>
      </c>
      <c r="C72" s="9" t="s">
        <v>29</v>
      </c>
      <c r="D72" s="9" t="s">
        <v>6</v>
      </c>
      <c r="E72" s="9" t="s">
        <v>302</v>
      </c>
      <c r="F72" s="9" t="s">
        <v>297</v>
      </c>
      <c r="G72" s="6">
        <v>1971</v>
      </c>
      <c r="H72" s="6">
        <v>975</v>
      </c>
      <c r="I72" s="6">
        <v>685</v>
      </c>
      <c r="J72" s="6">
        <v>311</v>
      </c>
    </row>
    <row r="73" spans="1:10">
      <c r="A73" s="9" t="s">
        <v>27</v>
      </c>
      <c r="B73" s="9" t="s">
        <v>28</v>
      </c>
      <c r="C73" s="9" t="s">
        <v>29</v>
      </c>
      <c r="D73" s="9" t="s">
        <v>6</v>
      </c>
      <c r="E73" s="9" t="s">
        <v>302</v>
      </c>
      <c r="F73" s="9" t="s">
        <v>298</v>
      </c>
      <c r="G73" s="6">
        <v>3048</v>
      </c>
      <c r="H73" s="6">
        <v>1463</v>
      </c>
      <c r="I73" s="6">
        <v>1257</v>
      </c>
      <c r="J73" s="6">
        <v>328</v>
      </c>
    </row>
    <row r="74" spans="1:10">
      <c r="A74" s="9" t="s">
        <v>27</v>
      </c>
      <c r="B74" s="9" t="s">
        <v>28</v>
      </c>
      <c r="C74" s="9" t="s">
        <v>29</v>
      </c>
      <c r="D74" s="9" t="s">
        <v>6</v>
      </c>
      <c r="E74" s="9" t="s">
        <v>302</v>
      </c>
      <c r="F74" s="9" t="s">
        <v>299</v>
      </c>
      <c r="G74" s="6">
        <v>11208</v>
      </c>
      <c r="H74" s="6">
        <v>3597</v>
      </c>
      <c r="I74" s="6">
        <v>6520</v>
      </c>
      <c r="J74" s="6">
        <v>1091</v>
      </c>
    </row>
    <row r="75" spans="1:10">
      <c r="A75" s="9" t="s">
        <v>27</v>
      </c>
      <c r="B75" s="9" t="s">
        <v>28</v>
      </c>
      <c r="C75" s="9" t="s">
        <v>29</v>
      </c>
      <c r="D75" s="9" t="s">
        <v>6</v>
      </c>
      <c r="E75" s="9" t="s">
        <v>302</v>
      </c>
      <c r="F75" s="9" t="s">
        <v>300</v>
      </c>
      <c r="G75" s="6">
        <v>109105</v>
      </c>
      <c r="H75" s="6">
        <v>19843</v>
      </c>
      <c r="I75" s="6">
        <v>79475</v>
      </c>
      <c r="J75" s="6">
        <v>9787</v>
      </c>
    </row>
    <row r="76" spans="1:10">
      <c r="A76" s="9" t="s">
        <v>27</v>
      </c>
      <c r="B76" s="9" t="s">
        <v>28</v>
      </c>
      <c r="C76" s="9" t="s">
        <v>29</v>
      </c>
      <c r="D76" s="9" t="s">
        <v>6</v>
      </c>
      <c r="E76" s="9" t="s">
        <v>302</v>
      </c>
      <c r="F76" s="9" t="s">
        <v>301</v>
      </c>
      <c r="G76" s="6">
        <v>554224</v>
      </c>
      <c r="H76" s="6">
        <v>61423</v>
      </c>
      <c r="I76" s="6">
        <v>437021</v>
      </c>
      <c r="J76" s="6">
        <v>55780</v>
      </c>
    </row>
    <row r="77" spans="1:10">
      <c r="A77" s="9" t="s">
        <v>27</v>
      </c>
      <c r="B77" s="9" t="s">
        <v>28</v>
      </c>
      <c r="C77" s="9" t="s">
        <v>29</v>
      </c>
      <c r="D77" s="9" t="s">
        <v>6</v>
      </c>
      <c r="E77" s="9" t="s">
        <v>302</v>
      </c>
      <c r="F77" s="9" t="s">
        <v>302</v>
      </c>
      <c r="G77" s="6">
        <v>328026</v>
      </c>
      <c r="H77" s="6">
        <v>26480</v>
      </c>
      <c r="I77" s="6">
        <v>261197</v>
      </c>
      <c r="J77" s="6">
        <v>40349</v>
      </c>
    </row>
    <row r="78" spans="1:10">
      <c r="A78" s="9" t="s">
        <v>27</v>
      </c>
      <c r="B78" s="9" t="s">
        <v>28</v>
      </c>
      <c r="C78" s="9" t="s">
        <v>29</v>
      </c>
      <c r="D78" s="9" t="s">
        <v>6</v>
      </c>
      <c r="E78" s="9" t="s">
        <v>302</v>
      </c>
      <c r="F78" s="9" t="s">
        <v>303</v>
      </c>
      <c r="G78" s="6">
        <v>31769</v>
      </c>
      <c r="H78" s="6">
        <v>1675</v>
      </c>
      <c r="I78" s="6">
        <v>25056</v>
      </c>
      <c r="J78" s="6">
        <v>5038</v>
      </c>
    </row>
    <row r="79" spans="1:10">
      <c r="A79" s="9" t="s">
        <v>27</v>
      </c>
      <c r="B79" s="9" t="s">
        <v>28</v>
      </c>
      <c r="C79" s="9" t="s">
        <v>29</v>
      </c>
      <c r="D79" s="9" t="s">
        <v>6</v>
      </c>
      <c r="E79" s="9" t="s">
        <v>302</v>
      </c>
      <c r="F79" s="9" t="s">
        <v>304</v>
      </c>
      <c r="G79" s="6">
        <v>1037380</v>
      </c>
      <c r="H79" s="6">
        <v>114481</v>
      </c>
      <c r="I79" s="6">
        <v>810526</v>
      </c>
      <c r="J79" s="6">
        <v>112373</v>
      </c>
    </row>
    <row r="80" spans="1:10">
      <c r="A80" s="9" t="s">
        <v>27</v>
      </c>
      <c r="B80" s="9" t="s">
        <v>28</v>
      </c>
      <c r="C80" s="9" t="s">
        <v>29</v>
      </c>
      <c r="D80" s="9" t="s">
        <v>6</v>
      </c>
      <c r="E80" s="9" t="s">
        <v>302</v>
      </c>
      <c r="F80" s="9" t="s">
        <v>49</v>
      </c>
      <c r="G80" s="6">
        <v>1034332</v>
      </c>
      <c r="H80" s="6">
        <v>113018</v>
      </c>
      <c r="I80" s="6">
        <v>809269</v>
      </c>
      <c r="J80" s="6">
        <v>112045</v>
      </c>
    </row>
    <row r="81" spans="1:10">
      <c r="A81" s="9" t="s">
        <v>27</v>
      </c>
      <c r="B81" s="9" t="s">
        <v>28</v>
      </c>
      <c r="C81" s="9" t="s">
        <v>29</v>
      </c>
      <c r="D81" s="9" t="s">
        <v>6</v>
      </c>
      <c r="E81" s="9" t="s">
        <v>303</v>
      </c>
      <c r="F81" s="9" t="s">
        <v>6</v>
      </c>
      <c r="G81" s="6">
        <v>679900</v>
      </c>
      <c r="H81" s="6">
        <v>41124</v>
      </c>
      <c r="I81" s="6">
        <v>556547</v>
      </c>
      <c r="J81" s="6">
        <v>82229</v>
      </c>
    </row>
    <row r="82" spans="1:10">
      <c r="A82" s="9" t="s">
        <v>27</v>
      </c>
      <c r="B82" s="9" t="s">
        <v>28</v>
      </c>
      <c r="C82" s="9" t="s">
        <v>29</v>
      </c>
      <c r="D82" s="9" t="s">
        <v>6</v>
      </c>
      <c r="E82" s="9" t="s">
        <v>303</v>
      </c>
      <c r="F82" s="9" t="s">
        <v>297</v>
      </c>
      <c r="G82" s="6">
        <v>504</v>
      </c>
      <c r="H82" s="6">
        <v>186</v>
      </c>
      <c r="I82" s="6">
        <v>186</v>
      </c>
      <c r="J82" s="6">
        <v>132</v>
      </c>
    </row>
    <row r="83" spans="1:10">
      <c r="A83" s="9" t="s">
        <v>27</v>
      </c>
      <c r="B83" s="9" t="s">
        <v>28</v>
      </c>
      <c r="C83" s="9" t="s">
        <v>29</v>
      </c>
      <c r="D83" s="9" t="s">
        <v>6</v>
      </c>
      <c r="E83" s="9" t="s">
        <v>303</v>
      </c>
      <c r="F83" s="9" t="s">
        <v>298</v>
      </c>
      <c r="G83" s="6">
        <v>748</v>
      </c>
      <c r="H83" s="6">
        <v>297</v>
      </c>
      <c r="I83" s="6">
        <v>341</v>
      </c>
      <c r="J83" s="6">
        <v>110</v>
      </c>
    </row>
    <row r="84" spans="1:10">
      <c r="A84" s="9" t="s">
        <v>27</v>
      </c>
      <c r="B84" s="9" t="s">
        <v>28</v>
      </c>
      <c r="C84" s="9" t="s">
        <v>29</v>
      </c>
      <c r="D84" s="9" t="s">
        <v>6</v>
      </c>
      <c r="E84" s="9" t="s">
        <v>303</v>
      </c>
      <c r="F84" s="9" t="s">
        <v>299</v>
      </c>
      <c r="G84" s="6">
        <v>2387</v>
      </c>
      <c r="H84" s="6">
        <v>693</v>
      </c>
      <c r="I84" s="6">
        <v>1446</v>
      </c>
      <c r="J84" s="6">
        <v>248</v>
      </c>
    </row>
    <row r="85" spans="1:10">
      <c r="A85" s="9" t="s">
        <v>27</v>
      </c>
      <c r="B85" s="9" t="s">
        <v>28</v>
      </c>
      <c r="C85" s="9" t="s">
        <v>29</v>
      </c>
      <c r="D85" s="9" t="s">
        <v>6</v>
      </c>
      <c r="E85" s="9" t="s">
        <v>303</v>
      </c>
      <c r="F85" s="9" t="s">
        <v>300</v>
      </c>
      <c r="G85" s="6">
        <v>9869</v>
      </c>
      <c r="H85" s="6">
        <v>1733</v>
      </c>
      <c r="I85" s="6">
        <v>6910</v>
      </c>
      <c r="J85" s="6">
        <v>1226</v>
      </c>
    </row>
    <row r="86" spans="1:10">
      <c r="A86" s="9" t="s">
        <v>27</v>
      </c>
      <c r="B86" s="9" t="s">
        <v>28</v>
      </c>
      <c r="C86" s="9" t="s">
        <v>29</v>
      </c>
      <c r="D86" s="9" t="s">
        <v>6</v>
      </c>
      <c r="E86" s="9" t="s">
        <v>303</v>
      </c>
      <c r="F86" s="9" t="s">
        <v>301</v>
      </c>
      <c r="G86" s="6">
        <v>85927</v>
      </c>
      <c r="H86" s="6">
        <v>7807</v>
      </c>
      <c r="I86" s="6">
        <v>67957</v>
      </c>
      <c r="J86" s="6">
        <v>10163</v>
      </c>
    </row>
    <row r="87" spans="1:10">
      <c r="A87" s="9" t="s">
        <v>27</v>
      </c>
      <c r="B87" s="9" t="s">
        <v>28</v>
      </c>
      <c r="C87" s="9" t="s">
        <v>29</v>
      </c>
      <c r="D87" s="9" t="s">
        <v>6</v>
      </c>
      <c r="E87" s="9" t="s">
        <v>303</v>
      </c>
      <c r="F87" s="9" t="s">
        <v>302</v>
      </c>
      <c r="G87" s="6">
        <v>311762</v>
      </c>
      <c r="H87" s="6">
        <v>19608</v>
      </c>
      <c r="I87" s="6">
        <v>254480</v>
      </c>
      <c r="J87" s="6">
        <v>37674</v>
      </c>
    </row>
    <row r="88" spans="1:10">
      <c r="A88" s="9" t="s">
        <v>27</v>
      </c>
      <c r="B88" s="9" t="s">
        <v>28</v>
      </c>
      <c r="C88" s="9" t="s">
        <v>29</v>
      </c>
      <c r="D88" s="9" t="s">
        <v>6</v>
      </c>
      <c r="E88" s="9" t="s">
        <v>303</v>
      </c>
      <c r="F88" s="9" t="s">
        <v>303</v>
      </c>
      <c r="G88" s="6">
        <v>268703</v>
      </c>
      <c r="H88" s="6">
        <v>10800</v>
      </c>
      <c r="I88" s="6">
        <v>225227</v>
      </c>
      <c r="J88" s="6">
        <v>32676</v>
      </c>
    </row>
    <row r="89" spans="1:10">
      <c r="A89" s="9" t="s">
        <v>27</v>
      </c>
      <c r="B89" s="9" t="s">
        <v>28</v>
      </c>
      <c r="C89" s="9" t="s">
        <v>29</v>
      </c>
      <c r="D89" s="9" t="s">
        <v>6</v>
      </c>
      <c r="E89" s="9" t="s">
        <v>303</v>
      </c>
      <c r="F89" s="9" t="s">
        <v>304</v>
      </c>
      <c r="G89" s="6">
        <v>679396</v>
      </c>
      <c r="H89" s="6">
        <v>40938</v>
      </c>
      <c r="I89" s="6">
        <v>556361</v>
      </c>
      <c r="J89" s="6">
        <v>82097</v>
      </c>
    </row>
    <row r="90" spans="1:10">
      <c r="A90" s="9" t="s">
        <v>27</v>
      </c>
      <c r="B90" s="9" t="s">
        <v>28</v>
      </c>
      <c r="C90" s="9" t="s">
        <v>29</v>
      </c>
      <c r="D90" s="9" t="s">
        <v>6</v>
      </c>
      <c r="E90" s="9" t="s">
        <v>303</v>
      </c>
      <c r="F90" s="9" t="s">
        <v>49</v>
      </c>
      <c r="G90" s="6">
        <v>678648</v>
      </c>
      <c r="H90" s="6">
        <v>40641</v>
      </c>
      <c r="I90" s="6">
        <v>556020</v>
      </c>
      <c r="J90" s="6">
        <v>81987</v>
      </c>
    </row>
    <row r="91" spans="1:10">
      <c r="A91" s="9" t="s">
        <v>27</v>
      </c>
      <c r="B91" s="9" t="s">
        <v>28</v>
      </c>
      <c r="C91" s="9" t="s">
        <v>29</v>
      </c>
      <c r="D91" s="9" t="s">
        <v>6</v>
      </c>
      <c r="E91" s="9" t="s">
        <v>305</v>
      </c>
      <c r="F91" s="9" t="s">
        <v>6</v>
      </c>
      <c r="G91" s="6">
        <v>6732651</v>
      </c>
      <c r="H91" s="6">
        <v>1683084</v>
      </c>
      <c r="I91" s="6">
        <v>4579258</v>
      </c>
      <c r="J91" s="6">
        <v>470309</v>
      </c>
    </row>
    <row r="92" spans="1:10">
      <c r="A92" s="9" t="s">
        <v>27</v>
      </c>
      <c r="B92" s="9" t="s">
        <v>28</v>
      </c>
      <c r="C92" s="9" t="s">
        <v>29</v>
      </c>
      <c r="D92" s="9" t="s">
        <v>6</v>
      </c>
      <c r="E92" s="9" t="s">
        <v>305</v>
      </c>
      <c r="F92" s="9" t="s">
        <v>297</v>
      </c>
      <c r="G92" s="6">
        <v>198756</v>
      </c>
      <c r="H92" s="6">
        <v>121299</v>
      </c>
      <c r="I92" s="6">
        <v>63490</v>
      </c>
      <c r="J92" s="6">
        <v>13967</v>
      </c>
    </row>
    <row r="93" spans="1:10">
      <c r="A93" s="9" t="s">
        <v>27</v>
      </c>
      <c r="B93" s="9" t="s">
        <v>28</v>
      </c>
      <c r="C93" s="9" t="s">
        <v>29</v>
      </c>
      <c r="D93" s="9" t="s">
        <v>6</v>
      </c>
      <c r="E93" s="9" t="s">
        <v>305</v>
      </c>
      <c r="F93" s="9" t="s">
        <v>298</v>
      </c>
      <c r="G93" s="6">
        <v>703061</v>
      </c>
      <c r="H93" s="6">
        <v>361019</v>
      </c>
      <c r="I93" s="6">
        <v>318350</v>
      </c>
      <c r="J93" s="6">
        <v>23692</v>
      </c>
    </row>
    <row r="94" spans="1:10">
      <c r="A94" s="9" t="s">
        <v>27</v>
      </c>
      <c r="B94" s="9" t="s">
        <v>28</v>
      </c>
      <c r="C94" s="9" t="s">
        <v>29</v>
      </c>
      <c r="D94" s="9" t="s">
        <v>6</v>
      </c>
      <c r="E94" s="9" t="s">
        <v>305</v>
      </c>
      <c r="F94" s="9" t="s">
        <v>299</v>
      </c>
      <c r="G94" s="6">
        <v>1604615</v>
      </c>
      <c r="H94" s="6">
        <v>556055</v>
      </c>
      <c r="I94" s="6">
        <v>986518</v>
      </c>
      <c r="J94" s="6">
        <v>62042</v>
      </c>
    </row>
    <row r="95" spans="1:10">
      <c r="A95" s="9" t="s">
        <v>27</v>
      </c>
      <c r="B95" s="9" t="s">
        <v>28</v>
      </c>
      <c r="C95" s="9" t="s">
        <v>29</v>
      </c>
      <c r="D95" s="9" t="s">
        <v>6</v>
      </c>
      <c r="E95" s="9" t="s">
        <v>305</v>
      </c>
      <c r="F95" s="9" t="s">
        <v>300</v>
      </c>
      <c r="G95" s="6">
        <v>1905279</v>
      </c>
      <c r="H95" s="6">
        <v>419160</v>
      </c>
      <c r="I95" s="6">
        <v>1369914</v>
      </c>
      <c r="J95" s="6">
        <v>116205</v>
      </c>
    </row>
    <row r="96" spans="1:10">
      <c r="A96" s="9" t="s">
        <v>27</v>
      </c>
      <c r="B96" s="9" t="s">
        <v>28</v>
      </c>
      <c r="C96" s="9" t="s">
        <v>29</v>
      </c>
      <c r="D96" s="9" t="s">
        <v>6</v>
      </c>
      <c r="E96" s="9" t="s">
        <v>305</v>
      </c>
      <c r="F96" s="9" t="s">
        <v>301</v>
      </c>
      <c r="G96" s="6">
        <v>1299474</v>
      </c>
      <c r="H96" s="6">
        <v>159765</v>
      </c>
      <c r="I96" s="6">
        <v>1013065</v>
      </c>
      <c r="J96" s="6">
        <v>126644</v>
      </c>
    </row>
    <row r="97" spans="1:10">
      <c r="A97" s="9" t="s">
        <v>27</v>
      </c>
      <c r="B97" s="9" t="s">
        <v>28</v>
      </c>
      <c r="C97" s="9" t="s">
        <v>29</v>
      </c>
      <c r="D97" s="9" t="s">
        <v>6</v>
      </c>
      <c r="E97" s="9" t="s">
        <v>305</v>
      </c>
      <c r="F97" s="9" t="s">
        <v>302</v>
      </c>
      <c r="G97" s="6">
        <v>710190</v>
      </c>
      <c r="H97" s="6">
        <v>52619</v>
      </c>
      <c r="I97" s="6">
        <v>569583</v>
      </c>
      <c r="J97" s="6">
        <v>87988</v>
      </c>
    </row>
    <row r="98" spans="1:10">
      <c r="A98" s="9" t="s">
        <v>27</v>
      </c>
      <c r="B98" s="9" t="s">
        <v>28</v>
      </c>
      <c r="C98" s="9" t="s">
        <v>29</v>
      </c>
      <c r="D98" s="9" t="s">
        <v>6</v>
      </c>
      <c r="E98" s="9" t="s">
        <v>305</v>
      </c>
      <c r="F98" s="9" t="s">
        <v>303</v>
      </c>
      <c r="G98" s="6">
        <v>311276</v>
      </c>
      <c r="H98" s="6">
        <v>13167</v>
      </c>
      <c r="I98" s="6">
        <v>258338</v>
      </c>
      <c r="J98" s="6">
        <v>39771</v>
      </c>
    </row>
    <row r="99" spans="1:10">
      <c r="A99" s="9" t="s">
        <v>27</v>
      </c>
      <c r="B99" s="9" t="s">
        <v>28</v>
      </c>
      <c r="C99" s="9" t="s">
        <v>29</v>
      </c>
      <c r="D99" s="9" t="s">
        <v>6</v>
      </c>
      <c r="E99" s="9" t="s">
        <v>305</v>
      </c>
      <c r="F99" s="9" t="s">
        <v>304</v>
      </c>
      <c r="G99" s="6">
        <v>6533895</v>
      </c>
      <c r="H99" s="6">
        <v>1561785</v>
      </c>
      <c r="I99" s="6">
        <v>4515768</v>
      </c>
      <c r="J99" s="6">
        <v>456342</v>
      </c>
    </row>
    <row r="100" spans="1:10">
      <c r="A100" s="9" t="s">
        <v>27</v>
      </c>
      <c r="B100" s="9" t="s">
        <v>28</v>
      </c>
      <c r="C100" s="9" t="s">
        <v>29</v>
      </c>
      <c r="D100" s="9" t="s">
        <v>6</v>
      </c>
      <c r="E100" s="9" t="s">
        <v>305</v>
      </c>
      <c r="F100" s="9" t="s">
        <v>49</v>
      </c>
      <c r="G100" s="6">
        <v>5830834</v>
      </c>
      <c r="H100" s="6">
        <v>1200766</v>
      </c>
      <c r="I100" s="6">
        <v>4197418</v>
      </c>
      <c r="J100" s="6">
        <v>432650</v>
      </c>
    </row>
    <row r="101" spans="1:10">
      <c r="A101" s="9" t="s">
        <v>27</v>
      </c>
      <c r="B101" s="9" t="s">
        <v>28</v>
      </c>
      <c r="C101" s="9" t="s">
        <v>29</v>
      </c>
      <c r="D101" s="9" t="s">
        <v>226</v>
      </c>
      <c r="E101" s="9" t="s">
        <v>6</v>
      </c>
      <c r="F101" s="9" t="s">
        <v>6</v>
      </c>
      <c r="G101" s="6">
        <v>5990501</v>
      </c>
      <c r="H101" s="6">
        <v>3893614</v>
      </c>
      <c r="I101" s="6">
        <v>2065021</v>
      </c>
      <c r="J101" s="6">
        <v>31866</v>
      </c>
    </row>
    <row r="102" spans="1:10">
      <c r="A102" s="9" t="s">
        <v>27</v>
      </c>
      <c r="B102" s="9" t="s">
        <v>28</v>
      </c>
      <c r="C102" s="9" t="s">
        <v>29</v>
      </c>
      <c r="D102" s="9" t="s">
        <v>226</v>
      </c>
      <c r="E102" s="9" t="s">
        <v>6</v>
      </c>
      <c r="F102" s="9" t="s">
        <v>297</v>
      </c>
      <c r="G102" s="6">
        <v>3232526</v>
      </c>
      <c r="H102" s="6">
        <v>2434804</v>
      </c>
      <c r="I102" s="6">
        <v>793573</v>
      </c>
      <c r="J102" s="6">
        <v>4149</v>
      </c>
    </row>
    <row r="103" spans="1:10">
      <c r="A103" s="9" t="s">
        <v>27</v>
      </c>
      <c r="B103" s="9" t="s">
        <v>28</v>
      </c>
      <c r="C103" s="9" t="s">
        <v>29</v>
      </c>
      <c r="D103" s="9" t="s">
        <v>226</v>
      </c>
      <c r="E103" s="9" t="s">
        <v>6</v>
      </c>
      <c r="F103" s="9" t="s">
        <v>298</v>
      </c>
      <c r="G103" s="6">
        <v>910088</v>
      </c>
      <c r="H103" s="6">
        <v>560213</v>
      </c>
      <c r="I103" s="6">
        <v>347229</v>
      </c>
      <c r="J103" s="6">
        <v>2646</v>
      </c>
    </row>
    <row r="104" spans="1:10">
      <c r="A104" s="9" t="s">
        <v>27</v>
      </c>
      <c r="B104" s="9" t="s">
        <v>28</v>
      </c>
      <c r="C104" s="9" t="s">
        <v>29</v>
      </c>
      <c r="D104" s="9" t="s">
        <v>226</v>
      </c>
      <c r="E104" s="9" t="s">
        <v>6</v>
      </c>
      <c r="F104" s="9" t="s">
        <v>299</v>
      </c>
      <c r="G104" s="6">
        <v>840688</v>
      </c>
      <c r="H104" s="6">
        <v>422738</v>
      </c>
      <c r="I104" s="6">
        <v>412299</v>
      </c>
      <c r="J104" s="6">
        <v>5651</v>
      </c>
    </row>
    <row r="105" spans="1:10">
      <c r="A105" s="9" t="s">
        <v>27</v>
      </c>
      <c r="B105" s="9" t="s">
        <v>28</v>
      </c>
      <c r="C105" s="9" t="s">
        <v>29</v>
      </c>
      <c r="D105" s="9" t="s">
        <v>226</v>
      </c>
      <c r="E105" s="9" t="s">
        <v>6</v>
      </c>
      <c r="F105" s="9" t="s">
        <v>300</v>
      </c>
      <c r="G105" s="6">
        <v>644981</v>
      </c>
      <c r="H105" s="6">
        <v>299391</v>
      </c>
      <c r="I105" s="6">
        <v>336495</v>
      </c>
      <c r="J105" s="6">
        <v>9095</v>
      </c>
    </row>
    <row r="106" spans="1:10">
      <c r="A106" s="9" t="s">
        <v>27</v>
      </c>
      <c r="B106" s="9" t="s">
        <v>28</v>
      </c>
      <c r="C106" s="9" t="s">
        <v>29</v>
      </c>
      <c r="D106" s="9" t="s">
        <v>226</v>
      </c>
      <c r="E106" s="9" t="s">
        <v>6</v>
      </c>
      <c r="F106" s="9" t="s">
        <v>301</v>
      </c>
      <c r="G106" s="6">
        <v>252338</v>
      </c>
      <c r="H106" s="6">
        <v>121664</v>
      </c>
      <c r="I106" s="6">
        <v>124371</v>
      </c>
      <c r="J106" s="6">
        <v>6303</v>
      </c>
    </row>
    <row r="107" spans="1:10">
      <c r="A107" s="9" t="s">
        <v>27</v>
      </c>
      <c r="B107" s="9" t="s">
        <v>28</v>
      </c>
      <c r="C107" s="9" t="s">
        <v>29</v>
      </c>
      <c r="D107" s="9" t="s">
        <v>226</v>
      </c>
      <c r="E107" s="9" t="s">
        <v>6</v>
      </c>
      <c r="F107" s="9" t="s">
        <v>302</v>
      </c>
      <c r="G107" s="6">
        <v>86143</v>
      </c>
      <c r="H107" s="6">
        <v>43524</v>
      </c>
      <c r="I107" s="6">
        <v>39577</v>
      </c>
      <c r="J107" s="6">
        <v>3042</v>
      </c>
    </row>
    <row r="108" spans="1:10">
      <c r="A108" s="9" t="s">
        <v>27</v>
      </c>
      <c r="B108" s="9" t="s">
        <v>28</v>
      </c>
      <c r="C108" s="9" t="s">
        <v>29</v>
      </c>
      <c r="D108" s="9" t="s">
        <v>226</v>
      </c>
      <c r="E108" s="9" t="s">
        <v>6</v>
      </c>
      <c r="F108" s="9" t="s">
        <v>303</v>
      </c>
      <c r="G108" s="6">
        <v>23737</v>
      </c>
      <c r="H108" s="6">
        <v>11280</v>
      </c>
      <c r="I108" s="6">
        <v>11477</v>
      </c>
      <c r="J108" s="6">
        <v>980</v>
      </c>
    </row>
    <row r="109" spans="1:10">
      <c r="A109" s="9" t="s">
        <v>27</v>
      </c>
      <c r="B109" s="9" t="s">
        <v>28</v>
      </c>
      <c r="C109" s="9" t="s">
        <v>29</v>
      </c>
      <c r="D109" s="9" t="s">
        <v>226</v>
      </c>
      <c r="E109" s="9" t="s">
        <v>6</v>
      </c>
      <c r="F109" s="9" t="s">
        <v>304</v>
      </c>
      <c r="G109" s="6">
        <v>2757975</v>
      </c>
      <c r="H109" s="6">
        <v>1458810</v>
      </c>
      <c r="I109" s="6">
        <v>1271448</v>
      </c>
      <c r="J109" s="6">
        <v>27717</v>
      </c>
    </row>
    <row r="110" spans="1:10">
      <c r="A110" s="9" t="s">
        <v>27</v>
      </c>
      <c r="B110" s="9" t="s">
        <v>28</v>
      </c>
      <c r="C110" s="9" t="s">
        <v>29</v>
      </c>
      <c r="D110" s="9" t="s">
        <v>226</v>
      </c>
      <c r="E110" s="9" t="s">
        <v>6</v>
      </c>
      <c r="F110" s="9" t="s">
        <v>49</v>
      </c>
      <c r="G110" s="6">
        <v>1847887</v>
      </c>
      <c r="H110" s="6">
        <v>898597</v>
      </c>
      <c r="I110" s="6">
        <v>924219</v>
      </c>
      <c r="J110" s="6">
        <v>25071</v>
      </c>
    </row>
    <row r="111" spans="1:10">
      <c r="A111" s="9" t="s">
        <v>27</v>
      </c>
      <c r="B111" s="9" t="s">
        <v>28</v>
      </c>
      <c r="C111" s="9" t="s">
        <v>29</v>
      </c>
      <c r="D111" s="9" t="s">
        <v>226</v>
      </c>
      <c r="E111" s="9" t="s">
        <v>297</v>
      </c>
      <c r="F111" s="9" t="s">
        <v>6</v>
      </c>
      <c r="G111" s="6">
        <v>2815481</v>
      </c>
      <c r="H111" s="6">
        <v>2133565</v>
      </c>
      <c r="I111" s="6">
        <v>678711</v>
      </c>
      <c r="J111" s="6">
        <v>3205</v>
      </c>
    </row>
    <row r="112" spans="1:10">
      <c r="A112" s="9" t="s">
        <v>27</v>
      </c>
      <c r="B112" s="9" t="s">
        <v>28</v>
      </c>
      <c r="C112" s="9" t="s">
        <v>29</v>
      </c>
      <c r="D112" s="9" t="s">
        <v>226</v>
      </c>
      <c r="E112" s="9" t="s">
        <v>297</v>
      </c>
      <c r="F112" s="9" t="s">
        <v>297</v>
      </c>
      <c r="G112" s="6">
        <v>2726460</v>
      </c>
      <c r="H112" s="6">
        <v>2082105</v>
      </c>
      <c r="I112" s="6">
        <v>641498</v>
      </c>
      <c r="J112" s="6">
        <v>2857</v>
      </c>
    </row>
    <row r="113" spans="1:10">
      <c r="A113" s="9" t="s">
        <v>27</v>
      </c>
      <c r="B113" s="9" t="s">
        <v>28</v>
      </c>
      <c r="C113" s="9" t="s">
        <v>29</v>
      </c>
      <c r="D113" s="9" t="s">
        <v>226</v>
      </c>
      <c r="E113" s="9" t="s">
        <v>297</v>
      </c>
      <c r="F113" s="9" t="s">
        <v>298</v>
      </c>
      <c r="G113" s="6">
        <v>72332</v>
      </c>
      <c r="H113" s="6">
        <v>44843</v>
      </c>
      <c r="I113" s="6">
        <v>27331</v>
      </c>
      <c r="J113" s="6">
        <v>158</v>
      </c>
    </row>
    <row r="114" spans="1:10">
      <c r="A114" s="9" t="s">
        <v>27</v>
      </c>
      <c r="B114" s="9" t="s">
        <v>28</v>
      </c>
      <c r="C114" s="9" t="s">
        <v>29</v>
      </c>
      <c r="D114" s="9" t="s">
        <v>226</v>
      </c>
      <c r="E114" s="9" t="s">
        <v>297</v>
      </c>
      <c r="F114" s="9" t="s">
        <v>299</v>
      </c>
      <c r="G114" s="6">
        <v>12454</v>
      </c>
      <c r="H114" s="6">
        <v>5349</v>
      </c>
      <c r="I114" s="6">
        <v>7028</v>
      </c>
      <c r="J114" s="6">
        <v>77</v>
      </c>
    </row>
    <row r="115" spans="1:10">
      <c r="A115" s="9" t="s">
        <v>27</v>
      </c>
      <c r="B115" s="9" t="s">
        <v>28</v>
      </c>
      <c r="C115" s="9" t="s">
        <v>29</v>
      </c>
      <c r="D115" s="9" t="s">
        <v>226</v>
      </c>
      <c r="E115" s="9" t="s">
        <v>297</v>
      </c>
      <c r="F115" s="9" t="s">
        <v>300</v>
      </c>
      <c r="G115" s="6">
        <v>3463</v>
      </c>
      <c r="H115" s="6">
        <v>1068</v>
      </c>
      <c r="I115" s="6">
        <v>2330</v>
      </c>
      <c r="J115" s="6">
        <v>65</v>
      </c>
    </row>
    <row r="116" spans="1:10">
      <c r="A116" s="9" t="s">
        <v>27</v>
      </c>
      <c r="B116" s="9" t="s">
        <v>28</v>
      </c>
      <c r="C116" s="9" t="s">
        <v>29</v>
      </c>
      <c r="D116" s="9" t="s">
        <v>226</v>
      </c>
      <c r="E116" s="9" t="s">
        <v>297</v>
      </c>
      <c r="F116" s="9" t="s">
        <v>301</v>
      </c>
      <c r="G116" s="6">
        <v>558</v>
      </c>
      <c r="H116" s="6">
        <v>135</v>
      </c>
      <c r="I116" s="6">
        <v>389</v>
      </c>
      <c r="J116" s="6">
        <v>34</v>
      </c>
    </row>
    <row r="117" spans="1:10">
      <c r="A117" s="9" t="s">
        <v>27</v>
      </c>
      <c r="B117" s="9" t="s">
        <v>28</v>
      </c>
      <c r="C117" s="9" t="s">
        <v>29</v>
      </c>
      <c r="D117" s="9" t="s">
        <v>226</v>
      </c>
      <c r="E117" s="9" t="s">
        <v>297</v>
      </c>
      <c r="F117" s="9" t="s">
        <v>302</v>
      </c>
      <c r="G117" s="6">
        <v>156</v>
      </c>
      <c r="H117" s="6">
        <v>39</v>
      </c>
      <c r="I117" s="6">
        <v>107</v>
      </c>
      <c r="J117" s="6">
        <v>10</v>
      </c>
    </row>
    <row r="118" spans="1:10">
      <c r="A118" s="9" t="s">
        <v>27</v>
      </c>
      <c r="B118" s="9" t="s">
        <v>28</v>
      </c>
      <c r="C118" s="9" t="s">
        <v>29</v>
      </c>
      <c r="D118" s="9" t="s">
        <v>226</v>
      </c>
      <c r="E118" s="9" t="s">
        <v>297</v>
      </c>
      <c r="F118" s="9" t="s">
        <v>303</v>
      </c>
      <c r="G118" s="6">
        <v>58</v>
      </c>
      <c r="H118" s="6">
        <v>26</v>
      </c>
      <c r="I118" s="6">
        <v>28</v>
      </c>
      <c r="J118" s="6">
        <v>4</v>
      </c>
    </row>
    <row r="119" spans="1:10">
      <c r="A119" s="9" t="s">
        <v>27</v>
      </c>
      <c r="B119" s="9" t="s">
        <v>28</v>
      </c>
      <c r="C119" s="9" t="s">
        <v>29</v>
      </c>
      <c r="D119" s="9" t="s">
        <v>226</v>
      </c>
      <c r="E119" s="9" t="s">
        <v>297</v>
      </c>
      <c r="F119" s="9" t="s">
        <v>304</v>
      </c>
      <c r="G119" s="6">
        <v>89021</v>
      </c>
      <c r="H119" s="6">
        <v>51460</v>
      </c>
      <c r="I119" s="6">
        <v>37213</v>
      </c>
      <c r="J119" s="6">
        <v>348</v>
      </c>
    </row>
    <row r="120" spans="1:10">
      <c r="A120" s="9" t="s">
        <v>27</v>
      </c>
      <c r="B120" s="9" t="s">
        <v>28</v>
      </c>
      <c r="C120" s="9" t="s">
        <v>29</v>
      </c>
      <c r="D120" s="9" t="s">
        <v>226</v>
      </c>
      <c r="E120" s="9" t="s">
        <v>297</v>
      </c>
      <c r="F120" s="9" t="s">
        <v>49</v>
      </c>
      <c r="G120" s="6">
        <v>16689</v>
      </c>
      <c r="H120" s="6">
        <v>6617</v>
      </c>
      <c r="I120" s="6">
        <v>9882</v>
      </c>
      <c r="J120" s="6">
        <v>190</v>
      </c>
    </row>
    <row r="121" spans="1:10">
      <c r="A121" s="9" t="s">
        <v>27</v>
      </c>
      <c r="B121" s="9" t="s">
        <v>28</v>
      </c>
      <c r="C121" s="9" t="s">
        <v>29</v>
      </c>
      <c r="D121" s="9" t="s">
        <v>226</v>
      </c>
      <c r="E121" s="9" t="s">
        <v>298</v>
      </c>
      <c r="F121" s="9" t="s">
        <v>6</v>
      </c>
      <c r="G121" s="6">
        <v>893917</v>
      </c>
      <c r="H121" s="6">
        <v>565939</v>
      </c>
      <c r="I121" s="6">
        <v>325806</v>
      </c>
      <c r="J121" s="6">
        <v>2172</v>
      </c>
    </row>
    <row r="122" spans="1:10">
      <c r="A122" s="9" t="s">
        <v>27</v>
      </c>
      <c r="B122" s="9" t="s">
        <v>28</v>
      </c>
      <c r="C122" s="9" t="s">
        <v>29</v>
      </c>
      <c r="D122" s="9" t="s">
        <v>226</v>
      </c>
      <c r="E122" s="9" t="s">
        <v>298</v>
      </c>
      <c r="F122" s="9" t="s">
        <v>297</v>
      </c>
      <c r="G122" s="6">
        <v>389990</v>
      </c>
      <c r="H122" s="6">
        <v>270734</v>
      </c>
      <c r="I122" s="6">
        <v>118584</v>
      </c>
      <c r="J122" s="6">
        <v>672</v>
      </c>
    </row>
    <row r="123" spans="1:10">
      <c r="A123" s="9" t="s">
        <v>27</v>
      </c>
      <c r="B123" s="9" t="s">
        <v>28</v>
      </c>
      <c r="C123" s="9" t="s">
        <v>29</v>
      </c>
      <c r="D123" s="9" t="s">
        <v>226</v>
      </c>
      <c r="E123" s="9" t="s">
        <v>298</v>
      </c>
      <c r="F123" s="9" t="s">
        <v>298</v>
      </c>
      <c r="G123" s="6">
        <v>430415</v>
      </c>
      <c r="H123" s="6">
        <v>263929</v>
      </c>
      <c r="I123" s="6">
        <v>165589</v>
      </c>
      <c r="J123" s="6">
        <v>897</v>
      </c>
    </row>
    <row r="124" spans="1:10">
      <c r="A124" s="9" t="s">
        <v>27</v>
      </c>
      <c r="B124" s="9" t="s">
        <v>28</v>
      </c>
      <c r="C124" s="9" t="s">
        <v>29</v>
      </c>
      <c r="D124" s="9" t="s">
        <v>226</v>
      </c>
      <c r="E124" s="9" t="s">
        <v>298</v>
      </c>
      <c r="F124" s="9" t="s">
        <v>299</v>
      </c>
      <c r="G124" s="6">
        <v>59543</v>
      </c>
      <c r="H124" s="6">
        <v>27231</v>
      </c>
      <c r="I124" s="6">
        <v>31982</v>
      </c>
      <c r="J124" s="6">
        <v>330</v>
      </c>
    </row>
    <row r="125" spans="1:10">
      <c r="A125" s="9" t="s">
        <v>27</v>
      </c>
      <c r="B125" s="9" t="s">
        <v>28</v>
      </c>
      <c r="C125" s="9" t="s">
        <v>29</v>
      </c>
      <c r="D125" s="9" t="s">
        <v>226</v>
      </c>
      <c r="E125" s="9" t="s">
        <v>298</v>
      </c>
      <c r="F125" s="9" t="s">
        <v>300</v>
      </c>
      <c r="G125" s="6">
        <v>11489</v>
      </c>
      <c r="H125" s="6">
        <v>3547</v>
      </c>
      <c r="I125" s="6">
        <v>7758</v>
      </c>
      <c r="J125" s="6">
        <v>184</v>
      </c>
    </row>
    <row r="126" spans="1:10">
      <c r="A126" s="9" t="s">
        <v>27</v>
      </c>
      <c r="B126" s="9" t="s">
        <v>28</v>
      </c>
      <c r="C126" s="9" t="s">
        <v>29</v>
      </c>
      <c r="D126" s="9" t="s">
        <v>226</v>
      </c>
      <c r="E126" s="9" t="s">
        <v>298</v>
      </c>
      <c r="F126" s="9" t="s">
        <v>301</v>
      </c>
      <c r="G126" s="6">
        <v>2049</v>
      </c>
      <c r="H126" s="6">
        <v>422</v>
      </c>
      <c r="I126" s="6">
        <v>1561</v>
      </c>
      <c r="J126" s="6">
        <v>66</v>
      </c>
    </row>
    <row r="127" spans="1:10">
      <c r="A127" s="9" t="s">
        <v>27</v>
      </c>
      <c r="B127" s="9" t="s">
        <v>28</v>
      </c>
      <c r="C127" s="9" t="s">
        <v>29</v>
      </c>
      <c r="D127" s="9" t="s">
        <v>226</v>
      </c>
      <c r="E127" s="9" t="s">
        <v>298</v>
      </c>
      <c r="F127" s="9" t="s">
        <v>302</v>
      </c>
      <c r="G127" s="6">
        <v>321</v>
      </c>
      <c r="H127" s="6">
        <v>43</v>
      </c>
      <c r="I127" s="6">
        <v>263</v>
      </c>
      <c r="J127" s="6">
        <v>15</v>
      </c>
    </row>
    <row r="128" spans="1:10">
      <c r="A128" s="9" t="s">
        <v>27</v>
      </c>
      <c r="B128" s="9" t="s">
        <v>28</v>
      </c>
      <c r="C128" s="9" t="s">
        <v>29</v>
      </c>
      <c r="D128" s="9" t="s">
        <v>226</v>
      </c>
      <c r="E128" s="9" t="s">
        <v>298</v>
      </c>
      <c r="F128" s="9" t="s">
        <v>303</v>
      </c>
      <c r="G128" s="6">
        <v>110</v>
      </c>
      <c r="H128" s="6">
        <v>33</v>
      </c>
      <c r="I128" s="6">
        <v>69</v>
      </c>
      <c r="J128" s="6">
        <v>8</v>
      </c>
    </row>
    <row r="129" spans="1:10">
      <c r="A129" s="9" t="s">
        <v>27</v>
      </c>
      <c r="B129" s="9" t="s">
        <v>28</v>
      </c>
      <c r="C129" s="9" t="s">
        <v>29</v>
      </c>
      <c r="D129" s="9" t="s">
        <v>226</v>
      </c>
      <c r="E129" s="9" t="s">
        <v>298</v>
      </c>
      <c r="F129" s="9" t="s">
        <v>304</v>
      </c>
      <c r="G129" s="6">
        <v>503927</v>
      </c>
      <c r="H129" s="6">
        <v>295205</v>
      </c>
      <c r="I129" s="6">
        <v>207222</v>
      </c>
      <c r="J129" s="6">
        <v>1500</v>
      </c>
    </row>
    <row r="130" spans="1:10">
      <c r="A130" s="9" t="s">
        <v>27</v>
      </c>
      <c r="B130" s="9" t="s">
        <v>28</v>
      </c>
      <c r="C130" s="9" t="s">
        <v>29</v>
      </c>
      <c r="D130" s="9" t="s">
        <v>226</v>
      </c>
      <c r="E130" s="9" t="s">
        <v>298</v>
      </c>
      <c r="F130" s="9" t="s">
        <v>49</v>
      </c>
      <c r="G130" s="6">
        <v>73512</v>
      </c>
      <c r="H130" s="6">
        <v>31276</v>
      </c>
      <c r="I130" s="6">
        <v>41633</v>
      </c>
      <c r="J130" s="6">
        <v>603</v>
      </c>
    </row>
    <row r="131" spans="1:10">
      <c r="A131" s="9" t="s">
        <v>27</v>
      </c>
      <c r="B131" s="9" t="s">
        <v>28</v>
      </c>
      <c r="C131" s="9" t="s">
        <v>29</v>
      </c>
      <c r="D131" s="9" t="s">
        <v>226</v>
      </c>
      <c r="E131" s="9" t="s">
        <v>299</v>
      </c>
      <c r="F131" s="9" t="s">
        <v>6</v>
      </c>
      <c r="G131" s="6">
        <v>914182</v>
      </c>
      <c r="H131" s="6">
        <v>497595</v>
      </c>
      <c r="I131" s="6">
        <v>411625</v>
      </c>
      <c r="J131" s="6">
        <v>4962</v>
      </c>
    </row>
    <row r="132" spans="1:10">
      <c r="A132" s="9" t="s">
        <v>27</v>
      </c>
      <c r="B132" s="9" t="s">
        <v>28</v>
      </c>
      <c r="C132" s="9" t="s">
        <v>29</v>
      </c>
      <c r="D132" s="9" t="s">
        <v>226</v>
      </c>
      <c r="E132" s="9" t="s">
        <v>299</v>
      </c>
      <c r="F132" s="9" t="s">
        <v>297</v>
      </c>
      <c r="G132" s="6">
        <v>92274</v>
      </c>
      <c r="H132" s="6">
        <v>65018</v>
      </c>
      <c r="I132" s="6">
        <v>26892</v>
      </c>
      <c r="J132" s="6">
        <v>364</v>
      </c>
    </row>
    <row r="133" spans="1:10">
      <c r="A133" s="9" t="s">
        <v>27</v>
      </c>
      <c r="B133" s="9" t="s">
        <v>28</v>
      </c>
      <c r="C133" s="9" t="s">
        <v>29</v>
      </c>
      <c r="D133" s="9" t="s">
        <v>226</v>
      </c>
      <c r="E133" s="9" t="s">
        <v>299</v>
      </c>
      <c r="F133" s="9" t="s">
        <v>298</v>
      </c>
      <c r="G133" s="6">
        <v>335916</v>
      </c>
      <c r="H133" s="6">
        <v>205283</v>
      </c>
      <c r="I133" s="6">
        <v>129528</v>
      </c>
      <c r="J133" s="6">
        <v>1105</v>
      </c>
    </row>
    <row r="134" spans="1:10">
      <c r="A134" s="9" t="s">
        <v>27</v>
      </c>
      <c r="B134" s="9" t="s">
        <v>28</v>
      </c>
      <c r="C134" s="9" t="s">
        <v>29</v>
      </c>
      <c r="D134" s="9" t="s">
        <v>226</v>
      </c>
      <c r="E134" s="9" t="s">
        <v>299</v>
      </c>
      <c r="F134" s="9" t="s">
        <v>299</v>
      </c>
      <c r="G134" s="6">
        <v>408305</v>
      </c>
      <c r="H134" s="6">
        <v>199684</v>
      </c>
      <c r="I134" s="6">
        <v>206389</v>
      </c>
      <c r="J134" s="6">
        <v>2232</v>
      </c>
    </row>
    <row r="135" spans="1:10">
      <c r="A135" s="9" t="s">
        <v>27</v>
      </c>
      <c r="B135" s="9" t="s">
        <v>28</v>
      </c>
      <c r="C135" s="9" t="s">
        <v>29</v>
      </c>
      <c r="D135" s="9" t="s">
        <v>226</v>
      </c>
      <c r="E135" s="9" t="s">
        <v>299</v>
      </c>
      <c r="F135" s="9" t="s">
        <v>300</v>
      </c>
      <c r="G135" s="6">
        <v>67392</v>
      </c>
      <c r="H135" s="6">
        <v>25203</v>
      </c>
      <c r="I135" s="6">
        <v>41250</v>
      </c>
      <c r="J135" s="6">
        <v>939</v>
      </c>
    </row>
    <row r="136" spans="1:10">
      <c r="A136" s="9" t="s">
        <v>27</v>
      </c>
      <c r="B136" s="9" t="s">
        <v>28</v>
      </c>
      <c r="C136" s="9" t="s">
        <v>29</v>
      </c>
      <c r="D136" s="9" t="s">
        <v>226</v>
      </c>
      <c r="E136" s="9" t="s">
        <v>299</v>
      </c>
      <c r="F136" s="9" t="s">
        <v>301</v>
      </c>
      <c r="G136" s="6">
        <v>8490</v>
      </c>
      <c r="H136" s="6">
        <v>2052</v>
      </c>
      <c r="I136" s="6">
        <v>6186</v>
      </c>
      <c r="J136" s="6">
        <v>252</v>
      </c>
    </row>
    <row r="137" spans="1:10">
      <c r="A137" s="9" t="s">
        <v>27</v>
      </c>
      <c r="B137" s="9" t="s">
        <v>28</v>
      </c>
      <c r="C137" s="9" t="s">
        <v>29</v>
      </c>
      <c r="D137" s="9" t="s">
        <v>226</v>
      </c>
      <c r="E137" s="9" t="s">
        <v>299</v>
      </c>
      <c r="F137" s="9" t="s">
        <v>302</v>
      </c>
      <c r="G137" s="6">
        <v>1563</v>
      </c>
      <c r="H137" s="6">
        <v>305</v>
      </c>
      <c r="I137" s="6">
        <v>1202</v>
      </c>
      <c r="J137" s="6">
        <v>56</v>
      </c>
    </row>
    <row r="138" spans="1:10">
      <c r="A138" s="9" t="s">
        <v>27</v>
      </c>
      <c r="B138" s="9" t="s">
        <v>28</v>
      </c>
      <c r="C138" s="9" t="s">
        <v>29</v>
      </c>
      <c r="D138" s="9" t="s">
        <v>226</v>
      </c>
      <c r="E138" s="9" t="s">
        <v>299</v>
      </c>
      <c r="F138" s="9" t="s">
        <v>303</v>
      </c>
      <c r="G138" s="6">
        <v>242</v>
      </c>
      <c r="H138" s="6">
        <v>50</v>
      </c>
      <c r="I138" s="6">
        <v>178</v>
      </c>
      <c r="J138" s="6">
        <v>14</v>
      </c>
    </row>
    <row r="139" spans="1:10">
      <c r="A139" s="9" t="s">
        <v>27</v>
      </c>
      <c r="B139" s="9" t="s">
        <v>28</v>
      </c>
      <c r="C139" s="9" t="s">
        <v>29</v>
      </c>
      <c r="D139" s="9" t="s">
        <v>226</v>
      </c>
      <c r="E139" s="9" t="s">
        <v>299</v>
      </c>
      <c r="F139" s="9" t="s">
        <v>304</v>
      </c>
      <c r="G139" s="6">
        <v>821908</v>
      </c>
      <c r="H139" s="6">
        <v>432577</v>
      </c>
      <c r="I139" s="6">
        <v>384733</v>
      </c>
      <c r="J139" s="6">
        <v>4598</v>
      </c>
    </row>
    <row r="140" spans="1:10">
      <c r="A140" s="9" t="s">
        <v>27</v>
      </c>
      <c r="B140" s="9" t="s">
        <v>28</v>
      </c>
      <c r="C140" s="9" t="s">
        <v>29</v>
      </c>
      <c r="D140" s="9" t="s">
        <v>226</v>
      </c>
      <c r="E140" s="9" t="s">
        <v>299</v>
      </c>
      <c r="F140" s="9" t="s">
        <v>49</v>
      </c>
      <c r="G140" s="6">
        <v>485992</v>
      </c>
      <c r="H140" s="6">
        <v>227294</v>
      </c>
      <c r="I140" s="6">
        <v>255205</v>
      </c>
      <c r="J140" s="6">
        <v>3493</v>
      </c>
    </row>
    <row r="141" spans="1:10">
      <c r="A141" s="9" t="s">
        <v>27</v>
      </c>
      <c r="B141" s="9" t="s">
        <v>28</v>
      </c>
      <c r="C141" s="9" t="s">
        <v>29</v>
      </c>
      <c r="D141" s="9" t="s">
        <v>226</v>
      </c>
      <c r="E141" s="9" t="s">
        <v>300</v>
      </c>
      <c r="F141" s="9" t="s">
        <v>6</v>
      </c>
      <c r="G141" s="6">
        <v>806625</v>
      </c>
      <c r="H141" s="6">
        <v>399975</v>
      </c>
      <c r="I141" s="6">
        <v>397936</v>
      </c>
      <c r="J141" s="6">
        <v>8714</v>
      </c>
    </row>
    <row r="142" spans="1:10">
      <c r="A142" s="9" t="s">
        <v>27</v>
      </c>
      <c r="B142" s="9" t="s">
        <v>28</v>
      </c>
      <c r="C142" s="9" t="s">
        <v>29</v>
      </c>
      <c r="D142" s="9" t="s">
        <v>226</v>
      </c>
      <c r="E142" s="9" t="s">
        <v>300</v>
      </c>
      <c r="F142" s="9" t="s">
        <v>297</v>
      </c>
      <c r="G142" s="6">
        <v>20265</v>
      </c>
      <c r="H142" s="6">
        <v>14519</v>
      </c>
      <c r="I142" s="6">
        <v>5555</v>
      </c>
      <c r="J142" s="6">
        <v>191</v>
      </c>
    </row>
    <row r="143" spans="1:10">
      <c r="A143" s="9" t="s">
        <v>27</v>
      </c>
      <c r="B143" s="9" t="s">
        <v>28</v>
      </c>
      <c r="C143" s="9" t="s">
        <v>29</v>
      </c>
      <c r="D143" s="9" t="s">
        <v>226</v>
      </c>
      <c r="E143" s="9" t="s">
        <v>300</v>
      </c>
      <c r="F143" s="9" t="s">
        <v>298</v>
      </c>
      <c r="G143" s="6">
        <v>66020</v>
      </c>
      <c r="H143" s="6">
        <v>42403</v>
      </c>
      <c r="I143" s="6">
        <v>23218</v>
      </c>
      <c r="J143" s="6">
        <v>399</v>
      </c>
    </row>
    <row r="144" spans="1:10">
      <c r="A144" s="9" t="s">
        <v>27</v>
      </c>
      <c r="B144" s="9" t="s">
        <v>28</v>
      </c>
      <c r="C144" s="9" t="s">
        <v>29</v>
      </c>
      <c r="D144" s="9" t="s">
        <v>226</v>
      </c>
      <c r="E144" s="9" t="s">
        <v>300</v>
      </c>
      <c r="F144" s="9" t="s">
        <v>299</v>
      </c>
      <c r="G144" s="6">
        <v>328509</v>
      </c>
      <c r="H144" s="6">
        <v>171769</v>
      </c>
      <c r="I144" s="6">
        <v>154183</v>
      </c>
      <c r="J144" s="6">
        <v>2557</v>
      </c>
    </row>
    <row r="145" spans="1:10">
      <c r="A145" s="9" t="s">
        <v>27</v>
      </c>
      <c r="B145" s="9" t="s">
        <v>28</v>
      </c>
      <c r="C145" s="9" t="s">
        <v>29</v>
      </c>
      <c r="D145" s="9" t="s">
        <v>226</v>
      </c>
      <c r="E145" s="9" t="s">
        <v>300</v>
      </c>
      <c r="F145" s="9" t="s">
        <v>300</v>
      </c>
      <c r="G145" s="6">
        <v>356542</v>
      </c>
      <c r="H145" s="6">
        <v>160126</v>
      </c>
      <c r="I145" s="6">
        <v>191906</v>
      </c>
      <c r="J145" s="6">
        <v>4510</v>
      </c>
    </row>
    <row r="146" spans="1:10">
      <c r="A146" s="9" t="s">
        <v>27</v>
      </c>
      <c r="B146" s="9" t="s">
        <v>28</v>
      </c>
      <c r="C146" s="9" t="s">
        <v>29</v>
      </c>
      <c r="D146" s="9" t="s">
        <v>226</v>
      </c>
      <c r="E146" s="9" t="s">
        <v>300</v>
      </c>
      <c r="F146" s="9" t="s">
        <v>301</v>
      </c>
      <c r="G146" s="6">
        <v>30147</v>
      </c>
      <c r="H146" s="6">
        <v>9969</v>
      </c>
      <c r="I146" s="6">
        <v>19369</v>
      </c>
      <c r="J146" s="6">
        <v>809</v>
      </c>
    </row>
    <row r="147" spans="1:10">
      <c r="A147" s="9" t="s">
        <v>27</v>
      </c>
      <c r="B147" s="9" t="s">
        <v>28</v>
      </c>
      <c r="C147" s="9" t="s">
        <v>29</v>
      </c>
      <c r="D147" s="9" t="s">
        <v>226</v>
      </c>
      <c r="E147" s="9" t="s">
        <v>300</v>
      </c>
      <c r="F147" s="9" t="s">
        <v>302</v>
      </c>
      <c r="G147" s="6">
        <v>4372</v>
      </c>
      <c r="H147" s="6">
        <v>1017</v>
      </c>
      <c r="I147" s="6">
        <v>3144</v>
      </c>
      <c r="J147" s="6">
        <v>211</v>
      </c>
    </row>
    <row r="148" spans="1:10">
      <c r="A148" s="9" t="s">
        <v>27</v>
      </c>
      <c r="B148" s="9" t="s">
        <v>28</v>
      </c>
      <c r="C148" s="9" t="s">
        <v>29</v>
      </c>
      <c r="D148" s="9" t="s">
        <v>226</v>
      </c>
      <c r="E148" s="9" t="s">
        <v>300</v>
      </c>
      <c r="F148" s="9" t="s">
        <v>303</v>
      </c>
      <c r="G148" s="6">
        <v>770</v>
      </c>
      <c r="H148" s="6">
        <v>172</v>
      </c>
      <c r="I148" s="6">
        <v>561</v>
      </c>
      <c r="J148" s="6">
        <v>37</v>
      </c>
    </row>
    <row r="149" spans="1:10">
      <c r="A149" s="9" t="s">
        <v>27</v>
      </c>
      <c r="B149" s="9" t="s">
        <v>28</v>
      </c>
      <c r="C149" s="9" t="s">
        <v>29</v>
      </c>
      <c r="D149" s="9" t="s">
        <v>226</v>
      </c>
      <c r="E149" s="9" t="s">
        <v>300</v>
      </c>
      <c r="F149" s="9" t="s">
        <v>304</v>
      </c>
      <c r="G149" s="6">
        <v>786360</v>
      </c>
      <c r="H149" s="6">
        <v>385456</v>
      </c>
      <c r="I149" s="6">
        <v>392381</v>
      </c>
      <c r="J149" s="6">
        <v>8523</v>
      </c>
    </row>
    <row r="150" spans="1:10">
      <c r="A150" s="9" t="s">
        <v>27</v>
      </c>
      <c r="B150" s="9" t="s">
        <v>28</v>
      </c>
      <c r="C150" s="9" t="s">
        <v>29</v>
      </c>
      <c r="D150" s="9" t="s">
        <v>226</v>
      </c>
      <c r="E150" s="9" t="s">
        <v>300</v>
      </c>
      <c r="F150" s="9" t="s">
        <v>49</v>
      </c>
      <c r="G150" s="6">
        <v>720340</v>
      </c>
      <c r="H150" s="6">
        <v>343053</v>
      </c>
      <c r="I150" s="6">
        <v>369163</v>
      </c>
      <c r="J150" s="6">
        <v>8124</v>
      </c>
    </row>
    <row r="151" spans="1:10">
      <c r="A151" s="9" t="s">
        <v>27</v>
      </c>
      <c r="B151" s="9" t="s">
        <v>28</v>
      </c>
      <c r="C151" s="9" t="s">
        <v>29</v>
      </c>
      <c r="D151" s="9" t="s">
        <v>226</v>
      </c>
      <c r="E151" s="9" t="s">
        <v>301</v>
      </c>
      <c r="F151" s="9" t="s">
        <v>6</v>
      </c>
      <c r="G151" s="6">
        <v>360716</v>
      </c>
      <c r="H151" s="6">
        <v>183895</v>
      </c>
      <c r="I151" s="6">
        <v>169771</v>
      </c>
      <c r="J151" s="6">
        <v>7050</v>
      </c>
    </row>
    <row r="152" spans="1:10">
      <c r="A152" s="9" t="s">
        <v>27</v>
      </c>
      <c r="B152" s="9" t="s">
        <v>28</v>
      </c>
      <c r="C152" s="9" t="s">
        <v>29</v>
      </c>
      <c r="D152" s="9" t="s">
        <v>226</v>
      </c>
      <c r="E152" s="9" t="s">
        <v>301</v>
      </c>
      <c r="F152" s="9" t="s">
        <v>297</v>
      </c>
      <c r="G152" s="6">
        <v>2969</v>
      </c>
      <c r="H152" s="6">
        <v>2047</v>
      </c>
      <c r="I152" s="6">
        <v>869</v>
      </c>
      <c r="J152" s="6">
        <v>53</v>
      </c>
    </row>
    <row r="153" spans="1:10">
      <c r="A153" s="9" t="s">
        <v>27</v>
      </c>
      <c r="B153" s="9" t="s">
        <v>28</v>
      </c>
      <c r="C153" s="9" t="s">
        <v>29</v>
      </c>
      <c r="D153" s="9" t="s">
        <v>226</v>
      </c>
      <c r="E153" s="9" t="s">
        <v>301</v>
      </c>
      <c r="F153" s="9" t="s">
        <v>298</v>
      </c>
      <c r="G153" s="6">
        <v>4612</v>
      </c>
      <c r="H153" s="6">
        <v>3205</v>
      </c>
      <c r="I153" s="6">
        <v>1336</v>
      </c>
      <c r="J153" s="6">
        <v>71</v>
      </c>
    </row>
    <row r="154" spans="1:10">
      <c r="A154" s="9" t="s">
        <v>27</v>
      </c>
      <c r="B154" s="9" t="s">
        <v>28</v>
      </c>
      <c r="C154" s="9" t="s">
        <v>29</v>
      </c>
      <c r="D154" s="9" t="s">
        <v>226</v>
      </c>
      <c r="E154" s="9" t="s">
        <v>301</v>
      </c>
      <c r="F154" s="9" t="s">
        <v>299</v>
      </c>
      <c r="G154" s="6">
        <v>29539</v>
      </c>
      <c r="H154" s="6">
        <v>17201</v>
      </c>
      <c r="I154" s="6">
        <v>11942</v>
      </c>
      <c r="J154" s="6">
        <v>396</v>
      </c>
    </row>
    <row r="155" spans="1:10">
      <c r="A155" s="9" t="s">
        <v>27</v>
      </c>
      <c r="B155" s="9" t="s">
        <v>28</v>
      </c>
      <c r="C155" s="9" t="s">
        <v>29</v>
      </c>
      <c r="D155" s="9" t="s">
        <v>226</v>
      </c>
      <c r="E155" s="9" t="s">
        <v>301</v>
      </c>
      <c r="F155" s="9" t="s">
        <v>300</v>
      </c>
      <c r="G155" s="6">
        <v>187437</v>
      </c>
      <c r="H155" s="6">
        <v>98162</v>
      </c>
      <c r="I155" s="6">
        <v>86289</v>
      </c>
      <c r="J155" s="6">
        <v>2986</v>
      </c>
    </row>
    <row r="156" spans="1:10">
      <c r="A156" s="9" t="s">
        <v>27</v>
      </c>
      <c r="B156" s="9" t="s">
        <v>28</v>
      </c>
      <c r="C156" s="9" t="s">
        <v>29</v>
      </c>
      <c r="D156" s="9" t="s">
        <v>226</v>
      </c>
      <c r="E156" s="9" t="s">
        <v>301</v>
      </c>
      <c r="F156" s="9" t="s">
        <v>301</v>
      </c>
      <c r="G156" s="6">
        <v>123809</v>
      </c>
      <c r="H156" s="6">
        <v>58667</v>
      </c>
      <c r="I156" s="6">
        <v>62150</v>
      </c>
      <c r="J156" s="6">
        <v>2992</v>
      </c>
    </row>
    <row r="157" spans="1:10">
      <c r="A157" s="9" t="s">
        <v>27</v>
      </c>
      <c r="B157" s="9" t="s">
        <v>28</v>
      </c>
      <c r="C157" s="9" t="s">
        <v>29</v>
      </c>
      <c r="D157" s="9" t="s">
        <v>226</v>
      </c>
      <c r="E157" s="9" t="s">
        <v>301</v>
      </c>
      <c r="F157" s="9" t="s">
        <v>302</v>
      </c>
      <c r="G157" s="6">
        <v>10939</v>
      </c>
      <c r="H157" s="6">
        <v>4243</v>
      </c>
      <c r="I157" s="6">
        <v>6233</v>
      </c>
      <c r="J157" s="6">
        <v>463</v>
      </c>
    </row>
    <row r="158" spans="1:10">
      <c r="A158" s="9" t="s">
        <v>27</v>
      </c>
      <c r="B158" s="9" t="s">
        <v>28</v>
      </c>
      <c r="C158" s="9" t="s">
        <v>29</v>
      </c>
      <c r="D158" s="9" t="s">
        <v>226</v>
      </c>
      <c r="E158" s="9" t="s">
        <v>301</v>
      </c>
      <c r="F158" s="9" t="s">
        <v>303</v>
      </c>
      <c r="G158" s="6">
        <v>1411</v>
      </c>
      <c r="H158" s="6">
        <v>370</v>
      </c>
      <c r="I158" s="6">
        <v>952</v>
      </c>
      <c r="J158" s="6">
        <v>89</v>
      </c>
    </row>
    <row r="159" spans="1:10">
      <c r="A159" s="9" t="s">
        <v>27</v>
      </c>
      <c r="B159" s="9" t="s">
        <v>28</v>
      </c>
      <c r="C159" s="9" t="s">
        <v>29</v>
      </c>
      <c r="D159" s="9" t="s">
        <v>226</v>
      </c>
      <c r="E159" s="9" t="s">
        <v>301</v>
      </c>
      <c r="F159" s="9" t="s">
        <v>304</v>
      </c>
      <c r="G159" s="6">
        <v>357747</v>
      </c>
      <c r="H159" s="6">
        <v>181848</v>
      </c>
      <c r="I159" s="6">
        <v>168902</v>
      </c>
      <c r="J159" s="6">
        <v>6997</v>
      </c>
    </row>
    <row r="160" spans="1:10">
      <c r="A160" s="9" t="s">
        <v>27</v>
      </c>
      <c r="B160" s="9" t="s">
        <v>28</v>
      </c>
      <c r="C160" s="9" t="s">
        <v>29</v>
      </c>
      <c r="D160" s="9" t="s">
        <v>226</v>
      </c>
      <c r="E160" s="9" t="s">
        <v>301</v>
      </c>
      <c r="F160" s="9" t="s">
        <v>49</v>
      </c>
      <c r="G160" s="6">
        <v>353135</v>
      </c>
      <c r="H160" s="6">
        <v>178643</v>
      </c>
      <c r="I160" s="6">
        <v>167566</v>
      </c>
      <c r="J160" s="6">
        <v>6926</v>
      </c>
    </row>
    <row r="161" spans="1:10">
      <c r="A161" s="9" t="s">
        <v>27</v>
      </c>
      <c r="B161" s="9" t="s">
        <v>28</v>
      </c>
      <c r="C161" s="9" t="s">
        <v>29</v>
      </c>
      <c r="D161" s="9" t="s">
        <v>226</v>
      </c>
      <c r="E161" s="9" t="s">
        <v>302</v>
      </c>
      <c r="F161" s="9" t="s">
        <v>6</v>
      </c>
      <c r="G161" s="6">
        <v>144946</v>
      </c>
      <c r="H161" s="6">
        <v>81713</v>
      </c>
      <c r="I161" s="6">
        <v>59333</v>
      </c>
      <c r="J161" s="6">
        <v>3900</v>
      </c>
    </row>
    <row r="162" spans="1:10">
      <c r="A162" s="9" t="s">
        <v>27</v>
      </c>
      <c r="B162" s="9" t="s">
        <v>28</v>
      </c>
      <c r="C162" s="9" t="s">
        <v>29</v>
      </c>
      <c r="D162" s="9" t="s">
        <v>226</v>
      </c>
      <c r="E162" s="9" t="s">
        <v>302</v>
      </c>
      <c r="F162" s="9" t="s">
        <v>297</v>
      </c>
      <c r="G162" s="6">
        <v>478</v>
      </c>
      <c r="H162" s="6">
        <v>329</v>
      </c>
      <c r="I162" s="6">
        <v>137</v>
      </c>
      <c r="J162" s="6">
        <v>12</v>
      </c>
    </row>
    <row r="163" spans="1:10">
      <c r="A163" s="9" t="s">
        <v>27</v>
      </c>
      <c r="B163" s="9" t="s">
        <v>28</v>
      </c>
      <c r="C163" s="9" t="s">
        <v>29</v>
      </c>
      <c r="D163" s="9" t="s">
        <v>226</v>
      </c>
      <c r="E163" s="9" t="s">
        <v>302</v>
      </c>
      <c r="F163" s="9" t="s">
        <v>298</v>
      </c>
      <c r="G163" s="6">
        <v>656</v>
      </c>
      <c r="H163" s="6">
        <v>461</v>
      </c>
      <c r="I163" s="6">
        <v>181</v>
      </c>
      <c r="J163" s="6">
        <v>14</v>
      </c>
    </row>
    <row r="164" spans="1:10">
      <c r="A164" s="9" t="s">
        <v>27</v>
      </c>
      <c r="B164" s="9" t="s">
        <v>28</v>
      </c>
      <c r="C164" s="9" t="s">
        <v>29</v>
      </c>
      <c r="D164" s="9" t="s">
        <v>226</v>
      </c>
      <c r="E164" s="9" t="s">
        <v>302</v>
      </c>
      <c r="F164" s="9" t="s">
        <v>299</v>
      </c>
      <c r="G164" s="6">
        <v>2019</v>
      </c>
      <c r="H164" s="6">
        <v>1322</v>
      </c>
      <c r="I164" s="6">
        <v>651</v>
      </c>
      <c r="J164" s="6">
        <v>46</v>
      </c>
    </row>
    <row r="165" spans="1:10">
      <c r="A165" s="9" t="s">
        <v>27</v>
      </c>
      <c r="B165" s="9" t="s">
        <v>28</v>
      </c>
      <c r="C165" s="9" t="s">
        <v>29</v>
      </c>
      <c r="D165" s="9" t="s">
        <v>226</v>
      </c>
      <c r="E165" s="9" t="s">
        <v>302</v>
      </c>
      <c r="F165" s="9" t="s">
        <v>300</v>
      </c>
      <c r="G165" s="6">
        <v>17567</v>
      </c>
      <c r="H165" s="6">
        <v>10602</v>
      </c>
      <c r="I165" s="6">
        <v>6599</v>
      </c>
      <c r="J165" s="6">
        <v>366</v>
      </c>
    </row>
    <row r="166" spans="1:10">
      <c r="A166" s="9" t="s">
        <v>27</v>
      </c>
      <c r="B166" s="9" t="s">
        <v>28</v>
      </c>
      <c r="C166" s="9" t="s">
        <v>29</v>
      </c>
      <c r="D166" s="9" t="s">
        <v>226</v>
      </c>
      <c r="E166" s="9" t="s">
        <v>302</v>
      </c>
      <c r="F166" s="9" t="s">
        <v>301</v>
      </c>
      <c r="G166" s="6">
        <v>79048</v>
      </c>
      <c r="H166" s="6">
        <v>45378</v>
      </c>
      <c r="I166" s="6">
        <v>31735</v>
      </c>
      <c r="J166" s="6">
        <v>1935</v>
      </c>
    </row>
    <row r="167" spans="1:10">
      <c r="A167" s="9" t="s">
        <v>27</v>
      </c>
      <c r="B167" s="9" t="s">
        <v>28</v>
      </c>
      <c r="C167" s="9" t="s">
        <v>29</v>
      </c>
      <c r="D167" s="9" t="s">
        <v>226</v>
      </c>
      <c r="E167" s="9" t="s">
        <v>302</v>
      </c>
      <c r="F167" s="9" t="s">
        <v>302</v>
      </c>
      <c r="G167" s="6">
        <v>41799</v>
      </c>
      <c r="H167" s="6">
        <v>22156</v>
      </c>
      <c r="I167" s="6">
        <v>18263</v>
      </c>
      <c r="J167" s="6">
        <v>1380</v>
      </c>
    </row>
    <row r="168" spans="1:10">
      <c r="A168" s="9" t="s">
        <v>27</v>
      </c>
      <c r="B168" s="9" t="s">
        <v>28</v>
      </c>
      <c r="C168" s="9" t="s">
        <v>29</v>
      </c>
      <c r="D168" s="9" t="s">
        <v>226</v>
      </c>
      <c r="E168" s="9" t="s">
        <v>302</v>
      </c>
      <c r="F168" s="9" t="s">
        <v>303</v>
      </c>
      <c r="G168" s="6">
        <v>3379</v>
      </c>
      <c r="H168" s="6">
        <v>1465</v>
      </c>
      <c r="I168" s="6">
        <v>1767</v>
      </c>
      <c r="J168" s="6">
        <v>147</v>
      </c>
    </row>
    <row r="169" spans="1:10">
      <c r="A169" s="9" t="s">
        <v>27</v>
      </c>
      <c r="B169" s="9" t="s">
        <v>28</v>
      </c>
      <c r="C169" s="9" t="s">
        <v>29</v>
      </c>
      <c r="D169" s="9" t="s">
        <v>226</v>
      </c>
      <c r="E169" s="9" t="s">
        <v>302</v>
      </c>
      <c r="F169" s="9" t="s">
        <v>304</v>
      </c>
      <c r="G169" s="6">
        <v>144468</v>
      </c>
      <c r="H169" s="6">
        <v>81384</v>
      </c>
      <c r="I169" s="6">
        <v>59196</v>
      </c>
      <c r="J169" s="6">
        <v>3888</v>
      </c>
    </row>
    <row r="170" spans="1:10">
      <c r="A170" s="9" t="s">
        <v>27</v>
      </c>
      <c r="B170" s="9" t="s">
        <v>28</v>
      </c>
      <c r="C170" s="9" t="s">
        <v>29</v>
      </c>
      <c r="D170" s="9" t="s">
        <v>226</v>
      </c>
      <c r="E170" s="9" t="s">
        <v>302</v>
      </c>
      <c r="F170" s="9" t="s">
        <v>49</v>
      </c>
      <c r="G170" s="6">
        <v>143812</v>
      </c>
      <c r="H170" s="6">
        <v>80923</v>
      </c>
      <c r="I170" s="6">
        <v>59015</v>
      </c>
      <c r="J170" s="6">
        <v>3874</v>
      </c>
    </row>
    <row r="171" spans="1:10">
      <c r="A171" s="9" t="s">
        <v>27</v>
      </c>
      <c r="B171" s="9" t="s">
        <v>28</v>
      </c>
      <c r="C171" s="9" t="s">
        <v>29</v>
      </c>
      <c r="D171" s="9" t="s">
        <v>226</v>
      </c>
      <c r="E171" s="9" t="s">
        <v>303</v>
      </c>
      <c r="F171" s="9" t="s">
        <v>6</v>
      </c>
      <c r="G171" s="6">
        <v>54634</v>
      </c>
      <c r="H171" s="6">
        <v>30932</v>
      </c>
      <c r="I171" s="6">
        <v>21839</v>
      </c>
      <c r="J171" s="6">
        <v>1863</v>
      </c>
    </row>
    <row r="172" spans="1:10">
      <c r="A172" s="9" t="s">
        <v>27</v>
      </c>
      <c r="B172" s="9" t="s">
        <v>28</v>
      </c>
      <c r="C172" s="9" t="s">
        <v>29</v>
      </c>
      <c r="D172" s="9" t="s">
        <v>226</v>
      </c>
      <c r="E172" s="9" t="s">
        <v>303</v>
      </c>
      <c r="F172" s="9" t="s">
        <v>297</v>
      </c>
      <c r="G172" s="6">
        <v>90</v>
      </c>
      <c r="H172" s="6">
        <v>52</v>
      </c>
      <c r="I172" s="6">
        <v>38</v>
      </c>
      <c r="J172" s="10" t="s">
        <v>55</v>
      </c>
    </row>
    <row r="173" spans="1:10">
      <c r="A173" s="9" t="s">
        <v>27</v>
      </c>
      <c r="B173" s="9" t="s">
        <v>28</v>
      </c>
      <c r="C173" s="9" t="s">
        <v>29</v>
      </c>
      <c r="D173" s="9" t="s">
        <v>226</v>
      </c>
      <c r="E173" s="9" t="s">
        <v>303</v>
      </c>
      <c r="F173" s="9" t="s">
        <v>298</v>
      </c>
      <c r="G173" s="6">
        <v>137</v>
      </c>
      <c r="H173" s="6">
        <v>89</v>
      </c>
      <c r="I173" s="6">
        <v>46</v>
      </c>
      <c r="J173" s="6">
        <v>2</v>
      </c>
    </row>
    <row r="174" spans="1:10">
      <c r="A174" s="9" t="s">
        <v>27</v>
      </c>
      <c r="B174" s="9" t="s">
        <v>28</v>
      </c>
      <c r="C174" s="9" t="s">
        <v>29</v>
      </c>
      <c r="D174" s="9" t="s">
        <v>226</v>
      </c>
      <c r="E174" s="9" t="s">
        <v>303</v>
      </c>
      <c r="F174" s="9" t="s">
        <v>299</v>
      </c>
      <c r="G174" s="6">
        <v>319</v>
      </c>
      <c r="H174" s="6">
        <v>182</v>
      </c>
      <c r="I174" s="6">
        <v>124</v>
      </c>
      <c r="J174" s="6">
        <v>13</v>
      </c>
    </row>
    <row r="175" spans="1:10">
      <c r="A175" s="9" t="s">
        <v>27</v>
      </c>
      <c r="B175" s="9" t="s">
        <v>28</v>
      </c>
      <c r="C175" s="9" t="s">
        <v>29</v>
      </c>
      <c r="D175" s="9" t="s">
        <v>226</v>
      </c>
      <c r="E175" s="9" t="s">
        <v>303</v>
      </c>
      <c r="F175" s="9" t="s">
        <v>300</v>
      </c>
      <c r="G175" s="6">
        <v>1091</v>
      </c>
      <c r="H175" s="6">
        <v>683</v>
      </c>
      <c r="I175" s="6">
        <v>363</v>
      </c>
      <c r="J175" s="6">
        <v>45</v>
      </c>
    </row>
    <row r="176" spans="1:10">
      <c r="A176" s="9" t="s">
        <v>27</v>
      </c>
      <c r="B176" s="9" t="s">
        <v>28</v>
      </c>
      <c r="C176" s="9" t="s">
        <v>29</v>
      </c>
      <c r="D176" s="9" t="s">
        <v>226</v>
      </c>
      <c r="E176" s="9" t="s">
        <v>303</v>
      </c>
      <c r="F176" s="9" t="s">
        <v>301</v>
      </c>
      <c r="G176" s="6">
        <v>8237</v>
      </c>
      <c r="H176" s="6">
        <v>5041</v>
      </c>
      <c r="I176" s="6">
        <v>2981</v>
      </c>
      <c r="J176" s="6">
        <v>215</v>
      </c>
    </row>
    <row r="177" spans="1:10">
      <c r="A177" s="9" t="s">
        <v>27</v>
      </c>
      <c r="B177" s="9" t="s">
        <v>28</v>
      </c>
      <c r="C177" s="9" t="s">
        <v>29</v>
      </c>
      <c r="D177" s="9" t="s">
        <v>226</v>
      </c>
      <c r="E177" s="9" t="s">
        <v>303</v>
      </c>
      <c r="F177" s="9" t="s">
        <v>302</v>
      </c>
      <c r="G177" s="6">
        <v>26993</v>
      </c>
      <c r="H177" s="6">
        <v>15721</v>
      </c>
      <c r="I177" s="6">
        <v>10365</v>
      </c>
      <c r="J177" s="6">
        <v>907</v>
      </c>
    </row>
    <row r="178" spans="1:10">
      <c r="A178" s="9" t="s">
        <v>27</v>
      </c>
      <c r="B178" s="9" t="s">
        <v>28</v>
      </c>
      <c r="C178" s="9" t="s">
        <v>29</v>
      </c>
      <c r="D178" s="9" t="s">
        <v>226</v>
      </c>
      <c r="E178" s="9" t="s">
        <v>303</v>
      </c>
      <c r="F178" s="9" t="s">
        <v>303</v>
      </c>
      <c r="G178" s="6">
        <v>17767</v>
      </c>
      <c r="H178" s="6">
        <v>9164</v>
      </c>
      <c r="I178" s="6">
        <v>7922</v>
      </c>
      <c r="J178" s="6">
        <v>681</v>
      </c>
    </row>
    <row r="179" spans="1:10">
      <c r="A179" s="9" t="s">
        <v>27</v>
      </c>
      <c r="B179" s="9" t="s">
        <v>28</v>
      </c>
      <c r="C179" s="9" t="s">
        <v>29</v>
      </c>
      <c r="D179" s="9" t="s">
        <v>226</v>
      </c>
      <c r="E179" s="9" t="s">
        <v>303</v>
      </c>
      <c r="F179" s="9" t="s">
        <v>304</v>
      </c>
      <c r="G179" s="6">
        <v>54544</v>
      </c>
      <c r="H179" s="6">
        <v>30880</v>
      </c>
      <c r="I179" s="6">
        <v>21801</v>
      </c>
      <c r="J179" s="6">
        <v>1863</v>
      </c>
    </row>
    <row r="180" spans="1:10">
      <c r="A180" s="9" t="s">
        <v>27</v>
      </c>
      <c r="B180" s="9" t="s">
        <v>28</v>
      </c>
      <c r="C180" s="9" t="s">
        <v>29</v>
      </c>
      <c r="D180" s="9" t="s">
        <v>226</v>
      </c>
      <c r="E180" s="9" t="s">
        <v>303</v>
      </c>
      <c r="F180" s="9" t="s">
        <v>49</v>
      </c>
      <c r="G180" s="6">
        <v>54407</v>
      </c>
      <c r="H180" s="6">
        <v>30791</v>
      </c>
      <c r="I180" s="6">
        <v>21755</v>
      </c>
      <c r="J180" s="6">
        <v>1861</v>
      </c>
    </row>
    <row r="181" spans="1:10">
      <c r="A181" s="9" t="s">
        <v>27</v>
      </c>
      <c r="B181" s="9" t="s">
        <v>28</v>
      </c>
      <c r="C181" s="9" t="s">
        <v>29</v>
      </c>
      <c r="D181" s="9" t="s">
        <v>226</v>
      </c>
      <c r="E181" s="9" t="s">
        <v>305</v>
      </c>
      <c r="F181" s="9" t="s">
        <v>6</v>
      </c>
      <c r="G181" s="6">
        <v>2281103</v>
      </c>
      <c r="H181" s="6">
        <v>1194110</v>
      </c>
      <c r="I181" s="6">
        <v>1060504</v>
      </c>
      <c r="J181" s="6">
        <v>26489</v>
      </c>
    </row>
    <row r="182" spans="1:10">
      <c r="A182" s="9" t="s">
        <v>27</v>
      </c>
      <c r="B182" s="9" t="s">
        <v>28</v>
      </c>
      <c r="C182" s="9" t="s">
        <v>29</v>
      </c>
      <c r="D182" s="9" t="s">
        <v>226</v>
      </c>
      <c r="E182" s="9" t="s">
        <v>305</v>
      </c>
      <c r="F182" s="9" t="s">
        <v>297</v>
      </c>
      <c r="G182" s="6">
        <v>116076</v>
      </c>
      <c r="H182" s="6">
        <v>81965</v>
      </c>
      <c r="I182" s="6">
        <v>33491</v>
      </c>
      <c r="J182" s="6">
        <v>620</v>
      </c>
    </row>
    <row r="183" spans="1:10">
      <c r="A183" s="9" t="s">
        <v>27</v>
      </c>
      <c r="B183" s="9" t="s">
        <v>28</v>
      </c>
      <c r="C183" s="9" t="s">
        <v>29</v>
      </c>
      <c r="D183" s="9" t="s">
        <v>226</v>
      </c>
      <c r="E183" s="9" t="s">
        <v>305</v>
      </c>
      <c r="F183" s="9" t="s">
        <v>298</v>
      </c>
      <c r="G183" s="6">
        <v>407341</v>
      </c>
      <c r="H183" s="6">
        <v>251441</v>
      </c>
      <c r="I183" s="6">
        <v>154309</v>
      </c>
      <c r="J183" s="6">
        <v>1591</v>
      </c>
    </row>
    <row r="184" spans="1:10">
      <c r="A184" s="9" t="s">
        <v>27</v>
      </c>
      <c r="B184" s="9" t="s">
        <v>28</v>
      </c>
      <c r="C184" s="9" t="s">
        <v>29</v>
      </c>
      <c r="D184" s="9" t="s">
        <v>226</v>
      </c>
      <c r="E184" s="9" t="s">
        <v>305</v>
      </c>
      <c r="F184" s="9" t="s">
        <v>299</v>
      </c>
      <c r="G184" s="6">
        <v>768691</v>
      </c>
      <c r="H184" s="6">
        <v>390158</v>
      </c>
      <c r="I184" s="6">
        <v>373289</v>
      </c>
      <c r="J184" s="6">
        <v>5244</v>
      </c>
    </row>
    <row r="185" spans="1:10">
      <c r="A185" s="9" t="s">
        <v>27</v>
      </c>
      <c r="B185" s="9" t="s">
        <v>28</v>
      </c>
      <c r="C185" s="9" t="s">
        <v>29</v>
      </c>
      <c r="D185" s="9" t="s">
        <v>226</v>
      </c>
      <c r="E185" s="9" t="s">
        <v>305</v>
      </c>
      <c r="F185" s="9" t="s">
        <v>300</v>
      </c>
      <c r="G185" s="6">
        <v>630029</v>
      </c>
      <c r="H185" s="6">
        <v>294776</v>
      </c>
      <c r="I185" s="6">
        <v>326407</v>
      </c>
      <c r="J185" s="6">
        <v>8846</v>
      </c>
    </row>
    <row r="186" spans="1:10">
      <c r="A186" s="9" t="s">
        <v>27</v>
      </c>
      <c r="B186" s="9" t="s">
        <v>28</v>
      </c>
      <c r="C186" s="9" t="s">
        <v>29</v>
      </c>
      <c r="D186" s="9" t="s">
        <v>226</v>
      </c>
      <c r="E186" s="9" t="s">
        <v>305</v>
      </c>
      <c r="F186" s="9" t="s">
        <v>301</v>
      </c>
      <c r="G186" s="6">
        <v>249731</v>
      </c>
      <c r="H186" s="6">
        <v>121107</v>
      </c>
      <c r="I186" s="6">
        <v>122421</v>
      </c>
      <c r="J186" s="6">
        <v>6203</v>
      </c>
    </row>
    <row r="187" spans="1:10">
      <c r="A187" s="9" t="s">
        <v>27</v>
      </c>
      <c r="B187" s="9" t="s">
        <v>28</v>
      </c>
      <c r="C187" s="9" t="s">
        <v>29</v>
      </c>
      <c r="D187" s="9" t="s">
        <v>226</v>
      </c>
      <c r="E187" s="9" t="s">
        <v>305</v>
      </c>
      <c r="F187" s="9" t="s">
        <v>302</v>
      </c>
      <c r="G187" s="6">
        <v>85666</v>
      </c>
      <c r="H187" s="6">
        <v>43442</v>
      </c>
      <c r="I187" s="6">
        <v>39207</v>
      </c>
      <c r="J187" s="6">
        <v>3017</v>
      </c>
    </row>
    <row r="188" spans="1:10">
      <c r="A188" s="9" t="s">
        <v>27</v>
      </c>
      <c r="B188" s="9" t="s">
        <v>28</v>
      </c>
      <c r="C188" s="9" t="s">
        <v>29</v>
      </c>
      <c r="D188" s="9" t="s">
        <v>226</v>
      </c>
      <c r="E188" s="9" t="s">
        <v>305</v>
      </c>
      <c r="F188" s="9" t="s">
        <v>303</v>
      </c>
      <c r="G188" s="6">
        <v>23569</v>
      </c>
      <c r="H188" s="6">
        <v>11221</v>
      </c>
      <c r="I188" s="6">
        <v>11380</v>
      </c>
      <c r="J188" s="6">
        <v>968</v>
      </c>
    </row>
    <row r="189" spans="1:10">
      <c r="A189" s="9" t="s">
        <v>27</v>
      </c>
      <c r="B189" s="9" t="s">
        <v>28</v>
      </c>
      <c r="C189" s="9" t="s">
        <v>29</v>
      </c>
      <c r="D189" s="9" t="s">
        <v>226</v>
      </c>
      <c r="E189" s="9" t="s">
        <v>305</v>
      </c>
      <c r="F189" s="9" t="s">
        <v>304</v>
      </c>
      <c r="G189" s="6">
        <v>2165027</v>
      </c>
      <c r="H189" s="6">
        <v>1112145</v>
      </c>
      <c r="I189" s="6">
        <v>1027013</v>
      </c>
      <c r="J189" s="6">
        <v>25869</v>
      </c>
    </row>
    <row r="190" spans="1:10">
      <c r="A190" s="9" t="s">
        <v>27</v>
      </c>
      <c r="B190" s="9" t="s">
        <v>28</v>
      </c>
      <c r="C190" s="9" t="s">
        <v>29</v>
      </c>
      <c r="D190" s="9" t="s">
        <v>226</v>
      </c>
      <c r="E190" s="9" t="s">
        <v>305</v>
      </c>
      <c r="F190" s="9" t="s">
        <v>49</v>
      </c>
      <c r="G190" s="6">
        <v>1757686</v>
      </c>
      <c r="H190" s="6">
        <v>860704</v>
      </c>
      <c r="I190" s="6">
        <v>872704</v>
      </c>
      <c r="J190" s="6">
        <v>24278</v>
      </c>
    </row>
    <row r="191" spans="1:10">
      <c r="A191" s="9" t="s">
        <v>27</v>
      </c>
      <c r="B191" s="9" t="s">
        <v>28</v>
      </c>
      <c r="C191" s="9" t="s">
        <v>29</v>
      </c>
      <c r="D191" s="9" t="s">
        <v>228</v>
      </c>
      <c r="E191" s="9" t="s">
        <v>6</v>
      </c>
      <c r="F191" s="9" t="s">
        <v>6</v>
      </c>
      <c r="G191" s="6">
        <v>4253392</v>
      </c>
      <c r="H191" s="6">
        <v>602984</v>
      </c>
      <c r="I191" s="6">
        <v>3636009</v>
      </c>
      <c r="J191" s="6">
        <v>14399</v>
      </c>
    </row>
    <row r="192" spans="1:10">
      <c r="A192" s="9" t="s">
        <v>27</v>
      </c>
      <c r="B192" s="9" t="s">
        <v>28</v>
      </c>
      <c r="C192" s="9" t="s">
        <v>29</v>
      </c>
      <c r="D192" s="9" t="s">
        <v>228</v>
      </c>
      <c r="E192" s="9" t="s">
        <v>6</v>
      </c>
      <c r="F192" s="9" t="s">
        <v>297</v>
      </c>
      <c r="G192" s="6">
        <v>235030</v>
      </c>
      <c r="H192" s="6">
        <v>131432</v>
      </c>
      <c r="I192" s="6">
        <v>102987</v>
      </c>
      <c r="J192" s="6">
        <v>611</v>
      </c>
    </row>
    <row r="193" spans="1:10">
      <c r="A193" s="9" t="s">
        <v>27</v>
      </c>
      <c r="B193" s="9" t="s">
        <v>28</v>
      </c>
      <c r="C193" s="9" t="s">
        <v>29</v>
      </c>
      <c r="D193" s="9" t="s">
        <v>228</v>
      </c>
      <c r="E193" s="9" t="s">
        <v>6</v>
      </c>
      <c r="F193" s="9" t="s">
        <v>298</v>
      </c>
      <c r="G193" s="6">
        <v>347531</v>
      </c>
      <c r="H193" s="6">
        <v>140023</v>
      </c>
      <c r="I193" s="6">
        <v>206981</v>
      </c>
      <c r="J193" s="6">
        <v>527</v>
      </c>
    </row>
    <row r="194" spans="1:10">
      <c r="A194" s="9" t="s">
        <v>27</v>
      </c>
      <c r="B194" s="9" t="s">
        <v>28</v>
      </c>
      <c r="C194" s="9" t="s">
        <v>29</v>
      </c>
      <c r="D194" s="9" t="s">
        <v>228</v>
      </c>
      <c r="E194" s="9" t="s">
        <v>6</v>
      </c>
      <c r="F194" s="9" t="s">
        <v>299</v>
      </c>
      <c r="G194" s="6">
        <v>789161</v>
      </c>
      <c r="H194" s="6">
        <v>165561</v>
      </c>
      <c r="I194" s="6">
        <v>622408</v>
      </c>
      <c r="J194" s="6">
        <v>1192</v>
      </c>
    </row>
    <row r="195" spans="1:10">
      <c r="A195" s="9" t="s">
        <v>27</v>
      </c>
      <c r="B195" s="9" t="s">
        <v>28</v>
      </c>
      <c r="C195" s="9" t="s">
        <v>29</v>
      </c>
      <c r="D195" s="9" t="s">
        <v>228</v>
      </c>
      <c r="E195" s="9" t="s">
        <v>6</v>
      </c>
      <c r="F195" s="9" t="s">
        <v>300</v>
      </c>
      <c r="G195" s="6">
        <v>1165368</v>
      </c>
      <c r="H195" s="6">
        <v>119720</v>
      </c>
      <c r="I195" s="6">
        <v>1042590</v>
      </c>
      <c r="J195" s="6">
        <v>3058</v>
      </c>
    </row>
    <row r="196" spans="1:10">
      <c r="A196" s="9" t="s">
        <v>27</v>
      </c>
      <c r="B196" s="9" t="s">
        <v>28</v>
      </c>
      <c r="C196" s="9" t="s">
        <v>29</v>
      </c>
      <c r="D196" s="9" t="s">
        <v>228</v>
      </c>
      <c r="E196" s="9" t="s">
        <v>6</v>
      </c>
      <c r="F196" s="9" t="s">
        <v>301</v>
      </c>
      <c r="G196" s="6">
        <v>927223</v>
      </c>
      <c r="H196" s="6">
        <v>36105</v>
      </c>
      <c r="I196" s="6">
        <v>887025</v>
      </c>
      <c r="J196" s="6">
        <v>4093</v>
      </c>
    </row>
    <row r="197" spans="1:10">
      <c r="A197" s="9" t="s">
        <v>27</v>
      </c>
      <c r="B197" s="9" t="s">
        <v>28</v>
      </c>
      <c r="C197" s="9" t="s">
        <v>29</v>
      </c>
      <c r="D197" s="9" t="s">
        <v>228</v>
      </c>
      <c r="E197" s="9" t="s">
        <v>6</v>
      </c>
      <c r="F197" s="9" t="s">
        <v>302</v>
      </c>
      <c r="G197" s="6">
        <v>539587</v>
      </c>
      <c r="H197" s="6">
        <v>8396</v>
      </c>
      <c r="I197" s="6">
        <v>527934</v>
      </c>
      <c r="J197" s="6">
        <v>3257</v>
      </c>
    </row>
    <row r="198" spans="1:10">
      <c r="A198" s="9" t="s">
        <v>27</v>
      </c>
      <c r="B198" s="9" t="s">
        <v>28</v>
      </c>
      <c r="C198" s="9" t="s">
        <v>29</v>
      </c>
      <c r="D198" s="9" t="s">
        <v>228</v>
      </c>
      <c r="E198" s="9" t="s">
        <v>6</v>
      </c>
      <c r="F198" s="9" t="s">
        <v>303</v>
      </c>
      <c r="G198" s="6">
        <v>249492</v>
      </c>
      <c r="H198" s="6">
        <v>1747</v>
      </c>
      <c r="I198" s="6">
        <v>246084</v>
      </c>
      <c r="J198" s="6">
        <v>1661</v>
      </c>
    </row>
    <row r="199" spans="1:10">
      <c r="A199" s="9" t="s">
        <v>27</v>
      </c>
      <c r="B199" s="9" t="s">
        <v>28</v>
      </c>
      <c r="C199" s="9" t="s">
        <v>29</v>
      </c>
      <c r="D199" s="9" t="s">
        <v>228</v>
      </c>
      <c r="E199" s="9" t="s">
        <v>6</v>
      </c>
      <c r="F199" s="9" t="s">
        <v>304</v>
      </c>
      <c r="G199" s="6">
        <v>4018362</v>
      </c>
      <c r="H199" s="6">
        <v>471552</v>
      </c>
      <c r="I199" s="6">
        <v>3533022</v>
      </c>
      <c r="J199" s="6">
        <v>13788</v>
      </c>
    </row>
    <row r="200" spans="1:10">
      <c r="A200" s="9" t="s">
        <v>27</v>
      </c>
      <c r="B200" s="9" t="s">
        <v>28</v>
      </c>
      <c r="C200" s="9" t="s">
        <v>29</v>
      </c>
      <c r="D200" s="9" t="s">
        <v>228</v>
      </c>
      <c r="E200" s="9" t="s">
        <v>6</v>
      </c>
      <c r="F200" s="9" t="s">
        <v>49</v>
      </c>
      <c r="G200" s="6">
        <v>3670831</v>
      </c>
      <c r="H200" s="6">
        <v>331529</v>
      </c>
      <c r="I200" s="6">
        <v>3326041</v>
      </c>
      <c r="J200" s="6">
        <v>13261</v>
      </c>
    </row>
    <row r="201" spans="1:10">
      <c r="A201" s="9" t="s">
        <v>27</v>
      </c>
      <c r="B201" s="9" t="s">
        <v>28</v>
      </c>
      <c r="C201" s="9" t="s">
        <v>29</v>
      </c>
      <c r="D201" s="9" t="s">
        <v>228</v>
      </c>
      <c r="E201" s="9" t="s">
        <v>297</v>
      </c>
      <c r="F201" s="9" t="s">
        <v>6</v>
      </c>
      <c r="G201" s="6">
        <v>117391</v>
      </c>
      <c r="H201" s="6">
        <v>65137</v>
      </c>
      <c r="I201" s="6">
        <v>51954</v>
      </c>
      <c r="J201" s="6">
        <v>300</v>
      </c>
    </row>
    <row r="202" spans="1:10">
      <c r="A202" s="9" t="s">
        <v>27</v>
      </c>
      <c r="B202" s="9" t="s">
        <v>28</v>
      </c>
      <c r="C202" s="9" t="s">
        <v>29</v>
      </c>
      <c r="D202" s="9" t="s">
        <v>228</v>
      </c>
      <c r="E202" s="9" t="s">
        <v>297</v>
      </c>
      <c r="F202" s="9" t="s">
        <v>297</v>
      </c>
      <c r="G202" s="6">
        <v>110678</v>
      </c>
      <c r="H202" s="6">
        <v>62335</v>
      </c>
      <c r="I202" s="6">
        <v>48067</v>
      </c>
      <c r="J202" s="6">
        <v>276</v>
      </c>
    </row>
    <row r="203" spans="1:10">
      <c r="A203" s="9" t="s">
        <v>27</v>
      </c>
      <c r="B203" s="9" t="s">
        <v>28</v>
      </c>
      <c r="C203" s="9" t="s">
        <v>29</v>
      </c>
      <c r="D203" s="9" t="s">
        <v>228</v>
      </c>
      <c r="E203" s="9" t="s">
        <v>297</v>
      </c>
      <c r="F203" s="9" t="s">
        <v>298</v>
      </c>
      <c r="G203" s="6">
        <v>4822</v>
      </c>
      <c r="H203" s="6">
        <v>2311</v>
      </c>
      <c r="I203" s="6">
        <v>2494</v>
      </c>
      <c r="J203" s="6">
        <v>17</v>
      </c>
    </row>
    <row r="204" spans="1:10">
      <c r="A204" s="9" t="s">
        <v>27</v>
      </c>
      <c r="B204" s="9" t="s">
        <v>28</v>
      </c>
      <c r="C204" s="9" t="s">
        <v>29</v>
      </c>
      <c r="D204" s="9" t="s">
        <v>228</v>
      </c>
      <c r="E204" s="9" t="s">
        <v>297</v>
      </c>
      <c r="F204" s="9" t="s">
        <v>299</v>
      </c>
      <c r="G204" s="6">
        <v>1212</v>
      </c>
      <c r="H204" s="6">
        <v>392</v>
      </c>
      <c r="I204" s="6">
        <v>819</v>
      </c>
      <c r="J204" s="6">
        <v>1</v>
      </c>
    </row>
    <row r="205" spans="1:10">
      <c r="A205" s="9" t="s">
        <v>27</v>
      </c>
      <c r="B205" s="9" t="s">
        <v>28</v>
      </c>
      <c r="C205" s="9" t="s">
        <v>29</v>
      </c>
      <c r="D205" s="9" t="s">
        <v>228</v>
      </c>
      <c r="E205" s="9" t="s">
        <v>297</v>
      </c>
      <c r="F205" s="9" t="s">
        <v>300</v>
      </c>
      <c r="G205" s="6">
        <v>483</v>
      </c>
      <c r="H205" s="6">
        <v>81</v>
      </c>
      <c r="I205" s="6">
        <v>398</v>
      </c>
      <c r="J205" s="6">
        <v>4</v>
      </c>
    </row>
    <row r="206" spans="1:10">
      <c r="A206" s="9" t="s">
        <v>27</v>
      </c>
      <c r="B206" s="9" t="s">
        <v>28</v>
      </c>
      <c r="C206" s="9" t="s">
        <v>29</v>
      </c>
      <c r="D206" s="9" t="s">
        <v>228</v>
      </c>
      <c r="E206" s="9" t="s">
        <v>297</v>
      </c>
      <c r="F206" s="9" t="s">
        <v>301</v>
      </c>
      <c r="G206" s="6">
        <v>128</v>
      </c>
      <c r="H206" s="6">
        <v>11</v>
      </c>
      <c r="I206" s="6">
        <v>116</v>
      </c>
      <c r="J206" s="6">
        <v>1</v>
      </c>
    </row>
    <row r="207" spans="1:10">
      <c r="A207" s="9" t="s">
        <v>27</v>
      </c>
      <c r="B207" s="9" t="s">
        <v>28</v>
      </c>
      <c r="C207" s="9" t="s">
        <v>29</v>
      </c>
      <c r="D207" s="9" t="s">
        <v>228</v>
      </c>
      <c r="E207" s="9" t="s">
        <v>297</v>
      </c>
      <c r="F207" s="9" t="s">
        <v>302</v>
      </c>
      <c r="G207" s="6">
        <v>57</v>
      </c>
      <c r="H207" s="6">
        <v>5</v>
      </c>
      <c r="I207" s="6">
        <v>51</v>
      </c>
      <c r="J207" s="6">
        <v>1</v>
      </c>
    </row>
    <row r="208" spans="1:10">
      <c r="A208" s="9" t="s">
        <v>27</v>
      </c>
      <c r="B208" s="9" t="s">
        <v>28</v>
      </c>
      <c r="C208" s="9" t="s">
        <v>29</v>
      </c>
      <c r="D208" s="9" t="s">
        <v>228</v>
      </c>
      <c r="E208" s="9" t="s">
        <v>297</v>
      </c>
      <c r="F208" s="9" t="s">
        <v>303</v>
      </c>
      <c r="G208" s="6">
        <v>11</v>
      </c>
      <c r="H208" s="6">
        <v>2</v>
      </c>
      <c r="I208" s="6">
        <v>9</v>
      </c>
      <c r="J208" s="10" t="s">
        <v>55</v>
      </c>
    </row>
    <row r="209" spans="1:10">
      <c r="A209" s="9" t="s">
        <v>27</v>
      </c>
      <c r="B209" s="9" t="s">
        <v>28</v>
      </c>
      <c r="C209" s="9" t="s">
        <v>29</v>
      </c>
      <c r="D209" s="9" t="s">
        <v>228</v>
      </c>
      <c r="E209" s="9" t="s">
        <v>297</v>
      </c>
      <c r="F209" s="9" t="s">
        <v>304</v>
      </c>
      <c r="G209" s="6">
        <v>6713</v>
      </c>
      <c r="H209" s="6">
        <v>2802</v>
      </c>
      <c r="I209" s="6">
        <v>3887</v>
      </c>
      <c r="J209" s="6">
        <v>24</v>
      </c>
    </row>
    <row r="210" spans="1:10">
      <c r="A210" s="9" t="s">
        <v>27</v>
      </c>
      <c r="B210" s="9" t="s">
        <v>28</v>
      </c>
      <c r="C210" s="9" t="s">
        <v>29</v>
      </c>
      <c r="D210" s="9" t="s">
        <v>228</v>
      </c>
      <c r="E210" s="9" t="s">
        <v>297</v>
      </c>
      <c r="F210" s="9" t="s">
        <v>49</v>
      </c>
      <c r="G210" s="6">
        <v>1891</v>
      </c>
      <c r="H210" s="6">
        <v>491</v>
      </c>
      <c r="I210" s="6">
        <v>1393</v>
      </c>
      <c r="J210" s="6">
        <v>7</v>
      </c>
    </row>
    <row r="211" spans="1:10">
      <c r="A211" s="9" t="s">
        <v>27</v>
      </c>
      <c r="B211" s="9" t="s">
        <v>28</v>
      </c>
      <c r="C211" s="9" t="s">
        <v>29</v>
      </c>
      <c r="D211" s="9" t="s">
        <v>228</v>
      </c>
      <c r="E211" s="9" t="s">
        <v>298</v>
      </c>
      <c r="F211" s="9" t="s">
        <v>6</v>
      </c>
      <c r="G211" s="6">
        <v>141756</v>
      </c>
      <c r="H211" s="6">
        <v>63335</v>
      </c>
      <c r="I211" s="6">
        <v>78245</v>
      </c>
      <c r="J211" s="6">
        <v>176</v>
      </c>
    </row>
    <row r="212" spans="1:10">
      <c r="A212" s="9" t="s">
        <v>27</v>
      </c>
      <c r="B212" s="9" t="s">
        <v>28</v>
      </c>
      <c r="C212" s="9" t="s">
        <v>29</v>
      </c>
      <c r="D212" s="9" t="s">
        <v>228</v>
      </c>
      <c r="E212" s="9" t="s">
        <v>298</v>
      </c>
      <c r="F212" s="9" t="s">
        <v>297</v>
      </c>
      <c r="G212" s="6">
        <v>55352</v>
      </c>
      <c r="H212" s="6">
        <v>30271</v>
      </c>
      <c r="I212" s="6">
        <v>25009</v>
      </c>
      <c r="J212" s="6">
        <v>72</v>
      </c>
    </row>
    <row r="213" spans="1:10">
      <c r="A213" s="9" t="s">
        <v>27</v>
      </c>
      <c r="B213" s="9" t="s">
        <v>28</v>
      </c>
      <c r="C213" s="9" t="s">
        <v>29</v>
      </c>
      <c r="D213" s="9" t="s">
        <v>228</v>
      </c>
      <c r="E213" s="9" t="s">
        <v>298</v>
      </c>
      <c r="F213" s="9" t="s">
        <v>298</v>
      </c>
      <c r="G213" s="6">
        <v>70335</v>
      </c>
      <c r="H213" s="6">
        <v>29533</v>
      </c>
      <c r="I213" s="6">
        <v>40730</v>
      </c>
      <c r="J213" s="6">
        <v>72</v>
      </c>
    </row>
    <row r="214" spans="1:10">
      <c r="A214" s="9" t="s">
        <v>27</v>
      </c>
      <c r="B214" s="9" t="s">
        <v>28</v>
      </c>
      <c r="C214" s="9" t="s">
        <v>29</v>
      </c>
      <c r="D214" s="9" t="s">
        <v>228</v>
      </c>
      <c r="E214" s="9" t="s">
        <v>298</v>
      </c>
      <c r="F214" s="9" t="s">
        <v>299</v>
      </c>
      <c r="G214" s="6">
        <v>12855</v>
      </c>
      <c r="H214" s="6">
        <v>3126</v>
      </c>
      <c r="I214" s="6">
        <v>9711</v>
      </c>
      <c r="J214" s="6">
        <v>18</v>
      </c>
    </row>
    <row r="215" spans="1:10">
      <c r="A215" s="9" t="s">
        <v>27</v>
      </c>
      <c r="B215" s="9" t="s">
        <v>28</v>
      </c>
      <c r="C215" s="9" t="s">
        <v>29</v>
      </c>
      <c r="D215" s="9" t="s">
        <v>228</v>
      </c>
      <c r="E215" s="9" t="s">
        <v>298</v>
      </c>
      <c r="F215" s="9" t="s">
        <v>300</v>
      </c>
      <c r="G215" s="6">
        <v>2532</v>
      </c>
      <c r="H215" s="6">
        <v>347</v>
      </c>
      <c r="I215" s="6">
        <v>2177</v>
      </c>
      <c r="J215" s="6">
        <v>8</v>
      </c>
    </row>
    <row r="216" spans="1:10">
      <c r="A216" s="9" t="s">
        <v>27</v>
      </c>
      <c r="B216" s="9" t="s">
        <v>28</v>
      </c>
      <c r="C216" s="9" t="s">
        <v>29</v>
      </c>
      <c r="D216" s="9" t="s">
        <v>228</v>
      </c>
      <c r="E216" s="9" t="s">
        <v>298</v>
      </c>
      <c r="F216" s="9" t="s">
        <v>301</v>
      </c>
      <c r="G216" s="6">
        <v>524</v>
      </c>
      <c r="H216" s="6">
        <v>47</v>
      </c>
      <c r="I216" s="6">
        <v>473</v>
      </c>
      <c r="J216" s="6">
        <v>4</v>
      </c>
    </row>
    <row r="217" spans="1:10">
      <c r="A217" s="9" t="s">
        <v>27</v>
      </c>
      <c r="B217" s="9" t="s">
        <v>28</v>
      </c>
      <c r="C217" s="9" t="s">
        <v>29</v>
      </c>
      <c r="D217" s="9" t="s">
        <v>228</v>
      </c>
      <c r="E217" s="9" t="s">
        <v>298</v>
      </c>
      <c r="F217" s="9" t="s">
        <v>302</v>
      </c>
      <c r="G217" s="6">
        <v>110</v>
      </c>
      <c r="H217" s="6">
        <v>8</v>
      </c>
      <c r="I217" s="6">
        <v>100</v>
      </c>
      <c r="J217" s="6">
        <v>2</v>
      </c>
    </row>
    <row r="218" spans="1:10">
      <c r="A218" s="9" t="s">
        <v>27</v>
      </c>
      <c r="B218" s="9" t="s">
        <v>28</v>
      </c>
      <c r="C218" s="9" t="s">
        <v>29</v>
      </c>
      <c r="D218" s="9" t="s">
        <v>228</v>
      </c>
      <c r="E218" s="9" t="s">
        <v>298</v>
      </c>
      <c r="F218" s="9" t="s">
        <v>303</v>
      </c>
      <c r="G218" s="6">
        <v>48</v>
      </c>
      <c r="H218" s="6">
        <v>3</v>
      </c>
      <c r="I218" s="6">
        <v>45</v>
      </c>
      <c r="J218" s="10" t="s">
        <v>55</v>
      </c>
    </row>
    <row r="219" spans="1:10">
      <c r="A219" s="9" t="s">
        <v>27</v>
      </c>
      <c r="B219" s="9" t="s">
        <v>28</v>
      </c>
      <c r="C219" s="9" t="s">
        <v>29</v>
      </c>
      <c r="D219" s="9" t="s">
        <v>228</v>
      </c>
      <c r="E219" s="9" t="s">
        <v>298</v>
      </c>
      <c r="F219" s="9" t="s">
        <v>304</v>
      </c>
      <c r="G219" s="6">
        <v>86404</v>
      </c>
      <c r="H219" s="6">
        <v>33064</v>
      </c>
      <c r="I219" s="6">
        <v>53236</v>
      </c>
      <c r="J219" s="6">
        <v>104</v>
      </c>
    </row>
    <row r="220" spans="1:10">
      <c r="A220" s="9" t="s">
        <v>27</v>
      </c>
      <c r="B220" s="9" t="s">
        <v>28</v>
      </c>
      <c r="C220" s="9" t="s">
        <v>29</v>
      </c>
      <c r="D220" s="9" t="s">
        <v>228</v>
      </c>
      <c r="E220" s="9" t="s">
        <v>298</v>
      </c>
      <c r="F220" s="9" t="s">
        <v>49</v>
      </c>
      <c r="G220" s="6">
        <v>16069</v>
      </c>
      <c r="H220" s="6">
        <v>3531</v>
      </c>
      <c r="I220" s="6">
        <v>12506</v>
      </c>
      <c r="J220" s="6">
        <v>32</v>
      </c>
    </row>
    <row r="221" spans="1:10">
      <c r="A221" s="9" t="s">
        <v>27</v>
      </c>
      <c r="B221" s="9" t="s">
        <v>28</v>
      </c>
      <c r="C221" s="9" t="s">
        <v>29</v>
      </c>
      <c r="D221" s="9" t="s">
        <v>228</v>
      </c>
      <c r="E221" s="9" t="s">
        <v>299</v>
      </c>
      <c r="F221" s="9" t="s">
        <v>6</v>
      </c>
      <c r="G221" s="6">
        <v>555696</v>
      </c>
      <c r="H221" s="6">
        <v>161522</v>
      </c>
      <c r="I221" s="6">
        <v>393436</v>
      </c>
      <c r="J221" s="6">
        <v>738</v>
      </c>
    </row>
    <row r="222" spans="1:10">
      <c r="A222" s="9" t="s">
        <v>27</v>
      </c>
      <c r="B222" s="9" t="s">
        <v>28</v>
      </c>
      <c r="C222" s="9" t="s">
        <v>29</v>
      </c>
      <c r="D222" s="9" t="s">
        <v>228</v>
      </c>
      <c r="E222" s="9" t="s">
        <v>299</v>
      </c>
      <c r="F222" s="9" t="s">
        <v>297</v>
      </c>
      <c r="G222" s="6">
        <v>45176</v>
      </c>
      <c r="H222" s="6">
        <v>25276</v>
      </c>
      <c r="I222" s="6">
        <v>19796</v>
      </c>
      <c r="J222" s="6">
        <v>104</v>
      </c>
    </row>
    <row r="223" spans="1:10">
      <c r="A223" s="9" t="s">
        <v>27</v>
      </c>
      <c r="B223" s="9" t="s">
        <v>28</v>
      </c>
      <c r="C223" s="9" t="s">
        <v>29</v>
      </c>
      <c r="D223" s="9" t="s">
        <v>228</v>
      </c>
      <c r="E223" s="9" t="s">
        <v>299</v>
      </c>
      <c r="F223" s="9" t="s">
        <v>298</v>
      </c>
      <c r="G223" s="6">
        <v>190188</v>
      </c>
      <c r="H223" s="6">
        <v>73862</v>
      </c>
      <c r="I223" s="6">
        <v>116106</v>
      </c>
      <c r="J223" s="6">
        <v>220</v>
      </c>
    </row>
    <row r="224" spans="1:10">
      <c r="A224" s="9" t="s">
        <v>27</v>
      </c>
      <c r="B224" s="9" t="s">
        <v>28</v>
      </c>
      <c r="C224" s="9" t="s">
        <v>29</v>
      </c>
      <c r="D224" s="9" t="s">
        <v>228</v>
      </c>
      <c r="E224" s="9" t="s">
        <v>299</v>
      </c>
      <c r="F224" s="9" t="s">
        <v>299</v>
      </c>
      <c r="G224" s="6">
        <v>268088</v>
      </c>
      <c r="H224" s="6">
        <v>56839</v>
      </c>
      <c r="I224" s="6">
        <v>210957</v>
      </c>
      <c r="J224" s="6">
        <v>292</v>
      </c>
    </row>
    <row r="225" spans="1:10">
      <c r="A225" s="9" t="s">
        <v>27</v>
      </c>
      <c r="B225" s="9" t="s">
        <v>28</v>
      </c>
      <c r="C225" s="9" t="s">
        <v>29</v>
      </c>
      <c r="D225" s="9" t="s">
        <v>228</v>
      </c>
      <c r="E225" s="9" t="s">
        <v>299</v>
      </c>
      <c r="F225" s="9" t="s">
        <v>300</v>
      </c>
      <c r="G225" s="6">
        <v>45532</v>
      </c>
      <c r="H225" s="6">
        <v>5262</v>
      </c>
      <c r="I225" s="6">
        <v>40180</v>
      </c>
      <c r="J225" s="6">
        <v>90</v>
      </c>
    </row>
    <row r="226" spans="1:10">
      <c r="A226" s="9" t="s">
        <v>27</v>
      </c>
      <c r="B226" s="9" t="s">
        <v>28</v>
      </c>
      <c r="C226" s="9" t="s">
        <v>29</v>
      </c>
      <c r="D226" s="9" t="s">
        <v>228</v>
      </c>
      <c r="E226" s="9" t="s">
        <v>299</v>
      </c>
      <c r="F226" s="9" t="s">
        <v>301</v>
      </c>
      <c r="G226" s="6">
        <v>5366</v>
      </c>
      <c r="H226" s="6">
        <v>255</v>
      </c>
      <c r="I226" s="6">
        <v>5089</v>
      </c>
      <c r="J226" s="6">
        <v>22</v>
      </c>
    </row>
    <row r="227" spans="1:10">
      <c r="A227" s="9" t="s">
        <v>27</v>
      </c>
      <c r="B227" s="9" t="s">
        <v>28</v>
      </c>
      <c r="C227" s="9" t="s">
        <v>29</v>
      </c>
      <c r="D227" s="9" t="s">
        <v>228</v>
      </c>
      <c r="E227" s="9" t="s">
        <v>299</v>
      </c>
      <c r="F227" s="9" t="s">
        <v>302</v>
      </c>
      <c r="G227" s="6">
        <v>1126</v>
      </c>
      <c r="H227" s="6">
        <v>19</v>
      </c>
      <c r="I227" s="6">
        <v>1100</v>
      </c>
      <c r="J227" s="6">
        <v>7</v>
      </c>
    </row>
    <row r="228" spans="1:10">
      <c r="A228" s="9" t="s">
        <v>27</v>
      </c>
      <c r="B228" s="9" t="s">
        <v>28</v>
      </c>
      <c r="C228" s="9" t="s">
        <v>29</v>
      </c>
      <c r="D228" s="9" t="s">
        <v>228</v>
      </c>
      <c r="E228" s="9" t="s">
        <v>299</v>
      </c>
      <c r="F228" s="9" t="s">
        <v>303</v>
      </c>
      <c r="G228" s="6">
        <v>220</v>
      </c>
      <c r="H228" s="6">
        <v>9</v>
      </c>
      <c r="I228" s="6">
        <v>208</v>
      </c>
      <c r="J228" s="6">
        <v>3</v>
      </c>
    </row>
    <row r="229" spans="1:10">
      <c r="A229" s="9" t="s">
        <v>27</v>
      </c>
      <c r="B229" s="9" t="s">
        <v>28</v>
      </c>
      <c r="C229" s="9" t="s">
        <v>29</v>
      </c>
      <c r="D229" s="9" t="s">
        <v>228</v>
      </c>
      <c r="E229" s="9" t="s">
        <v>299</v>
      </c>
      <c r="F229" s="9" t="s">
        <v>304</v>
      </c>
      <c r="G229" s="6">
        <v>510520</v>
      </c>
      <c r="H229" s="6">
        <v>136246</v>
      </c>
      <c r="I229" s="6">
        <v>373640</v>
      </c>
      <c r="J229" s="6">
        <v>634</v>
      </c>
    </row>
    <row r="230" spans="1:10">
      <c r="A230" s="9" t="s">
        <v>27</v>
      </c>
      <c r="B230" s="9" t="s">
        <v>28</v>
      </c>
      <c r="C230" s="9" t="s">
        <v>29</v>
      </c>
      <c r="D230" s="9" t="s">
        <v>228</v>
      </c>
      <c r="E230" s="9" t="s">
        <v>299</v>
      </c>
      <c r="F230" s="9" t="s">
        <v>49</v>
      </c>
      <c r="G230" s="6">
        <v>320332</v>
      </c>
      <c r="H230" s="6">
        <v>62384</v>
      </c>
      <c r="I230" s="6">
        <v>257534</v>
      </c>
      <c r="J230" s="6">
        <v>414</v>
      </c>
    </row>
    <row r="231" spans="1:10">
      <c r="A231" s="9" t="s">
        <v>27</v>
      </c>
      <c r="B231" s="9" t="s">
        <v>28</v>
      </c>
      <c r="C231" s="9" t="s">
        <v>29</v>
      </c>
      <c r="D231" s="9" t="s">
        <v>228</v>
      </c>
      <c r="E231" s="9" t="s">
        <v>300</v>
      </c>
      <c r="F231" s="9" t="s">
        <v>6</v>
      </c>
      <c r="G231" s="6">
        <v>1056861</v>
      </c>
      <c r="H231" s="6">
        <v>179597</v>
      </c>
      <c r="I231" s="6">
        <v>875093</v>
      </c>
      <c r="J231" s="6">
        <v>2171</v>
      </c>
    </row>
    <row r="232" spans="1:10">
      <c r="A232" s="9" t="s">
        <v>27</v>
      </c>
      <c r="B232" s="9" t="s">
        <v>28</v>
      </c>
      <c r="C232" s="9" t="s">
        <v>29</v>
      </c>
      <c r="D232" s="9" t="s">
        <v>228</v>
      </c>
      <c r="E232" s="9" t="s">
        <v>300</v>
      </c>
      <c r="F232" s="9" t="s">
        <v>297</v>
      </c>
      <c r="G232" s="6">
        <v>17768</v>
      </c>
      <c r="H232" s="6">
        <v>10167</v>
      </c>
      <c r="I232" s="6">
        <v>7509</v>
      </c>
      <c r="J232" s="6">
        <v>92</v>
      </c>
    </row>
    <row r="233" spans="1:10">
      <c r="A233" s="9" t="s">
        <v>27</v>
      </c>
      <c r="B233" s="9" t="s">
        <v>28</v>
      </c>
      <c r="C233" s="9" t="s">
        <v>29</v>
      </c>
      <c r="D233" s="9" t="s">
        <v>228</v>
      </c>
      <c r="E233" s="9" t="s">
        <v>300</v>
      </c>
      <c r="F233" s="9" t="s">
        <v>298</v>
      </c>
      <c r="G233" s="6">
        <v>70709</v>
      </c>
      <c r="H233" s="6">
        <v>28979</v>
      </c>
      <c r="I233" s="6">
        <v>41591</v>
      </c>
      <c r="J233" s="6">
        <v>139</v>
      </c>
    </row>
    <row r="234" spans="1:10">
      <c r="A234" s="9" t="s">
        <v>27</v>
      </c>
      <c r="B234" s="9" t="s">
        <v>28</v>
      </c>
      <c r="C234" s="9" t="s">
        <v>29</v>
      </c>
      <c r="D234" s="9" t="s">
        <v>228</v>
      </c>
      <c r="E234" s="9" t="s">
        <v>300</v>
      </c>
      <c r="F234" s="9" t="s">
        <v>299</v>
      </c>
      <c r="G234" s="6">
        <v>422740</v>
      </c>
      <c r="H234" s="6">
        <v>85676</v>
      </c>
      <c r="I234" s="6">
        <v>336432</v>
      </c>
      <c r="J234" s="6">
        <v>632</v>
      </c>
    </row>
    <row r="235" spans="1:10">
      <c r="A235" s="9" t="s">
        <v>27</v>
      </c>
      <c r="B235" s="9" t="s">
        <v>28</v>
      </c>
      <c r="C235" s="9" t="s">
        <v>29</v>
      </c>
      <c r="D235" s="9" t="s">
        <v>228</v>
      </c>
      <c r="E235" s="9" t="s">
        <v>300</v>
      </c>
      <c r="F235" s="9" t="s">
        <v>300</v>
      </c>
      <c r="G235" s="6">
        <v>495976</v>
      </c>
      <c r="H235" s="6">
        <v>52643</v>
      </c>
      <c r="I235" s="6">
        <v>442283</v>
      </c>
      <c r="J235" s="6">
        <v>1050</v>
      </c>
    </row>
    <row r="236" spans="1:10">
      <c r="A236" s="9" t="s">
        <v>27</v>
      </c>
      <c r="B236" s="9" t="s">
        <v>28</v>
      </c>
      <c r="C236" s="9" t="s">
        <v>29</v>
      </c>
      <c r="D236" s="9" t="s">
        <v>228</v>
      </c>
      <c r="E236" s="9" t="s">
        <v>300</v>
      </c>
      <c r="F236" s="9" t="s">
        <v>301</v>
      </c>
      <c r="G236" s="6">
        <v>42431</v>
      </c>
      <c r="H236" s="6">
        <v>1984</v>
      </c>
      <c r="I236" s="6">
        <v>40244</v>
      </c>
      <c r="J236" s="6">
        <v>203</v>
      </c>
    </row>
    <row r="237" spans="1:10">
      <c r="A237" s="9" t="s">
        <v>27</v>
      </c>
      <c r="B237" s="9" t="s">
        <v>28</v>
      </c>
      <c r="C237" s="9" t="s">
        <v>29</v>
      </c>
      <c r="D237" s="9" t="s">
        <v>228</v>
      </c>
      <c r="E237" s="9" t="s">
        <v>300</v>
      </c>
      <c r="F237" s="9" t="s">
        <v>302</v>
      </c>
      <c r="G237" s="6">
        <v>5959</v>
      </c>
      <c r="H237" s="6">
        <v>129</v>
      </c>
      <c r="I237" s="6">
        <v>5785</v>
      </c>
      <c r="J237" s="6">
        <v>45</v>
      </c>
    </row>
    <row r="238" spans="1:10">
      <c r="A238" s="9" t="s">
        <v>27</v>
      </c>
      <c r="B238" s="9" t="s">
        <v>28</v>
      </c>
      <c r="C238" s="9" t="s">
        <v>29</v>
      </c>
      <c r="D238" s="9" t="s">
        <v>228</v>
      </c>
      <c r="E238" s="9" t="s">
        <v>300</v>
      </c>
      <c r="F238" s="9" t="s">
        <v>303</v>
      </c>
      <c r="G238" s="6">
        <v>1278</v>
      </c>
      <c r="H238" s="6">
        <v>19</v>
      </c>
      <c r="I238" s="6">
        <v>1249</v>
      </c>
      <c r="J238" s="6">
        <v>10</v>
      </c>
    </row>
    <row r="239" spans="1:10">
      <c r="A239" s="9" t="s">
        <v>27</v>
      </c>
      <c r="B239" s="9" t="s">
        <v>28</v>
      </c>
      <c r="C239" s="9" t="s">
        <v>29</v>
      </c>
      <c r="D239" s="9" t="s">
        <v>228</v>
      </c>
      <c r="E239" s="9" t="s">
        <v>300</v>
      </c>
      <c r="F239" s="9" t="s">
        <v>304</v>
      </c>
      <c r="G239" s="6">
        <v>1039093</v>
      </c>
      <c r="H239" s="6">
        <v>169430</v>
      </c>
      <c r="I239" s="6">
        <v>867584</v>
      </c>
      <c r="J239" s="6">
        <v>2079</v>
      </c>
    </row>
    <row r="240" spans="1:10">
      <c r="A240" s="9" t="s">
        <v>27</v>
      </c>
      <c r="B240" s="9" t="s">
        <v>28</v>
      </c>
      <c r="C240" s="9" t="s">
        <v>29</v>
      </c>
      <c r="D240" s="9" t="s">
        <v>228</v>
      </c>
      <c r="E240" s="9" t="s">
        <v>300</v>
      </c>
      <c r="F240" s="9" t="s">
        <v>49</v>
      </c>
      <c r="G240" s="6">
        <v>968384</v>
      </c>
      <c r="H240" s="6">
        <v>140451</v>
      </c>
      <c r="I240" s="6">
        <v>825993</v>
      </c>
      <c r="J240" s="6">
        <v>1940</v>
      </c>
    </row>
    <row r="241" spans="1:10">
      <c r="A241" s="9" t="s">
        <v>27</v>
      </c>
      <c r="B241" s="9" t="s">
        <v>28</v>
      </c>
      <c r="C241" s="9" t="s">
        <v>29</v>
      </c>
      <c r="D241" s="9" t="s">
        <v>228</v>
      </c>
      <c r="E241" s="9" t="s">
        <v>301</v>
      </c>
      <c r="F241" s="9" t="s">
        <v>6</v>
      </c>
      <c r="G241" s="6">
        <v>1052810</v>
      </c>
      <c r="H241" s="6">
        <v>92414</v>
      </c>
      <c r="I241" s="6">
        <v>956638</v>
      </c>
      <c r="J241" s="6">
        <v>3758</v>
      </c>
    </row>
    <row r="242" spans="1:10">
      <c r="A242" s="9" t="s">
        <v>27</v>
      </c>
      <c r="B242" s="9" t="s">
        <v>28</v>
      </c>
      <c r="C242" s="9" t="s">
        <v>29</v>
      </c>
      <c r="D242" s="9" t="s">
        <v>228</v>
      </c>
      <c r="E242" s="9" t="s">
        <v>301</v>
      </c>
      <c r="F242" s="9" t="s">
        <v>297</v>
      </c>
      <c r="G242" s="6">
        <v>4595</v>
      </c>
      <c r="H242" s="6">
        <v>2627</v>
      </c>
      <c r="I242" s="6">
        <v>1922</v>
      </c>
      <c r="J242" s="6">
        <v>46</v>
      </c>
    </row>
    <row r="243" spans="1:10">
      <c r="A243" s="9" t="s">
        <v>27</v>
      </c>
      <c r="B243" s="9" t="s">
        <v>28</v>
      </c>
      <c r="C243" s="9" t="s">
        <v>29</v>
      </c>
      <c r="D243" s="9" t="s">
        <v>228</v>
      </c>
      <c r="E243" s="9" t="s">
        <v>301</v>
      </c>
      <c r="F243" s="9" t="s">
        <v>298</v>
      </c>
      <c r="G243" s="6">
        <v>8918</v>
      </c>
      <c r="H243" s="6">
        <v>4166</v>
      </c>
      <c r="I243" s="6">
        <v>4697</v>
      </c>
      <c r="J243" s="6">
        <v>55</v>
      </c>
    </row>
    <row r="244" spans="1:10">
      <c r="A244" s="9" t="s">
        <v>27</v>
      </c>
      <c r="B244" s="9" t="s">
        <v>28</v>
      </c>
      <c r="C244" s="9" t="s">
        <v>29</v>
      </c>
      <c r="D244" s="9" t="s">
        <v>228</v>
      </c>
      <c r="E244" s="9" t="s">
        <v>301</v>
      </c>
      <c r="F244" s="9" t="s">
        <v>299</v>
      </c>
      <c r="G244" s="6">
        <v>74386</v>
      </c>
      <c r="H244" s="6">
        <v>16854</v>
      </c>
      <c r="I244" s="6">
        <v>57327</v>
      </c>
      <c r="J244" s="6">
        <v>205</v>
      </c>
    </row>
    <row r="245" spans="1:10">
      <c r="A245" s="9" t="s">
        <v>27</v>
      </c>
      <c r="B245" s="9" t="s">
        <v>28</v>
      </c>
      <c r="C245" s="9" t="s">
        <v>29</v>
      </c>
      <c r="D245" s="9" t="s">
        <v>228</v>
      </c>
      <c r="E245" s="9" t="s">
        <v>301</v>
      </c>
      <c r="F245" s="9" t="s">
        <v>300</v>
      </c>
      <c r="G245" s="6">
        <v>531632</v>
      </c>
      <c r="H245" s="6">
        <v>51643</v>
      </c>
      <c r="I245" s="6">
        <v>478493</v>
      </c>
      <c r="J245" s="6">
        <v>1496</v>
      </c>
    </row>
    <row r="246" spans="1:10">
      <c r="A246" s="9" t="s">
        <v>27</v>
      </c>
      <c r="B246" s="9" t="s">
        <v>28</v>
      </c>
      <c r="C246" s="9" t="s">
        <v>29</v>
      </c>
      <c r="D246" s="9" t="s">
        <v>228</v>
      </c>
      <c r="E246" s="9" t="s">
        <v>301</v>
      </c>
      <c r="F246" s="9" t="s">
        <v>301</v>
      </c>
      <c r="G246" s="6">
        <v>391123</v>
      </c>
      <c r="H246" s="6">
        <v>16336</v>
      </c>
      <c r="I246" s="6">
        <v>373143</v>
      </c>
      <c r="J246" s="6">
        <v>1644</v>
      </c>
    </row>
    <row r="247" spans="1:10">
      <c r="A247" s="9" t="s">
        <v>27</v>
      </c>
      <c r="B247" s="9" t="s">
        <v>28</v>
      </c>
      <c r="C247" s="9" t="s">
        <v>29</v>
      </c>
      <c r="D247" s="9" t="s">
        <v>228</v>
      </c>
      <c r="E247" s="9" t="s">
        <v>301</v>
      </c>
      <c r="F247" s="9" t="s">
        <v>302</v>
      </c>
      <c r="G247" s="6">
        <v>37160</v>
      </c>
      <c r="H247" s="6">
        <v>735</v>
      </c>
      <c r="I247" s="6">
        <v>36177</v>
      </c>
      <c r="J247" s="6">
        <v>248</v>
      </c>
    </row>
    <row r="248" spans="1:10">
      <c r="A248" s="9" t="s">
        <v>27</v>
      </c>
      <c r="B248" s="9" t="s">
        <v>28</v>
      </c>
      <c r="C248" s="9" t="s">
        <v>29</v>
      </c>
      <c r="D248" s="9" t="s">
        <v>228</v>
      </c>
      <c r="E248" s="9" t="s">
        <v>301</v>
      </c>
      <c r="F248" s="9" t="s">
        <v>303</v>
      </c>
      <c r="G248" s="6">
        <v>4996</v>
      </c>
      <c r="H248" s="6">
        <v>53</v>
      </c>
      <c r="I248" s="6">
        <v>4879</v>
      </c>
      <c r="J248" s="6">
        <v>64</v>
      </c>
    </row>
    <row r="249" spans="1:10">
      <c r="A249" s="9" t="s">
        <v>27</v>
      </c>
      <c r="B249" s="9" t="s">
        <v>28</v>
      </c>
      <c r="C249" s="9" t="s">
        <v>29</v>
      </c>
      <c r="D249" s="9" t="s">
        <v>228</v>
      </c>
      <c r="E249" s="9" t="s">
        <v>301</v>
      </c>
      <c r="F249" s="9" t="s">
        <v>304</v>
      </c>
      <c r="G249" s="6">
        <v>1048215</v>
      </c>
      <c r="H249" s="6">
        <v>89787</v>
      </c>
      <c r="I249" s="6">
        <v>954716</v>
      </c>
      <c r="J249" s="6">
        <v>3712</v>
      </c>
    </row>
    <row r="250" spans="1:10">
      <c r="A250" s="9" t="s">
        <v>27</v>
      </c>
      <c r="B250" s="9" t="s">
        <v>28</v>
      </c>
      <c r="C250" s="9" t="s">
        <v>29</v>
      </c>
      <c r="D250" s="9" t="s">
        <v>228</v>
      </c>
      <c r="E250" s="9" t="s">
        <v>301</v>
      </c>
      <c r="F250" s="9" t="s">
        <v>49</v>
      </c>
      <c r="G250" s="6">
        <v>1039297</v>
      </c>
      <c r="H250" s="6">
        <v>85621</v>
      </c>
      <c r="I250" s="6">
        <v>950019</v>
      </c>
      <c r="J250" s="6">
        <v>3657</v>
      </c>
    </row>
    <row r="251" spans="1:10">
      <c r="A251" s="9" t="s">
        <v>27</v>
      </c>
      <c r="B251" s="9" t="s">
        <v>28</v>
      </c>
      <c r="C251" s="9" t="s">
        <v>29</v>
      </c>
      <c r="D251" s="9" t="s">
        <v>228</v>
      </c>
      <c r="E251" s="9" t="s">
        <v>302</v>
      </c>
      <c r="F251" s="9" t="s">
        <v>6</v>
      </c>
      <c r="G251" s="6">
        <v>783915</v>
      </c>
      <c r="H251" s="6">
        <v>31553</v>
      </c>
      <c r="I251" s="6">
        <v>748415</v>
      </c>
      <c r="J251" s="6">
        <v>3947</v>
      </c>
    </row>
    <row r="252" spans="1:10">
      <c r="A252" s="9" t="s">
        <v>27</v>
      </c>
      <c r="B252" s="9" t="s">
        <v>28</v>
      </c>
      <c r="C252" s="9" t="s">
        <v>29</v>
      </c>
      <c r="D252" s="9" t="s">
        <v>228</v>
      </c>
      <c r="E252" s="9" t="s">
        <v>302</v>
      </c>
      <c r="F252" s="9" t="s">
        <v>297</v>
      </c>
      <c r="G252" s="6">
        <v>1181</v>
      </c>
      <c r="H252" s="6">
        <v>626</v>
      </c>
      <c r="I252" s="6">
        <v>538</v>
      </c>
      <c r="J252" s="6">
        <v>17</v>
      </c>
    </row>
    <row r="253" spans="1:10">
      <c r="A253" s="9" t="s">
        <v>27</v>
      </c>
      <c r="B253" s="9" t="s">
        <v>28</v>
      </c>
      <c r="C253" s="9" t="s">
        <v>29</v>
      </c>
      <c r="D253" s="9" t="s">
        <v>228</v>
      </c>
      <c r="E253" s="9" t="s">
        <v>302</v>
      </c>
      <c r="F253" s="9" t="s">
        <v>298</v>
      </c>
      <c r="G253" s="6">
        <v>2064</v>
      </c>
      <c r="H253" s="6">
        <v>973</v>
      </c>
      <c r="I253" s="6">
        <v>1070</v>
      </c>
      <c r="J253" s="6">
        <v>21</v>
      </c>
    </row>
    <row r="254" spans="1:10">
      <c r="A254" s="9" t="s">
        <v>27</v>
      </c>
      <c r="B254" s="9" t="s">
        <v>28</v>
      </c>
      <c r="C254" s="9" t="s">
        <v>29</v>
      </c>
      <c r="D254" s="9" t="s">
        <v>228</v>
      </c>
      <c r="E254" s="9" t="s">
        <v>302</v>
      </c>
      <c r="F254" s="9" t="s">
        <v>299</v>
      </c>
      <c r="G254" s="6">
        <v>8067</v>
      </c>
      <c r="H254" s="6">
        <v>2181</v>
      </c>
      <c r="I254" s="6">
        <v>5848</v>
      </c>
      <c r="J254" s="6">
        <v>38</v>
      </c>
    </row>
    <row r="255" spans="1:10">
      <c r="A255" s="9" t="s">
        <v>27</v>
      </c>
      <c r="B255" s="9" t="s">
        <v>28</v>
      </c>
      <c r="C255" s="9" t="s">
        <v>29</v>
      </c>
      <c r="D255" s="9" t="s">
        <v>228</v>
      </c>
      <c r="E255" s="9" t="s">
        <v>302</v>
      </c>
      <c r="F255" s="9" t="s">
        <v>300</v>
      </c>
      <c r="G255" s="6">
        <v>81672</v>
      </c>
      <c r="H255" s="6">
        <v>8740</v>
      </c>
      <c r="I255" s="6">
        <v>72566</v>
      </c>
      <c r="J255" s="6">
        <v>366</v>
      </c>
    </row>
    <row r="256" spans="1:10">
      <c r="A256" s="9" t="s">
        <v>27</v>
      </c>
      <c r="B256" s="9" t="s">
        <v>28</v>
      </c>
      <c r="C256" s="9" t="s">
        <v>29</v>
      </c>
      <c r="D256" s="9" t="s">
        <v>228</v>
      </c>
      <c r="E256" s="9" t="s">
        <v>302</v>
      </c>
      <c r="F256" s="9" t="s">
        <v>301</v>
      </c>
      <c r="G256" s="6">
        <v>420095</v>
      </c>
      <c r="H256" s="6">
        <v>14902</v>
      </c>
      <c r="I256" s="6">
        <v>403365</v>
      </c>
      <c r="J256" s="6">
        <v>1828</v>
      </c>
    </row>
    <row r="257" spans="1:10">
      <c r="A257" s="9" t="s">
        <v>27</v>
      </c>
      <c r="B257" s="9" t="s">
        <v>28</v>
      </c>
      <c r="C257" s="9" t="s">
        <v>29</v>
      </c>
      <c r="D257" s="9" t="s">
        <v>228</v>
      </c>
      <c r="E257" s="9" t="s">
        <v>302</v>
      </c>
      <c r="F257" s="9" t="s">
        <v>302</v>
      </c>
      <c r="G257" s="6">
        <v>247277</v>
      </c>
      <c r="H257" s="6">
        <v>3947</v>
      </c>
      <c r="I257" s="6">
        <v>241832</v>
      </c>
      <c r="J257" s="6">
        <v>1498</v>
      </c>
    </row>
    <row r="258" spans="1:10">
      <c r="A258" s="9" t="s">
        <v>27</v>
      </c>
      <c r="B258" s="9" t="s">
        <v>28</v>
      </c>
      <c r="C258" s="9" t="s">
        <v>29</v>
      </c>
      <c r="D258" s="9" t="s">
        <v>228</v>
      </c>
      <c r="E258" s="9" t="s">
        <v>302</v>
      </c>
      <c r="F258" s="9" t="s">
        <v>303</v>
      </c>
      <c r="G258" s="6">
        <v>23559</v>
      </c>
      <c r="H258" s="6">
        <v>184</v>
      </c>
      <c r="I258" s="6">
        <v>23196</v>
      </c>
      <c r="J258" s="6">
        <v>179</v>
      </c>
    </row>
    <row r="259" spans="1:10">
      <c r="A259" s="9" t="s">
        <v>27</v>
      </c>
      <c r="B259" s="9" t="s">
        <v>28</v>
      </c>
      <c r="C259" s="9" t="s">
        <v>29</v>
      </c>
      <c r="D259" s="9" t="s">
        <v>228</v>
      </c>
      <c r="E259" s="9" t="s">
        <v>302</v>
      </c>
      <c r="F259" s="9" t="s">
        <v>304</v>
      </c>
      <c r="G259" s="6">
        <v>782734</v>
      </c>
      <c r="H259" s="6">
        <v>30927</v>
      </c>
      <c r="I259" s="6">
        <v>747877</v>
      </c>
      <c r="J259" s="6">
        <v>3930</v>
      </c>
    </row>
    <row r="260" spans="1:10">
      <c r="A260" s="9" t="s">
        <v>27</v>
      </c>
      <c r="B260" s="9" t="s">
        <v>28</v>
      </c>
      <c r="C260" s="9" t="s">
        <v>29</v>
      </c>
      <c r="D260" s="9" t="s">
        <v>228</v>
      </c>
      <c r="E260" s="9" t="s">
        <v>302</v>
      </c>
      <c r="F260" s="9" t="s">
        <v>49</v>
      </c>
      <c r="G260" s="6">
        <v>780670</v>
      </c>
      <c r="H260" s="6">
        <v>29954</v>
      </c>
      <c r="I260" s="6">
        <v>746807</v>
      </c>
      <c r="J260" s="6">
        <v>3909</v>
      </c>
    </row>
    <row r="261" spans="1:10">
      <c r="A261" s="9" t="s">
        <v>27</v>
      </c>
      <c r="B261" s="9" t="s">
        <v>28</v>
      </c>
      <c r="C261" s="9" t="s">
        <v>29</v>
      </c>
      <c r="D261" s="9" t="s">
        <v>228</v>
      </c>
      <c r="E261" s="9" t="s">
        <v>303</v>
      </c>
      <c r="F261" s="9" t="s">
        <v>6</v>
      </c>
      <c r="G261" s="6">
        <v>544963</v>
      </c>
      <c r="H261" s="6">
        <v>9426</v>
      </c>
      <c r="I261" s="6">
        <v>532228</v>
      </c>
      <c r="J261" s="6">
        <v>3309</v>
      </c>
    </row>
    <row r="262" spans="1:10">
      <c r="A262" s="9" t="s">
        <v>27</v>
      </c>
      <c r="B262" s="9" t="s">
        <v>28</v>
      </c>
      <c r="C262" s="9" t="s">
        <v>29</v>
      </c>
      <c r="D262" s="9" t="s">
        <v>228</v>
      </c>
      <c r="E262" s="9" t="s">
        <v>303</v>
      </c>
      <c r="F262" s="9" t="s">
        <v>297</v>
      </c>
      <c r="G262" s="6">
        <v>280</v>
      </c>
      <c r="H262" s="6">
        <v>130</v>
      </c>
      <c r="I262" s="6">
        <v>146</v>
      </c>
      <c r="J262" s="6">
        <v>4</v>
      </c>
    </row>
    <row r="263" spans="1:10">
      <c r="A263" s="9" t="s">
        <v>27</v>
      </c>
      <c r="B263" s="9" t="s">
        <v>28</v>
      </c>
      <c r="C263" s="9" t="s">
        <v>29</v>
      </c>
      <c r="D263" s="9" t="s">
        <v>228</v>
      </c>
      <c r="E263" s="9" t="s">
        <v>303</v>
      </c>
      <c r="F263" s="9" t="s">
        <v>298</v>
      </c>
      <c r="G263" s="6">
        <v>495</v>
      </c>
      <c r="H263" s="6">
        <v>199</v>
      </c>
      <c r="I263" s="6">
        <v>293</v>
      </c>
      <c r="J263" s="6">
        <v>3</v>
      </c>
    </row>
    <row r="264" spans="1:10">
      <c r="A264" s="9" t="s">
        <v>27</v>
      </c>
      <c r="B264" s="9" t="s">
        <v>28</v>
      </c>
      <c r="C264" s="9" t="s">
        <v>29</v>
      </c>
      <c r="D264" s="9" t="s">
        <v>228</v>
      </c>
      <c r="E264" s="9" t="s">
        <v>303</v>
      </c>
      <c r="F264" s="9" t="s">
        <v>299</v>
      </c>
      <c r="G264" s="6">
        <v>1813</v>
      </c>
      <c r="H264" s="6">
        <v>493</v>
      </c>
      <c r="I264" s="6">
        <v>1314</v>
      </c>
      <c r="J264" s="6">
        <v>6</v>
      </c>
    </row>
    <row r="265" spans="1:10">
      <c r="A265" s="9" t="s">
        <v>27</v>
      </c>
      <c r="B265" s="9" t="s">
        <v>28</v>
      </c>
      <c r="C265" s="9" t="s">
        <v>29</v>
      </c>
      <c r="D265" s="9" t="s">
        <v>228</v>
      </c>
      <c r="E265" s="9" t="s">
        <v>303</v>
      </c>
      <c r="F265" s="9" t="s">
        <v>300</v>
      </c>
      <c r="G265" s="6">
        <v>7541</v>
      </c>
      <c r="H265" s="6">
        <v>1004</v>
      </c>
      <c r="I265" s="6">
        <v>6493</v>
      </c>
      <c r="J265" s="6">
        <v>44</v>
      </c>
    </row>
    <row r="266" spans="1:10">
      <c r="A266" s="9" t="s">
        <v>27</v>
      </c>
      <c r="B266" s="9" t="s">
        <v>28</v>
      </c>
      <c r="C266" s="9" t="s">
        <v>29</v>
      </c>
      <c r="D266" s="9" t="s">
        <v>228</v>
      </c>
      <c r="E266" s="9" t="s">
        <v>303</v>
      </c>
      <c r="F266" s="9" t="s">
        <v>301</v>
      </c>
      <c r="G266" s="6">
        <v>67556</v>
      </c>
      <c r="H266" s="6">
        <v>2570</v>
      </c>
      <c r="I266" s="6">
        <v>64595</v>
      </c>
      <c r="J266" s="6">
        <v>391</v>
      </c>
    </row>
    <row r="267" spans="1:10">
      <c r="A267" s="9" t="s">
        <v>27</v>
      </c>
      <c r="B267" s="9" t="s">
        <v>28</v>
      </c>
      <c r="C267" s="9" t="s">
        <v>29</v>
      </c>
      <c r="D267" s="9" t="s">
        <v>228</v>
      </c>
      <c r="E267" s="9" t="s">
        <v>303</v>
      </c>
      <c r="F267" s="9" t="s">
        <v>302</v>
      </c>
      <c r="G267" s="6">
        <v>247898</v>
      </c>
      <c r="H267" s="6">
        <v>3553</v>
      </c>
      <c r="I267" s="6">
        <v>242889</v>
      </c>
      <c r="J267" s="6">
        <v>1456</v>
      </c>
    </row>
    <row r="268" spans="1:10">
      <c r="A268" s="9" t="s">
        <v>27</v>
      </c>
      <c r="B268" s="9" t="s">
        <v>28</v>
      </c>
      <c r="C268" s="9" t="s">
        <v>29</v>
      </c>
      <c r="D268" s="9" t="s">
        <v>228</v>
      </c>
      <c r="E268" s="9" t="s">
        <v>303</v>
      </c>
      <c r="F268" s="9" t="s">
        <v>303</v>
      </c>
      <c r="G268" s="6">
        <v>219380</v>
      </c>
      <c r="H268" s="6">
        <v>1477</v>
      </c>
      <c r="I268" s="6">
        <v>216498</v>
      </c>
      <c r="J268" s="6">
        <v>1405</v>
      </c>
    </row>
    <row r="269" spans="1:10">
      <c r="A269" s="9" t="s">
        <v>27</v>
      </c>
      <c r="B269" s="9" t="s">
        <v>28</v>
      </c>
      <c r="C269" s="9" t="s">
        <v>29</v>
      </c>
      <c r="D269" s="9" t="s">
        <v>228</v>
      </c>
      <c r="E269" s="9" t="s">
        <v>303</v>
      </c>
      <c r="F269" s="9" t="s">
        <v>304</v>
      </c>
      <c r="G269" s="6">
        <v>544683</v>
      </c>
      <c r="H269" s="6">
        <v>9296</v>
      </c>
      <c r="I269" s="6">
        <v>532082</v>
      </c>
      <c r="J269" s="6">
        <v>3305</v>
      </c>
    </row>
    <row r="270" spans="1:10">
      <c r="A270" s="9" t="s">
        <v>27</v>
      </c>
      <c r="B270" s="9" t="s">
        <v>28</v>
      </c>
      <c r="C270" s="9" t="s">
        <v>29</v>
      </c>
      <c r="D270" s="9" t="s">
        <v>228</v>
      </c>
      <c r="E270" s="9" t="s">
        <v>303</v>
      </c>
      <c r="F270" s="9" t="s">
        <v>49</v>
      </c>
      <c r="G270" s="6">
        <v>544188</v>
      </c>
      <c r="H270" s="6">
        <v>9097</v>
      </c>
      <c r="I270" s="6">
        <v>531789</v>
      </c>
      <c r="J270" s="6">
        <v>3302</v>
      </c>
    </row>
    <row r="271" spans="1:10">
      <c r="A271" s="9" t="s">
        <v>27</v>
      </c>
      <c r="B271" s="9" t="s">
        <v>28</v>
      </c>
      <c r="C271" s="9" t="s">
        <v>29</v>
      </c>
      <c r="D271" s="9" t="s">
        <v>228</v>
      </c>
      <c r="E271" s="9" t="s">
        <v>305</v>
      </c>
      <c r="F271" s="9" t="s">
        <v>6</v>
      </c>
      <c r="G271" s="6">
        <v>3994245</v>
      </c>
      <c r="H271" s="6">
        <v>474512</v>
      </c>
      <c r="I271" s="6">
        <v>3505810</v>
      </c>
      <c r="J271" s="6">
        <v>13923</v>
      </c>
    </row>
    <row r="272" spans="1:10">
      <c r="A272" s="9" t="s">
        <v>27</v>
      </c>
      <c r="B272" s="9" t="s">
        <v>28</v>
      </c>
      <c r="C272" s="9" t="s">
        <v>29</v>
      </c>
      <c r="D272" s="9" t="s">
        <v>228</v>
      </c>
      <c r="E272" s="9" t="s">
        <v>305</v>
      </c>
      <c r="F272" s="9" t="s">
        <v>297</v>
      </c>
      <c r="G272" s="6">
        <v>69000</v>
      </c>
      <c r="H272" s="6">
        <v>38826</v>
      </c>
      <c r="I272" s="6">
        <v>29911</v>
      </c>
      <c r="J272" s="6">
        <v>263</v>
      </c>
    </row>
    <row r="273" spans="1:10">
      <c r="A273" s="9" t="s">
        <v>27</v>
      </c>
      <c r="B273" s="9" t="s">
        <v>28</v>
      </c>
      <c r="C273" s="9" t="s">
        <v>29</v>
      </c>
      <c r="D273" s="9" t="s">
        <v>228</v>
      </c>
      <c r="E273" s="9" t="s">
        <v>305</v>
      </c>
      <c r="F273" s="9" t="s">
        <v>298</v>
      </c>
      <c r="G273" s="6">
        <v>272374</v>
      </c>
      <c r="H273" s="6">
        <v>108179</v>
      </c>
      <c r="I273" s="6">
        <v>163757</v>
      </c>
      <c r="J273" s="6">
        <v>438</v>
      </c>
    </row>
    <row r="274" spans="1:10">
      <c r="A274" s="9" t="s">
        <v>27</v>
      </c>
      <c r="B274" s="9" t="s">
        <v>28</v>
      </c>
      <c r="C274" s="9" t="s">
        <v>29</v>
      </c>
      <c r="D274" s="9" t="s">
        <v>228</v>
      </c>
      <c r="E274" s="9" t="s">
        <v>305</v>
      </c>
      <c r="F274" s="9" t="s">
        <v>299</v>
      </c>
      <c r="G274" s="6">
        <v>775094</v>
      </c>
      <c r="H274" s="6">
        <v>162043</v>
      </c>
      <c r="I274" s="6">
        <v>611878</v>
      </c>
      <c r="J274" s="6">
        <v>1173</v>
      </c>
    </row>
    <row r="275" spans="1:10">
      <c r="A275" s="9" t="s">
        <v>27</v>
      </c>
      <c r="B275" s="9" t="s">
        <v>28</v>
      </c>
      <c r="C275" s="9" t="s">
        <v>29</v>
      </c>
      <c r="D275" s="9" t="s">
        <v>228</v>
      </c>
      <c r="E275" s="9" t="s">
        <v>305</v>
      </c>
      <c r="F275" s="9" t="s">
        <v>300</v>
      </c>
      <c r="G275" s="6">
        <v>1162353</v>
      </c>
      <c r="H275" s="6">
        <v>119292</v>
      </c>
      <c r="I275" s="6">
        <v>1040015</v>
      </c>
      <c r="J275" s="6">
        <v>3046</v>
      </c>
    </row>
    <row r="276" spans="1:10">
      <c r="A276" s="9" t="s">
        <v>27</v>
      </c>
      <c r="B276" s="9" t="s">
        <v>28</v>
      </c>
      <c r="C276" s="9" t="s">
        <v>29</v>
      </c>
      <c r="D276" s="9" t="s">
        <v>228</v>
      </c>
      <c r="E276" s="9" t="s">
        <v>305</v>
      </c>
      <c r="F276" s="9" t="s">
        <v>301</v>
      </c>
      <c r="G276" s="6">
        <v>926571</v>
      </c>
      <c r="H276" s="6">
        <v>36047</v>
      </c>
      <c r="I276" s="6">
        <v>886436</v>
      </c>
      <c r="J276" s="6">
        <v>4088</v>
      </c>
    </row>
    <row r="277" spans="1:10">
      <c r="A277" s="9" t="s">
        <v>27</v>
      </c>
      <c r="B277" s="9" t="s">
        <v>28</v>
      </c>
      <c r="C277" s="9" t="s">
        <v>29</v>
      </c>
      <c r="D277" s="9" t="s">
        <v>228</v>
      </c>
      <c r="E277" s="9" t="s">
        <v>305</v>
      </c>
      <c r="F277" s="9" t="s">
        <v>302</v>
      </c>
      <c r="G277" s="6">
        <v>539420</v>
      </c>
      <c r="H277" s="6">
        <v>8383</v>
      </c>
      <c r="I277" s="6">
        <v>527783</v>
      </c>
      <c r="J277" s="6">
        <v>3254</v>
      </c>
    </row>
    <row r="278" spans="1:10">
      <c r="A278" s="9" t="s">
        <v>27</v>
      </c>
      <c r="B278" s="9" t="s">
        <v>28</v>
      </c>
      <c r="C278" s="9" t="s">
        <v>29</v>
      </c>
      <c r="D278" s="9" t="s">
        <v>228</v>
      </c>
      <c r="E278" s="9" t="s">
        <v>305</v>
      </c>
      <c r="F278" s="9" t="s">
        <v>303</v>
      </c>
      <c r="G278" s="6">
        <v>249433</v>
      </c>
      <c r="H278" s="6">
        <v>1742</v>
      </c>
      <c r="I278" s="6">
        <v>246030</v>
      </c>
      <c r="J278" s="6">
        <v>1661</v>
      </c>
    </row>
    <row r="279" spans="1:10">
      <c r="A279" s="9" t="s">
        <v>27</v>
      </c>
      <c r="B279" s="9" t="s">
        <v>28</v>
      </c>
      <c r="C279" s="9" t="s">
        <v>29</v>
      </c>
      <c r="D279" s="9" t="s">
        <v>228</v>
      </c>
      <c r="E279" s="9" t="s">
        <v>305</v>
      </c>
      <c r="F279" s="9" t="s">
        <v>304</v>
      </c>
      <c r="G279" s="6">
        <v>3925245</v>
      </c>
      <c r="H279" s="6">
        <v>435686</v>
      </c>
      <c r="I279" s="6">
        <v>3475899</v>
      </c>
      <c r="J279" s="6">
        <v>13660</v>
      </c>
    </row>
    <row r="280" spans="1:10">
      <c r="A280" s="9" t="s">
        <v>27</v>
      </c>
      <c r="B280" s="9" t="s">
        <v>28</v>
      </c>
      <c r="C280" s="9" t="s">
        <v>29</v>
      </c>
      <c r="D280" s="9" t="s">
        <v>228</v>
      </c>
      <c r="E280" s="9" t="s">
        <v>305</v>
      </c>
      <c r="F280" s="9" t="s">
        <v>49</v>
      </c>
      <c r="G280" s="6">
        <v>3652871</v>
      </c>
      <c r="H280" s="6">
        <v>327507</v>
      </c>
      <c r="I280" s="6">
        <v>3312142</v>
      </c>
      <c r="J280" s="6">
        <v>13222</v>
      </c>
    </row>
    <row r="281" spans="1:10">
      <c r="A281" s="9" t="s">
        <v>27</v>
      </c>
      <c r="B281" s="9" t="s">
        <v>28</v>
      </c>
      <c r="C281" s="9" t="s">
        <v>29</v>
      </c>
      <c r="D281" s="9" t="s">
        <v>18</v>
      </c>
      <c r="E281" s="9" t="s">
        <v>6</v>
      </c>
      <c r="F281" s="9" t="s">
        <v>6</v>
      </c>
      <c r="G281" s="6">
        <v>914947</v>
      </c>
      <c r="H281" s="6">
        <v>16037</v>
      </c>
      <c r="I281" s="6">
        <v>13707</v>
      </c>
      <c r="J281" s="6">
        <v>885203</v>
      </c>
    </row>
    <row r="282" spans="1:10">
      <c r="A282" s="9" t="s">
        <v>27</v>
      </c>
      <c r="B282" s="9" t="s">
        <v>28</v>
      </c>
      <c r="C282" s="9" t="s">
        <v>29</v>
      </c>
      <c r="D282" s="9" t="s">
        <v>18</v>
      </c>
      <c r="E282" s="9" t="s">
        <v>6</v>
      </c>
      <c r="F282" s="9" t="s">
        <v>297</v>
      </c>
      <c r="G282" s="6">
        <v>441542</v>
      </c>
      <c r="H282" s="6">
        <v>1661</v>
      </c>
      <c r="I282" s="6">
        <v>605</v>
      </c>
      <c r="J282" s="6">
        <v>439276</v>
      </c>
    </row>
    <row r="283" spans="1:10">
      <c r="A283" s="9" t="s">
        <v>27</v>
      </c>
      <c r="B283" s="9" t="s">
        <v>28</v>
      </c>
      <c r="C283" s="9" t="s">
        <v>29</v>
      </c>
      <c r="D283" s="9" t="s">
        <v>18</v>
      </c>
      <c r="E283" s="9" t="s">
        <v>6</v>
      </c>
      <c r="F283" s="9" t="s">
        <v>298</v>
      </c>
      <c r="G283" s="6">
        <v>45899</v>
      </c>
      <c r="H283" s="6">
        <v>1713</v>
      </c>
      <c r="I283" s="6">
        <v>416</v>
      </c>
      <c r="J283" s="6">
        <v>43770</v>
      </c>
    </row>
    <row r="284" spans="1:10">
      <c r="A284" s="9" t="s">
        <v>27</v>
      </c>
      <c r="B284" s="9" t="s">
        <v>28</v>
      </c>
      <c r="C284" s="9" t="s">
        <v>29</v>
      </c>
      <c r="D284" s="9" t="s">
        <v>18</v>
      </c>
      <c r="E284" s="9" t="s">
        <v>6</v>
      </c>
      <c r="F284" s="9" t="s">
        <v>299</v>
      </c>
      <c r="G284" s="6">
        <v>65505</v>
      </c>
      <c r="H284" s="6">
        <v>3934</v>
      </c>
      <c r="I284" s="6">
        <v>1402</v>
      </c>
      <c r="J284" s="6">
        <v>60169</v>
      </c>
    </row>
    <row r="285" spans="1:10">
      <c r="A285" s="9" t="s">
        <v>27</v>
      </c>
      <c r="B285" s="9" t="s">
        <v>28</v>
      </c>
      <c r="C285" s="9" t="s">
        <v>29</v>
      </c>
      <c r="D285" s="9" t="s">
        <v>18</v>
      </c>
      <c r="E285" s="9" t="s">
        <v>6</v>
      </c>
      <c r="F285" s="9" t="s">
        <v>300</v>
      </c>
      <c r="G285" s="6">
        <v>114502</v>
      </c>
      <c r="H285" s="6">
        <v>5114</v>
      </c>
      <c r="I285" s="6">
        <v>3531</v>
      </c>
      <c r="J285" s="6">
        <v>105857</v>
      </c>
    </row>
    <row r="286" spans="1:10">
      <c r="A286" s="9" t="s">
        <v>27</v>
      </c>
      <c r="B286" s="9" t="s">
        <v>28</v>
      </c>
      <c r="C286" s="9" t="s">
        <v>29</v>
      </c>
      <c r="D286" s="9" t="s">
        <v>18</v>
      </c>
      <c r="E286" s="9" t="s">
        <v>6</v>
      </c>
      <c r="F286" s="9" t="s">
        <v>301</v>
      </c>
      <c r="G286" s="6">
        <v>123710</v>
      </c>
      <c r="H286" s="6">
        <v>2614</v>
      </c>
      <c r="I286" s="6">
        <v>4221</v>
      </c>
      <c r="J286" s="6">
        <v>116875</v>
      </c>
    </row>
    <row r="287" spans="1:10">
      <c r="A287" s="9" t="s">
        <v>27</v>
      </c>
      <c r="B287" s="9" t="s">
        <v>28</v>
      </c>
      <c r="C287" s="9" t="s">
        <v>29</v>
      </c>
      <c r="D287" s="9" t="s">
        <v>18</v>
      </c>
      <c r="E287" s="9" t="s">
        <v>6</v>
      </c>
      <c r="F287" s="9" t="s">
        <v>302</v>
      </c>
      <c r="G287" s="6">
        <v>85370</v>
      </c>
      <c r="H287" s="6">
        <v>797</v>
      </c>
      <c r="I287" s="6">
        <v>2604</v>
      </c>
      <c r="J287" s="6">
        <v>81969</v>
      </c>
    </row>
    <row r="288" spans="1:10">
      <c r="A288" s="9" t="s">
        <v>27</v>
      </c>
      <c r="B288" s="9" t="s">
        <v>28</v>
      </c>
      <c r="C288" s="9" t="s">
        <v>29</v>
      </c>
      <c r="D288" s="9" t="s">
        <v>18</v>
      </c>
      <c r="E288" s="9" t="s">
        <v>6</v>
      </c>
      <c r="F288" s="9" t="s">
        <v>303</v>
      </c>
      <c r="G288" s="6">
        <v>38419</v>
      </c>
      <c r="H288" s="6">
        <v>204</v>
      </c>
      <c r="I288" s="6">
        <v>928</v>
      </c>
      <c r="J288" s="6">
        <v>37287</v>
      </c>
    </row>
    <row r="289" spans="1:10">
      <c r="A289" s="9" t="s">
        <v>27</v>
      </c>
      <c r="B289" s="9" t="s">
        <v>28</v>
      </c>
      <c r="C289" s="9" t="s">
        <v>29</v>
      </c>
      <c r="D289" s="9" t="s">
        <v>18</v>
      </c>
      <c r="E289" s="9" t="s">
        <v>6</v>
      </c>
      <c r="F289" s="9" t="s">
        <v>304</v>
      </c>
      <c r="G289" s="6">
        <v>473405</v>
      </c>
      <c r="H289" s="6">
        <v>14376</v>
      </c>
      <c r="I289" s="6">
        <v>13102</v>
      </c>
      <c r="J289" s="6">
        <v>445927</v>
      </c>
    </row>
    <row r="290" spans="1:10">
      <c r="A290" s="9" t="s">
        <v>27</v>
      </c>
      <c r="B290" s="9" t="s">
        <v>28</v>
      </c>
      <c r="C290" s="9" t="s">
        <v>29</v>
      </c>
      <c r="D290" s="9" t="s">
        <v>18</v>
      </c>
      <c r="E290" s="9" t="s">
        <v>6</v>
      </c>
      <c r="F290" s="9" t="s">
        <v>49</v>
      </c>
      <c r="G290" s="6">
        <v>427506</v>
      </c>
      <c r="H290" s="6">
        <v>12663</v>
      </c>
      <c r="I290" s="6">
        <v>12686</v>
      </c>
      <c r="J290" s="6">
        <v>402157</v>
      </c>
    </row>
    <row r="291" spans="1:10">
      <c r="A291" s="9" t="s">
        <v>27</v>
      </c>
      <c r="B291" s="9" t="s">
        <v>28</v>
      </c>
      <c r="C291" s="9" t="s">
        <v>29</v>
      </c>
      <c r="D291" s="9" t="s">
        <v>18</v>
      </c>
      <c r="E291" s="9" t="s">
        <v>297</v>
      </c>
      <c r="F291" s="9" t="s">
        <v>6</v>
      </c>
      <c r="G291" s="6">
        <v>413363</v>
      </c>
      <c r="H291" s="6">
        <v>977</v>
      </c>
      <c r="I291" s="6">
        <v>492</v>
      </c>
      <c r="J291" s="6">
        <v>411894</v>
      </c>
    </row>
    <row r="292" spans="1:10">
      <c r="A292" s="9" t="s">
        <v>27</v>
      </c>
      <c r="B292" s="9" t="s">
        <v>28</v>
      </c>
      <c r="C292" s="9" t="s">
        <v>29</v>
      </c>
      <c r="D292" s="9" t="s">
        <v>18</v>
      </c>
      <c r="E292" s="9" t="s">
        <v>297</v>
      </c>
      <c r="F292" s="9" t="s">
        <v>297</v>
      </c>
      <c r="G292" s="6">
        <v>405350</v>
      </c>
      <c r="H292" s="6">
        <v>906</v>
      </c>
      <c r="I292" s="6">
        <v>430</v>
      </c>
      <c r="J292" s="6">
        <v>404014</v>
      </c>
    </row>
    <row r="293" spans="1:10">
      <c r="A293" s="9" t="s">
        <v>27</v>
      </c>
      <c r="B293" s="9" t="s">
        <v>28</v>
      </c>
      <c r="C293" s="9" t="s">
        <v>29</v>
      </c>
      <c r="D293" s="9" t="s">
        <v>18</v>
      </c>
      <c r="E293" s="9" t="s">
        <v>297</v>
      </c>
      <c r="F293" s="9" t="s">
        <v>298</v>
      </c>
      <c r="G293" s="6">
        <v>5617</v>
      </c>
      <c r="H293" s="6">
        <v>43</v>
      </c>
      <c r="I293" s="6">
        <v>20</v>
      </c>
      <c r="J293" s="6">
        <v>5554</v>
      </c>
    </row>
    <row r="294" spans="1:10">
      <c r="A294" s="9" t="s">
        <v>27</v>
      </c>
      <c r="B294" s="9" t="s">
        <v>28</v>
      </c>
      <c r="C294" s="9" t="s">
        <v>29</v>
      </c>
      <c r="D294" s="9" t="s">
        <v>18</v>
      </c>
      <c r="E294" s="9" t="s">
        <v>297</v>
      </c>
      <c r="F294" s="9" t="s">
        <v>299</v>
      </c>
      <c r="G294" s="6">
        <v>1305</v>
      </c>
      <c r="H294" s="6">
        <v>19</v>
      </c>
      <c r="I294" s="6">
        <v>12</v>
      </c>
      <c r="J294" s="6">
        <v>1274</v>
      </c>
    </row>
    <row r="295" spans="1:10">
      <c r="A295" s="9" t="s">
        <v>27</v>
      </c>
      <c r="B295" s="9" t="s">
        <v>28</v>
      </c>
      <c r="C295" s="9" t="s">
        <v>29</v>
      </c>
      <c r="D295" s="9" t="s">
        <v>18</v>
      </c>
      <c r="E295" s="9" t="s">
        <v>297</v>
      </c>
      <c r="F295" s="9" t="s">
        <v>300</v>
      </c>
      <c r="G295" s="6">
        <v>569</v>
      </c>
      <c r="H295" s="6">
        <v>6</v>
      </c>
      <c r="I295" s="6">
        <v>13</v>
      </c>
      <c r="J295" s="6">
        <v>550</v>
      </c>
    </row>
    <row r="296" spans="1:10">
      <c r="A296" s="9" t="s">
        <v>27</v>
      </c>
      <c r="B296" s="9" t="s">
        <v>28</v>
      </c>
      <c r="C296" s="9" t="s">
        <v>29</v>
      </c>
      <c r="D296" s="9" t="s">
        <v>18</v>
      </c>
      <c r="E296" s="9" t="s">
        <v>297</v>
      </c>
      <c r="F296" s="9" t="s">
        <v>301</v>
      </c>
      <c r="G296" s="6">
        <v>276</v>
      </c>
      <c r="H296" s="10" t="s">
        <v>55</v>
      </c>
      <c r="I296" s="6">
        <v>8</v>
      </c>
      <c r="J296" s="6">
        <v>268</v>
      </c>
    </row>
    <row r="297" spans="1:10">
      <c r="A297" s="9" t="s">
        <v>27</v>
      </c>
      <c r="B297" s="9" t="s">
        <v>28</v>
      </c>
      <c r="C297" s="9" t="s">
        <v>29</v>
      </c>
      <c r="D297" s="9" t="s">
        <v>18</v>
      </c>
      <c r="E297" s="9" t="s">
        <v>297</v>
      </c>
      <c r="F297" s="9" t="s">
        <v>302</v>
      </c>
      <c r="G297" s="6">
        <v>180</v>
      </c>
      <c r="H297" s="6">
        <v>3</v>
      </c>
      <c r="I297" s="6">
        <v>9</v>
      </c>
      <c r="J297" s="6">
        <v>168</v>
      </c>
    </row>
    <row r="298" spans="1:10">
      <c r="A298" s="9" t="s">
        <v>27</v>
      </c>
      <c r="B298" s="9" t="s">
        <v>28</v>
      </c>
      <c r="C298" s="9" t="s">
        <v>29</v>
      </c>
      <c r="D298" s="9" t="s">
        <v>18</v>
      </c>
      <c r="E298" s="9" t="s">
        <v>297</v>
      </c>
      <c r="F298" s="9" t="s">
        <v>303</v>
      </c>
      <c r="G298" s="6">
        <v>66</v>
      </c>
      <c r="H298" s="10" t="s">
        <v>55</v>
      </c>
      <c r="I298" s="10" t="s">
        <v>55</v>
      </c>
      <c r="J298" s="6">
        <v>66</v>
      </c>
    </row>
    <row r="299" spans="1:10">
      <c r="A299" s="9" t="s">
        <v>27</v>
      </c>
      <c r="B299" s="9" t="s">
        <v>28</v>
      </c>
      <c r="C299" s="9" t="s">
        <v>29</v>
      </c>
      <c r="D299" s="9" t="s">
        <v>18</v>
      </c>
      <c r="E299" s="9" t="s">
        <v>297</v>
      </c>
      <c r="F299" s="9" t="s">
        <v>304</v>
      </c>
      <c r="G299" s="6">
        <v>8013</v>
      </c>
      <c r="H299" s="6">
        <v>71</v>
      </c>
      <c r="I299" s="6">
        <v>62</v>
      </c>
      <c r="J299" s="6">
        <v>7880</v>
      </c>
    </row>
    <row r="300" spans="1:10">
      <c r="A300" s="9" t="s">
        <v>27</v>
      </c>
      <c r="B300" s="9" t="s">
        <v>28</v>
      </c>
      <c r="C300" s="9" t="s">
        <v>29</v>
      </c>
      <c r="D300" s="9" t="s">
        <v>18</v>
      </c>
      <c r="E300" s="9" t="s">
        <v>297</v>
      </c>
      <c r="F300" s="9" t="s">
        <v>49</v>
      </c>
      <c r="G300" s="6">
        <v>2396</v>
      </c>
      <c r="H300" s="6">
        <v>28</v>
      </c>
      <c r="I300" s="6">
        <v>42</v>
      </c>
      <c r="J300" s="6">
        <v>2326</v>
      </c>
    </row>
    <row r="301" spans="1:10">
      <c r="A301" s="9" t="s">
        <v>27</v>
      </c>
      <c r="B301" s="9" t="s">
        <v>28</v>
      </c>
      <c r="C301" s="9" t="s">
        <v>29</v>
      </c>
      <c r="D301" s="9" t="s">
        <v>18</v>
      </c>
      <c r="E301" s="9" t="s">
        <v>298</v>
      </c>
      <c r="F301" s="9" t="s">
        <v>6</v>
      </c>
      <c r="G301" s="6">
        <v>44281</v>
      </c>
      <c r="H301" s="6">
        <v>598</v>
      </c>
      <c r="I301" s="6">
        <v>271</v>
      </c>
      <c r="J301" s="6">
        <v>43412</v>
      </c>
    </row>
    <row r="302" spans="1:10">
      <c r="A302" s="9" t="s">
        <v>27</v>
      </c>
      <c r="B302" s="9" t="s">
        <v>28</v>
      </c>
      <c r="C302" s="9" t="s">
        <v>29</v>
      </c>
      <c r="D302" s="9" t="s">
        <v>18</v>
      </c>
      <c r="E302" s="9" t="s">
        <v>298</v>
      </c>
      <c r="F302" s="9" t="s">
        <v>297</v>
      </c>
      <c r="G302" s="6">
        <v>22512</v>
      </c>
      <c r="H302" s="6">
        <v>247</v>
      </c>
      <c r="I302" s="6">
        <v>87</v>
      </c>
      <c r="J302" s="6">
        <v>22178</v>
      </c>
    </row>
    <row r="303" spans="1:10">
      <c r="A303" s="9" t="s">
        <v>27</v>
      </c>
      <c r="B303" s="9" t="s">
        <v>28</v>
      </c>
      <c r="C303" s="9" t="s">
        <v>29</v>
      </c>
      <c r="D303" s="9" t="s">
        <v>18</v>
      </c>
      <c r="E303" s="9" t="s">
        <v>298</v>
      </c>
      <c r="F303" s="9" t="s">
        <v>298</v>
      </c>
      <c r="G303" s="6">
        <v>16936</v>
      </c>
      <c r="H303" s="6">
        <v>271</v>
      </c>
      <c r="I303" s="6">
        <v>112</v>
      </c>
      <c r="J303" s="6">
        <v>16553</v>
      </c>
    </row>
    <row r="304" spans="1:10">
      <c r="A304" s="9" t="s">
        <v>27</v>
      </c>
      <c r="B304" s="9" t="s">
        <v>28</v>
      </c>
      <c r="C304" s="9" t="s">
        <v>29</v>
      </c>
      <c r="D304" s="9" t="s">
        <v>18</v>
      </c>
      <c r="E304" s="9" t="s">
        <v>298</v>
      </c>
      <c r="F304" s="9" t="s">
        <v>299</v>
      </c>
      <c r="G304" s="6">
        <v>3370</v>
      </c>
      <c r="H304" s="6">
        <v>61</v>
      </c>
      <c r="I304" s="6">
        <v>39</v>
      </c>
      <c r="J304" s="6">
        <v>3270</v>
      </c>
    </row>
    <row r="305" spans="1:10">
      <c r="A305" s="9" t="s">
        <v>27</v>
      </c>
      <c r="B305" s="9" t="s">
        <v>28</v>
      </c>
      <c r="C305" s="9" t="s">
        <v>29</v>
      </c>
      <c r="D305" s="9" t="s">
        <v>18</v>
      </c>
      <c r="E305" s="9" t="s">
        <v>298</v>
      </c>
      <c r="F305" s="9" t="s">
        <v>300</v>
      </c>
      <c r="G305" s="6">
        <v>1036</v>
      </c>
      <c r="H305" s="6">
        <v>16</v>
      </c>
      <c r="I305" s="6">
        <v>26</v>
      </c>
      <c r="J305" s="6">
        <v>994</v>
      </c>
    </row>
    <row r="306" spans="1:10">
      <c r="A306" s="9" t="s">
        <v>27</v>
      </c>
      <c r="B306" s="9" t="s">
        <v>28</v>
      </c>
      <c r="C306" s="9" t="s">
        <v>29</v>
      </c>
      <c r="D306" s="9" t="s">
        <v>18</v>
      </c>
      <c r="E306" s="9" t="s">
        <v>298</v>
      </c>
      <c r="F306" s="9" t="s">
        <v>301</v>
      </c>
      <c r="G306" s="6">
        <v>262</v>
      </c>
      <c r="H306" s="6">
        <v>3</v>
      </c>
      <c r="I306" s="6">
        <v>5</v>
      </c>
      <c r="J306" s="6">
        <v>254</v>
      </c>
    </row>
    <row r="307" spans="1:10">
      <c r="A307" s="9" t="s">
        <v>27</v>
      </c>
      <c r="B307" s="9" t="s">
        <v>28</v>
      </c>
      <c r="C307" s="9" t="s">
        <v>29</v>
      </c>
      <c r="D307" s="9" t="s">
        <v>18</v>
      </c>
      <c r="E307" s="9" t="s">
        <v>298</v>
      </c>
      <c r="F307" s="9" t="s">
        <v>302</v>
      </c>
      <c r="G307" s="6">
        <v>86</v>
      </c>
      <c r="H307" s="10" t="s">
        <v>55</v>
      </c>
      <c r="I307" s="6">
        <v>2</v>
      </c>
      <c r="J307" s="6">
        <v>84</v>
      </c>
    </row>
    <row r="308" spans="1:10">
      <c r="A308" s="9" t="s">
        <v>27</v>
      </c>
      <c r="B308" s="9" t="s">
        <v>28</v>
      </c>
      <c r="C308" s="9" t="s">
        <v>29</v>
      </c>
      <c r="D308" s="9" t="s">
        <v>18</v>
      </c>
      <c r="E308" s="9" t="s">
        <v>298</v>
      </c>
      <c r="F308" s="9" t="s">
        <v>303</v>
      </c>
      <c r="G308" s="6">
        <v>79</v>
      </c>
      <c r="H308" s="10" t="s">
        <v>55</v>
      </c>
      <c r="I308" s="10" t="s">
        <v>55</v>
      </c>
      <c r="J308" s="6">
        <v>79</v>
      </c>
    </row>
    <row r="309" spans="1:10">
      <c r="A309" s="9" t="s">
        <v>27</v>
      </c>
      <c r="B309" s="9" t="s">
        <v>28</v>
      </c>
      <c r="C309" s="9" t="s">
        <v>29</v>
      </c>
      <c r="D309" s="9" t="s">
        <v>18</v>
      </c>
      <c r="E309" s="9" t="s">
        <v>298</v>
      </c>
      <c r="F309" s="9" t="s">
        <v>304</v>
      </c>
      <c r="G309" s="6">
        <v>21769</v>
      </c>
      <c r="H309" s="6">
        <v>351</v>
      </c>
      <c r="I309" s="6">
        <v>184</v>
      </c>
      <c r="J309" s="6">
        <v>21234</v>
      </c>
    </row>
    <row r="310" spans="1:10">
      <c r="A310" s="9" t="s">
        <v>27</v>
      </c>
      <c r="B310" s="9" t="s">
        <v>28</v>
      </c>
      <c r="C310" s="9" t="s">
        <v>29</v>
      </c>
      <c r="D310" s="9" t="s">
        <v>18</v>
      </c>
      <c r="E310" s="9" t="s">
        <v>298</v>
      </c>
      <c r="F310" s="9" t="s">
        <v>49</v>
      </c>
      <c r="G310" s="6">
        <v>4833</v>
      </c>
      <c r="H310" s="6">
        <v>80</v>
      </c>
      <c r="I310" s="6">
        <v>72</v>
      </c>
      <c r="J310" s="6">
        <v>4681</v>
      </c>
    </row>
    <row r="311" spans="1:10">
      <c r="A311" s="9" t="s">
        <v>27</v>
      </c>
      <c r="B311" s="9" t="s">
        <v>28</v>
      </c>
      <c r="C311" s="9" t="s">
        <v>29</v>
      </c>
      <c r="D311" s="9" t="s">
        <v>18</v>
      </c>
      <c r="E311" s="9" t="s">
        <v>299</v>
      </c>
      <c r="F311" s="9" t="s">
        <v>6</v>
      </c>
      <c r="G311" s="6">
        <v>53986</v>
      </c>
      <c r="H311" s="6">
        <v>2276</v>
      </c>
      <c r="I311" s="6">
        <v>841</v>
      </c>
      <c r="J311" s="6">
        <v>50869</v>
      </c>
    </row>
    <row r="312" spans="1:10">
      <c r="A312" s="9" t="s">
        <v>27</v>
      </c>
      <c r="B312" s="9" t="s">
        <v>28</v>
      </c>
      <c r="C312" s="9" t="s">
        <v>29</v>
      </c>
      <c r="D312" s="9" t="s">
        <v>18</v>
      </c>
      <c r="E312" s="9" t="s">
        <v>299</v>
      </c>
      <c r="F312" s="9" t="s">
        <v>297</v>
      </c>
      <c r="G312" s="6">
        <v>8132</v>
      </c>
      <c r="H312" s="6">
        <v>223</v>
      </c>
      <c r="I312" s="6">
        <v>39</v>
      </c>
      <c r="J312" s="6">
        <v>7870</v>
      </c>
    </row>
    <row r="313" spans="1:10">
      <c r="A313" s="9" t="s">
        <v>27</v>
      </c>
      <c r="B313" s="9" t="s">
        <v>28</v>
      </c>
      <c r="C313" s="9" t="s">
        <v>29</v>
      </c>
      <c r="D313" s="9" t="s">
        <v>18</v>
      </c>
      <c r="E313" s="9" t="s">
        <v>299</v>
      </c>
      <c r="F313" s="9" t="s">
        <v>298</v>
      </c>
      <c r="G313" s="6">
        <v>15436</v>
      </c>
      <c r="H313" s="6">
        <v>740</v>
      </c>
      <c r="I313" s="6">
        <v>187</v>
      </c>
      <c r="J313" s="6">
        <v>14509</v>
      </c>
    </row>
    <row r="314" spans="1:10">
      <c r="A314" s="9" t="s">
        <v>27</v>
      </c>
      <c r="B314" s="9" t="s">
        <v>28</v>
      </c>
      <c r="C314" s="9" t="s">
        <v>29</v>
      </c>
      <c r="D314" s="9" t="s">
        <v>18</v>
      </c>
      <c r="E314" s="9" t="s">
        <v>299</v>
      </c>
      <c r="F314" s="9" t="s">
        <v>299</v>
      </c>
      <c r="G314" s="6">
        <v>22208</v>
      </c>
      <c r="H314" s="6">
        <v>1070</v>
      </c>
      <c r="I314" s="6">
        <v>413</v>
      </c>
      <c r="J314" s="6">
        <v>20725</v>
      </c>
    </row>
    <row r="315" spans="1:10">
      <c r="A315" s="9" t="s">
        <v>27</v>
      </c>
      <c r="B315" s="9" t="s">
        <v>28</v>
      </c>
      <c r="C315" s="9" t="s">
        <v>29</v>
      </c>
      <c r="D315" s="9" t="s">
        <v>18</v>
      </c>
      <c r="E315" s="9" t="s">
        <v>299</v>
      </c>
      <c r="F315" s="9" t="s">
        <v>300</v>
      </c>
      <c r="G315" s="6">
        <v>6368</v>
      </c>
      <c r="H315" s="6">
        <v>221</v>
      </c>
      <c r="I315" s="6">
        <v>143</v>
      </c>
      <c r="J315" s="6">
        <v>6004</v>
      </c>
    </row>
    <row r="316" spans="1:10">
      <c r="A316" s="9" t="s">
        <v>27</v>
      </c>
      <c r="B316" s="9" t="s">
        <v>28</v>
      </c>
      <c r="C316" s="9" t="s">
        <v>29</v>
      </c>
      <c r="D316" s="9" t="s">
        <v>18</v>
      </c>
      <c r="E316" s="9" t="s">
        <v>299</v>
      </c>
      <c r="F316" s="9" t="s">
        <v>301</v>
      </c>
      <c r="G316" s="6">
        <v>1365</v>
      </c>
      <c r="H316" s="6">
        <v>18</v>
      </c>
      <c r="I316" s="6">
        <v>39</v>
      </c>
      <c r="J316" s="6">
        <v>1308</v>
      </c>
    </row>
    <row r="317" spans="1:10">
      <c r="A317" s="9" t="s">
        <v>27</v>
      </c>
      <c r="B317" s="9" t="s">
        <v>28</v>
      </c>
      <c r="C317" s="9" t="s">
        <v>29</v>
      </c>
      <c r="D317" s="9" t="s">
        <v>18</v>
      </c>
      <c r="E317" s="9" t="s">
        <v>299</v>
      </c>
      <c r="F317" s="9" t="s">
        <v>302</v>
      </c>
      <c r="G317" s="6">
        <v>358</v>
      </c>
      <c r="H317" s="6">
        <v>3</v>
      </c>
      <c r="I317" s="6">
        <v>16</v>
      </c>
      <c r="J317" s="6">
        <v>339</v>
      </c>
    </row>
    <row r="318" spans="1:10">
      <c r="A318" s="9" t="s">
        <v>27</v>
      </c>
      <c r="B318" s="9" t="s">
        <v>28</v>
      </c>
      <c r="C318" s="9" t="s">
        <v>29</v>
      </c>
      <c r="D318" s="9" t="s">
        <v>18</v>
      </c>
      <c r="E318" s="9" t="s">
        <v>299</v>
      </c>
      <c r="F318" s="9" t="s">
        <v>303</v>
      </c>
      <c r="G318" s="6">
        <v>119</v>
      </c>
      <c r="H318" s="6">
        <v>1</v>
      </c>
      <c r="I318" s="6">
        <v>4</v>
      </c>
      <c r="J318" s="6">
        <v>114</v>
      </c>
    </row>
    <row r="319" spans="1:10">
      <c r="A319" s="9" t="s">
        <v>27</v>
      </c>
      <c r="B319" s="9" t="s">
        <v>28</v>
      </c>
      <c r="C319" s="9" t="s">
        <v>29</v>
      </c>
      <c r="D319" s="9" t="s">
        <v>18</v>
      </c>
      <c r="E319" s="9" t="s">
        <v>299</v>
      </c>
      <c r="F319" s="9" t="s">
        <v>304</v>
      </c>
      <c r="G319" s="6">
        <v>45854</v>
      </c>
      <c r="H319" s="6">
        <v>2053</v>
      </c>
      <c r="I319" s="6">
        <v>802</v>
      </c>
      <c r="J319" s="6">
        <v>42999</v>
      </c>
    </row>
    <row r="320" spans="1:10">
      <c r="A320" s="9" t="s">
        <v>27</v>
      </c>
      <c r="B320" s="9" t="s">
        <v>28</v>
      </c>
      <c r="C320" s="9" t="s">
        <v>29</v>
      </c>
      <c r="D320" s="9" t="s">
        <v>18</v>
      </c>
      <c r="E320" s="9" t="s">
        <v>299</v>
      </c>
      <c r="F320" s="9" t="s">
        <v>49</v>
      </c>
      <c r="G320" s="6">
        <v>30418</v>
      </c>
      <c r="H320" s="6">
        <v>1313</v>
      </c>
      <c r="I320" s="6">
        <v>615</v>
      </c>
      <c r="J320" s="6">
        <v>28490</v>
      </c>
    </row>
    <row r="321" spans="1:10">
      <c r="A321" s="9" t="s">
        <v>27</v>
      </c>
      <c r="B321" s="9" t="s">
        <v>28</v>
      </c>
      <c r="C321" s="9" t="s">
        <v>29</v>
      </c>
      <c r="D321" s="9" t="s">
        <v>18</v>
      </c>
      <c r="E321" s="9" t="s">
        <v>300</v>
      </c>
      <c r="F321" s="9" t="s">
        <v>6</v>
      </c>
      <c r="G321" s="6">
        <v>94222</v>
      </c>
      <c r="H321" s="6">
        <v>4874</v>
      </c>
      <c r="I321" s="6">
        <v>2387</v>
      </c>
      <c r="J321" s="6">
        <v>86961</v>
      </c>
    </row>
    <row r="322" spans="1:10">
      <c r="A322" s="9" t="s">
        <v>27</v>
      </c>
      <c r="B322" s="9" t="s">
        <v>28</v>
      </c>
      <c r="C322" s="9" t="s">
        <v>29</v>
      </c>
      <c r="D322" s="9" t="s">
        <v>18</v>
      </c>
      <c r="E322" s="9" t="s">
        <v>300</v>
      </c>
      <c r="F322" s="9" t="s">
        <v>297</v>
      </c>
      <c r="G322" s="6">
        <v>3911</v>
      </c>
      <c r="H322" s="6">
        <v>180</v>
      </c>
      <c r="I322" s="6">
        <v>26</v>
      </c>
      <c r="J322" s="6">
        <v>3705</v>
      </c>
    </row>
    <row r="323" spans="1:10">
      <c r="A323" s="9" t="s">
        <v>27</v>
      </c>
      <c r="B323" s="9" t="s">
        <v>28</v>
      </c>
      <c r="C323" s="9" t="s">
        <v>29</v>
      </c>
      <c r="D323" s="9" t="s">
        <v>18</v>
      </c>
      <c r="E323" s="9" t="s">
        <v>300</v>
      </c>
      <c r="F323" s="9" t="s">
        <v>298</v>
      </c>
      <c r="G323" s="6">
        <v>6277</v>
      </c>
      <c r="H323" s="6">
        <v>521</v>
      </c>
      <c r="I323" s="6">
        <v>66</v>
      </c>
      <c r="J323" s="6">
        <v>5690</v>
      </c>
    </row>
    <row r="324" spans="1:10">
      <c r="A324" s="9" t="s">
        <v>27</v>
      </c>
      <c r="B324" s="9" t="s">
        <v>28</v>
      </c>
      <c r="C324" s="9" t="s">
        <v>29</v>
      </c>
      <c r="D324" s="9" t="s">
        <v>18</v>
      </c>
      <c r="E324" s="9" t="s">
        <v>300</v>
      </c>
      <c r="F324" s="9" t="s">
        <v>299</v>
      </c>
      <c r="G324" s="6">
        <v>29989</v>
      </c>
      <c r="H324" s="6">
        <v>2046</v>
      </c>
      <c r="I324" s="6">
        <v>705</v>
      </c>
      <c r="J324" s="6">
        <v>27238</v>
      </c>
    </row>
    <row r="325" spans="1:10">
      <c r="A325" s="9" t="s">
        <v>27</v>
      </c>
      <c r="B325" s="9" t="s">
        <v>28</v>
      </c>
      <c r="C325" s="9" t="s">
        <v>29</v>
      </c>
      <c r="D325" s="9" t="s">
        <v>18</v>
      </c>
      <c r="E325" s="9" t="s">
        <v>300</v>
      </c>
      <c r="F325" s="9" t="s">
        <v>300</v>
      </c>
      <c r="G325" s="6">
        <v>44946</v>
      </c>
      <c r="H325" s="6">
        <v>1957</v>
      </c>
      <c r="I325" s="6">
        <v>1300</v>
      </c>
      <c r="J325" s="6">
        <v>41689</v>
      </c>
    </row>
    <row r="326" spans="1:10">
      <c r="A326" s="9" t="s">
        <v>27</v>
      </c>
      <c r="B326" s="9" t="s">
        <v>28</v>
      </c>
      <c r="C326" s="9" t="s">
        <v>29</v>
      </c>
      <c r="D326" s="9" t="s">
        <v>18</v>
      </c>
      <c r="E326" s="9" t="s">
        <v>300</v>
      </c>
      <c r="F326" s="9" t="s">
        <v>301</v>
      </c>
      <c r="G326" s="6">
        <v>7170</v>
      </c>
      <c r="H326" s="6">
        <v>151</v>
      </c>
      <c r="I326" s="6">
        <v>246</v>
      </c>
      <c r="J326" s="6">
        <v>6773</v>
      </c>
    </row>
    <row r="327" spans="1:10">
      <c r="A327" s="9" t="s">
        <v>27</v>
      </c>
      <c r="B327" s="9" t="s">
        <v>28</v>
      </c>
      <c r="C327" s="9" t="s">
        <v>29</v>
      </c>
      <c r="D327" s="9" t="s">
        <v>18</v>
      </c>
      <c r="E327" s="9" t="s">
        <v>300</v>
      </c>
      <c r="F327" s="9" t="s">
        <v>302</v>
      </c>
      <c r="G327" s="6">
        <v>1519</v>
      </c>
      <c r="H327" s="6">
        <v>12</v>
      </c>
      <c r="I327" s="6">
        <v>40</v>
      </c>
      <c r="J327" s="6">
        <v>1467</v>
      </c>
    </row>
    <row r="328" spans="1:10">
      <c r="A328" s="9" t="s">
        <v>27</v>
      </c>
      <c r="B328" s="9" t="s">
        <v>28</v>
      </c>
      <c r="C328" s="9" t="s">
        <v>29</v>
      </c>
      <c r="D328" s="9" t="s">
        <v>18</v>
      </c>
      <c r="E328" s="9" t="s">
        <v>300</v>
      </c>
      <c r="F328" s="9" t="s">
        <v>303</v>
      </c>
      <c r="G328" s="6">
        <v>410</v>
      </c>
      <c r="H328" s="6">
        <v>7</v>
      </c>
      <c r="I328" s="6">
        <v>4</v>
      </c>
      <c r="J328" s="6">
        <v>399</v>
      </c>
    </row>
    <row r="329" spans="1:10">
      <c r="A329" s="9" t="s">
        <v>27</v>
      </c>
      <c r="B329" s="9" t="s">
        <v>28</v>
      </c>
      <c r="C329" s="9" t="s">
        <v>29</v>
      </c>
      <c r="D329" s="9" t="s">
        <v>18</v>
      </c>
      <c r="E329" s="9" t="s">
        <v>300</v>
      </c>
      <c r="F329" s="9" t="s">
        <v>304</v>
      </c>
      <c r="G329" s="6">
        <v>90311</v>
      </c>
      <c r="H329" s="6">
        <v>4694</v>
      </c>
      <c r="I329" s="6">
        <v>2361</v>
      </c>
      <c r="J329" s="6">
        <v>83256</v>
      </c>
    </row>
    <row r="330" spans="1:10">
      <c r="A330" s="9" t="s">
        <v>27</v>
      </c>
      <c r="B330" s="9" t="s">
        <v>28</v>
      </c>
      <c r="C330" s="9" t="s">
        <v>29</v>
      </c>
      <c r="D330" s="9" t="s">
        <v>18</v>
      </c>
      <c r="E330" s="9" t="s">
        <v>300</v>
      </c>
      <c r="F330" s="9" t="s">
        <v>49</v>
      </c>
      <c r="G330" s="6">
        <v>84034</v>
      </c>
      <c r="H330" s="6">
        <v>4173</v>
      </c>
      <c r="I330" s="6">
        <v>2295</v>
      </c>
      <c r="J330" s="6">
        <v>77566</v>
      </c>
    </row>
    <row r="331" spans="1:10">
      <c r="A331" s="9" t="s">
        <v>27</v>
      </c>
      <c r="B331" s="9" t="s">
        <v>28</v>
      </c>
      <c r="C331" s="9" t="s">
        <v>29</v>
      </c>
      <c r="D331" s="9" t="s">
        <v>18</v>
      </c>
      <c r="E331" s="9" t="s">
        <v>301</v>
      </c>
      <c r="F331" s="9" t="s">
        <v>6</v>
      </c>
      <c r="G331" s="6">
        <v>118302</v>
      </c>
      <c r="H331" s="6">
        <v>4356</v>
      </c>
      <c r="I331" s="6">
        <v>3773</v>
      </c>
      <c r="J331" s="6">
        <v>110173</v>
      </c>
    </row>
    <row r="332" spans="1:10">
      <c r="A332" s="9" t="s">
        <v>27</v>
      </c>
      <c r="B332" s="9" t="s">
        <v>28</v>
      </c>
      <c r="C332" s="9" t="s">
        <v>29</v>
      </c>
      <c r="D332" s="9" t="s">
        <v>18</v>
      </c>
      <c r="E332" s="9" t="s">
        <v>301</v>
      </c>
      <c r="F332" s="9" t="s">
        <v>297</v>
      </c>
      <c r="G332" s="6">
        <v>1191</v>
      </c>
      <c r="H332" s="6">
        <v>81</v>
      </c>
      <c r="I332" s="6">
        <v>11</v>
      </c>
      <c r="J332" s="6">
        <v>1099</v>
      </c>
    </row>
    <row r="333" spans="1:10">
      <c r="A333" s="9" t="s">
        <v>27</v>
      </c>
      <c r="B333" s="9" t="s">
        <v>28</v>
      </c>
      <c r="C333" s="9" t="s">
        <v>29</v>
      </c>
      <c r="D333" s="9" t="s">
        <v>18</v>
      </c>
      <c r="E333" s="9" t="s">
        <v>301</v>
      </c>
      <c r="F333" s="9" t="s">
        <v>298</v>
      </c>
      <c r="G333" s="6">
        <v>1189</v>
      </c>
      <c r="H333" s="6">
        <v>100</v>
      </c>
      <c r="I333" s="6">
        <v>23</v>
      </c>
      <c r="J333" s="6">
        <v>1066</v>
      </c>
    </row>
    <row r="334" spans="1:10">
      <c r="A334" s="9" t="s">
        <v>27</v>
      </c>
      <c r="B334" s="9" t="s">
        <v>28</v>
      </c>
      <c r="C334" s="9" t="s">
        <v>29</v>
      </c>
      <c r="D334" s="9" t="s">
        <v>18</v>
      </c>
      <c r="E334" s="9" t="s">
        <v>301</v>
      </c>
      <c r="F334" s="9" t="s">
        <v>299</v>
      </c>
      <c r="G334" s="6">
        <v>7256</v>
      </c>
      <c r="H334" s="6">
        <v>626</v>
      </c>
      <c r="I334" s="6">
        <v>204</v>
      </c>
      <c r="J334" s="6">
        <v>6426</v>
      </c>
    </row>
    <row r="335" spans="1:10">
      <c r="A335" s="9" t="s">
        <v>27</v>
      </c>
      <c r="B335" s="9" t="s">
        <v>28</v>
      </c>
      <c r="C335" s="9" t="s">
        <v>29</v>
      </c>
      <c r="D335" s="9" t="s">
        <v>18</v>
      </c>
      <c r="E335" s="9" t="s">
        <v>301</v>
      </c>
      <c r="F335" s="9" t="s">
        <v>300</v>
      </c>
      <c r="G335" s="6">
        <v>50480</v>
      </c>
      <c r="H335" s="6">
        <v>2367</v>
      </c>
      <c r="I335" s="6">
        <v>1685</v>
      </c>
      <c r="J335" s="6">
        <v>46428</v>
      </c>
    </row>
    <row r="336" spans="1:10">
      <c r="A336" s="9" t="s">
        <v>27</v>
      </c>
      <c r="B336" s="9" t="s">
        <v>28</v>
      </c>
      <c r="C336" s="9" t="s">
        <v>29</v>
      </c>
      <c r="D336" s="9" t="s">
        <v>18</v>
      </c>
      <c r="E336" s="9" t="s">
        <v>301</v>
      </c>
      <c r="F336" s="9" t="s">
        <v>301</v>
      </c>
      <c r="G336" s="6">
        <v>49422</v>
      </c>
      <c r="H336" s="6">
        <v>1103</v>
      </c>
      <c r="I336" s="6">
        <v>1621</v>
      </c>
      <c r="J336" s="6">
        <v>46698</v>
      </c>
    </row>
    <row r="337" spans="1:10">
      <c r="A337" s="9" t="s">
        <v>27</v>
      </c>
      <c r="B337" s="9" t="s">
        <v>28</v>
      </c>
      <c r="C337" s="9" t="s">
        <v>29</v>
      </c>
      <c r="D337" s="9" t="s">
        <v>18</v>
      </c>
      <c r="E337" s="9" t="s">
        <v>301</v>
      </c>
      <c r="F337" s="9" t="s">
        <v>302</v>
      </c>
      <c r="G337" s="6">
        <v>7406</v>
      </c>
      <c r="H337" s="6">
        <v>68</v>
      </c>
      <c r="I337" s="6">
        <v>209</v>
      </c>
      <c r="J337" s="6">
        <v>7129</v>
      </c>
    </row>
    <row r="338" spans="1:10">
      <c r="A338" s="9" t="s">
        <v>27</v>
      </c>
      <c r="B338" s="9" t="s">
        <v>28</v>
      </c>
      <c r="C338" s="9" t="s">
        <v>29</v>
      </c>
      <c r="D338" s="9" t="s">
        <v>18</v>
      </c>
      <c r="E338" s="9" t="s">
        <v>301</v>
      </c>
      <c r="F338" s="9" t="s">
        <v>303</v>
      </c>
      <c r="G338" s="6">
        <v>1358</v>
      </c>
      <c r="H338" s="6">
        <v>11</v>
      </c>
      <c r="I338" s="6">
        <v>20</v>
      </c>
      <c r="J338" s="6">
        <v>1327</v>
      </c>
    </row>
    <row r="339" spans="1:10">
      <c r="A339" s="9" t="s">
        <v>27</v>
      </c>
      <c r="B339" s="9" t="s">
        <v>28</v>
      </c>
      <c r="C339" s="9" t="s">
        <v>29</v>
      </c>
      <c r="D339" s="9" t="s">
        <v>18</v>
      </c>
      <c r="E339" s="9" t="s">
        <v>301</v>
      </c>
      <c r="F339" s="9" t="s">
        <v>304</v>
      </c>
      <c r="G339" s="6">
        <v>117111</v>
      </c>
      <c r="H339" s="6">
        <v>4275</v>
      </c>
      <c r="I339" s="6">
        <v>3762</v>
      </c>
      <c r="J339" s="6">
        <v>109074</v>
      </c>
    </row>
    <row r="340" spans="1:10">
      <c r="A340" s="9" t="s">
        <v>27</v>
      </c>
      <c r="B340" s="9" t="s">
        <v>28</v>
      </c>
      <c r="C340" s="9" t="s">
        <v>29</v>
      </c>
      <c r="D340" s="9" t="s">
        <v>18</v>
      </c>
      <c r="E340" s="9" t="s">
        <v>301</v>
      </c>
      <c r="F340" s="9" t="s">
        <v>49</v>
      </c>
      <c r="G340" s="6">
        <v>115922</v>
      </c>
      <c r="H340" s="6">
        <v>4175</v>
      </c>
      <c r="I340" s="6">
        <v>3739</v>
      </c>
      <c r="J340" s="6">
        <v>108008</v>
      </c>
    </row>
    <row r="341" spans="1:10">
      <c r="A341" s="9" t="s">
        <v>27</v>
      </c>
      <c r="B341" s="9" t="s">
        <v>28</v>
      </c>
      <c r="C341" s="9" t="s">
        <v>29</v>
      </c>
      <c r="D341" s="9" t="s">
        <v>18</v>
      </c>
      <c r="E341" s="9" t="s">
        <v>302</v>
      </c>
      <c r="F341" s="9" t="s">
        <v>6</v>
      </c>
      <c r="G341" s="6">
        <v>110490</v>
      </c>
      <c r="H341" s="6">
        <v>2190</v>
      </c>
      <c r="I341" s="6">
        <v>3463</v>
      </c>
      <c r="J341" s="6">
        <v>104837</v>
      </c>
    </row>
    <row r="342" spans="1:10">
      <c r="A342" s="9" t="s">
        <v>27</v>
      </c>
      <c r="B342" s="9" t="s">
        <v>28</v>
      </c>
      <c r="C342" s="9" t="s">
        <v>29</v>
      </c>
      <c r="D342" s="9" t="s">
        <v>18</v>
      </c>
      <c r="E342" s="9" t="s">
        <v>302</v>
      </c>
      <c r="F342" s="9" t="s">
        <v>297</v>
      </c>
      <c r="G342" s="6">
        <v>312</v>
      </c>
      <c r="H342" s="6">
        <v>20</v>
      </c>
      <c r="I342" s="6">
        <v>10</v>
      </c>
      <c r="J342" s="6">
        <v>282</v>
      </c>
    </row>
    <row r="343" spans="1:10">
      <c r="A343" s="9" t="s">
        <v>27</v>
      </c>
      <c r="B343" s="9" t="s">
        <v>28</v>
      </c>
      <c r="C343" s="9" t="s">
        <v>29</v>
      </c>
      <c r="D343" s="9" t="s">
        <v>18</v>
      </c>
      <c r="E343" s="9" t="s">
        <v>302</v>
      </c>
      <c r="F343" s="9" t="s">
        <v>298</v>
      </c>
      <c r="G343" s="6">
        <v>328</v>
      </c>
      <c r="H343" s="6">
        <v>29</v>
      </c>
      <c r="I343" s="6">
        <v>6</v>
      </c>
      <c r="J343" s="6">
        <v>293</v>
      </c>
    </row>
    <row r="344" spans="1:10">
      <c r="A344" s="9" t="s">
        <v>27</v>
      </c>
      <c r="B344" s="9" t="s">
        <v>28</v>
      </c>
      <c r="C344" s="9" t="s">
        <v>29</v>
      </c>
      <c r="D344" s="9" t="s">
        <v>18</v>
      </c>
      <c r="E344" s="9" t="s">
        <v>302</v>
      </c>
      <c r="F344" s="9" t="s">
        <v>299</v>
      </c>
      <c r="G344" s="6">
        <v>1122</v>
      </c>
      <c r="H344" s="6">
        <v>94</v>
      </c>
      <c r="I344" s="6">
        <v>21</v>
      </c>
      <c r="J344" s="6">
        <v>1007</v>
      </c>
    </row>
    <row r="345" spans="1:10">
      <c r="A345" s="9" t="s">
        <v>27</v>
      </c>
      <c r="B345" s="9" t="s">
        <v>28</v>
      </c>
      <c r="C345" s="9" t="s">
        <v>29</v>
      </c>
      <c r="D345" s="9" t="s">
        <v>18</v>
      </c>
      <c r="E345" s="9" t="s">
        <v>302</v>
      </c>
      <c r="F345" s="9" t="s">
        <v>300</v>
      </c>
      <c r="G345" s="6">
        <v>9866</v>
      </c>
      <c r="H345" s="6">
        <v>501</v>
      </c>
      <c r="I345" s="6">
        <v>310</v>
      </c>
      <c r="J345" s="6">
        <v>9055</v>
      </c>
    </row>
    <row r="346" spans="1:10">
      <c r="A346" s="9" t="s">
        <v>27</v>
      </c>
      <c r="B346" s="9" t="s">
        <v>28</v>
      </c>
      <c r="C346" s="9" t="s">
        <v>29</v>
      </c>
      <c r="D346" s="9" t="s">
        <v>18</v>
      </c>
      <c r="E346" s="9" t="s">
        <v>302</v>
      </c>
      <c r="F346" s="9" t="s">
        <v>301</v>
      </c>
      <c r="G346" s="6">
        <v>55081</v>
      </c>
      <c r="H346" s="6">
        <v>1143</v>
      </c>
      <c r="I346" s="6">
        <v>1921</v>
      </c>
      <c r="J346" s="6">
        <v>52017</v>
      </c>
    </row>
    <row r="347" spans="1:10">
      <c r="A347" s="9" t="s">
        <v>27</v>
      </c>
      <c r="B347" s="9" t="s">
        <v>28</v>
      </c>
      <c r="C347" s="9" t="s">
        <v>29</v>
      </c>
      <c r="D347" s="9" t="s">
        <v>18</v>
      </c>
      <c r="E347" s="9" t="s">
        <v>302</v>
      </c>
      <c r="F347" s="9" t="s">
        <v>302</v>
      </c>
      <c r="G347" s="6">
        <v>38950</v>
      </c>
      <c r="H347" s="6">
        <v>377</v>
      </c>
      <c r="I347" s="6">
        <v>1102</v>
      </c>
      <c r="J347" s="6">
        <v>37471</v>
      </c>
    </row>
    <row r="348" spans="1:10">
      <c r="A348" s="9" t="s">
        <v>27</v>
      </c>
      <c r="B348" s="9" t="s">
        <v>28</v>
      </c>
      <c r="C348" s="9" t="s">
        <v>29</v>
      </c>
      <c r="D348" s="9" t="s">
        <v>18</v>
      </c>
      <c r="E348" s="9" t="s">
        <v>302</v>
      </c>
      <c r="F348" s="9" t="s">
        <v>303</v>
      </c>
      <c r="G348" s="6">
        <v>4831</v>
      </c>
      <c r="H348" s="6">
        <v>26</v>
      </c>
      <c r="I348" s="6">
        <v>93</v>
      </c>
      <c r="J348" s="6">
        <v>4712</v>
      </c>
    </row>
    <row r="349" spans="1:10">
      <c r="A349" s="9" t="s">
        <v>27</v>
      </c>
      <c r="B349" s="9" t="s">
        <v>28</v>
      </c>
      <c r="C349" s="9" t="s">
        <v>29</v>
      </c>
      <c r="D349" s="9" t="s">
        <v>18</v>
      </c>
      <c r="E349" s="9" t="s">
        <v>302</v>
      </c>
      <c r="F349" s="9" t="s">
        <v>304</v>
      </c>
      <c r="G349" s="6">
        <v>110178</v>
      </c>
      <c r="H349" s="6">
        <v>2170</v>
      </c>
      <c r="I349" s="6">
        <v>3453</v>
      </c>
      <c r="J349" s="6">
        <v>104555</v>
      </c>
    </row>
    <row r="350" spans="1:10">
      <c r="A350" s="9" t="s">
        <v>27</v>
      </c>
      <c r="B350" s="9" t="s">
        <v>28</v>
      </c>
      <c r="C350" s="9" t="s">
        <v>29</v>
      </c>
      <c r="D350" s="9" t="s">
        <v>18</v>
      </c>
      <c r="E350" s="9" t="s">
        <v>302</v>
      </c>
      <c r="F350" s="9" t="s">
        <v>49</v>
      </c>
      <c r="G350" s="6">
        <v>109850</v>
      </c>
      <c r="H350" s="6">
        <v>2141</v>
      </c>
      <c r="I350" s="6">
        <v>3447</v>
      </c>
      <c r="J350" s="6">
        <v>104262</v>
      </c>
    </row>
    <row r="351" spans="1:10">
      <c r="A351" s="9" t="s">
        <v>27</v>
      </c>
      <c r="B351" s="9" t="s">
        <v>28</v>
      </c>
      <c r="C351" s="9" t="s">
        <v>29</v>
      </c>
      <c r="D351" s="9" t="s">
        <v>18</v>
      </c>
      <c r="E351" s="9" t="s">
        <v>303</v>
      </c>
      <c r="F351" s="9" t="s">
        <v>6</v>
      </c>
      <c r="G351" s="6">
        <v>80303</v>
      </c>
      <c r="H351" s="6">
        <v>766</v>
      </c>
      <c r="I351" s="6">
        <v>2480</v>
      </c>
      <c r="J351" s="6">
        <v>77057</v>
      </c>
    </row>
    <row r="352" spans="1:10">
      <c r="A352" s="9" t="s">
        <v>27</v>
      </c>
      <c r="B352" s="9" t="s">
        <v>28</v>
      </c>
      <c r="C352" s="9" t="s">
        <v>29</v>
      </c>
      <c r="D352" s="9" t="s">
        <v>18</v>
      </c>
      <c r="E352" s="9" t="s">
        <v>303</v>
      </c>
      <c r="F352" s="9" t="s">
        <v>297</v>
      </c>
      <c r="G352" s="6">
        <v>134</v>
      </c>
      <c r="H352" s="6">
        <v>4</v>
      </c>
      <c r="I352" s="6">
        <v>2</v>
      </c>
      <c r="J352" s="6">
        <v>128</v>
      </c>
    </row>
    <row r="353" spans="1:10">
      <c r="A353" s="9" t="s">
        <v>27</v>
      </c>
      <c r="B353" s="9" t="s">
        <v>28</v>
      </c>
      <c r="C353" s="9" t="s">
        <v>29</v>
      </c>
      <c r="D353" s="9" t="s">
        <v>18</v>
      </c>
      <c r="E353" s="9" t="s">
        <v>303</v>
      </c>
      <c r="F353" s="9" t="s">
        <v>298</v>
      </c>
      <c r="G353" s="6">
        <v>116</v>
      </c>
      <c r="H353" s="6">
        <v>9</v>
      </c>
      <c r="I353" s="6">
        <v>2</v>
      </c>
      <c r="J353" s="6">
        <v>105</v>
      </c>
    </row>
    <row r="354" spans="1:10">
      <c r="A354" s="9" t="s">
        <v>27</v>
      </c>
      <c r="B354" s="9" t="s">
        <v>28</v>
      </c>
      <c r="C354" s="9" t="s">
        <v>29</v>
      </c>
      <c r="D354" s="9" t="s">
        <v>18</v>
      </c>
      <c r="E354" s="9" t="s">
        <v>303</v>
      </c>
      <c r="F354" s="9" t="s">
        <v>299</v>
      </c>
      <c r="G354" s="6">
        <v>255</v>
      </c>
      <c r="H354" s="6">
        <v>18</v>
      </c>
      <c r="I354" s="6">
        <v>8</v>
      </c>
      <c r="J354" s="6">
        <v>229</v>
      </c>
    </row>
    <row r="355" spans="1:10">
      <c r="A355" s="9" t="s">
        <v>27</v>
      </c>
      <c r="B355" s="9" t="s">
        <v>28</v>
      </c>
      <c r="C355" s="9" t="s">
        <v>29</v>
      </c>
      <c r="D355" s="9" t="s">
        <v>18</v>
      </c>
      <c r="E355" s="9" t="s">
        <v>303</v>
      </c>
      <c r="F355" s="9" t="s">
        <v>300</v>
      </c>
      <c r="G355" s="6">
        <v>1237</v>
      </c>
      <c r="H355" s="6">
        <v>46</v>
      </c>
      <c r="I355" s="6">
        <v>54</v>
      </c>
      <c r="J355" s="6">
        <v>1137</v>
      </c>
    </row>
    <row r="356" spans="1:10">
      <c r="A356" s="9" t="s">
        <v>27</v>
      </c>
      <c r="B356" s="9" t="s">
        <v>28</v>
      </c>
      <c r="C356" s="9" t="s">
        <v>29</v>
      </c>
      <c r="D356" s="9" t="s">
        <v>18</v>
      </c>
      <c r="E356" s="9" t="s">
        <v>303</v>
      </c>
      <c r="F356" s="9" t="s">
        <v>301</v>
      </c>
      <c r="G356" s="6">
        <v>10134</v>
      </c>
      <c r="H356" s="6">
        <v>196</v>
      </c>
      <c r="I356" s="6">
        <v>381</v>
      </c>
      <c r="J356" s="6">
        <v>9557</v>
      </c>
    </row>
    <row r="357" spans="1:10">
      <c r="A357" s="9" t="s">
        <v>27</v>
      </c>
      <c r="B357" s="9" t="s">
        <v>28</v>
      </c>
      <c r="C357" s="9" t="s">
        <v>29</v>
      </c>
      <c r="D357" s="9" t="s">
        <v>18</v>
      </c>
      <c r="E357" s="9" t="s">
        <v>303</v>
      </c>
      <c r="F357" s="9" t="s">
        <v>302</v>
      </c>
      <c r="G357" s="6">
        <v>36871</v>
      </c>
      <c r="H357" s="6">
        <v>334</v>
      </c>
      <c r="I357" s="6">
        <v>1226</v>
      </c>
      <c r="J357" s="6">
        <v>35311</v>
      </c>
    </row>
    <row r="358" spans="1:10">
      <c r="A358" s="9" t="s">
        <v>27</v>
      </c>
      <c r="B358" s="9" t="s">
        <v>28</v>
      </c>
      <c r="C358" s="9" t="s">
        <v>29</v>
      </c>
      <c r="D358" s="9" t="s">
        <v>18</v>
      </c>
      <c r="E358" s="9" t="s">
        <v>303</v>
      </c>
      <c r="F358" s="9" t="s">
        <v>303</v>
      </c>
      <c r="G358" s="6">
        <v>31556</v>
      </c>
      <c r="H358" s="6">
        <v>159</v>
      </c>
      <c r="I358" s="6">
        <v>807</v>
      </c>
      <c r="J358" s="6">
        <v>30590</v>
      </c>
    </row>
    <row r="359" spans="1:10">
      <c r="A359" s="9" t="s">
        <v>27</v>
      </c>
      <c r="B359" s="9" t="s">
        <v>28</v>
      </c>
      <c r="C359" s="9" t="s">
        <v>29</v>
      </c>
      <c r="D359" s="9" t="s">
        <v>18</v>
      </c>
      <c r="E359" s="9" t="s">
        <v>303</v>
      </c>
      <c r="F359" s="9" t="s">
        <v>304</v>
      </c>
      <c r="G359" s="6">
        <v>80169</v>
      </c>
      <c r="H359" s="6">
        <v>762</v>
      </c>
      <c r="I359" s="6">
        <v>2478</v>
      </c>
      <c r="J359" s="6">
        <v>76929</v>
      </c>
    </row>
    <row r="360" spans="1:10">
      <c r="A360" s="9" t="s">
        <v>27</v>
      </c>
      <c r="B360" s="9" t="s">
        <v>28</v>
      </c>
      <c r="C360" s="9" t="s">
        <v>29</v>
      </c>
      <c r="D360" s="9" t="s">
        <v>18</v>
      </c>
      <c r="E360" s="9" t="s">
        <v>303</v>
      </c>
      <c r="F360" s="9" t="s">
        <v>49</v>
      </c>
      <c r="G360" s="6">
        <v>80053</v>
      </c>
      <c r="H360" s="6">
        <v>753</v>
      </c>
      <c r="I360" s="6">
        <v>2476</v>
      </c>
      <c r="J360" s="6">
        <v>76824</v>
      </c>
    </row>
    <row r="361" spans="1:10">
      <c r="A361" s="9" t="s">
        <v>27</v>
      </c>
      <c r="B361" s="9" t="s">
        <v>28</v>
      </c>
      <c r="C361" s="9" t="s">
        <v>29</v>
      </c>
      <c r="D361" s="9" t="s">
        <v>18</v>
      </c>
      <c r="E361" s="9" t="s">
        <v>305</v>
      </c>
      <c r="F361" s="9" t="s">
        <v>6</v>
      </c>
      <c r="G361" s="6">
        <v>457303</v>
      </c>
      <c r="H361" s="6">
        <v>14462</v>
      </c>
      <c r="I361" s="6">
        <v>12944</v>
      </c>
      <c r="J361" s="6">
        <v>429897</v>
      </c>
    </row>
    <row r="362" spans="1:10">
      <c r="A362" s="9" t="s">
        <v>27</v>
      </c>
      <c r="B362" s="9" t="s">
        <v>28</v>
      </c>
      <c r="C362" s="9" t="s">
        <v>29</v>
      </c>
      <c r="D362" s="9" t="s">
        <v>18</v>
      </c>
      <c r="E362" s="9" t="s">
        <v>305</v>
      </c>
      <c r="F362" s="9" t="s">
        <v>297</v>
      </c>
      <c r="G362" s="6">
        <v>13680</v>
      </c>
      <c r="H362" s="6">
        <v>508</v>
      </c>
      <c r="I362" s="6">
        <v>88</v>
      </c>
      <c r="J362" s="6">
        <v>13084</v>
      </c>
    </row>
    <row r="363" spans="1:10">
      <c r="A363" s="9" t="s">
        <v>27</v>
      </c>
      <c r="B363" s="9" t="s">
        <v>28</v>
      </c>
      <c r="C363" s="9" t="s">
        <v>29</v>
      </c>
      <c r="D363" s="9" t="s">
        <v>18</v>
      </c>
      <c r="E363" s="9" t="s">
        <v>305</v>
      </c>
      <c r="F363" s="9" t="s">
        <v>298</v>
      </c>
      <c r="G363" s="6">
        <v>23346</v>
      </c>
      <c r="H363" s="6">
        <v>1399</v>
      </c>
      <c r="I363" s="6">
        <v>284</v>
      </c>
      <c r="J363" s="6">
        <v>21663</v>
      </c>
    </row>
    <row r="364" spans="1:10">
      <c r="A364" s="9" t="s">
        <v>27</v>
      </c>
      <c r="B364" s="9" t="s">
        <v>28</v>
      </c>
      <c r="C364" s="9" t="s">
        <v>29</v>
      </c>
      <c r="D364" s="9" t="s">
        <v>18</v>
      </c>
      <c r="E364" s="9" t="s">
        <v>305</v>
      </c>
      <c r="F364" s="9" t="s">
        <v>299</v>
      </c>
      <c r="G364" s="6">
        <v>60830</v>
      </c>
      <c r="H364" s="6">
        <v>3854</v>
      </c>
      <c r="I364" s="6">
        <v>1351</v>
      </c>
      <c r="J364" s="6">
        <v>55625</v>
      </c>
    </row>
    <row r="365" spans="1:10">
      <c r="A365" s="9" t="s">
        <v>27</v>
      </c>
      <c r="B365" s="9" t="s">
        <v>28</v>
      </c>
      <c r="C365" s="9" t="s">
        <v>29</v>
      </c>
      <c r="D365" s="9" t="s">
        <v>18</v>
      </c>
      <c r="E365" s="9" t="s">
        <v>305</v>
      </c>
      <c r="F365" s="9" t="s">
        <v>300</v>
      </c>
      <c r="G365" s="6">
        <v>112897</v>
      </c>
      <c r="H365" s="6">
        <v>5092</v>
      </c>
      <c r="I365" s="6">
        <v>3492</v>
      </c>
      <c r="J365" s="6">
        <v>104313</v>
      </c>
    </row>
    <row r="366" spans="1:10">
      <c r="A366" s="9" t="s">
        <v>27</v>
      </c>
      <c r="B366" s="9" t="s">
        <v>28</v>
      </c>
      <c r="C366" s="9" t="s">
        <v>29</v>
      </c>
      <c r="D366" s="9" t="s">
        <v>18</v>
      </c>
      <c r="E366" s="9" t="s">
        <v>305</v>
      </c>
      <c r="F366" s="9" t="s">
        <v>301</v>
      </c>
      <c r="G366" s="6">
        <v>123172</v>
      </c>
      <c r="H366" s="6">
        <v>2611</v>
      </c>
      <c r="I366" s="6">
        <v>4208</v>
      </c>
      <c r="J366" s="6">
        <v>116353</v>
      </c>
    </row>
    <row r="367" spans="1:10">
      <c r="A367" s="9" t="s">
        <v>27</v>
      </c>
      <c r="B367" s="9" t="s">
        <v>28</v>
      </c>
      <c r="C367" s="9" t="s">
        <v>29</v>
      </c>
      <c r="D367" s="9" t="s">
        <v>18</v>
      </c>
      <c r="E367" s="9" t="s">
        <v>305</v>
      </c>
      <c r="F367" s="9" t="s">
        <v>302</v>
      </c>
      <c r="G367" s="6">
        <v>85104</v>
      </c>
      <c r="H367" s="6">
        <v>794</v>
      </c>
      <c r="I367" s="6">
        <v>2593</v>
      </c>
      <c r="J367" s="6">
        <v>81717</v>
      </c>
    </row>
    <row r="368" spans="1:10">
      <c r="A368" s="9" t="s">
        <v>27</v>
      </c>
      <c r="B368" s="9" t="s">
        <v>28</v>
      </c>
      <c r="C368" s="9" t="s">
        <v>29</v>
      </c>
      <c r="D368" s="9" t="s">
        <v>18</v>
      </c>
      <c r="E368" s="9" t="s">
        <v>305</v>
      </c>
      <c r="F368" s="9" t="s">
        <v>303</v>
      </c>
      <c r="G368" s="6">
        <v>38274</v>
      </c>
      <c r="H368" s="6">
        <v>204</v>
      </c>
      <c r="I368" s="6">
        <v>928</v>
      </c>
      <c r="J368" s="6">
        <v>37142</v>
      </c>
    </row>
    <row r="369" spans="1:10">
      <c r="A369" s="9" t="s">
        <v>27</v>
      </c>
      <c r="B369" s="9" t="s">
        <v>28</v>
      </c>
      <c r="C369" s="9" t="s">
        <v>29</v>
      </c>
      <c r="D369" s="9" t="s">
        <v>18</v>
      </c>
      <c r="E369" s="9" t="s">
        <v>305</v>
      </c>
      <c r="F369" s="9" t="s">
        <v>304</v>
      </c>
      <c r="G369" s="6">
        <v>443623</v>
      </c>
      <c r="H369" s="6">
        <v>13954</v>
      </c>
      <c r="I369" s="6">
        <v>12856</v>
      </c>
      <c r="J369" s="6">
        <v>416813</v>
      </c>
    </row>
    <row r="370" spans="1:10">
      <c r="A370" s="9" t="s">
        <v>27</v>
      </c>
      <c r="B370" s="9" t="s">
        <v>28</v>
      </c>
      <c r="C370" s="9" t="s">
        <v>29</v>
      </c>
      <c r="D370" s="9" t="s">
        <v>18</v>
      </c>
      <c r="E370" s="9" t="s">
        <v>305</v>
      </c>
      <c r="F370" s="9" t="s">
        <v>49</v>
      </c>
      <c r="G370" s="6">
        <v>420277</v>
      </c>
      <c r="H370" s="6">
        <v>12555</v>
      </c>
      <c r="I370" s="6">
        <v>12572</v>
      </c>
      <c r="J370" s="6">
        <v>395150</v>
      </c>
    </row>
    <row r="371" spans="1:10">
      <c r="A371" s="9" t="s">
        <v>27</v>
      </c>
      <c r="B371" s="9" t="s">
        <v>57</v>
      </c>
      <c r="C371" s="9" t="s">
        <v>58</v>
      </c>
      <c r="D371" s="9" t="s">
        <v>6</v>
      </c>
      <c r="E371" s="9" t="s">
        <v>6</v>
      </c>
      <c r="F371" s="9" t="s">
        <v>6</v>
      </c>
      <c r="G371" s="6">
        <v>149328</v>
      </c>
      <c r="H371" s="6">
        <v>63568</v>
      </c>
      <c r="I371" s="6">
        <v>78657</v>
      </c>
      <c r="J371" s="6">
        <v>7103</v>
      </c>
    </row>
    <row r="372" spans="1:10">
      <c r="A372" s="9" t="s">
        <v>27</v>
      </c>
      <c r="B372" s="9" t="s">
        <v>57</v>
      </c>
      <c r="C372" s="9" t="s">
        <v>58</v>
      </c>
      <c r="D372" s="9" t="s">
        <v>6</v>
      </c>
      <c r="E372" s="9" t="s">
        <v>6</v>
      </c>
      <c r="F372" s="9" t="s">
        <v>297</v>
      </c>
      <c r="G372" s="6">
        <v>43478</v>
      </c>
      <c r="H372" s="6">
        <v>31429</v>
      </c>
      <c r="I372" s="6">
        <v>9586</v>
      </c>
      <c r="J372" s="6">
        <v>2463</v>
      </c>
    </row>
    <row r="373" spans="1:10">
      <c r="A373" s="9" t="s">
        <v>27</v>
      </c>
      <c r="B373" s="9" t="s">
        <v>57</v>
      </c>
      <c r="C373" s="9" t="s">
        <v>58</v>
      </c>
      <c r="D373" s="9" t="s">
        <v>6</v>
      </c>
      <c r="E373" s="9" t="s">
        <v>6</v>
      </c>
      <c r="F373" s="9" t="s">
        <v>298</v>
      </c>
      <c r="G373" s="6">
        <v>20551</v>
      </c>
      <c r="H373" s="6">
        <v>11957</v>
      </c>
      <c r="I373" s="6">
        <v>8248</v>
      </c>
      <c r="J373" s="6">
        <v>346</v>
      </c>
    </row>
    <row r="374" spans="1:10">
      <c r="A374" s="9" t="s">
        <v>27</v>
      </c>
      <c r="B374" s="9" t="s">
        <v>57</v>
      </c>
      <c r="C374" s="9" t="s">
        <v>58</v>
      </c>
      <c r="D374" s="9" t="s">
        <v>6</v>
      </c>
      <c r="E374" s="9" t="s">
        <v>6</v>
      </c>
      <c r="F374" s="9" t="s">
        <v>299</v>
      </c>
      <c r="G374" s="6">
        <v>26395</v>
      </c>
      <c r="H374" s="6">
        <v>10251</v>
      </c>
      <c r="I374" s="6">
        <v>15466</v>
      </c>
      <c r="J374" s="6">
        <v>678</v>
      </c>
    </row>
    <row r="375" spans="1:10">
      <c r="A375" s="9" t="s">
        <v>27</v>
      </c>
      <c r="B375" s="9" t="s">
        <v>57</v>
      </c>
      <c r="C375" s="9" t="s">
        <v>58</v>
      </c>
      <c r="D375" s="9" t="s">
        <v>6</v>
      </c>
      <c r="E375" s="9" t="s">
        <v>6</v>
      </c>
      <c r="F375" s="9" t="s">
        <v>300</v>
      </c>
      <c r="G375" s="6">
        <v>26162</v>
      </c>
      <c r="H375" s="6">
        <v>6532</v>
      </c>
      <c r="I375" s="6">
        <v>18463</v>
      </c>
      <c r="J375" s="6">
        <v>1167</v>
      </c>
    </row>
    <row r="376" spans="1:10">
      <c r="A376" s="9" t="s">
        <v>27</v>
      </c>
      <c r="B376" s="9" t="s">
        <v>57</v>
      </c>
      <c r="C376" s="9" t="s">
        <v>58</v>
      </c>
      <c r="D376" s="9" t="s">
        <v>6</v>
      </c>
      <c r="E376" s="9" t="s">
        <v>6</v>
      </c>
      <c r="F376" s="9" t="s">
        <v>301</v>
      </c>
      <c r="G376" s="6">
        <v>17108</v>
      </c>
      <c r="H376" s="6">
        <v>2345</v>
      </c>
      <c r="I376" s="6">
        <v>13576</v>
      </c>
      <c r="J376" s="6">
        <v>1187</v>
      </c>
    </row>
    <row r="377" spans="1:10">
      <c r="A377" s="9" t="s">
        <v>27</v>
      </c>
      <c r="B377" s="9" t="s">
        <v>57</v>
      </c>
      <c r="C377" s="9" t="s">
        <v>58</v>
      </c>
      <c r="D377" s="9" t="s">
        <v>6</v>
      </c>
      <c r="E377" s="9" t="s">
        <v>6</v>
      </c>
      <c r="F377" s="9" t="s">
        <v>302</v>
      </c>
      <c r="G377" s="6">
        <v>10627</v>
      </c>
      <c r="H377" s="6">
        <v>860</v>
      </c>
      <c r="I377" s="6">
        <v>8913</v>
      </c>
      <c r="J377" s="6">
        <v>854</v>
      </c>
    </row>
    <row r="378" spans="1:10">
      <c r="A378" s="9" t="s">
        <v>27</v>
      </c>
      <c r="B378" s="9" t="s">
        <v>57</v>
      </c>
      <c r="C378" s="9" t="s">
        <v>58</v>
      </c>
      <c r="D378" s="9" t="s">
        <v>6</v>
      </c>
      <c r="E378" s="9" t="s">
        <v>6</v>
      </c>
      <c r="F378" s="9" t="s">
        <v>303</v>
      </c>
      <c r="G378" s="6">
        <v>5007</v>
      </c>
      <c r="H378" s="6">
        <v>194</v>
      </c>
      <c r="I378" s="6">
        <v>4405</v>
      </c>
      <c r="J378" s="6">
        <v>408</v>
      </c>
    </row>
    <row r="379" spans="1:10">
      <c r="A379" s="9" t="s">
        <v>27</v>
      </c>
      <c r="B379" s="9" t="s">
        <v>57</v>
      </c>
      <c r="C379" s="9" t="s">
        <v>58</v>
      </c>
      <c r="D379" s="9" t="s">
        <v>6</v>
      </c>
      <c r="E379" s="9" t="s">
        <v>6</v>
      </c>
      <c r="F379" s="9" t="s">
        <v>304</v>
      </c>
      <c r="G379" s="6">
        <v>105850</v>
      </c>
      <c r="H379" s="6">
        <v>32139</v>
      </c>
      <c r="I379" s="6">
        <v>69071</v>
      </c>
      <c r="J379" s="6">
        <v>4640</v>
      </c>
    </row>
    <row r="380" spans="1:10">
      <c r="A380" s="9" t="s">
        <v>27</v>
      </c>
      <c r="B380" s="9" t="s">
        <v>57</v>
      </c>
      <c r="C380" s="9" t="s">
        <v>58</v>
      </c>
      <c r="D380" s="9" t="s">
        <v>6</v>
      </c>
      <c r="E380" s="9" t="s">
        <v>6</v>
      </c>
      <c r="F380" s="9" t="s">
        <v>49</v>
      </c>
      <c r="G380" s="6">
        <v>85299</v>
      </c>
      <c r="H380" s="6">
        <v>20182</v>
      </c>
      <c r="I380" s="6">
        <v>60823</v>
      </c>
      <c r="J380" s="6">
        <v>4294</v>
      </c>
    </row>
    <row r="381" spans="1:10">
      <c r="A381" s="9" t="s">
        <v>27</v>
      </c>
      <c r="B381" s="9" t="s">
        <v>57</v>
      </c>
      <c r="C381" s="9" t="s">
        <v>58</v>
      </c>
      <c r="D381" s="9" t="s">
        <v>6</v>
      </c>
      <c r="E381" s="9" t="s">
        <v>297</v>
      </c>
      <c r="F381" s="9" t="s">
        <v>6</v>
      </c>
      <c r="G381" s="6">
        <v>35591</v>
      </c>
      <c r="H381" s="6">
        <v>25794</v>
      </c>
      <c r="I381" s="6">
        <v>7505</v>
      </c>
      <c r="J381" s="6">
        <v>2292</v>
      </c>
    </row>
    <row r="382" spans="1:10">
      <c r="A382" s="9" t="s">
        <v>27</v>
      </c>
      <c r="B382" s="9" t="s">
        <v>57</v>
      </c>
      <c r="C382" s="9" t="s">
        <v>58</v>
      </c>
      <c r="D382" s="9" t="s">
        <v>6</v>
      </c>
      <c r="E382" s="9" t="s">
        <v>297</v>
      </c>
      <c r="F382" s="9" t="s">
        <v>297</v>
      </c>
      <c r="G382" s="6">
        <v>34128</v>
      </c>
      <c r="H382" s="6">
        <v>24955</v>
      </c>
      <c r="I382" s="6">
        <v>6928</v>
      </c>
      <c r="J382" s="6">
        <v>2245</v>
      </c>
    </row>
    <row r="383" spans="1:10">
      <c r="A383" s="9" t="s">
        <v>27</v>
      </c>
      <c r="B383" s="9" t="s">
        <v>57</v>
      </c>
      <c r="C383" s="9" t="s">
        <v>58</v>
      </c>
      <c r="D383" s="9" t="s">
        <v>6</v>
      </c>
      <c r="E383" s="9" t="s">
        <v>297</v>
      </c>
      <c r="F383" s="9" t="s">
        <v>298</v>
      </c>
      <c r="G383" s="6">
        <v>1193</v>
      </c>
      <c r="H383" s="6">
        <v>742</v>
      </c>
      <c r="I383" s="6">
        <v>421</v>
      </c>
      <c r="J383" s="6">
        <v>30</v>
      </c>
    </row>
    <row r="384" spans="1:10">
      <c r="A384" s="9" t="s">
        <v>27</v>
      </c>
      <c r="B384" s="9" t="s">
        <v>57</v>
      </c>
      <c r="C384" s="9" t="s">
        <v>58</v>
      </c>
      <c r="D384" s="9" t="s">
        <v>6</v>
      </c>
      <c r="E384" s="9" t="s">
        <v>297</v>
      </c>
      <c r="F384" s="9" t="s">
        <v>299</v>
      </c>
      <c r="G384" s="6">
        <v>208</v>
      </c>
      <c r="H384" s="6">
        <v>83</v>
      </c>
      <c r="I384" s="6">
        <v>114</v>
      </c>
      <c r="J384" s="6">
        <v>11</v>
      </c>
    </row>
    <row r="385" spans="1:10">
      <c r="A385" s="9" t="s">
        <v>27</v>
      </c>
      <c r="B385" s="9" t="s">
        <v>57</v>
      </c>
      <c r="C385" s="9" t="s">
        <v>58</v>
      </c>
      <c r="D385" s="9" t="s">
        <v>6</v>
      </c>
      <c r="E385" s="9" t="s">
        <v>297</v>
      </c>
      <c r="F385" s="9" t="s">
        <v>300</v>
      </c>
      <c r="G385" s="6">
        <v>52</v>
      </c>
      <c r="H385" s="6">
        <v>12</v>
      </c>
      <c r="I385" s="6">
        <v>35</v>
      </c>
      <c r="J385" s="6">
        <v>5</v>
      </c>
    </row>
    <row r="386" spans="1:10">
      <c r="A386" s="9" t="s">
        <v>27</v>
      </c>
      <c r="B386" s="9" t="s">
        <v>57</v>
      </c>
      <c r="C386" s="9" t="s">
        <v>58</v>
      </c>
      <c r="D386" s="9" t="s">
        <v>6</v>
      </c>
      <c r="E386" s="9" t="s">
        <v>297</v>
      </c>
      <c r="F386" s="9" t="s">
        <v>301</v>
      </c>
      <c r="G386" s="6">
        <v>8</v>
      </c>
      <c r="H386" s="6">
        <v>2</v>
      </c>
      <c r="I386" s="6">
        <v>5</v>
      </c>
      <c r="J386" s="6">
        <v>1</v>
      </c>
    </row>
    <row r="387" spans="1:10">
      <c r="A387" s="9" t="s">
        <v>27</v>
      </c>
      <c r="B387" s="9" t="s">
        <v>57</v>
      </c>
      <c r="C387" s="9" t="s">
        <v>58</v>
      </c>
      <c r="D387" s="9" t="s">
        <v>6</v>
      </c>
      <c r="E387" s="9" t="s">
        <v>297</v>
      </c>
      <c r="F387" s="9" t="s">
        <v>302</v>
      </c>
      <c r="G387" s="6">
        <v>2</v>
      </c>
      <c r="H387" s="10" t="s">
        <v>55</v>
      </c>
      <c r="I387" s="6">
        <v>2</v>
      </c>
      <c r="J387" s="10" t="s">
        <v>55</v>
      </c>
    </row>
    <row r="388" spans="1:10">
      <c r="A388" s="9" t="s">
        <v>27</v>
      </c>
      <c r="B388" s="9" t="s">
        <v>57</v>
      </c>
      <c r="C388" s="9" t="s">
        <v>58</v>
      </c>
      <c r="D388" s="9" t="s">
        <v>6</v>
      </c>
      <c r="E388" s="9" t="s">
        <v>297</v>
      </c>
      <c r="F388" s="9" t="s">
        <v>303</v>
      </c>
      <c r="G388" s="10" t="s">
        <v>55</v>
      </c>
      <c r="H388" s="10" t="s">
        <v>55</v>
      </c>
      <c r="I388" s="10" t="s">
        <v>55</v>
      </c>
      <c r="J388" s="10" t="s">
        <v>55</v>
      </c>
    </row>
    <row r="389" spans="1:10">
      <c r="A389" s="9" t="s">
        <v>27</v>
      </c>
      <c r="B389" s="9" t="s">
        <v>57</v>
      </c>
      <c r="C389" s="9" t="s">
        <v>58</v>
      </c>
      <c r="D389" s="9" t="s">
        <v>6</v>
      </c>
      <c r="E389" s="9" t="s">
        <v>297</v>
      </c>
      <c r="F389" s="9" t="s">
        <v>304</v>
      </c>
      <c r="G389" s="6">
        <v>1463</v>
      </c>
      <c r="H389" s="6">
        <v>839</v>
      </c>
      <c r="I389" s="6">
        <v>577</v>
      </c>
      <c r="J389" s="6">
        <v>47</v>
      </c>
    </row>
    <row r="390" spans="1:10">
      <c r="A390" s="9" t="s">
        <v>27</v>
      </c>
      <c r="B390" s="9" t="s">
        <v>57</v>
      </c>
      <c r="C390" s="9" t="s">
        <v>58</v>
      </c>
      <c r="D390" s="9" t="s">
        <v>6</v>
      </c>
      <c r="E390" s="9" t="s">
        <v>297</v>
      </c>
      <c r="F390" s="9" t="s">
        <v>49</v>
      </c>
      <c r="G390" s="6">
        <v>270</v>
      </c>
      <c r="H390" s="6">
        <v>97</v>
      </c>
      <c r="I390" s="6">
        <v>156</v>
      </c>
      <c r="J390" s="6">
        <v>17</v>
      </c>
    </row>
    <row r="391" spans="1:10">
      <c r="A391" s="9" t="s">
        <v>27</v>
      </c>
      <c r="B391" s="9" t="s">
        <v>57</v>
      </c>
      <c r="C391" s="9" t="s">
        <v>58</v>
      </c>
      <c r="D391" s="9" t="s">
        <v>6</v>
      </c>
      <c r="E391" s="9" t="s">
        <v>298</v>
      </c>
      <c r="F391" s="9" t="s">
        <v>6</v>
      </c>
      <c r="G391" s="6">
        <v>16842</v>
      </c>
      <c r="H391" s="6">
        <v>10494</v>
      </c>
      <c r="I391" s="6">
        <v>6001</v>
      </c>
      <c r="J391" s="6">
        <v>347</v>
      </c>
    </row>
    <row r="392" spans="1:10">
      <c r="A392" s="9" t="s">
        <v>27</v>
      </c>
      <c r="B392" s="9" t="s">
        <v>57</v>
      </c>
      <c r="C392" s="9" t="s">
        <v>58</v>
      </c>
      <c r="D392" s="9" t="s">
        <v>6</v>
      </c>
      <c r="E392" s="9" t="s">
        <v>298</v>
      </c>
      <c r="F392" s="9" t="s">
        <v>297</v>
      </c>
      <c r="G392" s="6">
        <v>6630</v>
      </c>
      <c r="H392" s="6">
        <v>4621</v>
      </c>
      <c r="I392" s="6">
        <v>1861</v>
      </c>
      <c r="J392" s="6">
        <v>148</v>
      </c>
    </row>
    <row r="393" spans="1:10">
      <c r="A393" s="9" t="s">
        <v>27</v>
      </c>
      <c r="B393" s="9" t="s">
        <v>57</v>
      </c>
      <c r="C393" s="9" t="s">
        <v>58</v>
      </c>
      <c r="D393" s="9" t="s">
        <v>6</v>
      </c>
      <c r="E393" s="9" t="s">
        <v>298</v>
      </c>
      <c r="F393" s="9" t="s">
        <v>298</v>
      </c>
      <c r="G393" s="6">
        <v>8554</v>
      </c>
      <c r="H393" s="6">
        <v>5206</v>
      </c>
      <c r="I393" s="6">
        <v>3208</v>
      </c>
      <c r="J393" s="6">
        <v>140</v>
      </c>
    </row>
    <row r="394" spans="1:10">
      <c r="A394" s="9" t="s">
        <v>27</v>
      </c>
      <c r="B394" s="9" t="s">
        <v>57</v>
      </c>
      <c r="C394" s="9" t="s">
        <v>58</v>
      </c>
      <c r="D394" s="9" t="s">
        <v>6</v>
      </c>
      <c r="E394" s="9" t="s">
        <v>298</v>
      </c>
      <c r="F394" s="9" t="s">
        <v>299</v>
      </c>
      <c r="G394" s="6">
        <v>1411</v>
      </c>
      <c r="H394" s="6">
        <v>602</v>
      </c>
      <c r="I394" s="6">
        <v>768</v>
      </c>
      <c r="J394" s="6">
        <v>41</v>
      </c>
    </row>
    <row r="395" spans="1:10">
      <c r="A395" s="9" t="s">
        <v>27</v>
      </c>
      <c r="B395" s="9" t="s">
        <v>57</v>
      </c>
      <c r="C395" s="9" t="s">
        <v>58</v>
      </c>
      <c r="D395" s="9" t="s">
        <v>6</v>
      </c>
      <c r="E395" s="9" t="s">
        <v>298</v>
      </c>
      <c r="F395" s="9" t="s">
        <v>300</v>
      </c>
      <c r="G395" s="6">
        <v>211</v>
      </c>
      <c r="H395" s="6">
        <v>54</v>
      </c>
      <c r="I395" s="6">
        <v>142</v>
      </c>
      <c r="J395" s="6">
        <v>15</v>
      </c>
    </row>
    <row r="396" spans="1:10">
      <c r="A396" s="9" t="s">
        <v>27</v>
      </c>
      <c r="B396" s="9" t="s">
        <v>57</v>
      </c>
      <c r="C396" s="9" t="s">
        <v>58</v>
      </c>
      <c r="D396" s="9" t="s">
        <v>6</v>
      </c>
      <c r="E396" s="9" t="s">
        <v>298</v>
      </c>
      <c r="F396" s="9" t="s">
        <v>301</v>
      </c>
      <c r="G396" s="6">
        <v>26</v>
      </c>
      <c r="H396" s="6">
        <v>7</v>
      </c>
      <c r="I396" s="6">
        <v>19</v>
      </c>
      <c r="J396" s="10" t="s">
        <v>55</v>
      </c>
    </row>
    <row r="397" spans="1:10">
      <c r="A397" s="9" t="s">
        <v>27</v>
      </c>
      <c r="B397" s="9" t="s">
        <v>57</v>
      </c>
      <c r="C397" s="9" t="s">
        <v>58</v>
      </c>
      <c r="D397" s="9" t="s">
        <v>6</v>
      </c>
      <c r="E397" s="9" t="s">
        <v>298</v>
      </c>
      <c r="F397" s="9" t="s">
        <v>302</v>
      </c>
      <c r="G397" s="6">
        <v>5</v>
      </c>
      <c r="H397" s="6">
        <v>1</v>
      </c>
      <c r="I397" s="6">
        <v>1</v>
      </c>
      <c r="J397" s="6">
        <v>3</v>
      </c>
    </row>
    <row r="398" spans="1:10">
      <c r="A398" s="9" t="s">
        <v>27</v>
      </c>
      <c r="B398" s="9" t="s">
        <v>57</v>
      </c>
      <c r="C398" s="9" t="s">
        <v>58</v>
      </c>
      <c r="D398" s="9" t="s">
        <v>6</v>
      </c>
      <c r="E398" s="9" t="s">
        <v>298</v>
      </c>
      <c r="F398" s="9" t="s">
        <v>303</v>
      </c>
      <c r="G398" s="6">
        <v>5</v>
      </c>
      <c r="H398" s="6">
        <v>3</v>
      </c>
      <c r="I398" s="6">
        <v>2</v>
      </c>
      <c r="J398" s="10" t="s">
        <v>55</v>
      </c>
    </row>
    <row r="399" spans="1:10">
      <c r="A399" s="9" t="s">
        <v>27</v>
      </c>
      <c r="B399" s="9" t="s">
        <v>57</v>
      </c>
      <c r="C399" s="9" t="s">
        <v>58</v>
      </c>
      <c r="D399" s="9" t="s">
        <v>6</v>
      </c>
      <c r="E399" s="9" t="s">
        <v>298</v>
      </c>
      <c r="F399" s="9" t="s">
        <v>304</v>
      </c>
      <c r="G399" s="6">
        <v>10212</v>
      </c>
      <c r="H399" s="6">
        <v>5873</v>
      </c>
      <c r="I399" s="6">
        <v>4140</v>
      </c>
      <c r="J399" s="6">
        <v>199</v>
      </c>
    </row>
    <row r="400" spans="1:10">
      <c r="A400" s="9" t="s">
        <v>27</v>
      </c>
      <c r="B400" s="9" t="s">
        <v>57</v>
      </c>
      <c r="C400" s="9" t="s">
        <v>58</v>
      </c>
      <c r="D400" s="9" t="s">
        <v>6</v>
      </c>
      <c r="E400" s="9" t="s">
        <v>298</v>
      </c>
      <c r="F400" s="9" t="s">
        <v>49</v>
      </c>
      <c r="G400" s="6">
        <v>1658</v>
      </c>
      <c r="H400" s="6">
        <v>667</v>
      </c>
      <c r="I400" s="6">
        <v>932</v>
      </c>
      <c r="J400" s="6">
        <v>59</v>
      </c>
    </row>
    <row r="401" spans="1:10">
      <c r="A401" s="9" t="s">
        <v>27</v>
      </c>
      <c r="B401" s="9" t="s">
        <v>57</v>
      </c>
      <c r="C401" s="9" t="s">
        <v>58</v>
      </c>
      <c r="D401" s="9" t="s">
        <v>6</v>
      </c>
      <c r="E401" s="9" t="s">
        <v>299</v>
      </c>
      <c r="F401" s="9" t="s">
        <v>6</v>
      </c>
      <c r="G401" s="6">
        <v>24393</v>
      </c>
      <c r="H401" s="6">
        <v>11405</v>
      </c>
      <c r="I401" s="6">
        <v>12463</v>
      </c>
      <c r="J401" s="6">
        <v>525</v>
      </c>
    </row>
    <row r="402" spans="1:10">
      <c r="A402" s="9" t="s">
        <v>27</v>
      </c>
      <c r="B402" s="9" t="s">
        <v>57</v>
      </c>
      <c r="C402" s="9" t="s">
        <v>58</v>
      </c>
      <c r="D402" s="9" t="s">
        <v>6</v>
      </c>
      <c r="E402" s="9" t="s">
        <v>299</v>
      </c>
      <c r="F402" s="9" t="s">
        <v>297</v>
      </c>
      <c r="G402" s="6">
        <v>2063</v>
      </c>
      <c r="H402" s="6">
        <v>1426</v>
      </c>
      <c r="I402" s="6">
        <v>598</v>
      </c>
      <c r="J402" s="6">
        <v>39</v>
      </c>
    </row>
    <row r="403" spans="1:10">
      <c r="A403" s="9" t="s">
        <v>27</v>
      </c>
      <c r="B403" s="9" t="s">
        <v>57</v>
      </c>
      <c r="C403" s="9" t="s">
        <v>58</v>
      </c>
      <c r="D403" s="9" t="s">
        <v>6</v>
      </c>
      <c r="E403" s="9" t="s">
        <v>299</v>
      </c>
      <c r="F403" s="9" t="s">
        <v>298</v>
      </c>
      <c r="G403" s="6">
        <v>8540</v>
      </c>
      <c r="H403" s="6">
        <v>4755</v>
      </c>
      <c r="I403" s="6">
        <v>3654</v>
      </c>
      <c r="J403" s="6">
        <v>131</v>
      </c>
    </row>
    <row r="404" spans="1:10">
      <c r="A404" s="9" t="s">
        <v>27</v>
      </c>
      <c r="B404" s="9" t="s">
        <v>57</v>
      </c>
      <c r="C404" s="9" t="s">
        <v>58</v>
      </c>
      <c r="D404" s="9" t="s">
        <v>6</v>
      </c>
      <c r="E404" s="9" t="s">
        <v>299</v>
      </c>
      <c r="F404" s="9" t="s">
        <v>299</v>
      </c>
      <c r="G404" s="6">
        <v>11598</v>
      </c>
      <c r="H404" s="6">
        <v>4632</v>
      </c>
      <c r="I404" s="6">
        <v>6697</v>
      </c>
      <c r="J404" s="6">
        <v>269</v>
      </c>
    </row>
    <row r="405" spans="1:10">
      <c r="A405" s="9" t="s">
        <v>27</v>
      </c>
      <c r="B405" s="9" t="s">
        <v>57</v>
      </c>
      <c r="C405" s="9" t="s">
        <v>58</v>
      </c>
      <c r="D405" s="9" t="s">
        <v>6</v>
      </c>
      <c r="E405" s="9" t="s">
        <v>299</v>
      </c>
      <c r="F405" s="9" t="s">
        <v>300</v>
      </c>
      <c r="G405" s="6">
        <v>1941</v>
      </c>
      <c r="H405" s="6">
        <v>546</v>
      </c>
      <c r="I405" s="6">
        <v>1328</v>
      </c>
      <c r="J405" s="6">
        <v>67</v>
      </c>
    </row>
    <row r="406" spans="1:10">
      <c r="A406" s="9" t="s">
        <v>27</v>
      </c>
      <c r="B406" s="9" t="s">
        <v>57</v>
      </c>
      <c r="C406" s="9" t="s">
        <v>58</v>
      </c>
      <c r="D406" s="9" t="s">
        <v>6</v>
      </c>
      <c r="E406" s="9" t="s">
        <v>299</v>
      </c>
      <c r="F406" s="9" t="s">
        <v>301</v>
      </c>
      <c r="G406" s="6">
        <v>192</v>
      </c>
      <c r="H406" s="6">
        <v>40</v>
      </c>
      <c r="I406" s="6">
        <v>139</v>
      </c>
      <c r="J406" s="6">
        <v>13</v>
      </c>
    </row>
    <row r="407" spans="1:10">
      <c r="A407" s="9" t="s">
        <v>27</v>
      </c>
      <c r="B407" s="9" t="s">
        <v>57</v>
      </c>
      <c r="C407" s="9" t="s">
        <v>58</v>
      </c>
      <c r="D407" s="9" t="s">
        <v>6</v>
      </c>
      <c r="E407" s="9" t="s">
        <v>299</v>
      </c>
      <c r="F407" s="9" t="s">
        <v>302</v>
      </c>
      <c r="G407" s="6">
        <v>49</v>
      </c>
      <c r="H407" s="6">
        <v>5</v>
      </c>
      <c r="I407" s="6">
        <v>38</v>
      </c>
      <c r="J407" s="6">
        <v>6</v>
      </c>
    </row>
    <row r="408" spans="1:10">
      <c r="A408" s="9" t="s">
        <v>27</v>
      </c>
      <c r="B408" s="9" t="s">
        <v>57</v>
      </c>
      <c r="C408" s="9" t="s">
        <v>58</v>
      </c>
      <c r="D408" s="9" t="s">
        <v>6</v>
      </c>
      <c r="E408" s="9" t="s">
        <v>299</v>
      </c>
      <c r="F408" s="9" t="s">
        <v>303</v>
      </c>
      <c r="G408" s="6">
        <v>10</v>
      </c>
      <c r="H408" s="6">
        <v>1</v>
      </c>
      <c r="I408" s="6">
        <v>9</v>
      </c>
      <c r="J408" s="10" t="s">
        <v>55</v>
      </c>
    </row>
    <row r="409" spans="1:10">
      <c r="A409" s="9" t="s">
        <v>27</v>
      </c>
      <c r="B409" s="9" t="s">
        <v>57</v>
      </c>
      <c r="C409" s="9" t="s">
        <v>58</v>
      </c>
      <c r="D409" s="9" t="s">
        <v>6</v>
      </c>
      <c r="E409" s="9" t="s">
        <v>299</v>
      </c>
      <c r="F409" s="9" t="s">
        <v>304</v>
      </c>
      <c r="G409" s="6">
        <v>22330</v>
      </c>
      <c r="H409" s="6">
        <v>9979</v>
      </c>
      <c r="I409" s="6">
        <v>11865</v>
      </c>
      <c r="J409" s="6">
        <v>486</v>
      </c>
    </row>
    <row r="410" spans="1:10">
      <c r="A410" s="9" t="s">
        <v>27</v>
      </c>
      <c r="B410" s="9" t="s">
        <v>57</v>
      </c>
      <c r="C410" s="9" t="s">
        <v>58</v>
      </c>
      <c r="D410" s="9" t="s">
        <v>6</v>
      </c>
      <c r="E410" s="9" t="s">
        <v>299</v>
      </c>
      <c r="F410" s="9" t="s">
        <v>49</v>
      </c>
      <c r="G410" s="6">
        <v>13790</v>
      </c>
      <c r="H410" s="6">
        <v>5224</v>
      </c>
      <c r="I410" s="6">
        <v>8211</v>
      </c>
      <c r="J410" s="6">
        <v>355</v>
      </c>
    </row>
    <row r="411" spans="1:10">
      <c r="A411" s="9" t="s">
        <v>27</v>
      </c>
      <c r="B411" s="9" t="s">
        <v>57</v>
      </c>
      <c r="C411" s="9" t="s">
        <v>58</v>
      </c>
      <c r="D411" s="9" t="s">
        <v>6</v>
      </c>
      <c r="E411" s="9" t="s">
        <v>300</v>
      </c>
      <c r="F411" s="9" t="s">
        <v>6</v>
      </c>
      <c r="G411" s="6">
        <v>27920</v>
      </c>
      <c r="H411" s="6">
        <v>9383</v>
      </c>
      <c r="I411" s="6">
        <v>17591</v>
      </c>
      <c r="J411" s="6">
        <v>946</v>
      </c>
    </row>
    <row r="412" spans="1:10">
      <c r="A412" s="9" t="s">
        <v>27</v>
      </c>
      <c r="B412" s="9" t="s">
        <v>57</v>
      </c>
      <c r="C412" s="9" t="s">
        <v>58</v>
      </c>
      <c r="D412" s="9" t="s">
        <v>6</v>
      </c>
      <c r="E412" s="9" t="s">
        <v>300</v>
      </c>
      <c r="F412" s="9" t="s">
        <v>297</v>
      </c>
      <c r="G412" s="6">
        <v>509</v>
      </c>
      <c r="H412" s="6">
        <v>334</v>
      </c>
      <c r="I412" s="6">
        <v>155</v>
      </c>
      <c r="J412" s="6">
        <v>20</v>
      </c>
    </row>
    <row r="413" spans="1:10">
      <c r="A413" s="9" t="s">
        <v>27</v>
      </c>
      <c r="B413" s="9" t="s">
        <v>57</v>
      </c>
      <c r="C413" s="9" t="s">
        <v>58</v>
      </c>
      <c r="D413" s="9" t="s">
        <v>6</v>
      </c>
      <c r="E413" s="9" t="s">
        <v>300</v>
      </c>
      <c r="F413" s="9" t="s">
        <v>298</v>
      </c>
      <c r="G413" s="6">
        <v>1984</v>
      </c>
      <c r="H413" s="6">
        <v>1091</v>
      </c>
      <c r="I413" s="6">
        <v>855</v>
      </c>
      <c r="J413" s="6">
        <v>38</v>
      </c>
    </row>
    <row r="414" spans="1:10">
      <c r="A414" s="9" t="s">
        <v>27</v>
      </c>
      <c r="B414" s="9" t="s">
        <v>57</v>
      </c>
      <c r="C414" s="9" t="s">
        <v>58</v>
      </c>
      <c r="D414" s="9" t="s">
        <v>6</v>
      </c>
      <c r="E414" s="9" t="s">
        <v>300</v>
      </c>
      <c r="F414" s="9" t="s">
        <v>299</v>
      </c>
      <c r="G414" s="6">
        <v>11436</v>
      </c>
      <c r="H414" s="6">
        <v>4308</v>
      </c>
      <c r="I414" s="6">
        <v>6841</v>
      </c>
      <c r="J414" s="6">
        <v>287</v>
      </c>
    </row>
    <row r="415" spans="1:10">
      <c r="A415" s="9" t="s">
        <v>27</v>
      </c>
      <c r="B415" s="9" t="s">
        <v>57</v>
      </c>
      <c r="C415" s="9" t="s">
        <v>58</v>
      </c>
      <c r="D415" s="9" t="s">
        <v>6</v>
      </c>
      <c r="E415" s="9" t="s">
        <v>300</v>
      </c>
      <c r="F415" s="9" t="s">
        <v>300</v>
      </c>
      <c r="G415" s="6">
        <v>12688</v>
      </c>
      <c r="H415" s="6">
        <v>3452</v>
      </c>
      <c r="I415" s="6">
        <v>8757</v>
      </c>
      <c r="J415" s="6">
        <v>479</v>
      </c>
    </row>
    <row r="416" spans="1:10">
      <c r="A416" s="9" t="s">
        <v>27</v>
      </c>
      <c r="B416" s="9" t="s">
        <v>57</v>
      </c>
      <c r="C416" s="9" t="s">
        <v>58</v>
      </c>
      <c r="D416" s="9" t="s">
        <v>6</v>
      </c>
      <c r="E416" s="9" t="s">
        <v>300</v>
      </c>
      <c r="F416" s="9" t="s">
        <v>301</v>
      </c>
      <c r="G416" s="6">
        <v>1137</v>
      </c>
      <c r="H416" s="6">
        <v>178</v>
      </c>
      <c r="I416" s="6">
        <v>855</v>
      </c>
      <c r="J416" s="6">
        <v>104</v>
      </c>
    </row>
    <row r="417" spans="1:10">
      <c r="A417" s="9" t="s">
        <v>27</v>
      </c>
      <c r="B417" s="9" t="s">
        <v>57</v>
      </c>
      <c r="C417" s="9" t="s">
        <v>58</v>
      </c>
      <c r="D417" s="9" t="s">
        <v>6</v>
      </c>
      <c r="E417" s="9" t="s">
        <v>300</v>
      </c>
      <c r="F417" s="9" t="s">
        <v>302</v>
      </c>
      <c r="G417" s="6">
        <v>135</v>
      </c>
      <c r="H417" s="6">
        <v>17</v>
      </c>
      <c r="I417" s="6">
        <v>104</v>
      </c>
      <c r="J417" s="6">
        <v>14</v>
      </c>
    </row>
    <row r="418" spans="1:10">
      <c r="A418" s="9" t="s">
        <v>27</v>
      </c>
      <c r="B418" s="9" t="s">
        <v>57</v>
      </c>
      <c r="C418" s="9" t="s">
        <v>58</v>
      </c>
      <c r="D418" s="9" t="s">
        <v>6</v>
      </c>
      <c r="E418" s="9" t="s">
        <v>300</v>
      </c>
      <c r="F418" s="9" t="s">
        <v>303</v>
      </c>
      <c r="G418" s="6">
        <v>31</v>
      </c>
      <c r="H418" s="6">
        <v>3</v>
      </c>
      <c r="I418" s="6">
        <v>24</v>
      </c>
      <c r="J418" s="6">
        <v>4</v>
      </c>
    </row>
    <row r="419" spans="1:10">
      <c r="A419" s="9" t="s">
        <v>27</v>
      </c>
      <c r="B419" s="9" t="s">
        <v>57</v>
      </c>
      <c r="C419" s="9" t="s">
        <v>58</v>
      </c>
      <c r="D419" s="9" t="s">
        <v>6</v>
      </c>
      <c r="E419" s="9" t="s">
        <v>300</v>
      </c>
      <c r="F419" s="9" t="s">
        <v>304</v>
      </c>
      <c r="G419" s="6">
        <v>27411</v>
      </c>
      <c r="H419" s="6">
        <v>9049</v>
      </c>
      <c r="I419" s="6">
        <v>17436</v>
      </c>
      <c r="J419" s="6">
        <v>926</v>
      </c>
    </row>
    <row r="420" spans="1:10">
      <c r="A420" s="9" t="s">
        <v>27</v>
      </c>
      <c r="B420" s="9" t="s">
        <v>57</v>
      </c>
      <c r="C420" s="9" t="s">
        <v>58</v>
      </c>
      <c r="D420" s="9" t="s">
        <v>6</v>
      </c>
      <c r="E420" s="9" t="s">
        <v>300</v>
      </c>
      <c r="F420" s="9" t="s">
        <v>49</v>
      </c>
      <c r="G420" s="6">
        <v>25427</v>
      </c>
      <c r="H420" s="6">
        <v>7958</v>
      </c>
      <c r="I420" s="6">
        <v>16581</v>
      </c>
      <c r="J420" s="6">
        <v>888</v>
      </c>
    </row>
    <row r="421" spans="1:10">
      <c r="A421" s="9" t="s">
        <v>27</v>
      </c>
      <c r="B421" s="9" t="s">
        <v>57</v>
      </c>
      <c r="C421" s="9" t="s">
        <v>58</v>
      </c>
      <c r="D421" s="9" t="s">
        <v>6</v>
      </c>
      <c r="E421" s="9" t="s">
        <v>301</v>
      </c>
      <c r="F421" s="9" t="s">
        <v>6</v>
      </c>
      <c r="G421" s="6">
        <v>19495</v>
      </c>
      <c r="H421" s="6">
        <v>4051</v>
      </c>
      <c r="I421" s="6">
        <v>14360</v>
      </c>
      <c r="J421" s="6">
        <v>1084</v>
      </c>
    </row>
    <row r="422" spans="1:10">
      <c r="A422" s="9" t="s">
        <v>27</v>
      </c>
      <c r="B422" s="9" t="s">
        <v>57</v>
      </c>
      <c r="C422" s="9" t="s">
        <v>58</v>
      </c>
      <c r="D422" s="9" t="s">
        <v>6</v>
      </c>
      <c r="E422" s="9" t="s">
        <v>301</v>
      </c>
      <c r="F422" s="9" t="s">
        <v>297</v>
      </c>
      <c r="G422" s="6">
        <v>114</v>
      </c>
      <c r="H422" s="6">
        <v>73</v>
      </c>
      <c r="I422" s="6">
        <v>33</v>
      </c>
      <c r="J422" s="6">
        <v>8</v>
      </c>
    </row>
    <row r="423" spans="1:10">
      <c r="A423" s="9" t="s">
        <v>27</v>
      </c>
      <c r="B423" s="9" t="s">
        <v>57</v>
      </c>
      <c r="C423" s="9" t="s">
        <v>58</v>
      </c>
      <c r="D423" s="9" t="s">
        <v>6</v>
      </c>
      <c r="E423" s="9" t="s">
        <v>301</v>
      </c>
      <c r="F423" s="9" t="s">
        <v>298</v>
      </c>
      <c r="G423" s="6">
        <v>229</v>
      </c>
      <c r="H423" s="6">
        <v>135</v>
      </c>
      <c r="I423" s="6">
        <v>89</v>
      </c>
      <c r="J423" s="6">
        <v>5</v>
      </c>
    </row>
    <row r="424" spans="1:10">
      <c r="A424" s="9" t="s">
        <v>27</v>
      </c>
      <c r="B424" s="9" t="s">
        <v>57</v>
      </c>
      <c r="C424" s="9" t="s">
        <v>58</v>
      </c>
      <c r="D424" s="9" t="s">
        <v>6</v>
      </c>
      <c r="E424" s="9" t="s">
        <v>301</v>
      </c>
      <c r="F424" s="9" t="s">
        <v>299</v>
      </c>
      <c r="G424" s="6">
        <v>1504</v>
      </c>
      <c r="H424" s="6">
        <v>546</v>
      </c>
      <c r="I424" s="6">
        <v>897</v>
      </c>
      <c r="J424" s="6">
        <v>61</v>
      </c>
    </row>
    <row r="425" spans="1:10">
      <c r="A425" s="9" t="s">
        <v>27</v>
      </c>
      <c r="B425" s="9" t="s">
        <v>57</v>
      </c>
      <c r="C425" s="9" t="s">
        <v>58</v>
      </c>
      <c r="D425" s="9" t="s">
        <v>6</v>
      </c>
      <c r="E425" s="9" t="s">
        <v>301</v>
      </c>
      <c r="F425" s="9" t="s">
        <v>300</v>
      </c>
      <c r="G425" s="6">
        <v>9406</v>
      </c>
      <c r="H425" s="6">
        <v>2104</v>
      </c>
      <c r="I425" s="6">
        <v>6832</v>
      </c>
      <c r="J425" s="6">
        <v>470</v>
      </c>
    </row>
    <row r="426" spans="1:10">
      <c r="A426" s="9" t="s">
        <v>27</v>
      </c>
      <c r="B426" s="9" t="s">
        <v>57</v>
      </c>
      <c r="C426" s="9" t="s">
        <v>58</v>
      </c>
      <c r="D426" s="9" t="s">
        <v>6</v>
      </c>
      <c r="E426" s="9" t="s">
        <v>301</v>
      </c>
      <c r="F426" s="9" t="s">
        <v>301</v>
      </c>
      <c r="G426" s="6">
        <v>7321</v>
      </c>
      <c r="H426" s="6">
        <v>1103</v>
      </c>
      <c r="I426" s="6">
        <v>5768</v>
      </c>
      <c r="J426" s="6">
        <v>450</v>
      </c>
    </row>
    <row r="427" spans="1:10">
      <c r="A427" s="9" t="s">
        <v>27</v>
      </c>
      <c r="B427" s="9" t="s">
        <v>57</v>
      </c>
      <c r="C427" s="9" t="s">
        <v>58</v>
      </c>
      <c r="D427" s="9" t="s">
        <v>6</v>
      </c>
      <c r="E427" s="9" t="s">
        <v>301</v>
      </c>
      <c r="F427" s="9" t="s">
        <v>302</v>
      </c>
      <c r="G427" s="6">
        <v>824</v>
      </c>
      <c r="H427" s="6">
        <v>83</v>
      </c>
      <c r="I427" s="6">
        <v>667</v>
      </c>
      <c r="J427" s="6">
        <v>74</v>
      </c>
    </row>
    <row r="428" spans="1:10">
      <c r="A428" s="9" t="s">
        <v>27</v>
      </c>
      <c r="B428" s="9" t="s">
        <v>57</v>
      </c>
      <c r="C428" s="9" t="s">
        <v>58</v>
      </c>
      <c r="D428" s="9" t="s">
        <v>6</v>
      </c>
      <c r="E428" s="9" t="s">
        <v>301</v>
      </c>
      <c r="F428" s="9" t="s">
        <v>303</v>
      </c>
      <c r="G428" s="6">
        <v>97</v>
      </c>
      <c r="H428" s="6">
        <v>7</v>
      </c>
      <c r="I428" s="6">
        <v>74</v>
      </c>
      <c r="J428" s="6">
        <v>16</v>
      </c>
    </row>
    <row r="429" spans="1:10">
      <c r="A429" s="9" t="s">
        <v>27</v>
      </c>
      <c r="B429" s="9" t="s">
        <v>57</v>
      </c>
      <c r="C429" s="9" t="s">
        <v>58</v>
      </c>
      <c r="D429" s="9" t="s">
        <v>6</v>
      </c>
      <c r="E429" s="9" t="s">
        <v>301</v>
      </c>
      <c r="F429" s="9" t="s">
        <v>304</v>
      </c>
      <c r="G429" s="6">
        <v>19381</v>
      </c>
      <c r="H429" s="6">
        <v>3978</v>
      </c>
      <c r="I429" s="6">
        <v>14327</v>
      </c>
      <c r="J429" s="6">
        <v>1076</v>
      </c>
    </row>
    <row r="430" spans="1:10">
      <c r="A430" s="9" t="s">
        <v>27</v>
      </c>
      <c r="B430" s="9" t="s">
        <v>57</v>
      </c>
      <c r="C430" s="9" t="s">
        <v>58</v>
      </c>
      <c r="D430" s="9" t="s">
        <v>6</v>
      </c>
      <c r="E430" s="9" t="s">
        <v>301</v>
      </c>
      <c r="F430" s="9" t="s">
        <v>49</v>
      </c>
      <c r="G430" s="6">
        <v>19152</v>
      </c>
      <c r="H430" s="6">
        <v>3843</v>
      </c>
      <c r="I430" s="6">
        <v>14238</v>
      </c>
      <c r="J430" s="6">
        <v>1071</v>
      </c>
    </row>
    <row r="431" spans="1:10">
      <c r="A431" s="9" t="s">
        <v>27</v>
      </c>
      <c r="B431" s="9" t="s">
        <v>57</v>
      </c>
      <c r="C431" s="9" t="s">
        <v>58</v>
      </c>
      <c r="D431" s="9" t="s">
        <v>6</v>
      </c>
      <c r="E431" s="9" t="s">
        <v>302</v>
      </c>
      <c r="F431" s="9" t="s">
        <v>6</v>
      </c>
      <c r="G431" s="6">
        <v>14489</v>
      </c>
      <c r="H431" s="6">
        <v>1819</v>
      </c>
      <c r="I431" s="6">
        <v>11583</v>
      </c>
      <c r="J431" s="6">
        <v>1087</v>
      </c>
    </row>
    <row r="432" spans="1:10">
      <c r="A432" s="9" t="s">
        <v>27</v>
      </c>
      <c r="B432" s="9" t="s">
        <v>57</v>
      </c>
      <c r="C432" s="9" t="s">
        <v>58</v>
      </c>
      <c r="D432" s="9" t="s">
        <v>6</v>
      </c>
      <c r="E432" s="9" t="s">
        <v>302</v>
      </c>
      <c r="F432" s="9" t="s">
        <v>297</v>
      </c>
      <c r="G432" s="6">
        <v>30</v>
      </c>
      <c r="H432" s="6">
        <v>19</v>
      </c>
      <c r="I432" s="6">
        <v>9</v>
      </c>
      <c r="J432" s="6">
        <v>2</v>
      </c>
    </row>
    <row r="433" spans="1:10">
      <c r="A433" s="9" t="s">
        <v>27</v>
      </c>
      <c r="B433" s="9" t="s">
        <v>57</v>
      </c>
      <c r="C433" s="9" t="s">
        <v>58</v>
      </c>
      <c r="D433" s="9" t="s">
        <v>6</v>
      </c>
      <c r="E433" s="9" t="s">
        <v>302</v>
      </c>
      <c r="F433" s="9" t="s">
        <v>298</v>
      </c>
      <c r="G433" s="6">
        <v>37</v>
      </c>
      <c r="H433" s="6">
        <v>17</v>
      </c>
      <c r="I433" s="6">
        <v>18</v>
      </c>
      <c r="J433" s="6">
        <v>2</v>
      </c>
    </row>
    <row r="434" spans="1:10">
      <c r="A434" s="9" t="s">
        <v>27</v>
      </c>
      <c r="B434" s="9" t="s">
        <v>57</v>
      </c>
      <c r="C434" s="9" t="s">
        <v>58</v>
      </c>
      <c r="D434" s="9" t="s">
        <v>6</v>
      </c>
      <c r="E434" s="9" t="s">
        <v>302</v>
      </c>
      <c r="F434" s="9" t="s">
        <v>299</v>
      </c>
      <c r="G434" s="6">
        <v>195</v>
      </c>
      <c r="H434" s="6">
        <v>67</v>
      </c>
      <c r="I434" s="6">
        <v>122</v>
      </c>
      <c r="J434" s="6">
        <v>6</v>
      </c>
    </row>
    <row r="435" spans="1:10">
      <c r="A435" s="9" t="s">
        <v>27</v>
      </c>
      <c r="B435" s="9" t="s">
        <v>57</v>
      </c>
      <c r="C435" s="9" t="s">
        <v>58</v>
      </c>
      <c r="D435" s="9" t="s">
        <v>6</v>
      </c>
      <c r="E435" s="9" t="s">
        <v>302</v>
      </c>
      <c r="F435" s="9" t="s">
        <v>300</v>
      </c>
      <c r="G435" s="6">
        <v>1674</v>
      </c>
      <c r="H435" s="6">
        <v>342</v>
      </c>
      <c r="I435" s="6">
        <v>1218</v>
      </c>
      <c r="J435" s="6">
        <v>114</v>
      </c>
    </row>
    <row r="436" spans="1:10">
      <c r="A436" s="9" t="s">
        <v>27</v>
      </c>
      <c r="B436" s="9" t="s">
        <v>57</v>
      </c>
      <c r="C436" s="9" t="s">
        <v>58</v>
      </c>
      <c r="D436" s="9" t="s">
        <v>6</v>
      </c>
      <c r="E436" s="9" t="s">
        <v>302</v>
      </c>
      <c r="F436" s="9" t="s">
        <v>301</v>
      </c>
      <c r="G436" s="6">
        <v>7098</v>
      </c>
      <c r="H436" s="6">
        <v>883</v>
      </c>
      <c r="I436" s="6">
        <v>5700</v>
      </c>
      <c r="J436" s="6">
        <v>515</v>
      </c>
    </row>
    <row r="437" spans="1:10">
      <c r="A437" s="9" t="s">
        <v>27</v>
      </c>
      <c r="B437" s="9" t="s">
        <v>57</v>
      </c>
      <c r="C437" s="9" t="s">
        <v>58</v>
      </c>
      <c r="D437" s="9" t="s">
        <v>6</v>
      </c>
      <c r="E437" s="9" t="s">
        <v>302</v>
      </c>
      <c r="F437" s="9" t="s">
        <v>302</v>
      </c>
      <c r="G437" s="6">
        <v>4930</v>
      </c>
      <c r="H437" s="6">
        <v>468</v>
      </c>
      <c r="I437" s="6">
        <v>4058</v>
      </c>
      <c r="J437" s="6">
        <v>404</v>
      </c>
    </row>
    <row r="438" spans="1:10">
      <c r="A438" s="9" t="s">
        <v>27</v>
      </c>
      <c r="B438" s="9" t="s">
        <v>57</v>
      </c>
      <c r="C438" s="9" t="s">
        <v>58</v>
      </c>
      <c r="D438" s="9" t="s">
        <v>6</v>
      </c>
      <c r="E438" s="9" t="s">
        <v>302</v>
      </c>
      <c r="F438" s="9" t="s">
        <v>303</v>
      </c>
      <c r="G438" s="6">
        <v>525</v>
      </c>
      <c r="H438" s="6">
        <v>23</v>
      </c>
      <c r="I438" s="6">
        <v>458</v>
      </c>
      <c r="J438" s="6">
        <v>44</v>
      </c>
    </row>
    <row r="439" spans="1:10">
      <c r="A439" s="9" t="s">
        <v>27</v>
      </c>
      <c r="B439" s="9" t="s">
        <v>57</v>
      </c>
      <c r="C439" s="9" t="s">
        <v>58</v>
      </c>
      <c r="D439" s="9" t="s">
        <v>6</v>
      </c>
      <c r="E439" s="9" t="s">
        <v>302</v>
      </c>
      <c r="F439" s="9" t="s">
        <v>304</v>
      </c>
      <c r="G439" s="6">
        <v>14459</v>
      </c>
      <c r="H439" s="6">
        <v>1800</v>
      </c>
      <c r="I439" s="6">
        <v>11574</v>
      </c>
      <c r="J439" s="6">
        <v>1085</v>
      </c>
    </row>
    <row r="440" spans="1:10">
      <c r="A440" s="9" t="s">
        <v>27</v>
      </c>
      <c r="B440" s="9" t="s">
        <v>57</v>
      </c>
      <c r="C440" s="9" t="s">
        <v>58</v>
      </c>
      <c r="D440" s="9" t="s">
        <v>6</v>
      </c>
      <c r="E440" s="9" t="s">
        <v>302</v>
      </c>
      <c r="F440" s="9" t="s">
        <v>49</v>
      </c>
      <c r="G440" s="6">
        <v>14422</v>
      </c>
      <c r="H440" s="6">
        <v>1783</v>
      </c>
      <c r="I440" s="6">
        <v>11556</v>
      </c>
      <c r="J440" s="6">
        <v>1083</v>
      </c>
    </row>
    <row r="441" spans="1:10">
      <c r="A441" s="9" t="s">
        <v>27</v>
      </c>
      <c r="B441" s="9" t="s">
        <v>57</v>
      </c>
      <c r="C441" s="9" t="s">
        <v>58</v>
      </c>
      <c r="D441" s="9" t="s">
        <v>6</v>
      </c>
      <c r="E441" s="9" t="s">
        <v>303</v>
      </c>
      <c r="F441" s="9" t="s">
        <v>6</v>
      </c>
      <c r="G441" s="6">
        <v>10598</v>
      </c>
      <c r="H441" s="6">
        <v>622</v>
      </c>
      <c r="I441" s="6">
        <v>9154</v>
      </c>
      <c r="J441" s="6">
        <v>822</v>
      </c>
    </row>
    <row r="442" spans="1:10">
      <c r="A442" s="9" t="s">
        <v>27</v>
      </c>
      <c r="B442" s="9" t="s">
        <v>57</v>
      </c>
      <c r="C442" s="9" t="s">
        <v>58</v>
      </c>
      <c r="D442" s="9" t="s">
        <v>6</v>
      </c>
      <c r="E442" s="9" t="s">
        <v>303</v>
      </c>
      <c r="F442" s="9" t="s">
        <v>297</v>
      </c>
      <c r="G442" s="6">
        <v>4</v>
      </c>
      <c r="H442" s="6">
        <v>1</v>
      </c>
      <c r="I442" s="6">
        <v>2</v>
      </c>
      <c r="J442" s="6">
        <v>1</v>
      </c>
    </row>
    <row r="443" spans="1:10">
      <c r="A443" s="9" t="s">
        <v>27</v>
      </c>
      <c r="B443" s="9" t="s">
        <v>57</v>
      </c>
      <c r="C443" s="9" t="s">
        <v>58</v>
      </c>
      <c r="D443" s="9" t="s">
        <v>6</v>
      </c>
      <c r="E443" s="9" t="s">
        <v>303</v>
      </c>
      <c r="F443" s="9" t="s">
        <v>298</v>
      </c>
      <c r="G443" s="6">
        <v>14</v>
      </c>
      <c r="H443" s="6">
        <v>11</v>
      </c>
      <c r="I443" s="6">
        <v>3</v>
      </c>
      <c r="J443" s="10" t="s">
        <v>55</v>
      </c>
    </row>
    <row r="444" spans="1:10">
      <c r="A444" s="9" t="s">
        <v>27</v>
      </c>
      <c r="B444" s="9" t="s">
        <v>57</v>
      </c>
      <c r="C444" s="9" t="s">
        <v>58</v>
      </c>
      <c r="D444" s="9" t="s">
        <v>6</v>
      </c>
      <c r="E444" s="9" t="s">
        <v>303</v>
      </c>
      <c r="F444" s="9" t="s">
        <v>299</v>
      </c>
      <c r="G444" s="6">
        <v>43</v>
      </c>
      <c r="H444" s="6">
        <v>13</v>
      </c>
      <c r="I444" s="6">
        <v>27</v>
      </c>
      <c r="J444" s="6">
        <v>3</v>
      </c>
    </row>
    <row r="445" spans="1:10">
      <c r="A445" s="9" t="s">
        <v>27</v>
      </c>
      <c r="B445" s="9" t="s">
        <v>57</v>
      </c>
      <c r="C445" s="9" t="s">
        <v>58</v>
      </c>
      <c r="D445" s="9" t="s">
        <v>6</v>
      </c>
      <c r="E445" s="9" t="s">
        <v>303</v>
      </c>
      <c r="F445" s="9" t="s">
        <v>300</v>
      </c>
      <c r="G445" s="6">
        <v>190</v>
      </c>
      <c r="H445" s="6">
        <v>22</v>
      </c>
      <c r="I445" s="6">
        <v>151</v>
      </c>
      <c r="J445" s="6">
        <v>17</v>
      </c>
    </row>
    <row r="446" spans="1:10">
      <c r="A446" s="9" t="s">
        <v>27</v>
      </c>
      <c r="B446" s="9" t="s">
        <v>57</v>
      </c>
      <c r="C446" s="9" t="s">
        <v>58</v>
      </c>
      <c r="D446" s="9" t="s">
        <v>6</v>
      </c>
      <c r="E446" s="9" t="s">
        <v>303</v>
      </c>
      <c r="F446" s="9" t="s">
        <v>301</v>
      </c>
      <c r="G446" s="6">
        <v>1326</v>
      </c>
      <c r="H446" s="6">
        <v>132</v>
      </c>
      <c r="I446" s="6">
        <v>1090</v>
      </c>
      <c r="J446" s="6">
        <v>104</v>
      </c>
    </row>
    <row r="447" spans="1:10">
      <c r="A447" s="9" t="s">
        <v>27</v>
      </c>
      <c r="B447" s="9" t="s">
        <v>57</v>
      </c>
      <c r="C447" s="9" t="s">
        <v>58</v>
      </c>
      <c r="D447" s="9" t="s">
        <v>6</v>
      </c>
      <c r="E447" s="9" t="s">
        <v>303</v>
      </c>
      <c r="F447" s="9" t="s">
        <v>302</v>
      </c>
      <c r="G447" s="6">
        <v>4682</v>
      </c>
      <c r="H447" s="6">
        <v>286</v>
      </c>
      <c r="I447" s="6">
        <v>4043</v>
      </c>
      <c r="J447" s="6">
        <v>353</v>
      </c>
    </row>
    <row r="448" spans="1:10">
      <c r="A448" s="9" t="s">
        <v>27</v>
      </c>
      <c r="B448" s="9" t="s">
        <v>57</v>
      </c>
      <c r="C448" s="9" t="s">
        <v>58</v>
      </c>
      <c r="D448" s="9" t="s">
        <v>6</v>
      </c>
      <c r="E448" s="9" t="s">
        <v>303</v>
      </c>
      <c r="F448" s="9" t="s">
        <v>303</v>
      </c>
      <c r="G448" s="6">
        <v>4339</v>
      </c>
      <c r="H448" s="6">
        <v>157</v>
      </c>
      <c r="I448" s="6">
        <v>3838</v>
      </c>
      <c r="J448" s="6">
        <v>344</v>
      </c>
    </row>
    <row r="449" spans="1:10">
      <c r="A449" s="9" t="s">
        <v>27</v>
      </c>
      <c r="B449" s="9" t="s">
        <v>57</v>
      </c>
      <c r="C449" s="9" t="s">
        <v>58</v>
      </c>
      <c r="D449" s="9" t="s">
        <v>6</v>
      </c>
      <c r="E449" s="9" t="s">
        <v>303</v>
      </c>
      <c r="F449" s="9" t="s">
        <v>304</v>
      </c>
      <c r="G449" s="6">
        <v>10594</v>
      </c>
      <c r="H449" s="6">
        <v>621</v>
      </c>
      <c r="I449" s="6">
        <v>9152</v>
      </c>
      <c r="J449" s="6">
        <v>821</v>
      </c>
    </row>
    <row r="450" spans="1:10">
      <c r="A450" s="9" t="s">
        <v>27</v>
      </c>
      <c r="B450" s="9" t="s">
        <v>57</v>
      </c>
      <c r="C450" s="9" t="s">
        <v>58</v>
      </c>
      <c r="D450" s="9" t="s">
        <v>6</v>
      </c>
      <c r="E450" s="9" t="s">
        <v>303</v>
      </c>
      <c r="F450" s="9" t="s">
        <v>49</v>
      </c>
      <c r="G450" s="6">
        <v>10580</v>
      </c>
      <c r="H450" s="6">
        <v>610</v>
      </c>
      <c r="I450" s="6">
        <v>9149</v>
      </c>
      <c r="J450" s="6">
        <v>821</v>
      </c>
    </row>
    <row r="451" spans="1:10">
      <c r="A451" s="9" t="s">
        <v>27</v>
      </c>
      <c r="B451" s="9" t="s">
        <v>57</v>
      </c>
      <c r="C451" s="9" t="s">
        <v>58</v>
      </c>
      <c r="D451" s="9" t="s">
        <v>6</v>
      </c>
      <c r="E451" s="9" t="s">
        <v>305</v>
      </c>
      <c r="F451" s="9" t="s">
        <v>6</v>
      </c>
      <c r="G451" s="6">
        <v>96895</v>
      </c>
      <c r="H451" s="6">
        <v>27280</v>
      </c>
      <c r="I451" s="6">
        <v>65151</v>
      </c>
      <c r="J451" s="6">
        <v>4464</v>
      </c>
    </row>
    <row r="452" spans="1:10">
      <c r="A452" s="9" t="s">
        <v>27</v>
      </c>
      <c r="B452" s="9" t="s">
        <v>57</v>
      </c>
      <c r="C452" s="9" t="s">
        <v>58</v>
      </c>
      <c r="D452" s="9" t="s">
        <v>6</v>
      </c>
      <c r="E452" s="9" t="s">
        <v>305</v>
      </c>
      <c r="F452" s="9" t="s">
        <v>297</v>
      </c>
      <c r="G452" s="6">
        <v>2720</v>
      </c>
      <c r="H452" s="6">
        <v>1853</v>
      </c>
      <c r="I452" s="6">
        <v>797</v>
      </c>
      <c r="J452" s="6">
        <v>70</v>
      </c>
    </row>
    <row r="453" spans="1:10">
      <c r="A453" s="9" t="s">
        <v>27</v>
      </c>
      <c r="B453" s="9" t="s">
        <v>57</v>
      </c>
      <c r="C453" s="9" t="s">
        <v>58</v>
      </c>
      <c r="D453" s="9" t="s">
        <v>6</v>
      </c>
      <c r="E453" s="9" t="s">
        <v>305</v>
      </c>
      <c r="F453" s="9" t="s">
        <v>298</v>
      </c>
      <c r="G453" s="6">
        <v>10804</v>
      </c>
      <c r="H453" s="6">
        <v>6009</v>
      </c>
      <c r="I453" s="6">
        <v>4619</v>
      </c>
      <c r="J453" s="6">
        <v>176</v>
      </c>
    </row>
    <row r="454" spans="1:10">
      <c r="A454" s="9" t="s">
        <v>27</v>
      </c>
      <c r="B454" s="9" t="s">
        <v>57</v>
      </c>
      <c r="C454" s="9" t="s">
        <v>58</v>
      </c>
      <c r="D454" s="9" t="s">
        <v>6</v>
      </c>
      <c r="E454" s="9" t="s">
        <v>305</v>
      </c>
      <c r="F454" s="9" t="s">
        <v>299</v>
      </c>
      <c r="G454" s="6">
        <v>24776</v>
      </c>
      <c r="H454" s="6">
        <v>9566</v>
      </c>
      <c r="I454" s="6">
        <v>14584</v>
      </c>
      <c r="J454" s="6">
        <v>626</v>
      </c>
    </row>
    <row r="455" spans="1:10">
      <c r="A455" s="9" t="s">
        <v>27</v>
      </c>
      <c r="B455" s="9" t="s">
        <v>57</v>
      </c>
      <c r="C455" s="9" t="s">
        <v>58</v>
      </c>
      <c r="D455" s="9" t="s">
        <v>6</v>
      </c>
      <c r="E455" s="9" t="s">
        <v>305</v>
      </c>
      <c r="F455" s="9" t="s">
        <v>300</v>
      </c>
      <c r="G455" s="6">
        <v>25899</v>
      </c>
      <c r="H455" s="6">
        <v>6466</v>
      </c>
      <c r="I455" s="6">
        <v>18286</v>
      </c>
      <c r="J455" s="6">
        <v>1147</v>
      </c>
    </row>
    <row r="456" spans="1:10">
      <c r="A456" s="9" t="s">
        <v>27</v>
      </c>
      <c r="B456" s="9" t="s">
        <v>57</v>
      </c>
      <c r="C456" s="9" t="s">
        <v>58</v>
      </c>
      <c r="D456" s="9" t="s">
        <v>6</v>
      </c>
      <c r="E456" s="9" t="s">
        <v>305</v>
      </c>
      <c r="F456" s="9" t="s">
        <v>301</v>
      </c>
      <c r="G456" s="6">
        <v>17074</v>
      </c>
      <c r="H456" s="6">
        <v>2336</v>
      </c>
      <c r="I456" s="6">
        <v>13552</v>
      </c>
      <c r="J456" s="6">
        <v>1186</v>
      </c>
    </row>
    <row r="457" spans="1:10">
      <c r="A457" s="9" t="s">
        <v>27</v>
      </c>
      <c r="B457" s="9" t="s">
        <v>57</v>
      </c>
      <c r="C457" s="9" t="s">
        <v>58</v>
      </c>
      <c r="D457" s="9" t="s">
        <v>6</v>
      </c>
      <c r="E457" s="9" t="s">
        <v>305</v>
      </c>
      <c r="F457" s="9" t="s">
        <v>302</v>
      </c>
      <c r="G457" s="6">
        <v>10620</v>
      </c>
      <c r="H457" s="6">
        <v>859</v>
      </c>
      <c r="I457" s="6">
        <v>8910</v>
      </c>
      <c r="J457" s="6">
        <v>851</v>
      </c>
    </row>
    <row r="458" spans="1:10">
      <c r="A458" s="9" t="s">
        <v>27</v>
      </c>
      <c r="B458" s="9" t="s">
        <v>57</v>
      </c>
      <c r="C458" s="9" t="s">
        <v>58</v>
      </c>
      <c r="D458" s="9" t="s">
        <v>6</v>
      </c>
      <c r="E458" s="9" t="s">
        <v>305</v>
      </c>
      <c r="F458" s="9" t="s">
        <v>303</v>
      </c>
      <c r="G458" s="6">
        <v>5002</v>
      </c>
      <c r="H458" s="6">
        <v>191</v>
      </c>
      <c r="I458" s="6">
        <v>4403</v>
      </c>
      <c r="J458" s="6">
        <v>408</v>
      </c>
    </row>
    <row r="459" spans="1:10">
      <c r="A459" s="9" t="s">
        <v>27</v>
      </c>
      <c r="B459" s="9" t="s">
        <v>57</v>
      </c>
      <c r="C459" s="9" t="s">
        <v>58</v>
      </c>
      <c r="D459" s="9" t="s">
        <v>6</v>
      </c>
      <c r="E459" s="9" t="s">
        <v>305</v>
      </c>
      <c r="F459" s="9" t="s">
        <v>304</v>
      </c>
      <c r="G459" s="6">
        <v>94175</v>
      </c>
      <c r="H459" s="6">
        <v>25427</v>
      </c>
      <c r="I459" s="6">
        <v>64354</v>
      </c>
      <c r="J459" s="6">
        <v>4394</v>
      </c>
    </row>
    <row r="460" spans="1:10">
      <c r="A460" s="9" t="s">
        <v>27</v>
      </c>
      <c r="B460" s="9" t="s">
        <v>57</v>
      </c>
      <c r="C460" s="9" t="s">
        <v>58</v>
      </c>
      <c r="D460" s="9" t="s">
        <v>6</v>
      </c>
      <c r="E460" s="9" t="s">
        <v>305</v>
      </c>
      <c r="F460" s="9" t="s">
        <v>49</v>
      </c>
      <c r="G460" s="6">
        <v>83371</v>
      </c>
      <c r="H460" s="6">
        <v>19418</v>
      </c>
      <c r="I460" s="6">
        <v>59735</v>
      </c>
      <c r="J460" s="6">
        <v>4218</v>
      </c>
    </row>
    <row r="461" spans="1:10">
      <c r="A461" s="9" t="s">
        <v>27</v>
      </c>
      <c r="B461" s="9" t="s">
        <v>57</v>
      </c>
      <c r="C461" s="9" t="s">
        <v>58</v>
      </c>
      <c r="D461" s="9" t="s">
        <v>226</v>
      </c>
      <c r="E461" s="9" t="s">
        <v>6</v>
      </c>
      <c r="F461" s="9" t="s">
        <v>6</v>
      </c>
      <c r="G461" s="6">
        <v>79699</v>
      </c>
      <c r="H461" s="6">
        <v>53939</v>
      </c>
      <c r="I461" s="6">
        <v>25429</v>
      </c>
      <c r="J461" s="6">
        <v>331</v>
      </c>
    </row>
    <row r="462" spans="1:10">
      <c r="A462" s="9" t="s">
        <v>27</v>
      </c>
      <c r="B462" s="9" t="s">
        <v>57</v>
      </c>
      <c r="C462" s="9" t="s">
        <v>58</v>
      </c>
      <c r="D462" s="9" t="s">
        <v>226</v>
      </c>
      <c r="E462" s="9" t="s">
        <v>6</v>
      </c>
      <c r="F462" s="9" t="s">
        <v>297</v>
      </c>
      <c r="G462" s="6">
        <v>37915</v>
      </c>
      <c r="H462" s="6">
        <v>29567</v>
      </c>
      <c r="I462" s="6">
        <v>8308</v>
      </c>
      <c r="J462" s="6">
        <v>40</v>
      </c>
    </row>
    <row r="463" spans="1:10">
      <c r="A463" s="9" t="s">
        <v>27</v>
      </c>
      <c r="B463" s="9" t="s">
        <v>57</v>
      </c>
      <c r="C463" s="9" t="s">
        <v>58</v>
      </c>
      <c r="D463" s="9" t="s">
        <v>226</v>
      </c>
      <c r="E463" s="9" t="s">
        <v>6</v>
      </c>
      <c r="F463" s="9" t="s">
        <v>298</v>
      </c>
      <c r="G463" s="6">
        <v>14530</v>
      </c>
      <c r="H463" s="6">
        <v>9480</v>
      </c>
      <c r="I463" s="6">
        <v>5012</v>
      </c>
      <c r="J463" s="6">
        <v>38</v>
      </c>
    </row>
    <row r="464" spans="1:10">
      <c r="A464" s="9" t="s">
        <v>27</v>
      </c>
      <c r="B464" s="9" t="s">
        <v>57</v>
      </c>
      <c r="C464" s="9" t="s">
        <v>58</v>
      </c>
      <c r="D464" s="9" t="s">
        <v>226</v>
      </c>
      <c r="E464" s="9" t="s">
        <v>6</v>
      </c>
      <c r="F464" s="9" t="s">
        <v>299</v>
      </c>
      <c r="G464" s="6">
        <v>13340</v>
      </c>
      <c r="H464" s="6">
        <v>7387</v>
      </c>
      <c r="I464" s="6">
        <v>5897</v>
      </c>
      <c r="J464" s="6">
        <v>56</v>
      </c>
    </row>
    <row r="465" spans="1:10">
      <c r="A465" s="9" t="s">
        <v>27</v>
      </c>
      <c r="B465" s="9" t="s">
        <v>57</v>
      </c>
      <c r="C465" s="9" t="s">
        <v>58</v>
      </c>
      <c r="D465" s="9" t="s">
        <v>226</v>
      </c>
      <c r="E465" s="9" t="s">
        <v>6</v>
      </c>
      <c r="F465" s="9" t="s">
        <v>300</v>
      </c>
      <c r="G465" s="6">
        <v>8955</v>
      </c>
      <c r="H465" s="6">
        <v>4756</v>
      </c>
      <c r="I465" s="6">
        <v>4108</v>
      </c>
      <c r="J465" s="6">
        <v>91</v>
      </c>
    </row>
    <row r="466" spans="1:10">
      <c r="A466" s="9" t="s">
        <v>27</v>
      </c>
      <c r="B466" s="9" t="s">
        <v>57</v>
      </c>
      <c r="C466" s="9" t="s">
        <v>58</v>
      </c>
      <c r="D466" s="9" t="s">
        <v>226</v>
      </c>
      <c r="E466" s="9" t="s">
        <v>6</v>
      </c>
      <c r="F466" s="9" t="s">
        <v>301</v>
      </c>
      <c r="G466" s="6">
        <v>3308</v>
      </c>
      <c r="H466" s="6">
        <v>1847</v>
      </c>
      <c r="I466" s="6">
        <v>1405</v>
      </c>
      <c r="J466" s="6">
        <v>56</v>
      </c>
    </row>
    <row r="467" spans="1:10">
      <c r="A467" s="9" t="s">
        <v>27</v>
      </c>
      <c r="B467" s="9" t="s">
        <v>57</v>
      </c>
      <c r="C467" s="9" t="s">
        <v>58</v>
      </c>
      <c r="D467" s="9" t="s">
        <v>226</v>
      </c>
      <c r="E467" s="9" t="s">
        <v>6</v>
      </c>
      <c r="F467" s="9" t="s">
        <v>302</v>
      </c>
      <c r="G467" s="6">
        <v>1294</v>
      </c>
      <c r="H467" s="6">
        <v>734</v>
      </c>
      <c r="I467" s="6">
        <v>521</v>
      </c>
      <c r="J467" s="6">
        <v>39</v>
      </c>
    </row>
    <row r="468" spans="1:10">
      <c r="A468" s="9" t="s">
        <v>27</v>
      </c>
      <c r="B468" s="9" t="s">
        <v>57</v>
      </c>
      <c r="C468" s="9" t="s">
        <v>58</v>
      </c>
      <c r="D468" s="9" t="s">
        <v>226</v>
      </c>
      <c r="E468" s="9" t="s">
        <v>6</v>
      </c>
      <c r="F468" s="9" t="s">
        <v>303</v>
      </c>
      <c r="G468" s="6">
        <v>357</v>
      </c>
      <c r="H468" s="6">
        <v>168</v>
      </c>
      <c r="I468" s="6">
        <v>178</v>
      </c>
      <c r="J468" s="6">
        <v>11</v>
      </c>
    </row>
    <row r="469" spans="1:10">
      <c r="A469" s="9" t="s">
        <v>27</v>
      </c>
      <c r="B469" s="9" t="s">
        <v>57</v>
      </c>
      <c r="C469" s="9" t="s">
        <v>58</v>
      </c>
      <c r="D469" s="9" t="s">
        <v>226</v>
      </c>
      <c r="E469" s="9" t="s">
        <v>6</v>
      </c>
      <c r="F469" s="9" t="s">
        <v>304</v>
      </c>
      <c r="G469" s="6">
        <v>41784</v>
      </c>
      <c r="H469" s="6">
        <v>24372</v>
      </c>
      <c r="I469" s="6">
        <v>17121</v>
      </c>
      <c r="J469" s="6">
        <v>291</v>
      </c>
    </row>
    <row r="470" spans="1:10">
      <c r="A470" s="9" t="s">
        <v>27</v>
      </c>
      <c r="B470" s="9" t="s">
        <v>57</v>
      </c>
      <c r="C470" s="9" t="s">
        <v>58</v>
      </c>
      <c r="D470" s="9" t="s">
        <v>226</v>
      </c>
      <c r="E470" s="9" t="s">
        <v>6</v>
      </c>
      <c r="F470" s="9" t="s">
        <v>49</v>
      </c>
      <c r="G470" s="6">
        <v>27254</v>
      </c>
      <c r="H470" s="6">
        <v>14892</v>
      </c>
      <c r="I470" s="6">
        <v>12109</v>
      </c>
      <c r="J470" s="6">
        <v>253</v>
      </c>
    </row>
    <row r="471" spans="1:10">
      <c r="A471" s="9" t="s">
        <v>27</v>
      </c>
      <c r="B471" s="9" t="s">
        <v>57</v>
      </c>
      <c r="C471" s="9" t="s">
        <v>58</v>
      </c>
      <c r="D471" s="9" t="s">
        <v>226</v>
      </c>
      <c r="E471" s="9" t="s">
        <v>297</v>
      </c>
      <c r="F471" s="9" t="s">
        <v>6</v>
      </c>
      <c r="G471" s="6">
        <v>31983</v>
      </c>
      <c r="H471" s="6">
        <v>24986</v>
      </c>
      <c r="I471" s="6">
        <v>6959</v>
      </c>
      <c r="J471" s="6">
        <v>38</v>
      </c>
    </row>
    <row r="472" spans="1:10">
      <c r="A472" s="9" t="s">
        <v>27</v>
      </c>
      <c r="B472" s="9" t="s">
        <v>57</v>
      </c>
      <c r="C472" s="9" t="s">
        <v>58</v>
      </c>
      <c r="D472" s="9" t="s">
        <v>226</v>
      </c>
      <c r="E472" s="9" t="s">
        <v>297</v>
      </c>
      <c r="F472" s="9" t="s">
        <v>297</v>
      </c>
      <c r="G472" s="6">
        <v>30652</v>
      </c>
      <c r="H472" s="6">
        <v>24184</v>
      </c>
      <c r="I472" s="6">
        <v>6435</v>
      </c>
      <c r="J472" s="6">
        <v>33</v>
      </c>
    </row>
    <row r="473" spans="1:10">
      <c r="A473" s="9" t="s">
        <v>27</v>
      </c>
      <c r="B473" s="9" t="s">
        <v>57</v>
      </c>
      <c r="C473" s="9" t="s">
        <v>58</v>
      </c>
      <c r="D473" s="9" t="s">
        <v>226</v>
      </c>
      <c r="E473" s="9" t="s">
        <v>297</v>
      </c>
      <c r="F473" s="9" t="s">
        <v>298</v>
      </c>
      <c r="G473" s="6">
        <v>1100</v>
      </c>
      <c r="H473" s="6">
        <v>713</v>
      </c>
      <c r="I473" s="6">
        <v>384</v>
      </c>
      <c r="J473" s="6">
        <v>3</v>
      </c>
    </row>
    <row r="474" spans="1:10">
      <c r="A474" s="9" t="s">
        <v>27</v>
      </c>
      <c r="B474" s="9" t="s">
        <v>57</v>
      </c>
      <c r="C474" s="9" t="s">
        <v>58</v>
      </c>
      <c r="D474" s="9" t="s">
        <v>226</v>
      </c>
      <c r="E474" s="9" t="s">
        <v>297</v>
      </c>
      <c r="F474" s="9" t="s">
        <v>299</v>
      </c>
      <c r="G474" s="6">
        <v>179</v>
      </c>
      <c r="H474" s="6">
        <v>75</v>
      </c>
      <c r="I474" s="6">
        <v>103</v>
      </c>
      <c r="J474" s="6">
        <v>1</v>
      </c>
    </row>
    <row r="475" spans="1:10">
      <c r="A475" s="9" t="s">
        <v>27</v>
      </c>
      <c r="B475" s="9" t="s">
        <v>57</v>
      </c>
      <c r="C475" s="9" t="s">
        <v>58</v>
      </c>
      <c r="D475" s="9" t="s">
        <v>226</v>
      </c>
      <c r="E475" s="9" t="s">
        <v>297</v>
      </c>
      <c r="F475" s="9" t="s">
        <v>300</v>
      </c>
      <c r="G475" s="6">
        <v>44</v>
      </c>
      <c r="H475" s="6">
        <v>12</v>
      </c>
      <c r="I475" s="6">
        <v>31</v>
      </c>
      <c r="J475" s="6">
        <v>1</v>
      </c>
    </row>
    <row r="476" spans="1:10">
      <c r="A476" s="9" t="s">
        <v>27</v>
      </c>
      <c r="B476" s="9" t="s">
        <v>57</v>
      </c>
      <c r="C476" s="9" t="s">
        <v>58</v>
      </c>
      <c r="D476" s="9" t="s">
        <v>226</v>
      </c>
      <c r="E476" s="9" t="s">
        <v>297</v>
      </c>
      <c r="F476" s="9" t="s">
        <v>301</v>
      </c>
      <c r="G476" s="6">
        <v>7</v>
      </c>
      <c r="H476" s="6">
        <v>2</v>
      </c>
      <c r="I476" s="6">
        <v>5</v>
      </c>
      <c r="J476" s="10" t="s">
        <v>55</v>
      </c>
    </row>
    <row r="477" spans="1:10">
      <c r="A477" s="9" t="s">
        <v>27</v>
      </c>
      <c r="B477" s="9" t="s">
        <v>57</v>
      </c>
      <c r="C477" s="9" t="s">
        <v>58</v>
      </c>
      <c r="D477" s="9" t="s">
        <v>226</v>
      </c>
      <c r="E477" s="9" t="s">
        <v>297</v>
      </c>
      <c r="F477" s="9" t="s">
        <v>302</v>
      </c>
      <c r="G477" s="6">
        <v>1</v>
      </c>
      <c r="H477" s="10" t="s">
        <v>55</v>
      </c>
      <c r="I477" s="6">
        <v>1</v>
      </c>
      <c r="J477" s="10" t="s">
        <v>55</v>
      </c>
    </row>
    <row r="478" spans="1:10">
      <c r="A478" s="9" t="s">
        <v>27</v>
      </c>
      <c r="B478" s="9" t="s">
        <v>57</v>
      </c>
      <c r="C478" s="9" t="s">
        <v>58</v>
      </c>
      <c r="D478" s="9" t="s">
        <v>226</v>
      </c>
      <c r="E478" s="9" t="s">
        <v>297</v>
      </c>
      <c r="F478" s="9" t="s">
        <v>303</v>
      </c>
      <c r="G478" s="10" t="s">
        <v>55</v>
      </c>
      <c r="H478" s="10" t="s">
        <v>55</v>
      </c>
      <c r="I478" s="10" t="s">
        <v>55</v>
      </c>
      <c r="J478" s="10" t="s">
        <v>55</v>
      </c>
    </row>
    <row r="479" spans="1:10">
      <c r="A479" s="9" t="s">
        <v>27</v>
      </c>
      <c r="B479" s="9" t="s">
        <v>57</v>
      </c>
      <c r="C479" s="9" t="s">
        <v>58</v>
      </c>
      <c r="D479" s="9" t="s">
        <v>226</v>
      </c>
      <c r="E479" s="9" t="s">
        <v>297</v>
      </c>
      <c r="F479" s="9" t="s">
        <v>304</v>
      </c>
      <c r="G479" s="6">
        <v>1331</v>
      </c>
      <c r="H479" s="6">
        <v>802</v>
      </c>
      <c r="I479" s="6">
        <v>524</v>
      </c>
      <c r="J479" s="6">
        <v>5</v>
      </c>
    </row>
    <row r="480" spans="1:10">
      <c r="A480" s="9" t="s">
        <v>27</v>
      </c>
      <c r="B480" s="9" t="s">
        <v>57</v>
      </c>
      <c r="C480" s="9" t="s">
        <v>58</v>
      </c>
      <c r="D480" s="9" t="s">
        <v>226</v>
      </c>
      <c r="E480" s="9" t="s">
        <v>297</v>
      </c>
      <c r="F480" s="9" t="s">
        <v>49</v>
      </c>
      <c r="G480" s="6">
        <v>231</v>
      </c>
      <c r="H480" s="6">
        <v>89</v>
      </c>
      <c r="I480" s="6">
        <v>140</v>
      </c>
      <c r="J480" s="6">
        <v>2</v>
      </c>
    </row>
    <row r="481" spans="1:10">
      <c r="A481" s="9" t="s">
        <v>27</v>
      </c>
      <c r="B481" s="9" t="s">
        <v>57</v>
      </c>
      <c r="C481" s="9" t="s">
        <v>58</v>
      </c>
      <c r="D481" s="9" t="s">
        <v>226</v>
      </c>
      <c r="E481" s="9" t="s">
        <v>298</v>
      </c>
      <c r="F481" s="9" t="s">
        <v>6</v>
      </c>
      <c r="G481" s="6">
        <v>13994</v>
      </c>
      <c r="H481" s="6">
        <v>9341</v>
      </c>
      <c r="I481" s="6">
        <v>4626</v>
      </c>
      <c r="J481" s="6">
        <v>27</v>
      </c>
    </row>
    <row r="482" spans="1:10">
      <c r="A482" s="9" t="s">
        <v>27</v>
      </c>
      <c r="B482" s="9" t="s">
        <v>57</v>
      </c>
      <c r="C482" s="9" t="s">
        <v>58</v>
      </c>
      <c r="D482" s="9" t="s">
        <v>226</v>
      </c>
      <c r="E482" s="9" t="s">
        <v>298</v>
      </c>
      <c r="F482" s="9" t="s">
        <v>297</v>
      </c>
      <c r="G482" s="6">
        <v>5623</v>
      </c>
      <c r="H482" s="6">
        <v>4137</v>
      </c>
      <c r="I482" s="6">
        <v>1482</v>
      </c>
      <c r="J482" s="6">
        <v>4</v>
      </c>
    </row>
    <row r="483" spans="1:10">
      <c r="A483" s="9" t="s">
        <v>27</v>
      </c>
      <c r="B483" s="9" t="s">
        <v>57</v>
      </c>
      <c r="C483" s="9" t="s">
        <v>58</v>
      </c>
      <c r="D483" s="9" t="s">
        <v>226</v>
      </c>
      <c r="E483" s="9" t="s">
        <v>298</v>
      </c>
      <c r="F483" s="9" t="s">
        <v>298</v>
      </c>
      <c r="G483" s="6">
        <v>7081</v>
      </c>
      <c r="H483" s="6">
        <v>4610</v>
      </c>
      <c r="I483" s="6">
        <v>2457</v>
      </c>
      <c r="J483" s="6">
        <v>14</v>
      </c>
    </row>
    <row r="484" spans="1:10">
      <c r="A484" s="9" t="s">
        <v>27</v>
      </c>
      <c r="B484" s="9" t="s">
        <v>57</v>
      </c>
      <c r="C484" s="9" t="s">
        <v>58</v>
      </c>
      <c r="D484" s="9" t="s">
        <v>226</v>
      </c>
      <c r="E484" s="9" t="s">
        <v>298</v>
      </c>
      <c r="F484" s="9" t="s">
        <v>299</v>
      </c>
      <c r="G484" s="6">
        <v>1106</v>
      </c>
      <c r="H484" s="6">
        <v>535</v>
      </c>
      <c r="I484" s="6">
        <v>566</v>
      </c>
      <c r="J484" s="6">
        <v>5</v>
      </c>
    </row>
    <row r="485" spans="1:10">
      <c r="A485" s="9" t="s">
        <v>27</v>
      </c>
      <c r="B485" s="9" t="s">
        <v>57</v>
      </c>
      <c r="C485" s="9" t="s">
        <v>58</v>
      </c>
      <c r="D485" s="9" t="s">
        <v>226</v>
      </c>
      <c r="E485" s="9" t="s">
        <v>298</v>
      </c>
      <c r="F485" s="9" t="s">
        <v>300</v>
      </c>
      <c r="G485" s="6">
        <v>161</v>
      </c>
      <c r="H485" s="6">
        <v>50</v>
      </c>
      <c r="I485" s="6">
        <v>107</v>
      </c>
      <c r="J485" s="6">
        <v>4</v>
      </c>
    </row>
    <row r="486" spans="1:10">
      <c r="A486" s="9" t="s">
        <v>27</v>
      </c>
      <c r="B486" s="9" t="s">
        <v>57</v>
      </c>
      <c r="C486" s="9" t="s">
        <v>58</v>
      </c>
      <c r="D486" s="9" t="s">
        <v>226</v>
      </c>
      <c r="E486" s="9" t="s">
        <v>298</v>
      </c>
      <c r="F486" s="9" t="s">
        <v>301</v>
      </c>
      <c r="G486" s="6">
        <v>17</v>
      </c>
      <c r="H486" s="6">
        <v>6</v>
      </c>
      <c r="I486" s="6">
        <v>11</v>
      </c>
      <c r="J486" s="10" t="s">
        <v>55</v>
      </c>
    </row>
    <row r="487" spans="1:10">
      <c r="A487" s="9" t="s">
        <v>27</v>
      </c>
      <c r="B487" s="9" t="s">
        <v>57</v>
      </c>
      <c r="C487" s="9" t="s">
        <v>58</v>
      </c>
      <c r="D487" s="9" t="s">
        <v>226</v>
      </c>
      <c r="E487" s="9" t="s">
        <v>298</v>
      </c>
      <c r="F487" s="9" t="s">
        <v>302</v>
      </c>
      <c r="G487" s="6">
        <v>2</v>
      </c>
      <c r="H487" s="6">
        <v>1</v>
      </c>
      <c r="I487" s="6">
        <v>1</v>
      </c>
      <c r="J487" s="10" t="s">
        <v>55</v>
      </c>
    </row>
    <row r="488" spans="1:10">
      <c r="A488" s="9" t="s">
        <v>27</v>
      </c>
      <c r="B488" s="9" t="s">
        <v>57</v>
      </c>
      <c r="C488" s="9" t="s">
        <v>58</v>
      </c>
      <c r="D488" s="9" t="s">
        <v>226</v>
      </c>
      <c r="E488" s="9" t="s">
        <v>298</v>
      </c>
      <c r="F488" s="9" t="s">
        <v>303</v>
      </c>
      <c r="G488" s="6">
        <v>4</v>
      </c>
      <c r="H488" s="6">
        <v>2</v>
      </c>
      <c r="I488" s="6">
        <v>2</v>
      </c>
      <c r="J488" s="10" t="s">
        <v>55</v>
      </c>
    </row>
    <row r="489" spans="1:10">
      <c r="A489" s="9" t="s">
        <v>27</v>
      </c>
      <c r="B489" s="9" t="s">
        <v>57</v>
      </c>
      <c r="C489" s="9" t="s">
        <v>58</v>
      </c>
      <c r="D489" s="9" t="s">
        <v>226</v>
      </c>
      <c r="E489" s="9" t="s">
        <v>298</v>
      </c>
      <c r="F489" s="9" t="s">
        <v>304</v>
      </c>
      <c r="G489" s="6">
        <v>8371</v>
      </c>
      <c r="H489" s="6">
        <v>5204</v>
      </c>
      <c r="I489" s="6">
        <v>3144</v>
      </c>
      <c r="J489" s="6">
        <v>23</v>
      </c>
    </row>
    <row r="490" spans="1:10">
      <c r="A490" s="9" t="s">
        <v>27</v>
      </c>
      <c r="B490" s="9" t="s">
        <v>57</v>
      </c>
      <c r="C490" s="9" t="s">
        <v>58</v>
      </c>
      <c r="D490" s="9" t="s">
        <v>226</v>
      </c>
      <c r="E490" s="9" t="s">
        <v>298</v>
      </c>
      <c r="F490" s="9" t="s">
        <v>49</v>
      </c>
      <c r="G490" s="6">
        <v>1290</v>
      </c>
      <c r="H490" s="6">
        <v>594</v>
      </c>
      <c r="I490" s="6">
        <v>687</v>
      </c>
      <c r="J490" s="6">
        <v>9</v>
      </c>
    </row>
    <row r="491" spans="1:10">
      <c r="A491" s="9" t="s">
        <v>27</v>
      </c>
      <c r="B491" s="9" t="s">
        <v>57</v>
      </c>
      <c r="C491" s="9" t="s">
        <v>58</v>
      </c>
      <c r="D491" s="9" t="s">
        <v>226</v>
      </c>
      <c r="E491" s="9" t="s">
        <v>299</v>
      </c>
      <c r="F491" s="9" t="s">
        <v>6</v>
      </c>
      <c r="G491" s="6">
        <v>14544</v>
      </c>
      <c r="H491" s="6">
        <v>8551</v>
      </c>
      <c r="I491" s="6">
        <v>5937</v>
      </c>
      <c r="J491" s="6">
        <v>56</v>
      </c>
    </row>
    <row r="492" spans="1:10">
      <c r="A492" s="9" t="s">
        <v>27</v>
      </c>
      <c r="B492" s="9" t="s">
        <v>57</v>
      </c>
      <c r="C492" s="9" t="s">
        <v>58</v>
      </c>
      <c r="D492" s="9" t="s">
        <v>226</v>
      </c>
      <c r="E492" s="9" t="s">
        <v>299</v>
      </c>
      <c r="F492" s="9" t="s">
        <v>297</v>
      </c>
      <c r="G492" s="6">
        <v>1340</v>
      </c>
      <c r="H492" s="6">
        <v>1027</v>
      </c>
      <c r="I492" s="6">
        <v>311</v>
      </c>
      <c r="J492" s="6">
        <v>2</v>
      </c>
    </row>
    <row r="493" spans="1:10">
      <c r="A493" s="9" t="s">
        <v>27</v>
      </c>
      <c r="B493" s="9" t="s">
        <v>57</v>
      </c>
      <c r="C493" s="9" t="s">
        <v>58</v>
      </c>
      <c r="D493" s="9" t="s">
        <v>226</v>
      </c>
      <c r="E493" s="9" t="s">
        <v>299</v>
      </c>
      <c r="F493" s="9" t="s">
        <v>298</v>
      </c>
      <c r="G493" s="6">
        <v>5343</v>
      </c>
      <c r="H493" s="6">
        <v>3472</v>
      </c>
      <c r="I493" s="6">
        <v>1855</v>
      </c>
      <c r="J493" s="6">
        <v>16</v>
      </c>
    </row>
    <row r="494" spans="1:10">
      <c r="A494" s="9" t="s">
        <v>27</v>
      </c>
      <c r="B494" s="9" t="s">
        <v>57</v>
      </c>
      <c r="C494" s="9" t="s">
        <v>58</v>
      </c>
      <c r="D494" s="9" t="s">
        <v>226</v>
      </c>
      <c r="E494" s="9" t="s">
        <v>299</v>
      </c>
      <c r="F494" s="9" t="s">
        <v>299</v>
      </c>
      <c r="G494" s="6">
        <v>6682</v>
      </c>
      <c r="H494" s="6">
        <v>3572</v>
      </c>
      <c r="I494" s="6">
        <v>3085</v>
      </c>
      <c r="J494" s="6">
        <v>25</v>
      </c>
    </row>
    <row r="495" spans="1:10">
      <c r="A495" s="9" t="s">
        <v>27</v>
      </c>
      <c r="B495" s="9" t="s">
        <v>57</v>
      </c>
      <c r="C495" s="9" t="s">
        <v>58</v>
      </c>
      <c r="D495" s="9" t="s">
        <v>226</v>
      </c>
      <c r="E495" s="9" t="s">
        <v>299</v>
      </c>
      <c r="F495" s="9" t="s">
        <v>300</v>
      </c>
      <c r="G495" s="6">
        <v>1047</v>
      </c>
      <c r="H495" s="6">
        <v>437</v>
      </c>
      <c r="I495" s="6">
        <v>599</v>
      </c>
      <c r="J495" s="6">
        <v>11</v>
      </c>
    </row>
    <row r="496" spans="1:10">
      <c r="A496" s="9" t="s">
        <v>27</v>
      </c>
      <c r="B496" s="9" t="s">
        <v>57</v>
      </c>
      <c r="C496" s="9" t="s">
        <v>58</v>
      </c>
      <c r="D496" s="9" t="s">
        <v>226</v>
      </c>
      <c r="E496" s="9" t="s">
        <v>299</v>
      </c>
      <c r="F496" s="9" t="s">
        <v>301</v>
      </c>
      <c r="G496" s="6">
        <v>107</v>
      </c>
      <c r="H496" s="6">
        <v>37</v>
      </c>
      <c r="I496" s="6">
        <v>70</v>
      </c>
      <c r="J496" s="10" t="s">
        <v>55</v>
      </c>
    </row>
    <row r="497" spans="1:10">
      <c r="A497" s="9" t="s">
        <v>27</v>
      </c>
      <c r="B497" s="9" t="s">
        <v>57</v>
      </c>
      <c r="C497" s="9" t="s">
        <v>58</v>
      </c>
      <c r="D497" s="9" t="s">
        <v>226</v>
      </c>
      <c r="E497" s="9" t="s">
        <v>299</v>
      </c>
      <c r="F497" s="9" t="s">
        <v>302</v>
      </c>
      <c r="G497" s="6">
        <v>18</v>
      </c>
      <c r="H497" s="6">
        <v>5</v>
      </c>
      <c r="I497" s="6">
        <v>11</v>
      </c>
      <c r="J497" s="6">
        <v>2</v>
      </c>
    </row>
    <row r="498" spans="1:10">
      <c r="A498" s="9" t="s">
        <v>27</v>
      </c>
      <c r="B498" s="9" t="s">
        <v>57</v>
      </c>
      <c r="C498" s="9" t="s">
        <v>58</v>
      </c>
      <c r="D498" s="9" t="s">
        <v>226</v>
      </c>
      <c r="E498" s="9" t="s">
        <v>299</v>
      </c>
      <c r="F498" s="9" t="s">
        <v>303</v>
      </c>
      <c r="G498" s="6">
        <v>7</v>
      </c>
      <c r="H498" s="6">
        <v>1</v>
      </c>
      <c r="I498" s="6">
        <v>6</v>
      </c>
      <c r="J498" s="10" t="s">
        <v>55</v>
      </c>
    </row>
    <row r="499" spans="1:10">
      <c r="A499" s="9" t="s">
        <v>27</v>
      </c>
      <c r="B499" s="9" t="s">
        <v>57</v>
      </c>
      <c r="C499" s="9" t="s">
        <v>58</v>
      </c>
      <c r="D499" s="9" t="s">
        <v>226</v>
      </c>
      <c r="E499" s="9" t="s">
        <v>299</v>
      </c>
      <c r="F499" s="9" t="s">
        <v>304</v>
      </c>
      <c r="G499" s="6">
        <v>13204</v>
      </c>
      <c r="H499" s="6">
        <v>7524</v>
      </c>
      <c r="I499" s="6">
        <v>5626</v>
      </c>
      <c r="J499" s="6">
        <v>54</v>
      </c>
    </row>
    <row r="500" spans="1:10">
      <c r="A500" s="9" t="s">
        <v>27</v>
      </c>
      <c r="B500" s="9" t="s">
        <v>57</v>
      </c>
      <c r="C500" s="9" t="s">
        <v>58</v>
      </c>
      <c r="D500" s="9" t="s">
        <v>226</v>
      </c>
      <c r="E500" s="9" t="s">
        <v>299</v>
      </c>
      <c r="F500" s="9" t="s">
        <v>49</v>
      </c>
      <c r="G500" s="6">
        <v>7861</v>
      </c>
      <c r="H500" s="6">
        <v>4052</v>
      </c>
      <c r="I500" s="6">
        <v>3771</v>
      </c>
      <c r="J500" s="6">
        <v>38</v>
      </c>
    </row>
    <row r="501" spans="1:10">
      <c r="A501" s="9" t="s">
        <v>27</v>
      </c>
      <c r="B501" s="9" t="s">
        <v>57</v>
      </c>
      <c r="C501" s="9" t="s">
        <v>58</v>
      </c>
      <c r="D501" s="9" t="s">
        <v>226</v>
      </c>
      <c r="E501" s="9" t="s">
        <v>300</v>
      </c>
      <c r="F501" s="9" t="s">
        <v>6</v>
      </c>
      <c r="G501" s="6">
        <v>11578</v>
      </c>
      <c r="H501" s="6">
        <v>6468</v>
      </c>
      <c r="I501" s="6">
        <v>5030</v>
      </c>
      <c r="J501" s="6">
        <v>80</v>
      </c>
    </row>
    <row r="502" spans="1:10">
      <c r="A502" s="9" t="s">
        <v>27</v>
      </c>
      <c r="B502" s="9" t="s">
        <v>57</v>
      </c>
      <c r="C502" s="9" t="s">
        <v>58</v>
      </c>
      <c r="D502" s="9" t="s">
        <v>226</v>
      </c>
      <c r="E502" s="9" t="s">
        <v>300</v>
      </c>
      <c r="F502" s="9" t="s">
        <v>297</v>
      </c>
      <c r="G502" s="6">
        <v>257</v>
      </c>
      <c r="H502" s="6">
        <v>186</v>
      </c>
      <c r="I502" s="6">
        <v>70</v>
      </c>
      <c r="J502" s="6">
        <v>1</v>
      </c>
    </row>
    <row r="503" spans="1:10">
      <c r="A503" s="9" t="s">
        <v>27</v>
      </c>
      <c r="B503" s="9" t="s">
        <v>57</v>
      </c>
      <c r="C503" s="9" t="s">
        <v>58</v>
      </c>
      <c r="D503" s="9" t="s">
        <v>226</v>
      </c>
      <c r="E503" s="9" t="s">
        <v>300</v>
      </c>
      <c r="F503" s="9" t="s">
        <v>298</v>
      </c>
      <c r="G503" s="6">
        <v>934</v>
      </c>
      <c r="H503" s="6">
        <v>630</v>
      </c>
      <c r="I503" s="6">
        <v>300</v>
      </c>
      <c r="J503" s="6">
        <v>4</v>
      </c>
    </row>
    <row r="504" spans="1:10">
      <c r="A504" s="9" t="s">
        <v>27</v>
      </c>
      <c r="B504" s="9" t="s">
        <v>57</v>
      </c>
      <c r="C504" s="9" t="s">
        <v>58</v>
      </c>
      <c r="D504" s="9" t="s">
        <v>226</v>
      </c>
      <c r="E504" s="9" t="s">
        <v>300</v>
      </c>
      <c r="F504" s="9" t="s">
        <v>299</v>
      </c>
      <c r="G504" s="6">
        <v>4928</v>
      </c>
      <c r="H504" s="6">
        <v>2905</v>
      </c>
      <c r="I504" s="6">
        <v>2001</v>
      </c>
      <c r="J504" s="6">
        <v>22</v>
      </c>
    </row>
    <row r="505" spans="1:10">
      <c r="A505" s="9" t="s">
        <v>27</v>
      </c>
      <c r="B505" s="9" t="s">
        <v>57</v>
      </c>
      <c r="C505" s="9" t="s">
        <v>58</v>
      </c>
      <c r="D505" s="9" t="s">
        <v>226</v>
      </c>
      <c r="E505" s="9" t="s">
        <v>300</v>
      </c>
      <c r="F505" s="9" t="s">
        <v>300</v>
      </c>
      <c r="G505" s="6">
        <v>5004</v>
      </c>
      <c r="H505" s="6">
        <v>2583</v>
      </c>
      <c r="I505" s="6">
        <v>2379</v>
      </c>
      <c r="J505" s="6">
        <v>42</v>
      </c>
    </row>
    <row r="506" spans="1:10">
      <c r="A506" s="9" t="s">
        <v>27</v>
      </c>
      <c r="B506" s="9" t="s">
        <v>57</v>
      </c>
      <c r="C506" s="9" t="s">
        <v>58</v>
      </c>
      <c r="D506" s="9" t="s">
        <v>226</v>
      </c>
      <c r="E506" s="9" t="s">
        <v>300</v>
      </c>
      <c r="F506" s="9" t="s">
        <v>301</v>
      </c>
      <c r="G506" s="6">
        <v>409</v>
      </c>
      <c r="H506" s="6">
        <v>148</v>
      </c>
      <c r="I506" s="6">
        <v>251</v>
      </c>
      <c r="J506" s="6">
        <v>10</v>
      </c>
    </row>
    <row r="507" spans="1:10">
      <c r="A507" s="9" t="s">
        <v>27</v>
      </c>
      <c r="B507" s="9" t="s">
        <v>57</v>
      </c>
      <c r="C507" s="9" t="s">
        <v>58</v>
      </c>
      <c r="D507" s="9" t="s">
        <v>226</v>
      </c>
      <c r="E507" s="9" t="s">
        <v>300</v>
      </c>
      <c r="F507" s="9" t="s">
        <v>302</v>
      </c>
      <c r="G507" s="6">
        <v>38</v>
      </c>
      <c r="H507" s="6">
        <v>14</v>
      </c>
      <c r="I507" s="6">
        <v>24</v>
      </c>
      <c r="J507" s="10" t="s">
        <v>55</v>
      </c>
    </row>
    <row r="508" spans="1:10">
      <c r="A508" s="9" t="s">
        <v>27</v>
      </c>
      <c r="B508" s="9" t="s">
        <v>57</v>
      </c>
      <c r="C508" s="9" t="s">
        <v>58</v>
      </c>
      <c r="D508" s="9" t="s">
        <v>226</v>
      </c>
      <c r="E508" s="9" t="s">
        <v>300</v>
      </c>
      <c r="F508" s="9" t="s">
        <v>303</v>
      </c>
      <c r="G508" s="6">
        <v>8</v>
      </c>
      <c r="H508" s="6">
        <v>2</v>
      </c>
      <c r="I508" s="6">
        <v>5</v>
      </c>
      <c r="J508" s="6">
        <v>1</v>
      </c>
    </row>
    <row r="509" spans="1:10">
      <c r="A509" s="9" t="s">
        <v>27</v>
      </c>
      <c r="B509" s="9" t="s">
        <v>57</v>
      </c>
      <c r="C509" s="9" t="s">
        <v>58</v>
      </c>
      <c r="D509" s="9" t="s">
        <v>226</v>
      </c>
      <c r="E509" s="9" t="s">
        <v>300</v>
      </c>
      <c r="F509" s="9" t="s">
        <v>304</v>
      </c>
      <c r="G509" s="6">
        <v>11321</v>
      </c>
      <c r="H509" s="6">
        <v>6282</v>
      </c>
      <c r="I509" s="6">
        <v>4960</v>
      </c>
      <c r="J509" s="6">
        <v>79</v>
      </c>
    </row>
    <row r="510" spans="1:10">
      <c r="A510" s="9" t="s">
        <v>27</v>
      </c>
      <c r="B510" s="9" t="s">
        <v>57</v>
      </c>
      <c r="C510" s="9" t="s">
        <v>58</v>
      </c>
      <c r="D510" s="9" t="s">
        <v>226</v>
      </c>
      <c r="E510" s="9" t="s">
        <v>300</v>
      </c>
      <c r="F510" s="9" t="s">
        <v>49</v>
      </c>
      <c r="G510" s="6">
        <v>10387</v>
      </c>
      <c r="H510" s="6">
        <v>5652</v>
      </c>
      <c r="I510" s="6">
        <v>4660</v>
      </c>
      <c r="J510" s="6">
        <v>75</v>
      </c>
    </row>
    <row r="511" spans="1:10">
      <c r="A511" s="9" t="s">
        <v>27</v>
      </c>
      <c r="B511" s="9" t="s">
        <v>57</v>
      </c>
      <c r="C511" s="9" t="s">
        <v>58</v>
      </c>
      <c r="D511" s="9" t="s">
        <v>226</v>
      </c>
      <c r="E511" s="9" t="s">
        <v>301</v>
      </c>
      <c r="F511" s="9" t="s">
        <v>6</v>
      </c>
      <c r="G511" s="6">
        <v>4642</v>
      </c>
      <c r="H511" s="6">
        <v>2772</v>
      </c>
      <c r="I511" s="6">
        <v>1806</v>
      </c>
      <c r="J511" s="6">
        <v>64</v>
      </c>
    </row>
    <row r="512" spans="1:10">
      <c r="A512" s="9" t="s">
        <v>27</v>
      </c>
      <c r="B512" s="9" t="s">
        <v>57</v>
      </c>
      <c r="C512" s="9" t="s">
        <v>58</v>
      </c>
      <c r="D512" s="9" t="s">
        <v>226</v>
      </c>
      <c r="E512" s="9" t="s">
        <v>301</v>
      </c>
      <c r="F512" s="9" t="s">
        <v>297</v>
      </c>
      <c r="G512" s="6">
        <v>34</v>
      </c>
      <c r="H512" s="6">
        <v>26</v>
      </c>
      <c r="I512" s="6">
        <v>8</v>
      </c>
      <c r="J512" s="10" t="s">
        <v>55</v>
      </c>
    </row>
    <row r="513" spans="1:10">
      <c r="A513" s="9" t="s">
        <v>27</v>
      </c>
      <c r="B513" s="9" t="s">
        <v>57</v>
      </c>
      <c r="C513" s="9" t="s">
        <v>58</v>
      </c>
      <c r="D513" s="9" t="s">
        <v>226</v>
      </c>
      <c r="E513" s="9" t="s">
        <v>301</v>
      </c>
      <c r="F513" s="9" t="s">
        <v>298</v>
      </c>
      <c r="G513" s="6">
        <v>64</v>
      </c>
      <c r="H513" s="6">
        <v>48</v>
      </c>
      <c r="I513" s="6">
        <v>15</v>
      </c>
      <c r="J513" s="6">
        <v>1</v>
      </c>
    </row>
    <row r="514" spans="1:10">
      <c r="A514" s="9" t="s">
        <v>27</v>
      </c>
      <c r="B514" s="9" t="s">
        <v>57</v>
      </c>
      <c r="C514" s="9" t="s">
        <v>58</v>
      </c>
      <c r="D514" s="9" t="s">
        <v>226</v>
      </c>
      <c r="E514" s="9" t="s">
        <v>301</v>
      </c>
      <c r="F514" s="9" t="s">
        <v>299</v>
      </c>
      <c r="G514" s="6">
        <v>418</v>
      </c>
      <c r="H514" s="6">
        <v>277</v>
      </c>
      <c r="I514" s="6">
        <v>138</v>
      </c>
      <c r="J514" s="6">
        <v>3</v>
      </c>
    </row>
    <row r="515" spans="1:10">
      <c r="A515" s="9" t="s">
        <v>27</v>
      </c>
      <c r="B515" s="9" t="s">
        <v>57</v>
      </c>
      <c r="C515" s="9" t="s">
        <v>58</v>
      </c>
      <c r="D515" s="9" t="s">
        <v>226</v>
      </c>
      <c r="E515" s="9" t="s">
        <v>301</v>
      </c>
      <c r="F515" s="9" t="s">
        <v>300</v>
      </c>
      <c r="G515" s="6">
        <v>2390</v>
      </c>
      <c r="H515" s="6">
        <v>1460</v>
      </c>
      <c r="I515" s="6">
        <v>900</v>
      </c>
      <c r="J515" s="6">
        <v>30</v>
      </c>
    </row>
    <row r="516" spans="1:10">
      <c r="A516" s="9" t="s">
        <v>27</v>
      </c>
      <c r="B516" s="9" t="s">
        <v>57</v>
      </c>
      <c r="C516" s="9" t="s">
        <v>58</v>
      </c>
      <c r="D516" s="9" t="s">
        <v>226</v>
      </c>
      <c r="E516" s="9" t="s">
        <v>301</v>
      </c>
      <c r="F516" s="9" t="s">
        <v>301</v>
      </c>
      <c r="G516" s="6">
        <v>1583</v>
      </c>
      <c r="H516" s="6">
        <v>889</v>
      </c>
      <c r="I516" s="6">
        <v>669</v>
      </c>
      <c r="J516" s="6">
        <v>25</v>
      </c>
    </row>
    <row r="517" spans="1:10">
      <c r="A517" s="9" t="s">
        <v>27</v>
      </c>
      <c r="B517" s="9" t="s">
        <v>57</v>
      </c>
      <c r="C517" s="9" t="s">
        <v>58</v>
      </c>
      <c r="D517" s="9" t="s">
        <v>226</v>
      </c>
      <c r="E517" s="9" t="s">
        <v>301</v>
      </c>
      <c r="F517" s="9" t="s">
        <v>302</v>
      </c>
      <c r="G517" s="6">
        <v>135</v>
      </c>
      <c r="H517" s="6">
        <v>65</v>
      </c>
      <c r="I517" s="6">
        <v>65</v>
      </c>
      <c r="J517" s="6">
        <v>5</v>
      </c>
    </row>
    <row r="518" spans="1:10">
      <c r="A518" s="9" t="s">
        <v>27</v>
      </c>
      <c r="B518" s="9" t="s">
        <v>57</v>
      </c>
      <c r="C518" s="9" t="s">
        <v>58</v>
      </c>
      <c r="D518" s="9" t="s">
        <v>226</v>
      </c>
      <c r="E518" s="9" t="s">
        <v>301</v>
      </c>
      <c r="F518" s="9" t="s">
        <v>303</v>
      </c>
      <c r="G518" s="6">
        <v>18</v>
      </c>
      <c r="H518" s="6">
        <v>7</v>
      </c>
      <c r="I518" s="6">
        <v>11</v>
      </c>
      <c r="J518" s="10" t="s">
        <v>55</v>
      </c>
    </row>
    <row r="519" spans="1:10">
      <c r="A519" s="9" t="s">
        <v>27</v>
      </c>
      <c r="B519" s="9" t="s">
        <v>57</v>
      </c>
      <c r="C519" s="9" t="s">
        <v>58</v>
      </c>
      <c r="D519" s="9" t="s">
        <v>226</v>
      </c>
      <c r="E519" s="9" t="s">
        <v>301</v>
      </c>
      <c r="F519" s="9" t="s">
        <v>304</v>
      </c>
      <c r="G519" s="6">
        <v>4608</v>
      </c>
      <c r="H519" s="6">
        <v>2746</v>
      </c>
      <c r="I519" s="6">
        <v>1798</v>
      </c>
      <c r="J519" s="6">
        <v>64</v>
      </c>
    </row>
    <row r="520" spans="1:10">
      <c r="A520" s="9" t="s">
        <v>27</v>
      </c>
      <c r="B520" s="9" t="s">
        <v>57</v>
      </c>
      <c r="C520" s="9" t="s">
        <v>58</v>
      </c>
      <c r="D520" s="9" t="s">
        <v>226</v>
      </c>
      <c r="E520" s="9" t="s">
        <v>301</v>
      </c>
      <c r="F520" s="9" t="s">
        <v>49</v>
      </c>
      <c r="G520" s="6">
        <v>4544</v>
      </c>
      <c r="H520" s="6">
        <v>2698</v>
      </c>
      <c r="I520" s="6">
        <v>1783</v>
      </c>
      <c r="J520" s="6">
        <v>63</v>
      </c>
    </row>
    <row r="521" spans="1:10">
      <c r="A521" s="9" t="s">
        <v>27</v>
      </c>
      <c r="B521" s="9" t="s">
        <v>57</v>
      </c>
      <c r="C521" s="9" t="s">
        <v>58</v>
      </c>
      <c r="D521" s="9" t="s">
        <v>226</v>
      </c>
      <c r="E521" s="9" t="s">
        <v>302</v>
      </c>
      <c r="F521" s="9" t="s">
        <v>6</v>
      </c>
      <c r="G521" s="6">
        <v>2137</v>
      </c>
      <c r="H521" s="6">
        <v>1341</v>
      </c>
      <c r="I521" s="6">
        <v>754</v>
      </c>
      <c r="J521" s="6">
        <v>42</v>
      </c>
    </row>
    <row r="522" spans="1:10">
      <c r="A522" s="9" t="s">
        <v>27</v>
      </c>
      <c r="B522" s="9" t="s">
        <v>57</v>
      </c>
      <c r="C522" s="9" t="s">
        <v>58</v>
      </c>
      <c r="D522" s="9" t="s">
        <v>226</v>
      </c>
      <c r="E522" s="9" t="s">
        <v>302</v>
      </c>
      <c r="F522" s="9" t="s">
        <v>297</v>
      </c>
      <c r="G522" s="6">
        <v>8</v>
      </c>
      <c r="H522" s="6">
        <v>7</v>
      </c>
      <c r="I522" s="6">
        <v>1</v>
      </c>
      <c r="J522" s="10" t="s">
        <v>55</v>
      </c>
    </row>
    <row r="523" spans="1:10">
      <c r="A523" s="9" t="s">
        <v>27</v>
      </c>
      <c r="B523" s="9" t="s">
        <v>57</v>
      </c>
      <c r="C523" s="9" t="s">
        <v>58</v>
      </c>
      <c r="D523" s="9" t="s">
        <v>226</v>
      </c>
      <c r="E523" s="9" t="s">
        <v>302</v>
      </c>
      <c r="F523" s="9" t="s">
        <v>298</v>
      </c>
      <c r="G523" s="6">
        <v>4</v>
      </c>
      <c r="H523" s="6">
        <v>3</v>
      </c>
      <c r="I523" s="6">
        <v>1</v>
      </c>
      <c r="J523" s="10" t="s">
        <v>55</v>
      </c>
    </row>
    <row r="524" spans="1:10">
      <c r="A524" s="9" t="s">
        <v>27</v>
      </c>
      <c r="B524" s="9" t="s">
        <v>57</v>
      </c>
      <c r="C524" s="9" t="s">
        <v>58</v>
      </c>
      <c r="D524" s="9" t="s">
        <v>226</v>
      </c>
      <c r="E524" s="9" t="s">
        <v>302</v>
      </c>
      <c r="F524" s="9" t="s">
        <v>299</v>
      </c>
      <c r="G524" s="6">
        <v>22</v>
      </c>
      <c r="H524" s="6">
        <v>20</v>
      </c>
      <c r="I524" s="6">
        <v>2</v>
      </c>
      <c r="J524" s="10" t="s">
        <v>55</v>
      </c>
    </row>
    <row r="525" spans="1:10">
      <c r="A525" s="9" t="s">
        <v>27</v>
      </c>
      <c r="B525" s="9" t="s">
        <v>57</v>
      </c>
      <c r="C525" s="9" t="s">
        <v>58</v>
      </c>
      <c r="D525" s="9" t="s">
        <v>226</v>
      </c>
      <c r="E525" s="9" t="s">
        <v>302</v>
      </c>
      <c r="F525" s="9" t="s">
        <v>300</v>
      </c>
      <c r="G525" s="6">
        <v>293</v>
      </c>
      <c r="H525" s="6">
        <v>208</v>
      </c>
      <c r="I525" s="6">
        <v>82</v>
      </c>
      <c r="J525" s="6">
        <v>3</v>
      </c>
    </row>
    <row r="526" spans="1:10">
      <c r="A526" s="9" t="s">
        <v>27</v>
      </c>
      <c r="B526" s="9" t="s">
        <v>57</v>
      </c>
      <c r="C526" s="9" t="s">
        <v>58</v>
      </c>
      <c r="D526" s="9" t="s">
        <v>226</v>
      </c>
      <c r="E526" s="9" t="s">
        <v>302</v>
      </c>
      <c r="F526" s="9" t="s">
        <v>301</v>
      </c>
      <c r="G526" s="6">
        <v>1051</v>
      </c>
      <c r="H526" s="6">
        <v>673</v>
      </c>
      <c r="I526" s="6">
        <v>358</v>
      </c>
      <c r="J526" s="6">
        <v>20</v>
      </c>
    </row>
    <row r="527" spans="1:10">
      <c r="A527" s="9" t="s">
        <v>27</v>
      </c>
      <c r="B527" s="9" t="s">
        <v>57</v>
      </c>
      <c r="C527" s="9" t="s">
        <v>58</v>
      </c>
      <c r="D527" s="9" t="s">
        <v>226</v>
      </c>
      <c r="E527" s="9" t="s">
        <v>302</v>
      </c>
      <c r="F527" s="9" t="s">
        <v>302</v>
      </c>
      <c r="G527" s="6">
        <v>705</v>
      </c>
      <c r="H527" s="6">
        <v>408</v>
      </c>
      <c r="I527" s="6">
        <v>279</v>
      </c>
      <c r="J527" s="6">
        <v>18</v>
      </c>
    </row>
    <row r="528" spans="1:10">
      <c r="A528" s="9" t="s">
        <v>27</v>
      </c>
      <c r="B528" s="9" t="s">
        <v>57</v>
      </c>
      <c r="C528" s="9" t="s">
        <v>58</v>
      </c>
      <c r="D528" s="9" t="s">
        <v>226</v>
      </c>
      <c r="E528" s="9" t="s">
        <v>302</v>
      </c>
      <c r="F528" s="9" t="s">
        <v>303</v>
      </c>
      <c r="G528" s="6">
        <v>54</v>
      </c>
      <c r="H528" s="6">
        <v>22</v>
      </c>
      <c r="I528" s="6">
        <v>31</v>
      </c>
      <c r="J528" s="6">
        <v>1</v>
      </c>
    </row>
    <row r="529" spans="1:10">
      <c r="A529" s="9" t="s">
        <v>27</v>
      </c>
      <c r="B529" s="9" t="s">
        <v>57</v>
      </c>
      <c r="C529" s="9" t="s">
        <v>58</v>
      </c>
      <c r="D529" s="9" t="s">
        <v>226</v>
      </c>
      <c r="E529" s="9" t="s">
        <v>302</v>
      </c>
      <c r="F529" s="9" t="s">
        <v>304</v>
      </c>
      <c r="G529" s="6">
        <v>2129</v>
      </c>
      <c r="H529" s="6">
        <v>1334</v>
      </c>
      <c r="I529" s="6">
        <v>753</v>
      </c>
      <c r="J529" s="6">
        <v>42</v>
      </c>
    </row>
    <row r="530" spans="1:10">
      <c r="A530" s="9" t="s">
        <v>27</v>
      </c>
      <c r="B530" s="9" t="s">
        <v>57</v>
      </c>
      <c r="C530" s="9" t="s">
        <v>58</v>
      </c>
      <c r="D530" s="9" t="s">
        <v>226</v>
      </c>
      <c r="E530" s="9" t="s">
        <v>302</v>
      </c>
      <c r="F530" s="9" t="s">
        <v>49</v>
      </c>
      <c r="G530" s="6">
        <v>2125</v>
      </c>
      <c r="H530" s="6">
        <v>1331</v>
      </c>
      <c r="I530" s="6">
        <v>752</v>
      </c>
      <c r="J530" s="6">
        <v>42</v>
      </c>
    </row>
    <row r="531" spans="1:10">
      <c r="A531" s="9" t="s">
        <v>27</v>
      </c>
      <c r="B531" s="9" t="s">
        <v>57</v>
      </c>
      <c r="C531" s="9" t="s">
        <v>58</v>
      </c>
      <c r="D531" s="9" t="s">
        <v>226</v>
      </c>
      <c r="E531" s="9" t="s">
        <v>303</v>
      </c>
      <c r="F531" s="9" t="s">
        <v>6</v>
      </c>
      <c r="G531" s="6">
        <v>821</v>
      </c>
      <c r="H531" s="6">
        <v>480</v>
      </c>
      <c r="I531" s="6">
        <v>317</v>
      </c>
      <c r="J531" s="6">
        <v>24</v>
      </c>
    </row>
    <row r="532" spans="1:10">
      <c r="A532" s="9" t="s">
        <v>27</v>
      </c>
      <c r="B532" s="9" t="s">
        <v>57</v>
      </c>
      <c r="C532" s="9" t="s">
        <v>58</v>
      </c>
      <c r="D532" s="9" t="s">
        <v>226</v>
      </c>
      <c r="E532" s="9" t="s">
        <v>303</v>
      </c>
      <c r="F532" s="9" t="s">
        <v>297</v>
      </c>
      <c r="G532" s="6">
        <v>1</v>
      </c>
      <c r="H532" s="10" t="s">
        <v>55</v>
      </c>
      <c r="I532" s="6">
        <v>1</v>
      </c>
      <c r="J532" s="10" t="s">
        <v>55</v>
      </c>
    </row>
    <row r="533" spans="1:10">
      <c r="A533" s="9" t="s">
        <v>27</v>
      </c>
      <c r="B533" s="9" t="s">
        <v>57</v>
      </c>
      <c r="C533" s="9" t="s">
        <v>58</v>
      </c>
      <c r="D533" s="9" t="s">
        <v>226</v>
      </c>
      <c r="E533" s="9" t="s">
        <v>303</v>
      </c>
      <c r="F533" s="9" t="s">
        <v>298</v>
      </c>
      <c r="G533" s="6">
        <v>4</v>
      </c>
      <c r="H533" s="6">
        <v>4</v>
      </c>
      <c r="I533" s="10" t="s">
        <v>55</v>
      </c>
      <c r="J533" s="10" t="s">
        <v>55</v>
      </c>
    </row>
    <row r="534" spans="1:10">
      <c r="A534" s="9" t="s">
        <v>27</v>
      </c>
      <c r="B534" s="9" t="s">
        <v>57</v>
      </c>
      <c r="C534" s="9" t="s">
        <v>58</v>
      </c>
      <c r="D534" s="9" t="s">
        <v>226</v>
      </c>
      <c r="E534" s="9" t="s">
        <v>303</v>
      </c>
      <c r="F534" s="9" t="s">
        <v>299</v>
      </c>
      <c r="G534" s="6">
        <v>5</v>
      </c>
      <c r="H534" s="6">
        <v>3</v>
      </c>
      <c r="I534" s="6">
        <v>2</v>
      </c>
      <c r="J534" s="10" t="s">
        <v>55</v>
      </c>
    </row>
    <row r="535" spans="1:10">
      <c r="A535" s="9" t="s">
        <v>27</v>
      </c>
      <c r="B535" s="9" t="s">
        <v>57</v>
      </c>
      <c r="C535" s="9" t="s">
        <v>58</v>
      </c>
      <c r="D535" s="9" t="s">
        <v>226</v>
      </c>
      <c r="E535" s="9" t="s">
        <v>303</v>
      </c>
      <c r="F535" s="9" t="s">
        <v>300</v>
      </c>
      <c r="G535" s="6">
        <v>16</v>
      </c>
      <c r="H535" s="6">
        <v>6</v>
      </c>
      <c r="I535" s="6">
        <v>10</v>
      </c>
      <c r="J535" s="10" t="s">
        <v>55</v>
      </c>
    </row>
    <row r="536" spans="1:10">
      <c r="A536" s="9" t="s">
        <v>27</v>
      </c>
      <c r="B536" s="9" t="s">
        <v>57</v>
      </c>
      <c r="C536" s="9" t="s">
        <v>58</v>
      </c>
      <c r="D536" s="9" t="s">
        <v>226</v>
      </c>
      <c r="E536" s="9" t="s">
        <v>303</v>
      </c>
      <c r="F536" s="9" t="s">
        <v>301</v>
      </c>
      <c r="G536" s="6">
        <v>134</v>
      </c>
      <c r="H536" s="6">
        <v>92</v>
      </c>
      <c r="I536" s="6">
        <v>41</v>
      </c>
      <c r="J536" s="6">
        <v>1</v>
      </c>
    </row>
    <row r="537" spans="1:10">
      <c r="A537" s="9" t="s">
        <v>27</v>
      </c>
      <c r="B537" s="9" t="s">
        <v>57</v>
      </c>
      <c r="C537" s="9" t="s">
        <v>58</v>
      </c>
      <c r="D537" s="9" t="s">
        <v>226</v>
      </c>
      <c r="E537" s="9" t="s">
        <v>303</v>
      </c>
      <c r="F537" s="9" t="s">
        <v>302</v>
      </c>
      <c r="G537" s="6">
        <v>395</v>
      </c>
      <c r="H537" s="6">
        <v>241</v>
      </c>
      <c r="I537" s="6">
        <v>140</v>
      </c>
      <c r="J537" s="6">
        <v>14</v>
      </c>
    </row>
    <row r="538" spans="1:10">
      <c r="A538" s="9" t="s">
        <v>27</v>
      </c>
      <c r="B538" s="9" t="s">
        <v>57</v>
      </c>
      <c r="C538" s="9" t="s">
        <v>58</v>
      </c>
      <c r="D538" s="9" t="s">
        <v>226</v>
      </c>
      <c r="E538" s="9" t="s">
        <v>303</v>
      </c>
      <c r="F538" s="9" t="s">
        <v>303</v>
      </c>
      <c r="G538" s="6">
        <v>266</v>
      </c>
      <c r="H538" s="6">
        <v>134</v>
      </c>
      <c r="I538" s="6">
        <v>123</v>
      </c>
      <c r="J538" s="6">
        <v>9</v>
      </c>
    </row>
    <row r="539" spans="1:10">
      <c r="A539" s="9" t="s">
        <v>27</v>
      </c>
      <c r="B539" s="9" t="s">
        <v>57</v>
      </c>
      <c r="C539" s="9" t="s">
        <v>58</v>
      </c>
      <c r="D539" s="9" t="s">
        <v>226</v>
      </c>
      <c r="E539" s="9" t="s">
        <v>303</v>
      </c>
      <c r="F539" s="9" t="s">
        <v>304</v>
      </c>
      <c r="G539" s="6">
        <v>820</v>
      </c>
      <c r="H539" s="6">
        <v>480</v>
      </c>
      <c r="I539" s="6">
        <v>316</v>
      </c>
      <c r="J539" s="6">
        <v>24</v>
      </c>
    </row>
    <row r="540" spans="1:10">
      <c r="A540" s="9" t="s">
        <v>27</v>
      </c>
      <c r="B540" s="9" t="s">
        <v>57</v>
      </c>
      <c r="C540" s="9" t="s">
        <v>58</v>
      </c>
      <c r="D540" s="9" t="s">
        <v>226</v>
      </c>
      <c r="E540" s="9" t="s">
        <v>303</v>
      </c>
      <c r="F540" s="9" t="s">
        <v>49</v>
      </c>
      <c r="G540" s="6">
        <v>816</v>
      </c>
      <c r="H540" s="6">
        <v>476</v>
      </c>
      <c r="I540" s="6">
        <v>316</v>
      </c>
      <c r="J540" s="6">
        <v>24</v>
      </c>
    </row>
    <row r="541" spans="1:10">
      <c r="A541" s="9" t="s">
        <v>27</v>
      </c>
      <c r="B541" s="9" t="s">
        <v>57</v>
      </c>
      <c r="C541" s="9" t="s">
        <v>58</v>
      </c>
      <c r="D541" s="9" t="s">
        <v>226</v>
      </c>
      <c r="E541" s="9" t="s">
        <v>305</v>
      </c>
      <c r="F541" s="9" t="s">
        <v>6</v>
      </c>
      <c r="G541" s="6">
        <v>33722</v>
      </c>
      <c r="H541" s="6">
        <v>19612</v>
      </c>
      <c r="I541" s="6">
        <v>13844</v>
      </c>
      <c r="J541" s="6">
        <v>266</v>
      </c>
    </row>
    <row r="542" spans="1:10">
      <c r="A542" s="9" t="s">
        <v>27</v>
      </c>
      <c r="B542" s="9" t="s">
        <v>57</v>
      </c>
      <c r="C542" s="9" t="s">
        <v>58</v>
      </c>
      <c r="D542" s="9" t="s">
        <v>226</v>
      </c>
      <c r="E542" s="9" t="s">
        <v>305</v>
      </c>
      <c r="F542" s="9" t="s">
        <v>297</v>
      </c>
      <c r="G542" s="6">
        <v>1640</v>
      </c>
      <c r="H542" s="6">
        <v>1246</v>
      </c>
      <c r="I542" s="6">
        <v>391</v>
      </c>
      <c r="J542" s="6">
        <v>3</v>
      </c>
    </row>
    <row r="543" spans="1:10">
      <c r="A543" s="9" t="s">
        <v>27</v>
      </c>
      <c r="B543" s="9" t="s">
        <v>57</v>
      </c>
      <c r="C543" s="9" t="s">
        <v>58</v>
      </c>
      <c r="D543" s="9" t="s">
        <v>226</v>
      </c>
      <c r="E543" s="9" t="s">
        <v>305</v>
      </c>
      <c r="F543" s="9" t="s">
        <v>298</v>
      </c>
      <c r="G543" s="6">
        <v>6349</v>
      </c>
      <c r="H543" s="6">
        <v>4157</v>
      </c>
      <c r="I543" s="6">
        <v>2171</v>
      </c>
      <c r="J543" s="6">
        <v>21</v>
      </c>
    </row>
    <row r="544" spans="1:10">
      <c r="A544" s="9" t="s">
        <v>27</v>
      </c>
      <c r="B544" s="9" t="s">
        <v>57</v>
      </c>
      <c r="C544" s="9" t="s">
        <v>58</v>
      </c>
      <c r="D544" s="9" t="s">
        <v>226</v>
      </c>
      <c r="E544" s="9" t="s">
        <v>305</v>
      </c>
      <c r="F544" s="9" t="s">
        <v>299</v>
      </c>
      <c r="G544" s="6">
        <v>12055</v>
      </c>
      <c r="H544" s="6">
        <v>6777</v>
      </c>
      <c r="I544" s="6">
        <v>5228</v>
      </c>
      <c r="J544" s="6">
        <v>50</v>
      </c>
    </row>
    <row r="545" spans="1:10">
      <c r="A545" s="9" t="s">
        <v>27</v>
      </c>
      <c r="B545" s="9" t="s">
        <v>57</v>
      </c>
      <c r="C545" s="9" t="s">
        <v>58</v>
      </c>
      <c r="D545" s="9" t="s">
        <v>226</v>
      </c>
      <c r="E545" s="9" t="s">
        <v>305</v>
      </c>
      <c r="F545" s="9" t="s">
        <v>300</v>
      </c>
      <c r="G545" s="6">
        <v>8750</v>
      </c>
      <c r="H545" s="6">
        <v>4694</v>
      </c>
      <c r="I545" s="6">
        <v>3970</v>
      </c>
      <c r="J545" s="6">
        <v>86</v>
      </c>
    </row>
    <row r="546" spans="1:10">
      <c r="A546" s="9" t="s">
        <v>27</v>
      </c>
      <c r="B546" s="9" t="s">
        <v>57</v>
      </c>
      <c r="C546" s="9" t="s">
        <v>58</v>
      </c>
      <c r="D546" s="9" t="s">
        <v>226</v>
      </c>
      <c r="E546" s="9" t="s">
        <v>305</v>
      </c>
      <c r="F546" s="9" t="s">
        <v>301</v>
      </c>
      <c r="G546" s="6">
        <v>3284</v>
      </c>
      <c r="H546" s="6">
        <v>1839</v>
      </c>
      <c r="I546" s="6">
        <v>1389</v>
      </c>
      <c r="J546" s="6">
        <v>56</v>
      </c>
    </row>
    <row r="547" spans="1:10">
      <c r="A547" s="9" t="s">
        <v>27</v>
      </c>
      <c r="B547" s="9" t="s">
        <v>57</v>
      </c>
      <c r="C547" s="9" t="s">
        <v>58</v>
      </c>
      <c r="D547" s="9" t="s">
        <v>226</v>
      </c>
      <c r="E547" s="9" t="s">
        <v>305</v>
      </c>
      <c r="F547" s="9" t="s">
        <v>302</v>
      </c>
      <c r="G547" s="6">
        <v>1291</v>
      </c>
      <c r="H547" s="6">
        <v>733</v>
      </c>
      <c r="I547" s="6">
        <v>519</v>
      </c>
      <c r="J547" s="6">
        <v>39</v>
      </c>
    </row>
    <row r="548" spans="1:10">
      <c r="A548" s="9" t="s">
        <v>27</v>
      </c>
      <c r="B548" s="9" t="s">
        <v>57</v>
      </c>
      <c r="C548" s="9" t="s">
        <v>58</v>
      </c>
      <c r="D548" s="9" t="s">
        <v>226</v>
      </c>
      <c r="E548" s="9" t="s">
        <v>305</v>
      </c>
      <c r="F548" s="9" t="s">
        <v>303</v>
      </c>
      <c r="G548" s="6">
        <v>353</v>
      </c>
      <c r="H548" s="6">
        <v>166</v>
      </c>
      <c r="I548" s="6">
        <v>176</v>
      </c>
      <c r="J548" s="6">
        <v>11</v>
      </c>
    </row>
    <row r="549" spans="1:10">
      <c r="A549" s="9" t="s">
        <v>27</v>
      </c>
      <c r="B549" s="9" t="s">
        <v>57</v>
      </c>
      <c r="C549" s="9" t="s">
        <v>58</v>
      </c>
      <c r="D549" s="9" t="s">
        <v>226</v>
      </c>
      <c r="E549" s="9" t="s">
        <v>305</v>
      </c>
      <c r="F549" s="9" t="s">
        <v>304</v>
      </c>
      <c r="G549" s="6">
        <v>32082</v>
      </c>
      <c r="H549" s="6">
        <v>18366</v>
      </c>
      <c r="I549" s="6">
        <v>13453</v>
      </c>
      <c r="J549" s="6">
        <v>263</v>
      </c>
    </row>
    <row r="550" spans="1:10">
      <c r="A550" s="9" t="s">
        <v>27</v>
      </c>
      <c r="B550" s="9" t="s">
        <v>57</v>
      </c>
      <c r="C550" s="9" t="s">
        <v>58</v>
      </c>
      <c r="D550" s="9" t="s">
        <v>226</v>
      </c>
      <c r="E550" s="9" t="s">
        <v>305</v>
      </c>
      <c r="F550" s="9" t="s">
        <v>49</v>
      </c>
      <c r="G550" s="6">
        <v>25733</v>
      </c>
      <c r="H550" s="6">
        <v>14209</v>
      </c>
      <c r="I550" s="6">
        <v>11282</v>
      </c>
      <c r="J550" s="6">
        <v>242</v>
      </c>
    </row>
    <row r="551" spans="1:10">
      <c r="A551" s="9" t="s">
        <v>27</v>
      </c>
      <c r="B551" s="9" t="s">
        <v>57</v>
      </c>
      <c r="C551" s="9" t="s">
        <v>58</v>
      </c>
      <c r="D551" s="9" t="s">
        <v>228</v>
      </c>
      <c r="E551" s="9" t="s">
        <v>6</v>
      </c>
      <c r="F551" s="9" t="s">
        <v>6</v>
      </c>
      <c r="G551" s="6">
        <v>62650</v>
      </c>
      <c r="H551" s="6">
        <v>9430</v>
      </c>
      <c r="I551" s="6">
        <v>53063</v>
      </c>
      <c r="J551" s="6">
        <v>157</v>
      </c>
    </row>
    <row r="552" spans="1:10">
      <c r="A552" s="9" t="s">
        <v>27</v>
      </c>
      <c r="B552" s="9" t="s">
        <v>57</v>
      </c>
      <c r="C552" s="9" t="s">
        <v>58</v>
      </c>
      <c r="D552" s="9" t="s">
        <v>228</v>
      </c>
      <c r="E552" s="9" t="s">
        <v>6</v>
      </c>
      <c r="F552" s="9" t="s">
        <v>297</v>
      </c>
      <c r="G552" s="6">
        <v>3112</v>
      </c>
      <c r="H552" s="6">
        <v>1838</v>
      </c>
      <c r="I552" s="6">
        <v>1271</v>
      </c>
      <c r="J552" s="6">
        <v>3</v>
      </c>
    </row>
    <row r="553" spans="1:10">
      <c r="A553" s="9" t="s">
        <v>27</v>
      </c>
      <c r="B553" s="9" t="s">
        <v>57</v>
      </c>
      <c r="C553" s="9" t="s">
        <v>58</v>
      </c>
      <c r="D553" s="9" t="s">
        <v>228</v>
      </c>
      <c r="E553" s="9" t="s">
        <v>6</v>
      </c>
      <c r="F553" s="9" t="s">
        <v>298</v>
      </c>
      <c r="G553" s="6">
        <v>5687</v>
      </c>
      <c r="H553" s="6">
        <v>2455</v>
      </c>
      <c r="I553" s="6">
        <v>3225</v>
      </c>
      <c r="J553" s="6">
        <v>7</v>
      </c>
    </row>
    <row r="554" spans="1:10">
      <c r="A554" s="9" t="s">
        <v>27</v>
      </c>
      <c r="B554" s="9" t="s">
        <v>57</v>
      </c>
      <c r="C554" s="9" t="s">
        <v>58</v>
      </c>
      <c r="D554" s="9" t="s">
        <v>228</v>
      </c>
      <c r="E554" s="9" t="s">
        <v>6</v>
      </c>
      <c r="F554" s="9" t="s">
        <v>299</v>
      </c>
      <c r="G554" s="6">
        <v>12378</v>
      </c>
      <c r="H554" s="6">
        <v>2808</v>
      </c>
      <c r="I554" s="6">
        <v>9554</v>
      </c>
      <c r="J554" s="6">
        <v>16</v>
      </c>
    </row>
    <row r="555" spans="1:10">
      <c r="A555" s="9" t="s">
        <v>27</v>
      </c>
      <c r="B555" s="9" t="s">
        <v>57</v>
      </c>
      <c r="C555" s="9" t="s">
        <v>58</v>
      </c>
      <c r="D555" s="9" t="s">
        <v>228</v>
      </c>
      <c r="E555" s="9" t="s">
        <v>6</v>
      </c>
      <c r="F555" s="9" t="s">
        <v>300</v>
      </c>
      <c r="G555" s="6">
        <v>16056</v>
      </c>
      <c r="H555" s="6">
        <v>1713</v>
      </c>
      <c r="I555" s="6">
        <v>14310</v>
      </c>
      <c r="J555" s="6">
        <v>33</v>
      </c>
    </row>
    <row r="556" spans="1:10">
      <c r="A556" s="9" t="s">
        <v>27</v>
      </c>
      <c r="B556" s="9" t="s">
        <v>57</v>
      </c>
      <c r="C556" s="9" t="s">
        <v>58</v>
      </c>
      <c r="D556" s="9" t="s">
        <v>228</v>
      </c>
      <c r="E556" s="9" t="s">
        <v>6</v>
      </c>
      <c r="F556" s="9" t="s">
        <v>301</v>
      </c>
      <c r="G556" s="6">
        <v>12649</v>
      </c>
      <c r="H556" s="6">
        <v>474</v>
      </c>
      <c r="I556" s="6">
        <v>12128</v>
      </c>
      <c r="J556" s="6">
        <v>47</v>
      </c>
    </row>
    <row r="557" spans="1:10">
      <c r="A557" s="9" t="s">
        <v>27</v>
      </c>
      <c r="B557" s="9" t="s">
        <v>57</v>
      </c>
      <c r="C557" s="9" t="s">
        <v>58</v>
      </c>
      <c r="D557" s="9" t="s">
        <v>228</v>
      </c>
      <c r="E557" s="9" t="s">
        <v>6</v>
      </c>
      <c r="F557" s="9" t="s">
        <v>302</v>
      </c>
      <c r="G557" s="6">
        <v>8522</v>
      </c>
      <c r="H557" s="6">
        <v>121</v>
      </c>
      <c r="I557" s="6">
        <v>8366</v>
      </c>
      <c r="J557" s="6">
        <v>35</v>
      </c>
    </row>
    <row r="558" spans="1:10">
      <c r="A558" s="9" t="s">
        <v>27</v>
      </c>
      <c r="B558" s="9" t="s">
        <v>57</v>
      </c>
      <c r="C558" s="9" t="s">
        <v>58</v>
      </c>
      <c r="D558" s="9" t="s">
        <v>228</v>
      </c>
      <c r="E558" s="9" t="s">
        <v>6</v>
      </c>
      <c r="F558" s="9" t="s">
        <v>303</v>
      </c>
      <c r="G558" s="6">
        <v>4246</v>
      </c>
      <c r="H558" s="6">
        <v>21</v>
      </c>
      <c r="I558" s="6">
        <v>4209</v>
      </c>
      <c r="J558" s="6">
        <v>16</v>
      </c>
    </row>
    <row r="559" spans="1:10">
      <c r="A559" s="9" t="s">
        <v>27</v>
      </c>
      <c r="B559" s="9" t="s">
        <v>57</v>
      </c>
      <c r="C559" s="9" t="s">
        <v>58</v>
      </c>
      <c r="D559" s="9" t="s">
        <v>228</v>
      </c>
      <c r="E559" s="9" t="s">
        <v>6</v>
      </c>
      <c r="F559" s="9" t="s">
        <v>304</v>
      </c>
      <c r="G559" s="6">
        <v>59538</v>
      </c>
      <c r="H559" s="6">
        <v>7592</v>
      </c>
      <c r="I559" s="6">
        <v>51792</v>
      </c>
      <c r="J559" s="6">
        <v>154</v>
      </c>
    </row>
    <row r="560" spans="1:10">
      <c r="A560" s="9" t="s">
        <v>27</v>
      </c>
      <c r="B560" s="9" t="s">
        <v>57</v>
      </c>
      <c r="C560" s="9" t="s">
        <v>58</v>
      </c>
      <c r="D560" s="9" t="s">
        <v>228</v>
      </c>
      <c r="E560" s="9" t="s">
        <v>6</v>
      </c>
      <c r="F560" s="9" t="s">
        <v>49</v>
      </c>
      <c r="G560" s="6">
        <v>53851</v>
      </c>
      <c r="H560" s="6">
        <v>5137</v>
      </c>
      <c r="I560" s="6">
        <v>48567</v>
      </c>
      <c r="J560" s="6">
        <v>147</v>
      </c>
    </row>
    <row r="561" spans="1:10">
      <c r="A561" s="9" t="s">
        <v>27</v>
      </c>
      <c r="B561" s="9" t="s">
        <v>57</v>
      </c>
      <c r="C561" s="9" t="s">
        <v>58</v>
      </c>
      <c r="D561" s="9" t="s">
        <v>228</v>
      </c>
      <c r="E561" s="9" t="s">
        <v>297</v>
      </c>
      <c r="F561" s="9" t="s">
        <v>6</v>
      </c>
      <c r="G561" s="6">
        <v>1343</v>
      </c>
      <c r="H561" s="6">
        <v>797</v>
      </c>
      <c r="I561" s="6">
        <v>544</v>
      </c>
      <c r="J561" s="6">
        <v>2</v>
      </c>
    </row>
    <row r="562" spans="1:10">
      <c r="A562" s="9" t="s">
        <v>27</v>
      </c>
      <c r="B562" s="9" t="s">
        <v>57</v>
      </c>
      <c r="C562" s="9" t="s">
        <v>58</v>
      </c>
      <c r="D562" s="9" t="s">
        <v>228</v>
      </c>
      <c r="E562" s="9" t="s">
        <v>297</v>
      </c>
      <c r="F562" s="9" t="s">
        <v>297</v>
      </c>
      <c r="G562" s="6">
        <v>1254</v>
      </c>
      <c r="H562" s="6">
        <v>761</v>
      </c>
      <c r="I562" s="6">
        <v>491</v>
      </c>
      <c r="J562" s="6">
        <v>2</v>
      </c>
    </row>
    <row r="563" spans="1:10">
      <c r="A563" s="9" t="s">
        <v>27</v>
      </c>
      <c r="B563" s="9" t="s">
        <v>57</v>
      </c>
      <c r="C563" s="9" t="s">
        <v>58</v>
      </c>
      <c r="D563" s="9" t="s">
        <v>228</v>
      </c>
      <c r="E563" s="9" t="s">
        <v>297</v>
      </c>
      <c r="F563" s="9" t="s">
        <v>298</v>
      </c>
      <c r="G563" s="6">
        <v>66</v>
      </c>
      <c r="H563" s="6">
        <v>29</v>
      </c>
      <c r="I563" s="6">
        <v>37</v>
      </c>
      <c r="J563" s="10" t="s">
        <v>55</v>
      </c>
    </row>
    <row r="564" spans="1:10">
      <c r="A564" s="9" t="s">
        <v>27</v>
      </c>
      <c r="B564" s="9" t="s">
        <v>57</v>
      </c>
      <c r="C564" s="9" t="s">
        <v>58</v>
      </c>
      <c r="D564" s="9" t="s">
        <v>228</v>
      </c>
      <c r="E564" s="9" t="s">
        <v>297</v>
      </c>
      <c r="F564" s="9" t="s">
        <v>299</v>
      </c>
      <c r="G564" s="6">
        <v>18</v>
      </c>
      <c r="H564" s="6">
        <v>7</v>
      </c>
      <c r="I564" s="6">
        <v>11</v>
      </c>
      <c r="J564" s="10" t="s">
        <v>55</v>
      </c>
    </row>
    <row r="565" spans="1:10">
      <c r="A565" s="9" t="s">
        <v>27</v>
      </c>
      <c r="B565" s="9" t="s">
        <v>57</v>
      </c>
      <c r="C565" s="9" t="s">
        <v>58</v>
      </c>
      <c r="D565" s="9" t="s">
        <v>228</v>
      </c>
      <c r="E565" s="9" t="s">
        <v>297</v>
      </c>
      <c r="F565" s="9" t="s">
        <v>300</v>
      </c>
      <c r="G565" s="6">
        <v>4</v>
      </c>
      <c r="H565" s="10" t="s">
        <v>55</v>
      </c>
      <c r="I565" s="6">
        <v>4</v>
      </c>
      <c r="J565" s="10" t="s">
        <v>55</v>
      </c>
    </row>
    <row r="566" spans="1:10">
      <c r="A566" s="9" t="s">
        <v>27</v>
      </c>
      <c r="B566" s="9" t="s">
        <v>57</v>
      </c>
      <c r="C566" s="9" t="s">
        <v>58</v>
      </c>
      <c r="D566" s="9" t="s">
        <v>228</v>
      </c>
      <c r="E566" s="9" t="s">
        <v>297</v>
      </c>
      <c r="F566" s="9" t="s">
        <v>301</v>
      </c>
      <c r="G566" s="10" t="s">
        <v>55</v>
      </c>
      <c r="H566" s="10" t="s">
        <v>55</v>
      </c>
      <c r="I566" s="10" t="s">
        <v>55</v>
      </c>
      <c r="J566" s="10" t="s">
        <v>55</v>
      </c>
    </row>
    <row r="567" spans="1:10">
      <c r="A567" s="9" t="s">
        <v>27</v>
      </c>
      <c r="B567" s="9" t="s">
        <v>57</v>
      </c>
      <c r="C567" s="9" t="s">
        <v>58</v>
      </c>
      <c r="D567" s="9" t="s">
        <v>228</v>
      </c>
      <c r="E567" s="9" t="s">
        <v>297</v>
      </c>
      <c r="F567" s="9" t="s">
        <v>302</v>
      </c>
      <c r="G567" s="6">
        <v>1</v>
      </c>
      <c r="H567" s="10" t="s">
        <v>55</v>
      </c>
      <c r="I567" s="6">
        <v>1</v>
      </c>
      <c r="J567" s="10" t="s">
        <v>55</v>
      </c>
    </row>
    <row r="568" spans="1:10">
      <c r="A568" s="9" t="s">
        <v>27</v>
      </c>
      <c r="B568" s="9" t="s">
        <v>57</v>
      </c>
      <c r="C568" s="9" t="s">
        <v>58</v>
      </c>
      <c r="D568" s="9" t="s">
        <v>228</v>
      </c>
      <c r="E568" s="9" t="s">
        <v>297</v>
      </c>
      <c r="F568" s="9" t="s">
        <v>303</v>
      </c>
      <c r="G568" s="10" t="s">
        <v>55</v>
      </c>
      <c r="H568" s="10" t="s">
        <v>55</v>
      </c>
      <c r="I568" s="10" t="s">
        <v>55</v>
      </c>
      <c r="J568" s="10" t="s">
        <v>55</v>
      </c>
    </row>
    <row r="569" spans="1:10">
      <c r="A569" s="9" t="s">
        <v>27</v>
      </c>
      <c r="B569" s="9" t="s">
        <v>57</v>
      </c>
      <c r="C569" s="9" t="s">
        <v>58</v>
      </c>
      <c r="D569" s="9" t="s">
        <v>228</v>
      </c>
      <c r="E569" s="9" t="s">
        <v>297</v>
      </c>
      <c r="F569" s="9" t="s">
        <v>304</v>
      </c>
      <c r="G569" s="6">
        <v>89</v>
      </c>
      <c r="H569" s="6">
        <v>36</v>
      </c>
      <c r="I569" s="6">
        <v>53</v>
      </c>
      <c r="J569" s="10" t="s">
        <v>55</v>
      </c>
    </row>
    <row r="570" spans="1:10">
      <c r="A570" s="9" t="s">
        <v>27</v>
      </c>
      <c r="B570" s="9" t="s">
        <v>57</v>
      </c>
      <c r="C570" s="9" t="s">
        <v>58</v>
      </c>
      <c r="D570" s="9" t="s">
        <v>228</v>
      </c>
      <c r="E570" s="9" t="s">
        <v>297</v>
      </c>
      <c r="F570" s="9" t="s">
        <v>49</v>
      </c>
      <c r="G570" s="6">
        <v>23</v>
      </c>
      <c r="H570" s="6">
        <v>7</v>
      </c>
      <c r="I570" s="6">
        <v>16</v>
      </c>
      <c r="J570" s="10" t="s">
        <v>55</v>
      </c>
    </row>
    <row r="571" spans="1:10">
      <c r="A571" s="9" t="s">
        <v>27</v>
      </c>
      <c r="B571" s="9" t="s">
        <v>57</v>
      </c>
      <c r="C571" s="9" t="s">
        <v>58</v>
      </c>
      <c r="D571" s="9" t="s">
        <v>228</v>
      </c>
      <c r="E571" s="9" t="s">
        <v>298</v>
      </c>
      <c r="F571" s="9" t="s">
        <v>6</v>
      </c>
      <c r="G571" s="6">
        <v>2513</v>
      </c>
      <c r="H571" s="6">
        <v>1145</v>
      </c>
      <c r="I571" s="6">
        <v>1366</v>
      </c>
      <c r="J571" s="6">
        <v>2</v>
      </c>
    </row>
    <row r="572" spans="1:10">
      <c r="A572" s="9" t="s">
        <v>27</v>
      </c>
      <c r="B572" s="9" t="s">
        <v>57</v>
      </c>
      <c r="C572" s="9" t="s">
        <v>58</v>
      </c>
      <c r="D572" s="9" t="s">
        <v>228</v>
      </c>
      <c r="E572" s="9" t="s">
        <v>298</v>
      </c>
      <c r="F572" s="9" t="s">
        <v>297</v>
      </c>
      <c r="G572" s="6">
        <v>855</v>
      </c>
      <c r="H572" s="6">
        <v>480</v>
      </c>
      <c r="I572" s="6">
        <v>375</v>
      </c>
      <c r="J572" s="10" t="s">
        <v>55</v>
      </c>
    </row>
    <row r="573" spans="1:10">
      <c r="A573" s="9" t="s">
        <v>27</v>
      </c>
      <c r="B573" s="9" t="s">
        <v>57</v>
      </c>
      <c r="C573" s="9" t="s">
        <v>58</v>
      </c>
      <c r="D573" s="9" t="s">
        <v>228</v>
      </c>
      <c r="E573" s="9" t="s">
        <v>298</v>
      </c>
      <c r="F573" s="9" t="s">
        <v>298</v>
      </c>
      <c r="G573" s="6">
        <v>1341</v>
      </c>
      <c r="H573" s="6">
        <v>592</v>
      </c>
      <c r="I573" s="6">
        <v>747</v>
      </c>
      <c r="J573" s="6">
        <v>2</v>
      </c>
    </row>
    <row r="574" spans="1:10">
      <c r="A574" s="9" t="s">
        <v>27</v>
      </c>
      <c r="B574" s="9" t="s">
        <v>57</v>
      </c>
      <c r="C574" s="9" t="s">
        <v>58</v>
      </c>
      <c r="D574" s="9" t="s">
        <v>228</v>
      </c>
      <c r="E574" s="9" t="s">
        <v>298</v>
      </c>
      <c r="F574" s="9" t="s">
        <v>299</v>
      </c>
      <c r="G574" s="6">
        <v>268</v>
      </c>
      <c r="H574" s="6">
        <v>67</v>
      </c>
      <c r="I574" s="6">
        <v>201</v>
      </c>
      <c r="J574" s="10" t="s">
        <v>55</v>
      </c>
    </row>
    <row r="575" spans="1:10">
      <c r="A575" s="9" t="s">
        <v>27</v>
      </c>
      <c r="B575" s="9" t="s">
        <v>57</v>
      </c>
      <c r="C575" s="9" t="s">
        <v>58</v>
      </c>
      <c r="D575" s="9" t="s">
        <v>228</v>
      </c>
      <c r="E575" s="9" t="s">
        <v>298</v>
      </c>
      <c r="F575" s="9" t="s">
        <v>300</v>
      </c>
      <c r="G575" s="6">
        <v>39</v>
      </c>
      <c r="H575" s="6">
        <v>4</v>
      </c>
      <c r="I575" s="6">
        <v>35</v>
      </c>
      <c r="J575" s="10" t="s">
        <v>55</v>
      </c>
    </row>
    <row r="576" spans="1:10">
      <c r="A576" s="9" t="s">
        <v>27</v>
      </c>
      <c r="B576" s="9" t="s">
        <v>57</v>
      </c>
      <c r="C576" s="9" t="s">
        <v>58</v>
      </c>
      <c r="D576" s="9" t="s">
        <v>228</v>
      </c>
      <c r="E576" s="9" t="s">
        <v>298</v>
      </c>
      <c r="F576" s="9" t="s">
        <v>301</v>
      </c>
      <c r="G576" s="6">
        <v>9</v>
      </c>
      <c r="H576" s="6">
        <v>1</v>
      </c>
      <c r="I576" s="6">
        <v>8</v>
      </c>
      <c r="J576" s="10" t="s">
        <v>55</v>
      </c>
    </row>
    <row r="577" spans="1:10">
      <c r="A577" s="9" t="s">
        <v>27</v>
      </c>
      <c r="B577" s="9" t="s">
        <v>57</v>
      </c>
      <c r="C577" s="9" t="s">
        <v>58</v>
      </c>
      <c r="D577" s="9" t="s">
        <v>228</v>
      </c>
      <c r="E577" s="9" t="s">
        <v>298</v>
      </c>
      <c r="F577" s="9" t="s">
        <v>302</v>
      </c>
      <c r="G577" s="10" t="s">
        <v>55</v>
      </c>
      <c r="H577" s="10" t="s">
        <v>55</v>
      </c>
      <c r="I577" s="10" t="s">
        <v>55</v>
      </c>
      <c r="J577" s="10" t="s">
        <v>55</v>
      </c>
    </row>
    <row r="578" spans="1:10">
      <c r="A578" s="9" t="s">
        <v>27</v>
      </c>
      <c r="B578" s="9" t="s">
        <v>57</v>
      </c>
      <c r="C578" s="9" t="s">
        <v>58</v>
      </c>
      <c r="D578" s="9" t="s">
        <v>228</v>
      </c>
      <c r="E578" s="9" t="s">
        <v>298</v>
      </c>
      <c r="F578" s="9" t="s">
        <v>303</v>
      </c>
      <c r="G578" s="6">
        <v>1</v>
      </c>
      <c r="H578" s="6">
        <v>1</v>
      </c>
      <c r="I578" s="10" t="s">
        <v>55</v>
      </c>
      <c r="J578" s="10" t="s">
        <v>55</v>
      </c>
    </row>
    <row r="579" spans="1:10">
      <c r="A579" s="9" t="s">
        <v>27</v>
      </c>
      <c r="B579" s="9" t="s">
        <v>57</v>
      </c>
      <c r="C579" s="9" t="s">
        <v>58</v>
      </c>
      <c r="D579" s="9" t="s">
        <v>228</v>
      </c>
      <c r="E579" s="9" t="s">
        <v>298</v>
      </c>
      <c r="F579" s="9" t="s">
        <v>304</v>
      </c>
      <c r="G579" s="6">
        <v>1658</v>
      </c>
      <c r="H579" s="6">
        <v>665</v>
      </c>
      <c r="I579" s="6">
        <v>991</v>
      </c>
      <c r="J579" s="6">
        <v>2</v>
      </c>
    </row>
    <row r="580" spans="1:10">
      <c r="A580" s="9" t="s">
        <v>27</v>
      </c>
      <c r="B580" s="9" t="s">
        <v>57</v>
      </c>
      <c r="C580" s="9" t="s">
        <v>58</v>
      </c>
      <c r="D580" s="9" t="s">
        <v>228</v>
      </c>
      <c r="E580" s="9" t="s">
        <v>298</v>
      </c>
      <c r="F580" s="9" t="s">
        <v>49</v>
      </c>
      <c r="G580" s="6">
        <v>317</v>
      </c>
      <c r="H580" s="6">
        <v>73</v>
      </c>
      <c r="I580" s="6">
        <v>244</v>
      </c>
      <c r="J580" s="10" t="s">
        <v>55</v>
      </c>
    </row>
    <row r="581" spans="1:10">
      <c r="A581" s="9" t="s">
        <v>27</v>
      </c>
      <c r="B581" s="9" t="s">
        <v>57</v>
      </c>
      <c r="C581" s="9" t="s">
        <v>58</v>
      </c>
      <c r="D581" s="9" t="s">
        <v>228</v>
      </c>
      <c r="E581" s="9" t="s">
        <v>299</v>
      </c>
      <c r="F581" s="9" t="s">
        <v>6</v>
      </c>
      <c r="G581" s="6">
        <v>9350</v>
      </c>
      <c r="H581" s="6">
        <v>2826</v>
      </c>
      <c r="I581" s="6">
        <v>6515</v>
      </c>
      <c r="J581" s="6">
        <v>9</v>
      </c>
    </row>
    <row r="582" spans="1:10">
      <c r="A582" s="9" t="s">
        <v>27</v>
      </c>
      <c r="B582" s="9" t="s">
        <v>57</v>
      </c>
      <c r="C582" s="9" t="s">
        <v>58</v>
      </c>
      <c r="D582" s="9" t="s">
        <v>228</v>
      </c>
      <c r="E582" s="9" t="s">
        <v>299</v>
      </c>
      <c r="F582" s="9" t="s">
        <v>297</v>
      </c>
      <c r="G582" s="6">
        <v>684</v>
      </c>
      <c r="H582" s="6">
        <v>396</v>
      </c>
      <c r="I582" s="6">
        <v>287</v>
      </c>
      <c r="J582" s="6">
        <v>1</v>
      </c>
    </row>
    <row r="583" spans="1:10">
      <c r="A583" s="9" t="s">
        <v>27</v>
      </c>
      <c r="B583" s="9" t="s">
        <v>57</v>
      </c>
      <c r="C583" s="9" t="s">
        <v>58</v>
      </c>
      <c r="D583" s="9" t="s">
        <v>228</v>
      </c>
      <c r="E583" s="9" t="s">
        <v>299</v>
      </c>
      <c r="F583" s="9" t="s">
        <v>298</v>
      </c>
      <c r="G583" s="6">
        <v>3073</v>
      </c>
      <c r="H583" s="6">
        <v>1274</v>
      </c>
      <c r="I583" s="6">
        <v>1797</v>
      </c>
      <c r="J583" s="6">
        <v>2</v>
      </c>
    </row>
    <row r="584" spans="1:10">
      <c r="A584" s="9" t="s">
        <v>27</v>
      </c>
      <c r="B584" s="9" t="s">
        <v>57</v>
      </c>
      <c r="C584" s="9" t="s">
        <v>58</v>
      </c>
      <c r="D584" s="9" t="s">
        <v>228</v>
      </c>
      <c r="E584" s="9" t="s">
        <v>299</v>
      </c>
      <c r="F584" s="9" t="s">
        <v>299</v>
      </c>
      <c r="G584" s="6">
        <v>4661</v>
      </c>
      <c r="H584" s="6">
        <v>1049</v>
      </c>
      <c r="I584" s="6">
        <v>3606</v>
      </c>
      <c r="J584" s="6">
        <v>6</v>
      </c>
    </row>
    <row r="585" spans="1:10">
      <c r="A585" s="9" t="s">
        <v>27</v>
      </c>
      <c r="B585" s="9" t="s">
        <v>57</v>
      </c>
      <c r="C585" s="9" t="s">
        <v>58</v>
      </c>
      <c r="D585" s="9" t="s">
        <v>228</v>
      </c>
      <c r="E585" s="9" t="s">
        <v>299</v>
      </c>
      <c r="F585" s="9" t="s">
        <v>300</v>
      </c>
      <c r="G585" s="6">
        <v>831</v>
      </c>
      <c r="H585" s="6">
        <v>104</v>
      </c>
      <c r="I585" s="6">
        <v>727</v>
      </c>
      <c r="J585" s="10" t="s">
        <v>55</v>
      </c>
    </row>
    <row r="586" spans="1:10">
      <c r="A586" s="9" t="s">
        <v>27</v>
      </c>
      <c r="B586" s="9" t="s">
        <v>57</v>
      </c>
      <c r="C586" s="9" t="s">
        <v>58</v>
      </c>
      <c r="D586" s="9" t="s">
        <v>228</v>
      </c>
      <c r="E586" s="9" t="s">
        <v>299</v>
      </c>
      <c r="F586" s="9" t="s">
        <v>301</v>
      </c>
      <c r="G586" s="6">
        <v>71</v>
      </c>
      <c r="H586" s="6">
        <v>3</v>
      </c>
      <c r="I586" s="6">
        <v>68</v>
      </c>
      <c r="J586" s="10" t="s">
        <v>55</v>
      </c>
    </row>
    <row r="587" spans="1:10">
      <c r="A587" s="9" t="s">
        <v>27</v>
      </c>
      <c r="B587" s="9" t="s">
        <v>57</v>
      </c>
      <c r="C587" s="9" t="s">
        <v>58</v>
      </c>
      <c r="D587" s="9" t="s">
        <v>228</v>
      </c>
      <c r="E587" s="9" t="s">
        <v>299</v>
      </c>
      <c r="F587" s="9" t="s">
        <v>302</v>
      </c>
      <c r="G587" s="6">
        <v>27</v>
      </c>
      <c r="H587" s="10" t="s">
        <v>55</v>
      </c>
      <c r="I587" s="6">
        <v>27</v>
      </c>
      <c r="J587" s="10" t="s">
        <v>55</v>
      </c>
    </row>
    <row r="588" spans="1:10">
      <c r="A588" s="9" t="s">
        <v>27</v>
      </c>
      <c r="B588" s="9" t="s">
        <v>57</v>
      </c>
      <c r="C588" s="9" t="s">
        <v>58</v>
      </c>
      <c r="D588" s="9" t="s">
        <v>228</v>
      </c>
      <c r="E588" s="9" t="s">
        <v>299</v>
      </c>
      <c r="F588" s="9" t="s">
        <v>303</v>
      </c>
      <c r="G588" s="6">
        <v>3</v>
      </c>
      <c r="H588" s="10" t="s">
        <v>55</v>
      </c>
      <c r="I588" s="6">
        <v>3</v>
      </c>
      <c r="J588" s="10" t="s">
        <v>55</v>
      </c>
    </row>
    <row r="589" spans="1:10">
      <c r="A589" s="9" t="s">
        <v>27</v>
      </c>
      <c r="B589" s="9" t="s">
        <v>57</v>
      </c>
      <c r="C589" s="9" t="s">
        <v>58</v>
      </c>
      <c r="D589" s="9" t="s">
        <v>228</v>
      </c>
      <c r="E589" s="9" t="s">
        <v>299</v>
      </c>
      <c r="F589" s="9" t="s">
        <v>304</v>
      </c>
      <c r="G589" s="6">
        <v>8666</v>
      </c>
      <c r="H589" s="6">
        <v>2430</v>
      </c>
      <c r="I589" s="6">
        <v>6228</v>
      </c>
      <c r="J589" s="6">
        <v>8</v>
      </c>
    </row>
    <row r="590" spans="1:10">
      <c r="A590" s="9" t="s">
        <v>27</v>
      </c>
      <c r="B590" s="9" t="s">
        <v>57</v>
      </c>
      <c r="C590" s="9" t="s">
        <v>58</v>
      </c>
      <c r="D590" s="9" t="s">
        <v>228</v>
      </c>
      <c r="E590" s="9" t="s">
        <v>299</v>
      </c>
      <c r="F590" s="9" t="s">
        <v>49</v>
      </c>
      <c r="G590" s="6">
        <v>5593</v>
      </c>
      <c r="H590" s="6">
        <v>1156</v>
      </c>
      <c r="I590" s="6">
        <v>4431</v>
      </c>
      <c r="J590" s="6">
        <v>6</v>
      </c>
    </row>
    <row r="591" spans="1:10">
      <c r="A591" s="9" t="s">
        <v>27</v>
      </c>
      <c r="B591" s="9" t="s">
        <v>57</v>
      </c>
      <c r="C591" s="9" t="s">
        <v>58</v>
      </c>
      <c r="D591" s="9" t="s">
        <v>228</v>
      </c>
      <c r="E591" s="9" t="s">
        <v>300</v>
      </c>
      <c r="F591" s="9" t="s">
        <v>6</v>
      </c>
      <c r="G591" s="6">
        <v>15388</v>
      </c>
      <c r="H591" s="6">
        <v>2839</v>
      </c>
      <c r="I591" s="6">
        <v>12523</v>
      </c>
      <c r="J591" s="6">
        <v>26</v>
      </c>
    </row>
    <row r="592" spans="1:10">
      <c r="A592" s="9" t="s">
        <v>27</v>
      </c>
      <c r="B592" s="9" t="s">
        <v>57</v>
      </c>
      <c r="C592" s="9" t="s">
        <v>58</v>
      </c>
      <c r="D592" s="9" t="s">
        <v>228</v>
      </c>
      <c r="E592" s="9" t="s">
        <v>300</v>
      </c>
      <c r="F592" s="9" t="s">
        <v>297</v>
      </c>
      <c r="G592" s="6">
        <v>229</v>
      </c>
      <c r="H592" s="6">
        <v>144</v>
      </c>
      <c r="I592" s="6">
        <v>85</v>
      </c>
      <c r="J592" s="10" t="s">
        <v>55</v>
      </c>
    </row>
    <row r="593" spans="1:10">
      <c r="A593" s="9" t="s">
        <v>27</v>
      </c>
      <c r="B593" s="9" t="s">
        <v>57</v>
      </c>
      <c r="C593" s="9" t="s">
        <v>58</v>
      </c>
      <c r="D593" s="9" t="s">
        <v>228</v>
      </c>
      <c r="E593" s="9" t="s">
        <v>300</v>
      </c>
      <c r="F593" s="9" t="s">
        <v>298</v>
      </c>
      <c r="G593" s="6">
        <v>1009</v>
      </c>
      <c r="H593" s="6">
        <v>454</v>
      </c>
      <c r="I593" s="6">
        <v>553</v>
      </c>
      <c r="J593" s="6">
        <v>2</v>
      </c>
    </row>
    <row r="594" spans="1:10">
      <c r="A594" s="9" t="s">
        <v>27</v>
      </c>
      <c r="B594" s="9" t="s">
        <v>57</v>
      </c>
      <c r="C594" s="9" t="s">
        <v>58</v>
      </c>
      <c r="D594" s="9" t="s">
        <v>228</v>
      </c>
      <c r="E594" s="9" t="s">
        <v>300</v>
      </c>
      <c r="F594" s="9" t="s">
        <v>299</v>
      </c>
      <c r="G594" s="6">
        <v>6209</v>
      </c>
      <c r="H594" s="6">
        <v>1367</v>
      </c>
      <c r="I594" s="6">
        <v>4833</v>
      </c>
      <c r="J594" s="6">
        <v>9</v>
      </c>
    </row>
    <row r="595" spans="1:10">
      <c r="A595" s="9" t="s">
        <v>27</v>
      </c>
      <c r="B595" s="9" t="s">
        <v>57</v>
      </c>
      <c r="C595" s="9" t="s">
        <v>58</v>
      </c>
      <c r="D595" s="9" t="s">
        <v>228</v>
      </c>
      <c r="E595" s="9" t="s">
        <v>300</v>
      </c>
      <c r="F595" s="9" t="s">
        <v>300</v>
      </c>
      <c r="G595" s="6">
        <v>7209</v>
      </c>
      <c r="H595" s="6">
        <v>846</v>
      </c>
      <c r="I595" s="6">
        <v>6353</v>
      </c>
      <c r="J595" s="6">
        <v>10</v>
      </c>
    </row>
    <row r="596" spans="1:10">
      <c r="A596" s="9" t="s">
        <v>27</v>
      </c>
      <c r="B596" s="9" t="s">
        <v>57</v>
      </c>
      <c r="C596" s="9" t="s">
        <v>58</v>
      </c>
      <c r="D596" s="9" t="s">
        <v>228</v>
      </c>
      <c r="E596" s="9" t="s">
        <v>300</v>
      </c>
      <c r="F596" s="9" t="s">
        <v>301</v>
      </c>
      <c r="G596" s="6">
        <v>628</v>
      </c>
      <c r="H596" s="6">
        <v>24</v>
      </c>
      <c r="I596" s="6">
        <v>600</v>
      </c>
      <c r="J596" s="6">
        <v>4</v>
      </c>
    </row>
    <row r="597" spans="1:10">
      <c r="A597" s="9" t="s">
        <v>27</v>
      </c>
      <c r="B597" s="9" t="s">
        <v>57</v>
      </c>
      <c r="C597" s="9" t="s">
        <v>58</v>
      </c>
      <c r="D597" s="9" t="s">
        <v>228</v>
      </c>
      <c r="E597" s="9" t="s">
        <v>300</v>
      </c>
      <c r="F597" s="9" t="s">
        <v>302</v>
      </c>
      <c r="G597" s="6">
        <v>84</v>
      </c>
      <c r="H597" s="6">
        <v>3</v>
      </c>
      <c r="I597" s="6">
        <v>80</v>
      </c>
      <c r="J597" s="6">
        <v>1</v>
      </c>
    </row>
    <row r="598" spans="1:10">
      <c r="A598" s="9" t="s">
        <v>27</v>
      </c>
      <c r="B598" s="9" t="s">
        <v>57</v>
      </c>
      <c r="C598" s="9" t="s">
        <v>58</v>
      </c>
      <c r="D598" s="9" t="s">
        <v>228</v>
      </c>
      <c r="E598" s="9" t="s">
        <v>300</v>
      </c>
      <c r="F598" s="9" t="s">
        <v>303</v>
      </c>
      <c r="G598" s="6">
        <v>20</v>
      </c>
      <c r="H598" s="6">
        <v>1</v>
      </c>
      <c r="I598" s="6">
        <v>19</v>
      </c>
      <c r="J598" s="10" t="s">
        <v>55</v>
      </c>
    </row>
    <row r="599" spans="1:10">
      <c r="A599" s="9" t="s">
        <v>27</v>
      </c>
      <c r="B599" s="9" t="s">
        <v>57</v>
      </c>
      <c r="C599" s="9" t="s">
        <v>58</v>
      </c>
      <c r="D599" s="9" t="s">
        <v>228</v>
      </c>
      <c r="E599" s="9" t="s">
        <v>300</v>
      </c>
      <c r="F599" s="9" t="s">
        <v>304</v>
      </c>
      <c r="G599" s="6">
        <v>15159</v>
      </c>
      <c r="H599" s="6">
        <v>2695</v>
      </c>
      <c r="I599" s="6">
        <v>12438</v>
      </c>
      <c r="J599" s="6">
        <v>26</v>
      </c>
    </row>
    <row r="600" spans="1:10">
      <c r="A600" s="9" t="s">
        <v>27</v>
      </c>
      <c r="B600" s="9" t="s">
        <v>57</v>
      </c>
      <c r="C600" s="9" t="s">
        <v>58</v>
      </c>
      <c r="D600" s="9" t="s">
        <v>228</v>
      </c>
      <c r="E600" s="9" t="s">
        <v>300</v>
      </c>
      <c r="F600" s="9" t="s">
        <v>49</v>
      </c>
      <c r="G600" s="6">
        <v>14150</v>
      </c>
      <c r="H600" s="6">
        <v>2241</v>
      </c>
      <c r="I600" s="6">
        <v>11885</v>
      </c>
      <c r="J600" s="6">
        <v>24</v>
      </c>
    </row>
    <row r="601" spans="1:10">
      <c r="A601" s="9" t="s">
        <v>27</v>
      </c>
      <c r="B601" s="9" t="s">
        <v>57</v>
      </c>
      <c r="C601" s="9" t="s">
        <v>58</v>
      </c>
      <c r="D601" s="9" t="s">
        <v>228</v>
      </c>
      <c r="E601" s="9" t="s">
        <v>301</v>
      </c>
      <c r="F601" s="9" t="s">
        <v>6</v>
      </c>
      <c r="G601" s="6">
        <v>13793</v>
      </c>
      <c r="H601" s="6">
        <v>1235</v>
      </c>
      <c r="I601" s="6">
        <v>12518</v>
      </c>
      <c r="J601" s="6">
        <v>40</v>
      </c>
    </row>
    <row r="602" spans="1:10">
      <c r="A602" s="9" t="s">
        <v>27</v>
      </c>
      <c r="B602" s="9" t="s">
        <v>57</v>
      </c>
      <c r="C602" s="9" t="s">
        <v>58</v>
      </c>
      <c r="D602" s="9" t="s">
        <v>228</v>
      </c>
      <c r="E602" s="9" t="s">
        <v>301</v>
      </c>
      <c r="F602" s="9" t="s">
        <v>297</v>
      </c>
      <c r="G602" s="6">
        <v>69</v>
      </c>
      <c r="H602" s="6">
        <v>45</v>
      </c>
      <c r="I602" s="6">
        <v>24</v>
      </c>
      <c r="J602" s="10" t="s">
        <v>55</v>
      </c>
    </row>
    <row r="603" spans="1:10">
      <c r="A603" s="9" t="s">
        <v>27</v>
      </c>
      <c r="B603" s="9" t="s">
        <v>57</v>
      </c>
      <c r="C603" s="9" t="s">
        <v>58</v>
      </c>
      <c r="D603" s="9" t="s">
        <v>228</v>
      </c>
      <c r="E603" s="9" t="s">
        <v>301</v>
      </c>
      <c r="F603" s="9" t="s">
        <v>298</v>
      </c>
      <c r="G603" s="6">
        <v>157</v>
      </c>
      <c r="H603" s="6">
        <v>86</v>
      </c>
      <c r="I603" s="6">
        <v>71</v>
      </c>
      <c r="J603" s="10" t="s">
        <v>55</v>
      </c>
    </row>
    <row r="604" spans="1:10">
      <c r="A604" s="9" t="s">
        <v>27</v>
      </c>
      <c r="B604" s="9" t="s">
        <v>57</v>
      </c>
      <c r="C604" s="9" t="s">
        <v>58</v>
      </c>
      <c r="D604" s="9" t="s">
        <v>228</v>
      </c>
      <c r="E604" s="9" t="s">
        <v>301</v>
      </c>
      <c r="F604" s="9" t="s">
        <v>299</v>
      </c>
      <c r="G604" s="6">
        <v>1021</v>
      </c>
      <c r="H604" s="6">
        <v>262</v>
      </c>
      <c r="I604" s="6">
        <v>758</v>
      </c>
      <c r="J604" s="6">
        <v>1</v>
      </c>
    </row>
    <row r="605" spans="1:10">
      <c r="A605" s="9" t="s">
        <v>27</v>
      </c>
      <c r="B605" s="9" t="s">
        <v>57</v>
      </c>
      <c r="C605" s="9" t="s">
        <v>58</v>
      </c>
      <c r="D605" s="9" t="s">
        <v>228</v>
      </c>
      <c r="E605" s="9" t="s">
        <v>301</v>
      </c>
      <c r="F605" s="9" t="s">
        <v>300</v>
      </c>
      <c r="G605" s="6">
        <v>6550</v>
      </c>
      <c r="H605" s="6">
        <v>616</v>
      </c>
      <c r="I605" s="6">
        <v>5916</v>
      </c>
      <c r="J605" s="6">
        <v>18</v>
      </c>
    </row>
    <row r="606" spans="1:10">
      <c r="A606" s="9" t="s">
        <v>27</v>
      </c>
      <c r="B606" s="9" t="s">
        <v>57</v>
      </c>
      <c r="C606" s="9" t="s">
        <v>58</v>
      </c>
      <c r="D606" s="9" t="s">
        <v>228</v>
      </c>
      <c r="E606" s="9" t="s">
        <v>301</v>
      </c>
      <c r="F606" s="9" t="s">
        <v>301</v>
      </c>
      <c r="G606" s="6">
        <v>5311</v>
      </c>
      <c r="H606" s="6">
        <v>208</v>
      </c>
      <c r="I606" s="6">
        <v>5085</v>
      </c>
      <c r="J606" s="6">
        <v>18</v>
      </c>
    </row>
    <row r="607" spans="1:10">
      <c r="A607" s="9" t="s">
        <v>27</v>
      </c>
      <c r="B607" s="9" t="s">
        <v>57</v>
      </c>
      <c r="C607" s="9" t="s">
        <v>58</v>
      </c>
      <c r="D607" s="9" t="s">
        <v>228</v>
      </c>
      <c r="E607" s="9" t="s">
        <v>301</v>
      </c>
      <c r="F607" s="9" t="s">
        <v>302</v>
      </c>
      <c r="G607" s="6">
        <v>621</v>
      </c>
      <c r="H607" s="6">
        <v>18</v>
      </c>
      <c r="I607" s="6">
        <v>601</v>
      </c>
      <c r="J607" s="6">
        <v>2</v>
      </c>
    </row>
    <row r="608" spans="1:10">
      <c r="A608" s="9" t="s">
        <v>27</v>
      </c>
      <c r="B608" s="9" t="s">
        <v>57</v>
      </c>
      <c r="C608" s="9" t="s">
        <v>58</v>
      </c>
      <c r="D608" s="9" t="s">
        <v>228</v>
      </c>
      <c r="E608" s="9" t="s">
        <v>301</v>
      </c>
      <c r="F608" s="9" t="s">
        <v>303</v>
      </c>
      <c r="G608" s="6">
        <v>64</v>
      </c>
      <c r="H608" s="10" t="s">
        <v>55</v>
      </c>
      <c r="I608" s="6">
        <v>63</v>
      </c>
      <c r="J608" s="6">
        <v>1</v>
      </c>
    </row>
    <row r="609" spans="1:10">
      <c r="A609" s="9" t="s">
        <v>27</v>
      </c>
      <c r="B609" s="9" t="s">
        <v>57</v>
      </c>
      <c r="C609" s="9" t="s">
        <v>58</v>
      </c>
      <c r="D609" s="9" t="s">
        <v>228</v>
      </c>
      <c r="E609" s="9" t="s">
        <v>301</v>
      </c>
      <c r="F609" s="9" t="s">
        <v>304</v>
      </c>
      <c r="G609" s="6">
        <v>13724</v>
      </c>
      <c r="H609" s="6">
        <v>1190</v>
      </c>
      <c r="I609" s="6">
        <v>12494</v>
      </c>
      <c r="J609" s="6">
        <v>40</v>
      </c>
    </row>
    <row r="610" spans="1:10">
      <c r="A610" s="9" t="s">
        <v>27</v>
      </c>
      <c r="B610" s="9" t="s">
        <v>57</v>
      </c>
      <c r="C610" s="9" t="s">
        <v>58</v>
      </c>
      <c r="D610" s="9" t="s">
        <v>228</v>
      </c>
      <c r="E610" s="9" t="s">
        <v>301</v>
      </c>
      <c r="F610" s="9" t="s">
        <v>49</v>
      </c>
      <c r="G610" s="6">
        <v>13567</v>
      </c>
      <c r="H610" s="6">
        <v>1104</v>
      </c>
      <c r="I610" s="6">
        <v>12423</v>
      </c>
      <c r="J610" s="6">
        <v>40</v>
      </c>
    </row>
    <row r="611" spans="1:10">
      <c r="A611" s="9" t="s">
        <v>27</v>
      </c>
      <c r="B611" s="9" t="s">
        <v>57</v>
      </c>
      <c r="C611" s="9" t="s">
        <v>58</v>
      </c>
      <c r="D611" s="9" t="s">
        <v>228</v>
      </c>
      <c r="E611" s="9" t="s">
        <v>302</v>
      </c>
      <c r="F611" s="9" t="s">
        <v>6</v>
      </c>
      <c r="G611" s="6">
        <v>11288</v>
      </c>
      <c r="H611" s="6">
        <v>456</v>
      </c>
      <c r="I611" s="6">
        <v>10798</v>
      </c>
      <c r="J611" s="6">
        <v>34</v>
      </c>
    </row>
    <row r="612" spans="1:10">
      <c r="A612" s="9" t="s">
        <v>27</v>
      </c>
      <c r="B612" s="9" t="s">
        <v>57</v>
      </c>
      <c r="C612" s="9" t="s">
        <v>58</v>
      </c>
      <c r="D612" s="9" t="s">
        <v>228</v>
      </c>
      <c r="E612" s="9" t="s">
        <v>302</v>
      </c>
      <c r="F612" s="9" t="s">
        <v>297</v>
      </c>
      <c r="G612" s="6">
        <v>19</v>
      </c>
      <c r="H612" s="6">
        <v>11</v>
      </c>
      <c r="I612" s="6">
        <v>8</v>
      </c>
      <c r="J612" s="10" t="s">
        <v>55</v>
      </c>
    </row>
    <row r="613" spans="1:10">
      <c r="A613" s="9" t="s">
        <v>27</v>
      </c>
      <c r="B613" s="9" t="s">
        <v>57</v>
      </c>
      <c r="C613" s="9" t="s">
        <v>58</v>
      </c>
      <c r="D613" s="9" t="s">
        <v>228</v>
      </c>
      <c r="E613" s="9" t="s">
        <v>302</v>
      </c>
      <c r="F613" s="9" t="s">
        <v>298</v>
      </c>
      <c r="G613" s="6">
        <v>31</v>
      </c>
      <c r="H613" s="6">
        <v>13</v>
      </c>
      <c r="I613" s="6">
        <v>17</v>
      </c>
      <c r="J613" s="6">
        <v>1</v>
      </c>
    </row>
    <row r="614" spans="1:10">
      <c r="A614" s="9" t="s">
        <v>27</v>
      </c>
      <c r="B614" s="9" t="s">
        <v>57</v>
      </c>
      <c r="C614" s="9" t="s">
        <v>58</v>
      </c>
      <c r="D614" s="9" t="s">
        <v>228</v>
      </c>
      <c r="E614" s="9" t="s">
        <v>302</v>
      </c>
      <c r="F614" s="9" t="s">
        <v>299</v>
      </c>
      <c r="G614" s="6">
        <v>166</v>
      </c>
      <c r="H614" s="6">
        <v>46</v>
      </c>
      <c r="I614" s="6">
        <v>120</v>
      </c>
      <c r="J614" s="10" t="s">
        <v>55</v>
      </c>
    </row>
    <row r="615" spans="1:10">
      <c r="A615" s="9" t="s">
        <v>27</v>
      </c>
      <c r="B615" s="9" t="s">
        <v>57</v>
      </c>
      <c r="C615" s="9" t="s">
        <v>58</v>
      </c>
      <c r="D615" s="9" t="s">
        <v>228</v>
      </c>
      <c r="E615" s="9" t="s">
        <v>302</v>
      </c>
      <c r="F615" s="9" t="s">
        <v>300</v>
      </c>
      <c r="G615" s="6">
        <v>1267</v>
      </c>
      <c r="H615" s="6">
        <v>128</v>
      </c>
      <c r="I615" s="6">
        <v>1134</v>
      </c>
      <c r="J615" s="6">
        <v>5</v>
      </c>
    </row>
    <row r="616" spans="1:10">
      <c r="A616" s="9" t="s">
        <v>27</v>
      </c>
      <c r="B616" s="9" t="s">
        <v>57</v>
      </c>
      <c r="C616" s="9" t="s">
        <v>58</v>
      </c>
      <c r="D616" s="9" t="s">
        <v>228</v>
      </c>
      <c r="E616" s="9" t="s">
        <v>302</v>
      </c>
      <c r="F616" s="9" t="s">
        <v>301</v>
      </c>
      <c r="G616" s="6">
        <v>5538</v>
      </c>
      <c r="H616" s="6">
        <v>199</v>
      </c>
      <c r="I616" s="6">
        <v>5323</v>
      </c>
      <c r="J616" s="6">
        <v>16</v>
      </c>
    </row>
    <row r="617" spans="1:10">
      <c r="A617" s="9" t="s">
        <v>27</v>
      </c>
      <c r="B617" s="9" t="s">
        <v>57</v>
      </c>
      <c r="C617" s="9" t="s">
        <v>58</v>
      </c>
      <c r="D617" s="9" t="s">
        <v>228</v>
      </c>
      <c r="E617" s="9" t="s">
        <v>302</v>
      </c>
      <c r="F617" s="9" t="s">
        <v>302</v>
      </c>
      <c r="G617" s="6">
        <v>3840</v>
      </c>
      <c r="H617" s="6">
        <v>58</v>
      </c>
      <c r="I617" s="6">
        <v>3771</v>
      </c>
      <c r="J617" s="6">
        <v>11</v>
      </c>
    </row>
    <row r="618" spans="1:10">
      <c r="A618" s="9" t="s">
        <v>27</v>
      </c>
      <c r="B618" s="9" t="s">
        <v>57</v>
      </c>
      <c r="C618" s="9" t="s">
        <v>58</v>
      </c>
      <c r="D618" s="9" t="s">
        <v>228</v>
      </c>
      <c r="E618" s="9" t="s">
        <v>302</v>
      </c>
      <c r="F618" s="9" t="s">
        <v>303</v>
      </c>
      <c r="G618" s="6">
        <v>427</v>
      </c>
      <c r="H618" s="6">
        <v>1</v>
      </c>
      <c r="I618" s="6">
        <v>425</v>
      </c>
      <c r="J618" s="6">
        <v>1</v>
      </c>
    </row>
    <row r="619" spans="1:10">
      <c r="A619" s="9" t="s">
        <v>27</v>
      </c>
      <c r="B619" s="9" t="s">
        <v>57</v>
      </c>
      <c r="C619" s="9" t="s">
        <v>58</v>
      </c>
      <c r="D619" s="9" t="s">
        <v>228</v>
      </c>
      <c r="E619" s="9" t="s">
        <v>302</v>
      </c>
      <c r="F619" s="9" t="s">
        <v>304</v>
      </c>
      <c r="G619" s="6">
        <v>11269</v>
      </c>
      <c r="H619" s="6">
        <v>445</v>
      </c>
      <c r="I619" s="6">
        <v>10790</v>
      </c>
      <c r="J619" s="6">
        <v>34</v>
      </c>
    </row>
    <row r="620" spans="1:10">
      <c r="A620" s="9" t="s">
        <v>27</v>
      </c>
      <c r="B620" s="9" t="s">
        <v>57</v>
      </c>
      <c r="C620" s="9" t="s">
        <v>58</v>
      </c>
      <c r="D620" s="9" t="s">
        <v>228</v>
      </c>
      <c r="E620" s="9" t="s">
        <v>302</v>
      </c>
      <c r="F620" s="9" t="s">
        <v>49</v>
      </c>
      <c r="G620" s="6">
        <v>11238</v>
      </c>
      <c r="H620" s="6">
        <v>432</v>
      </c>
      <c r="I620" s="6">
        <v>10773</v>
      </c>
      <c r="J620" s="6">
        <v>33</v>
      </c>
    </row>
    <row r="621" spans="1:10">
      <c r="A621" s="9" t="s">
        <v>27</v>
      </c>
      <c r="B621" s="9" t="s">
        <v>57</v>
      </c>
      <c r="C621" s="9" t="s">
        <v>58</v>
      </c>
      <c r="D621" s="9" t="s">
        <v>228</v>
      </c>
      <c r="E621" s="9" t="s">
        <v>303</v>
      </c>
      <c r="F621" s="9" t="s">
        <v>6</v>
      </c>
      <c r="G621" s="6">
        <v>8975</v>
      </c>
      <c r="H621" s="6">
        <v>132</v>
      </c>
      <c r="I621" s="6">
        <v>8799</v>
      </c>
      <c r="J621" s="6">
        <v>44</v>
      </c>
    </row>
    <row r="622" spans="1:10">
      <c r="A622" s="9" t="s">
        <v>27</v>
      </c>
      <c r="B622" s="9" t="s">
        <v>57</v>
      </c>
      <c r="C622" s="9" t="s">
        <v>58</v>
      </c>
      <c r="D622" s="9" t="s">
        <v>228</v>
      </c>
      <c r="E622" s="9" t="s">
        <v>303</v>
      </c>
      <c r="F622" s="9" t="s">
        <v>297</v>
      </c>
      <c r="G622" s="6">
        <v>2</v>
      </c>
      <c r="H622" s="6">
        <v>1</v>
      </c>
      <c r="I622" s="6">
        <v>1</v>
      </c>
      <c r="J622" s="10" t="s">
        <v>55</v>
      </c>
    </row>
    <row r="623" spans="1:10">
      <c r="A623" s="9" t="s">
        <v>27</v>
      </c>
      <c r="B623" s="9" t="s">
        <v>57</v>
      </c>
      <c r="C623" s="9" t="s">
        <v>58</v>
      </c>
      <c r="D623" s="9" t="s">
        <v>228</v>
      </c>
      <c r="E623" s="9" t="s">
        <v>303</v>
      </c>
      <c r="F623" s="9" t="s">
        <v>298</v>
      </c>
      <c r="G623" s="6">
        <v>10</v>
      </c>
      <c r="H623" s="6">
        <v>7</v>
      </c>
      <c r="I623" s="6">
        <v>3</v>
      </c>
      <c r="J623" s="10" t="s">
        <v>55</v>
      </c>
    </row>
    <row r="624" spans="1:10">
      <c r="A624" s="9" t="s">
        <v>27</v>
      </c>
      <c r="B624" s="9" t="s">
        <v>57</v>
      </c>
      <c r="C624" s="9" t="s">
        <v>58</v>
      </c>
      <c r="D624" s="9" t="s">
        <v>228</v>
      </c>
      <c r="E624" s="9" t="s">
        <v>303</v>
      </c>
      <c r="F624" s="9" t="s">
        <v>299</v>
      </c>
      <c r="G624" s="6">
        <v>35</v>
      </c>
      <c r="H624" s="6">
        <v>10</v>
      </c>
      <c r="I624" s="6">
        <v>25</v>
      </c>
      <c r="J624" s="10" t="s">
        <v>55</v>
      </c>
    </row>
    <row r="625" spans="1:10">
      <c r="A625" s="9" t="s">
        <v>27</v>
      </c>
      <c r="B625" s="9" t="s">
        <v>57</v>
      </c>
      <c r="C625" s="9" t="s">
        <v>58</v>
      </c>
      <c r="D625" s="9" t="s">
        <v>228</v>
      </c>
      <c r="E625" s="9" t="s">
        <v>303</v>
      </c>
      <c r="F625" s="9" t="s">
        <v>300</v>
      </c>
      <c r="G625" s="6">
        <v>156</v>
      </c>
      <c r="H625" s="6">
        <v>15</v>
      </c>
      <c r="I625" s="6">
        <v>141</v>
      </c>
      <c r="J625" s="10" t="s">
        <v>55</v>
      </c>
    </row>
    <row r="626" spans="1:10">
      <c r="A626" s="9" t="s">
        <v>27</v>
      </c>
      <c r="B626" s="9" t="s">
        <v>57</v>
      </c>
      <c r="C626" s="9" t="s">
        <v>58</v>
      </c>
      <c r="D626" s="9" t="s">
        <v>228</v>
      </c>
      <c r="E626" s="9" t="s">
        <v>303</v>
      </c>
      <c r="F626" s="9" t="s">
        <v>301</v>
      </c>
      <c r="G626" s="6">
        <v>1092</v>
      </c>
      <c r="H626" s="6">
        <v>39</v>
      </c>
      <c r="I626" s="6">
        <v>1044</v>
      </c>
      <c r="J626" s="6">
        <v>9</v>
      </c>
    </row>
    <row r="627" spans="1:10">
      <c r="A627" s="9" t="s">
        <v>27</v>
      </c>
      <c r="B627" s="9" t="s">
        <v>57</v>
      </c>
      <c r="C627" s="9" t="s">
        <v>58</v>
      </c>
      <c r="D627" s="9" t="s">
        <v>228</v>
      </c>
      <c r="E627" s="9" t="s">
        <v>303</v>
      </c>
      <c r="F627" s="9" t="s">
        <v>302</v>
      </c>
      <c r="G627" s="6">
        <v>3949</v>
      </c>
      <c r="H627" s="6">
        <v>42</v>
      </c>
      <c r="I627" s="6">
        <v>3886</v>
      </c>
      <c r="J627" s="6">
        <v>21</v>
      </c>
    </row>
    <row r="628" spans="1:10">
      <c r="A628" s="9" t="s">
        <v>27</v>
      </c>
      <c r="B628" s="9" t="s">
        <v>57</v>
      </c>
      <c r="C628" s="9" t="s">
        <v>58</v>
      </c>
      <c r="D628" s="9" t="s">
        <v>228</v>
      </c>
      <c r="E628" s="9" t="s">
        <v>303</v>
      </c>
      <c r="F628" s="9" t="s">
        <v>303</v>
      </c>
      <c r="G628" s="6">
        <v>3731</v>
      </c>
      <c r="H628" s="6">
        <v>18</v>
      </c>
      <c r="I628" s="6">
        <v>3699</v>
      </c>
      <c r="J628" s="6">
        <v>14</v>
      </c>
    </row>
    <row r="629" spans="1:10">
      <c r="A629" s="9" t="s">
        <v>27</v>
      </c>
      <c r="B629" s="9" t="s">
        <v>57</v>
      </c>
      <c r="C629" s="9" t="s">
        <v>58</v>
      </c>
      <c r="D629" s="9" t="s">
        <v>228</v>
      </c>
      <c r="E629" s="9" t="s">
        <v>303</v>
      </c>
      <c r="F629" s="9" t="s">
        <v>304</v>
      </c>
      <c r="G629" s="6">
        <v>8973</v>
      </c>
      <c r="H629" s="6">
        <v>131</v>
      </c>
      <c r="I629" s="6">
        <v>8798</v>
      </c>
      <c r="J629" s="6">
        <v>44</v>
      </c>
    </row>
    <row r="630" spans="1:10">
      <c r="A630" s="9" t="s">
        <v>27</v>
      </c>
      <c r="B630" s="9" t="s">
        <v>57</v>
      </c>
      <c r="C630" s="9" t="s">
        <v>58</v>
      </c>
      <c r="D630" s="9" t="s">
        <v>228</v>
      </c>
      <c r="E630" s="9" t="s">
        <v>303</v>
      </c>
      <c r="F630" s="9" t="s">
        <v>49</v>
      </c>
      <c r="G630" s="6">
        <v>8963</v>
      </c>
      <c r="H630" s="6">
        <v>124</v>
      </c>
      <c r="I630" s="6">
        <v>8795</v>
      </c>
      <c r="J630" s="6">
        <v>44</v>
      </c>
    </row>
    <row r="631" spans="1:10">
      <c r="A631" s="9" t="s">
        <v>27</v>
      </c>
      <c r="B631" s="9" t="s">
        <v>57</v>
      </c>
      <c r="C631" s="9" t="s">
        <v>58</v>
      </c>
      <c r="D631" s="9" t="s">
        <v>228</v>
      </c>
      <c r="E631" s="9" t="s">
        <v>305</v>
      </c>
      <c r="F631" s="9" t="s">
        <v>6</v>
      </c>
      <c r="G631" s="6">
        <v>58794</v>
      </c>
      <c r="H631" s="6">
        <v>7488</v>
      </c>
      <c r="I631" s="6">
        <v>51153</v>
      </c>
      <c r="J631" s="6">
        <v>153</v>
      </c>
    </row>
    <row r="632" spans="1:10">
      <c r="A632" s="9" t="s">
        <v>27</v>
      </c>
      <c r="B632" s="9" t="s">
        <v>57</v>
      </c>
      <c r="C632" s="9" t="s">
        <v>58</v>
      </c>
      <c r="D632" s="9" t="s">
        <v>228</v>
      </c>
      <c r="E632" s="9" t="s">
        <v>305</v>
      </c>
      <c r="F632" s="9" t="s">
        <v>297</v>
      </c>
      <c r="G632" s="6">
        <v>1003</v>
      </c>
      <c r="H632" s="6">
        <v>597</v>
      </c>
      <c r="I632" s="6">
        <v>405</v>
      </c>
      <c r="J632" s="6">
        <v>1</v>
      </c>
    </row>
    <row r="633" spans="1:10">
      <c r="A633" s="9" t="s">
        <v>27</v>
      </c>
      <c r="B633" s="9" t="s">
        <v>57</v>
      </c>
      <c r="C633" s="9" t="s">
        <v>58</v>
      </c>
      <c r="D633" s="9" t="s">
        <v>228</v>
      </c>
      <c r="E633" s="9" t="s">
        <v>305</v>
      </c>
      <c r="F633" s="9" t="s">
        <v>298</v>
      </c>
      <c r="G633" s="6">
        <v>4280</v>
      </c>
      <c r="H633" s="6">
        <v>1834</v>
      </c>
      <c r="I633" s="6">
        <v>2441</v>
      </c>
      <c r="J633" s="6">
        <v>5</v>
      </c>
    </row>
    <row r="634" spans="1:10">
      <c r="A634" s="9" t="s">
        <v>27</v>
      </c>
      <c r="B634" s="9" t="s">
        <v>57</v>
      </c>
      <c r="C634" s="9" t="s">
        <v>58</v>
      </c>
      <c r="D634" s="9" t="s">
        <v>228</v>
      </c>
      <c r="E634" s="9" t="s">
        <v>305</v>
      </c>
      <c r="F634" s="9" t="s">
        <v>299</v>
      </c>
      <c r="G634" s="6">
        <v>12092</v>
      </c>
      <c r="H634" s="6">
        <v>2734</v>
      </c>
      <c r="I634" s="6">
        <v>9342</v>
      </c>
      <c r="J634" s="6">
        <v>16</v>
      </c>
    </row>
    <row r="635" spans="1:10">
      <c r="A635" s="9" t="s">
        <v>27</v>
      </c>
      <c r="B635" s="9" t="s">
        <v>57</v>
      </c>
      <c r="C635" s="9" t="s">
        <v>58</v>
      </c>
      <c r="D635" s="9" t="s">
        <v>228</v>
      </c>
      <c r="E635" s="9" t="s">
        <v>305</v>
      </c>
      <c r="F635" s="9" t="s">
        <v>300</v>
      </c>
      <c r="G635" s="6">
        <v>16013</v>
      </c>
      <c r="H635" s="6">
        <v>1709</v>
      </c>
      <c r="I635" s="6">
        <v>14271</v>
      </c>
      <c r="J635" s="6">
        <v>33</v>
      </c>
    </row>
    <row r="636" spans="1:10">
      <c r="A636" s="9" t="s">
        <v>27</v>
      </c>
      <c r="B636" s="9" t="s">
        <v>57</v>
      </c>
      <c r="C636" s="9" t="s">
        <v>58</v>
      </c>
      <c r="D636" s="9" t="s">
        <v>228</v>
      </c>
      <c r="E636" s="9" t="s">
        <v>305</v>
      </c>
      <c r="F636" s="9" t="s">
        <v>301</v>
      </c>
      <c r="G636" s="6">
        <v>12640</v>
      </c>
      <c r="H636" s="6">
        <v>473</v>
      </c>
      <c r="I636" s="6">
        <v>12120</v>
      </c>
      <c r="J636" s="6">
        <v>47</v>
      </c>
    </row>
    <row r="637" spans="1:10">
      <c r="A637" s="9" t="s">
        <v>27</v>
      </c>
      <c r="B637" s="9" t="s">
        <v>57</v>
      </c>
      <c r="C637" s="9" t="s">
        <v>58</v>
      </c>
      <c r="D637" s="9" t="s">
        <v>228</v>
      </c>
      <c r="E637" s="9" t="s">
        <v>305</v>
      </c>
      <c r="F637" s="9" t="s">
        <v>302</v>
      </c>
      <c r="G637" s="6">
        <v>8521</v>
      </c>
      <c r="H637" s="6">
        <v>121</v>
      </c>
      <c r="I637" s="6">
        <v>8365</v>
      </c>
      <c r="J637" s="6">
        <v>35</v>
      </c>
    </row>
    <row r="638" spans="1:10">
      <c r="A638" s="9" t="s">
        <v>27</v>
      </c>
      <c r="B638" s="9" t="s">
        <v>57</v>
      </c>
      <c r="C638" s="9" t="s">
        <v>58</v>
      </c>
      <c r="D638" s="9" t="s">
        <v>228</v>
      </c>
      <c r="E638" s="9" t="s">
        <v>305</v>
      </c>
      <c r="F638" s="9" t="s">
        <v>303</v>
      </c>
      <c r="G638" s="6">
        <v>4245</v>
      </c>
      <c r="H638" s="6">
        <v>20</v>
      </c>
      <c r="I638" s="6">
        <v>4209</v>
      </c>
      <c r="J638" s="6">
        <v>16</v>
      </c>
    </row>
    <row r="639" spans="1:10">
      <c r="A639" s="9" t="s">
        <v>27</v>
      </c>
      <c r="B639" s="9" t="s">
        <v>57</v>
      </c>
      <c r="C639" s="9" t="s">
        <v>58</v>
      </c>
      <c r="D639" s="9" t="s">
        <v>228</v>
      </c>
      <c r="E639" s="9" t="s">
        <v>305</v>
      </c>
      <c r="F639" s="9" t="s">
        <v>304</v>
      </c>
      <c r="G639" s="6">
        <v>57791</v>
      </c>
      <c r="H639" s="6">
        <v>6891</v>
      </c>
      <c r="I639" s="6">
        <v>50748</v>
      </c>
      <c r="J639" s="6">
        <v>152</v>
      </c>
    </row>
    <row r="640" spans="1:10">
      <c r="A640" s="9" t="s">
        <v>27</v>
      </c>
      <c r="B640" s="9" t="s">
        <v>57</v>
      </c>
      <c r="C640" s="9" t="s">
        <v>58</v>
      </c>
      <c r="D640" s="9" t="s">
        <v>228</v>
      </c>
      <c r="E640" s="9" t="s">
        <v>305</v>
      </c>
      <c r="F640" s="9" t="s">
        <v>49</v>
      </c>
      <c r="G640" s="6">
        <v>53511</v>
      </c>
      <c r="H640" s="6">
        <v>5057</v>
      </c>
      <c r="I640" s="6">
        <v>48307</v>
      </c>
      <c r="J640" s="6">
        <v>147</v>
      </c>
    </row>
    <row r="641" spans="1:10">
      <c r="A641" s="9" t="s">
        <v>27</v>
      </c>
      <c r="B641" s="9" t="s">
        <v>57</v>
      </c>
      <c r="C641" s="9" t="s">
        <v>58</v>
      </c>
      <c r="D641" s="9" t="s">
        <v>18</v>
      </c>
      <c r="E641" s="9" t="s">
        <v>6</v>
      </c>
      <c r="F641" s="9" t="s">
        <v>6</v>
      </c>
      <c r="G641" s="6">
        <v>6979</v>
      </c>
      <c r="H641" s="6">
        <v>199</v>
      </c>
      <c r="I641" s="6">
        <v>165</v>
      </c>
      <c r="J641" s="6">
        <v>6615</v>
      </c>
    </row>
    <row r="642" spans="1:10">
      <c r="A642" s="9" t="s">
        <v>27</v>
      </c>
      <c r="B642" s="9" t="s">
        <v>57</v>
      </c>
      <c r="C642" s="9" t="s">
        <v>58</v>
      </c>
      <c r="D642" s="9" t="s">
        <v>18</v>
      </c>
      <c r="E642" s="9" t="s">
        <v>6</v>
      </c>
      <c r="F642" s="9" t="s">
        <v>297</v>
      </c>
      <c r="G642" s="6">
        <v>2451</v>
      </c>
      <c r="H642" s="6">
        <v>24</v>
      </c>
      <c r="I642" s="6">
        <v>7</v>
      </c>
      <c r="J642" s="6">
        <v>2420</v>
      </c>
    </row>
    <row r="643" spans="1:10">
      <c r="A643" s="9" t="s">
        <v>27</v>
      </c>
      <c r="B643" s="9" t="s">
        <v>57</v>
      </c>
      <c r="C643" s="9" t="s">
        <v>58</v>
      </c>
      <c r="D643" s="9" t="s">
        <v>18</v>
      </c>
      <c r="E643" s="9" t="s">
        <v>6</v>
      </c>
      <c r="F643" s="9" t="s">
        <v>298</v>
      </c>
      <c r="G643" s="6">
        <v>334</v>
      </c>
      <c r="H643" s="6">
        <v>22</v>
      </c>
      <c r="I643" s="6">
        <v>11</v>
      </c>
      <c r="J643" s="6">
        <v>301</v>
      </c>
    </row>
    <row r="644" spans="1:10">
      <c r="A644" s="9" t="s">
        <v>27</v>
      </c>
      <c r="B644" s="9" t="s">
        <v>57</v>
      </c>
      <c r="C644" s="9" t="s">
        <v>58</v>
      </c>
      <c r="D644" s="9" t="s">
        <v>18</v>
      </c>
      <c r="E644" s="9" t="s">
        <v>6</v>
      </c>
      <c r="F644" s="9" t="s">
        <v>299</v>
      </c>
      <c r="G644" s="6">
        <v>677</v>
      </c>
      <c r="H644" s="6">
        <v>56</v>
      </c>
      <c r="I644" s="6">
        <v>15</v>
      </c>
      <c r="J644" s="6">
        <v>606</v>
      </c>
    </row>
    <row r="645" spans="1:10">
      <c r="A645" s="9" t="s">
        <v>27</v>
      </c>
      <c r="B645" s="9" t="s">
        <v>57</v>
      </c>
      <c r="C645" s="9" t="s">
        <v>58</v>
      </c>
      <c r="D645" s="9" t="s">
        <v>18</v>
      </c>
      <c r="E645" s="9" t="s">
        <v>6</v>
      </c>
      <c r="F645" s="9" t="s">
        <v>300</v>
      </c>
      <c r="G645" s="6">
        <v>1151</v>
      </c>
      <c r="H645" s="6">
        <v>63</v>
      </c>
      <c r="I645" s="6">
        <v>45</v>
      </c>
      <c r="J645" s="6">
        <v>1043</v>
      </c>
    </row>
    <row r="646" spans="1:10">
      <c r="A646" s="9" t="s">
        <v>27</v>
      </c>
      <c r="B646" s="9" t="s">
        <v>57</v>
      </c>
      <c r="C646" s="9" t="s">
        <v>58</v>
      </c>
      <c r="D646" s="9" t="s">
        <v>18</v>
      </c>
      <c r="E646" s="9" t="s">
        <v>6</v>
      </c>
      <c r="F646" s="9" t="s">
        <v>301</v>
      </c>
      <c r="G646" s="6">
        <v>1151</v>
      </c>
      <c r="H646" s="6">
        <v>24</v>
      </c>
      <c r="I646" s="6">
        <v>43</v>
      </c>
      <c r="J646" s="6">
        <v>1084</v>
      </c>
    </row>
    <row r="647" spans="1:10">
      <c r="A647" s="9" t="s">
        <v>27</v>
      </c>
      <c r="B647" s="9" t="s">
        <v>57</v>
      </c>
      <c r="C647" s="9" t="s">
        <v>58</v>
      </c>
      <c r="D647" s="9" t="s">
        <v>18</v>
      </c>
      <c r="E647" s="9" t="s">
        <v>6</v>
      </c>
      <c r="F647" s="9" t="s">
        <v>302</v>
      </c>
      <c r="G647" s="6">
        <v>811</v>
      </c>
      <c r="H647" s="6">
        <v>5</v>
      </c>
      <c r="I647" s="6">
        <v>26</v>
      </c>
      <c r="J647" s="6">
        <v>780</v>
      </c>
    </row>
    <row r="648" spans="1:10">
      <c r="A648" s="9" t="s">
        <v>27</v>
      </c>
      <c r="B648" s="9" t="s">
        <v>57</v>
      </c>
      <c r="C648" s="9" t="s">
        <v>58</v>
      </c>
      <c r="D648" s="9" t="s">
        <v>18</v>
      </c>
      <c r="E648" s="9" t="s">
        <v>6</v>
      </c>
      <c r="F648" s="9" t="s">
        <v>303</v>
      </c>
      <c r="G648" s="6">
        <v>404</v>
      </c>
      <c r="H648" s="6">
        <v>5</v>
      </c>
      <c r="I648" s="6">
        <v>18</v>
      </c>
      <c r="J648" s="6">
        <v>381</v>
      </c>
    </row>
    <row r="649" spans="1:10">
      <c r="A649" s="9" t="s">
        <v>27</v>
      </c>
      <c r="B649" s="9" t="s">
        <v>57</v>
      </c>
      <c r="C649" s="9" t="s">
        <v>58</v>
      </c>
      <c r="D649" s="9" t="s">
        <v>18</v>
      </c>
      <c r="E649" s="9" t="s">
        <v>6</v>
      </c>
      <c r="F649" s="9" t="s">
        <v>304</v>
      </c>
      <c r="G649" s="6">
        <v>4528</v>
      </c>
      <c r="H649" s="6">
        <v>175</v>
      </c>
      <c r="I649" s="6">
        <v>158</v>
      </c>
      <c r="J649" s="6">
        <v>4195</v>
      </c>
    </row>
    <row r="650" spans="1:10">
      <c r="A650" s="9" t="s">
        <v>27</v>
      </c>
      <c r="B650" s="9" t="s">
        <v>57</v>
      </c>
      <c r="C650" s="9" t="s">
        <v>58</v>
      </c>
      <c r="D650" s="9" t="s">
        <v>18</v>
      </c>
      <c r="E650" s="9" t="s">
        <v>6</v>
      </c>
      <c r="F650" s="9" t="s">
        <v>49</v>
      </c>
      <c r="G650" s="6">
        <v>4194</v>
      </c>
      <c r="H650" s="6">
        <v>153</v>
      </c>
      <c r="I650" s="6">
        <v>147</v>
      </c>
      <c r="J650" s="6">
        <v>3894</v>
      </c>
    </row>
    <row r="651" spans="1:10">
      <c r="A651" s="9" t="s">
        <v>27</v>
      </c>
      <c r="B651" s="9" t="s">
        <v>57</v>
      </c>
      <c r="C651" s="9" t="s">
        <v>58</v>
      </c>
      <c r="D651" s="9" t="s">
        <v>18</v>
      </c>
      <c r="E651" s="9" t="s">
        <v>297</v>
      </c>
      <c r="F651" s="9" t="s">
        <v>6</v>
      </c>
      <c r="G651" s="6">
        <v>2265</v>
      </c>
      <c r="H651" s="6">
        <v>11</v>
      </c>
      <c r="I651" s="6">
        <v>2</v>
      </c>
      <c r="J651" s="6">
        <v>2252</v>
      </c>
    </row>
    <row r="652" spans="1:10">
      <c r="A652" s="9" t="s">
        <v>27</v>
      </c>
      <c r="B652" s="9" t="s">
        <v>57</v>
      </c>
      <c r="C652" s="9" t="s">
        <v>58</v>
      </c>
      <c r="D652" s="9" t="s">
        <v>18</v>
      </c>
      <c r="E652" s="9" t="s">
        <v>297</v>
      </c>
      <c r="F652" s="9" t="s">
        <v>297</v>
      </c>
      <c r="G652" s="6">
        <v>2222</v>
      </c>
      <c r="H652" s="6">
        <v>10</v>
      </c>
      <c r="I652" s="6">
        <v>2</v>
      </c>
      <c r="J652" s="6">
        <v>2210</v>
      </c>
    </row>
    <row r="653" spans="1:10">
      <c r="A653" s="9" t="s">
        <v>27</v>
      </c>
      <c r="B653" s="9" t="s">
        <v>57</v>
      </c>
      <c r="C653" s="9" t="s">
        <v>58</v>
      </c>
      <c r="D653" s="9" t="s">
        <v>18</v>
      </c>
      <c r="E653" s="9" t="s">
        <v>297</v>
      </c>
      <c r="F653" s="9" t="s">
        <v>298</v>
      </c>
      <c r="G653" s="6">
        <v>27</v>
      </c>
      <c r="H653" s="10" t="s">
        <v>55</v>
      </c>
      <c r="I653" s="10" t="s">
        <v>55</v>
      </c>
      <c r="J653" s="6">
        <v>27</v>
      </c>
    </row>
    <row r="654" spans="1:10">
      <c r="A654" s="9" t="s">
        <v>27</v>
      </c>
      <c r="B654" s="9" t="s">
        <v>57</v>
      </c>
      <c r="C654" s="9" t="s">
        <v>58</v>
      </c>
      <c r="D654" s="9" t="s">
        <v>18</v>
      </c>
      <c r="E654" s="9" t="s">
        <v>297</v>
      </c>
      <c r="F654" s="9" t="s">
        <v>299</v>
      </c>
      <c r="G654" s="6">
        <v>11</v>
      </c>
      <c r="H654" s="6">
        <v>1</v>
      </c>
      <c r="I654" s="10" t="s">
        <v>55</v>
      </c>
      <c r="J654" s="6">
        <v>10</v>
      </c>
    </row>
    <row r="655" spans="1:10">
      <c r="A655" s="9" t="s">
        <v>27</v>
      </c>
      <c r="B655" s="9" t="s">
        <v>57</v>
      </c>
      <c r="C655" s="9" t="s">
        <v>58</v>
      </c>
      <c r="D655" s="9" t="s">
        <v>18</v>
      </c>
      <c r="E655" s="9" t="s">
        <v>297</v>
      </c>
      <c r="F655" s="9" t="s">
        <v>300</v>
      </c>
      <c r="G655" s="6">
        <v>4</v>
      </c>
      <c r="H655" s="10" t="s">
        <v>55</v>
      </c>
      <c r="I655" s="10" t="s">
        <v>55</v>
      </c>
      <c r="J655" s="6">
        <v>4</v>
      </c>
    </row>
    <row r="656" spans="1:10">
      <c r="A656" s="9" t="s">
        <v>27</v>
      </c>
      <c r="B656" s="9" t="s">
        <v>57</v>
      </c>
      <c r="C656" s="9" t="s">
        <v>58</v>
      </c>
      <c r="D656" s="9" t="s">
        <v>18</v>
      </c>
      <c r="E656" s="9" t="s">
        <v>297</v>
      </c>
      <c r="F656" s="9" t="s">
        <v>301</v>
      </c>
      <c r="G656" s="6">
        <v>1</v>
      </c>
      <c r="H656" s="10" t="s">
        <v>55</v>
      </c>
      <c r="I656" s="10" t="s">
        <v>55</v>
      </c>
      <c r="J656" s="6">
        <v>1</v>
      </c>
    </row>
    <row r="657" spans="1:10">
      <c r="A657" s="9" t="s">
        <v>27</v>
      </c>
      <c r="B657" s="9" t="s">
        <v>57</v>
      </c>
      <c r="C657" s="9" t="s">
        <v>58</v>
      </c>
      <c r="D657" s="9" t="s">
        <v>18</v>
      </c>
      <c r="E657" s="9" t="s">
        <v>297</v>
      </c>
      <c r="F657" s="9" t="s">
        <v>302</v>
      </c>
      <c r="G657" s="10" t="s">
        <v>55</v>
      </c>
      <c r="H657" s="10" t="s">
        <v>55</v>
      </c>
      <c r="I657" s="10" t="s">
        <v>55</v>
      </c>
      <c r="J657" s="10" t="s">
        <v>55</v>
      </c>
    </row>
    <row r="658" spans="1:10">
      <c r="A658" s="9" t="s">
        <v>27</v>
      </c>
      <c r="B658" s="9" t="s">
        <v>57</v>
      </c>
      <c r="C658" s="9" t="s">
        <v>58</v>
      </c>
      <c r="D658" s="9" t="s">
        <v>18</v>
      </c>
      <c r="E658" s="9" t="s">
        <v>297</v>
      </c>
      <c r="F658" s="9" t="s">
        <v>303</v>
      </c>
      <c r="G658" s="10" t="s">
        <v>55</v>
      </c>
      <c r="H658" s="10" t="s">
        <v>55</v>
      </c>
      <c r="I658" s="10" t="s">
        <v>55</v>
      </c>
      <c r="J658" s="10" t="s">
        <v>55</v>
      </c>
    </row>
    <row r="659" spans="1:10">
      <c r="A659" s="9" t="s">
        <v>27</v>
      </c>
      <c r="B659" s="9" t="s">
        <v>57</v>
      </c>
      <c r="C659" s="9" t="s">
        <v>58</v>
      </c>
      <c r="D659" s="9" t="s">
        <v>18</v>
      </c>
      <c r="E659" s="9" t="s">
        <v>297</v>
      </c>
      <c r="F659" s="9" t="s">
        <v>304</v>
      </c>
      <c r="G659" s="6">
        <v>43</v>
      </c>
      <c r="H659" s="6">
        <v>1</v>
      </c>
      <c r="I659" s="10" t="s">
        <v>55</v>
      </c>
      <c r="J659" s="6">
        <v>42</v>
      </c>
    </row>
    <row r="660" spans="1:10">
      <c r="A660" s="9" t="s">
        <v>27</v>
      </c>
      <c r="B660" s="9" t="s">
        <v>57</v>
      </c>
      <c r="C660" s="9" t="s">
        <v>58</v>
      </c>
      <c r="D660" s="9" t="s">
        <v>18</v>
      </c>
      <c r="E660" s="9" t="s">
        <v>297</v>
      </c>
      <c r="F660" s="9" t="s">
        <v>49</v>
      </c>
      <c r="G660" s="6">
        <v>16</v>
      </c>
      <c r="H660" s="6">
        <v>1</v>
      </c>
      <c r="I660" s="10" t="s">
        <v>55</v>
      </c>
      <c r="J660" s="6">
        <v>15</v>
      </c>
    </row>
    <row r="661" spans="1:10">
      <c r="A661" s="9" t="s">
        <v>27</v>
      </c>
      <c r="B661" s="9" t="s">
        <v>57</v>
      </c>
      <c r="C661" s="9" t="s">
        <v>58</v>
      </c>
      <c r="D661" s="9" t="s">
        <v>18</v>
      </c>
      <c r="E661" s="9" t="s">
        <v>298</v>
      </c>
      <c r="F661" s="9" t="s">
        <v>6</v>
      </c>
      <c r="G661" s="6">
        <v>335</v>
      </c>
      <c r="H661" s="6">
        <v>8</v>
      </c>
      <c r="I661" s="6">
        <v>9</v>
      </c>
      <c r="J661" s="6">
        <v>318</v>
      </c>
    </row>
    <row r="662" spans="1:10">
      <c r="A662" s="9" t="s">
        <v>27</v>
      </c>
      <c r="B662" s="9" t="s">
        <v>57</v>
      </c>
      <c r="C662" s="9" t="s">
        <v>58</v>
      </c>
      <c r="D662" s="9" t="s">
        <v>18</v>
      </c>
      <c r="E662" s="9" t="s">
        <v>298</v>
      </c>
      <c r="F662" s="9" t="s">
        <v>297</v>
      </c>
      <c r="G662" s="6">
        <v>152</v>
      </c>
      <c r="H662" s="6">
        <v>4</v>
      </c>
      <c r="I662" s="6">
        <v>4</v>
      </c>
      <c r="J662" s="6">
        <v>144</v>
      </c>
    </row>
    <row r="663" spans="1:10">
      <c r="A663" s="9" t="s">
        <v>27</v>
      </c>
      <c r="B663" s="9" t="s">
        <v>57</v>
      </c>
      <c r="C663" s="9" t="s">
        <v>58</v>
      </c>
      <c r="D663" s="9" t="s">
        <v>18</v>
      </c>
      <c r="E663" s="9" t="s">
        <v>298</v>
      </c>
      <c r="F663" s="9" t="s">
        <v>298</v>
      </c>
      <c r="G663" s="6">
        <v>132</v>
      </c>
      <c r="H663" s="6">
        <v>4</v>
      </c>
      <c r="I663" s="6">
        <v>4</v>
      </c>
      <c r="J663" s="6">
        <v>124</v>
      </c>
    </row>
    <row r="664" spans="1:10">
      <c r="A664" s="9" t="s">
        <v>27</v>
      </c>
      <c r="B664" s="9" t="s">
        <v>57</v>
      </c>
      <c r="C664" s="9" t="s">
        <v>58</v>
      </c>
      <c r="D664" s="9" t="s">
        <v>18</v>
      </c>
      <c r="E664" s="9" t="s">
        <v>298</v>
      </c>
      <c r="F664" s="9" t="s">
        <v>299</v>
      </c>
      <c r="G664" s="6">
        <v>37</v>
      </c>
      <c r="H664" s="10" t="s">
        <v>55</v>
      </c>
      <c r="I664" s="6">
        <v>1</v>
      </c>
      <c r="J664" s="6">
        <v>36</v>
      </c>
    </row>
    <row r="665" spans="1:10">
      <c r="A665" s="9" t="s">
        <v>27</v>
      </c>
      <c r="B665" s="9" t="s">
        <v>57</v>
      </c>
      <c r="C665" s="9" t="s">
        <v>58</v>
      </c>
      <c r="D665" s="9" t="s">
        <v>18</v>
      </c>
      <c r="E665" s="9" t="s">
        <v>298</v>
      </c>
      <c r="F665" s="9" t="s">
        <v>300</v>
      </c>
      <c r="G665" s="6">
        <v>11</v>
      </c>
      <c r="H665" s="10" t="s">
        <v>55</v>
      </c>
      <c r="I665" s="10" t="s">
        <v>55</v>
      </c>
      <c r="J665" s="6">
        <v>11</v>
      </c>
    </row>
    <row r="666" spans="1:10">
      <c r="A666" s="9" t="s">
        <v>27</v>
      </c>
      <c r="B666" s="9" t="s">
        <v>57</v>
      </c>
      <c r="C666" s="9" t="s">
        <v>58</v>
      </c>
      <c r="D666" s="9" t="s">
        <v>18</v>
      </c>
      <c r="E666" s="9" t="s">
        <v>298</v>
      </c>
      <c r="F666" s="9" t="s">
        <v>301</v>
      </c>
      <c r="G666" s="10" t="s">
        <v>55</v>
      </c>
      <c r="H666" s="10" t="s">
        <v>55</v>
      </c>
      <c r="I666" s="10" t="s">
        <v>55</v>
      </c>
      <c r="J666" s="10" t="s">
        <v>55</v>
      </c>
    </row>
    <row r="667" spans="1:10">
      <c r="A667" s="9" t="s">
        <v>27</v>
      </c>
      <c r="B667" s="9" t="s">
        <v>57</v>
      </c>
      <c r="C667" s="9" t="s">
        <v>58</v>
      </c>
      <c r="D667" s="9" t="s">
        <v>18</v>
      </c>
      <c r="E667" s="9" t="s">
        <v>298</v>
      </c>
      <c r="F667" s="9" t="s">
        <v>302</v>
      </c>
      <c r="G667" s="6">
        <v>3</v>
      </c>
      <c r="H667" s="10" t="s">
        <v>55</v>
      </c>
      <c r="I667" s="10" t="s">
        <v>55</v>
      </c>
      <c r="J667" s="6">
        <v>3</v>
      </c>
    </row>
    <row r="668" spans="1:10">
      <c r="A668" s="9" t="s">
        <v>27</v>
      </c>
      <c r="B668" s="9" t="s">
        <v>57</v>
      </c>
      <c r="C668" s="9" t="s">
        <v>58</v>
      </c>
      <c r="D668" s="9" t="s">
        <v>18</v>
      </c>
      <c r="E668" s="9" t="s">
        <v>298</v>
      </c>
      <c r="F668" s="9" t="s">
        <v>303</v>
      </c>
      <c r="G668" s="10" t="s">
        <v>55</v>
      </c>
      <c r="H668" s="10" t="s">
        <v>55</v>
      </c>
      <c r="I668" s="10" t="s">
        <v>55</v>
      </c>
      <c r="J668" s="10" t="s">
        <v>55</v>
      </c>
    </row>
    <row r="669" spans="1:10">
      <c r="A669" s="9" t="s">
        <v>27</v>
      </c>
      <c r="B669" s="9" t="s">
        <v>57</v>
      </c>
      <c r="C669" s="9" t="s">
        <v>58</v>
      </c>
      <c r="D669" s="9" t="s">
        <v>18</v>
      </c>
      <c r="E669" s="9" t="s">
        <v>298</v>
      </c>
      <c r="F669" s="9" t="s">
        <v>304</v>
      </c>
      <c r="G669" s="6">
        <v>183</v>
      </c>
      <c r="H669" s="6">
        <v>4</v>
      </c>
      <c r="I669" s="6">
        <v>5</v>
      </c>
      <c r="J669" s="6">
        <v>174</v>
      </c>
    </row>
    <row r="670" spans="1:10">
      <c r="A670" s="9" t="s">
        <v>27</v>
      </c>
      <c r="B670" s="9" t="s">
        <v>57</v>
      </c>
      <c r="C670" s="9" t="s">
        <v>58</v>
      </c>
      <c r="D670" s="9" t="s">
        <v>18</v>
      </c>
      <c r="E670" s="9" t="s">
        <v>298</v>
      </c>
      <c r="F670" s="9" t="s">
        <v>49</v>
      </c>
      <c r="G670" s="6">
        <v>51</v>
      </c>
      <c r="H670" s="10" t="s">
        <v>55</v>
      </c>
      <c r="I670" s="6">
        <v>1</v>
      </c>
      <c r="J670" s="6">
        <v>50</v>
      </c>
    </row>
    <row r="671" spans="1:10">
      <c r="A671" s="9" t="s">
        <v>27</v>
      </c>
      <c r="B671" s="9" t="s">
        <v>57</v>
      </c>
      <c r="C671" s="9" t="s">
        <v>58</v>
      </c>
      <c r="D671" s="9" t="s">
        <v>18</v>
      </c>
      <c r="E671" s="9" t="s">
        <v>299</v>
      </c>
      <c r="F671" s="9" t="s">
        <v>6</v>
      </c>
      <c r="G671" s="6">
        <v>499</v>
      </c>
      <c r="H671" s="6">
        <v>28</v>
      </c>
      <c r="I671" s="6">
        <v>11</v>
      </c>
      <c r="J671" s="6">
        <v>460</v>
      </c>
    </row>
    <row r="672" spans="1:10">
      <c r="A672" s="9" t="s">
        <v>27</v>
      </c>
      <c r="B672" s="9" t="s">
        <v>57</v>
      </c>
      <c r="C672" s="9" t="s">
        <v>58</v>
      </c>
      <c r="D672" s="9" t="s">
        <v>18</v>
      </c>
      <c r="E672" s="9" t="s">
        <v>299</v>
      </c>
      <c r="F672" s="9" t="s">
        <v>297</v>
      </c>
      <c r="G672" s="6">
        <v>39</v>
      </c>
      <c r="H672" s="6">
        <v>3</v>
      </c>
      <c r="I672" s="10" t="s">
        <v>55</v>
      </c>
      <c r="J672" s="6">
        <v>36</v>
      </c>
    </row>
    <row r="673" spans="1:10">
      <c r="A673" s="9" t="s">
        <v>27</v>
      </c>
      <c r="B673" s="9" t="s">
        <v>57</v>
      </c>
      <c r="C673" s="9" t="s">
        <v>58</v>
      </c>
      <c r="D673" s="9" t="s">
        <v>18</v>
      </c>
      <c r="E673" s="9" t="s">
        <v>299</v>
      </c>
      <c r="F673" s="9" t="s">
        <v>298</v>
      </c>
      <c r="G673" s="6">
        <v>124</v>
      </c>
      <c r="H673" s="6">
        <v>9</v>
      </c>
      <c r="I673" s="6">
        <v>2</v>
      </c>
      <c r="J673" s="6">
        <v>113</v>
      </c>
    </row>
    <row r="674" spans="1:10">
      <c r="A674" s="9" t="s">
        <v>27</v>
      </c>
      <c r="B674" s="9" t="s">
        <v>57</v>
      </c>
      <c r="C674" s="9" t="s">
        <v>58</v>
      </c>
      <c r="D674" s="9" t="s">
        <v>18</v>
      </c>
      <c r="E674" s="9" t="s">
        <v>299</v>
      </c>
      <c r="F674" s="9" t="s">
        <v>299</v>
      </c>
      <c r="G674" s="6">
        <v>255</v>
      </c>
      <c r="H674" s="6">
        <v>11</v>
      </c>
      <c r="I674" s="6">
        <v>6</v>
      </c>
      <c r="J674" s="6">
        <v>238</v>
      </c>
    </row>
    <row r="675" spans="1:10">
      <c r="A675" s="9" t="s">
        <v>27</v>
      </c>
      <c r="B675" s="9" t="s">
        <v>57</v>
      </c>
      <c r="C675" s="9" t="s">
        <v>58</v>
      </c>
      <c r="D675" s="9" t="s">
        <v>18</v>
      </c>
      <c r="E675" s="9" t="s">
        <v>299</v>
      </c>
      <c r="F675" s="9" t="s">
        <v>300</v>
      </c>
      <c r="G675" s="6">
        <v>63</v>
      </c>
      <c r="H675" s="6">
        <v>5</v>
      </c>
      <c r="I675" s="6">
        <v>2</v>
      </c>
      <c r="J675" s="6">
        <v>56</v>
      </c>
    </row>
    <row r="676" spans="1:10">
      <c r="A676" s="9" t="s">
        <v>27</v>
      </c>
      <c r="B676" s="9" t="s">
        <v>57</v>
      </c>
      <c r="C676" s="9" t="s">
        <v>58</v>
      </c>
      <c r="D676" s="9" t="s">
        <v>18</v>
      </c>
      <c r="E676" s="9" t="s">
        <v>299</v>
      </c>
      <c r="F676" s="9" t="s">
        <v>301</v>
      </c>
      <c r="G676" s="6">
        <v>14</v>
      </c>
      <c r="H676" s="10" t="s">
        <v>55</v>
      </c>
      <c r="I676" s="6">
        <v>1</v>
      </c>
      <c r="J676" s="6">
        <v>13</v>
      </c>
    </row>
    <row r="677" spans="1:10">
      <c r="A677" s="9" t="s">
        <v>27</v>
      </c>
      <c r="B677" s="9" t="s">
        <v>57</v>
      </c>
      <c r="C677" s="9" t="s">
        <v>58</v>
      </c>
      <c r="D677" s="9" t="s">
        <v>18</v>
      </c>
      <c r="E677" s="9" t="s">
        <v>299</v>
      </c>
      <c r="F677" s="9" t="s">
        <v>302</v>
      </c>
      <c r="G677" s="6">
        <v>4</v>
      </c>
      <c r="H677" s="10" t="s">
        <v>55</v>
      </c>
      <c r="I677" s="10" t="s">
        <v>55</v>
      </c>
      <c r="J677" s="6">
        <v>4</v>
      </c>
    </row>
    <row r="678" spans="1:10">
      <c r="A678" s="9" t="s">
        <v>27</v>
      </c>
      <c r="B678" s="9" t="s">
        <v>57</v>
      </c>
      <c r="C678" s="9" t="s">
        <v>58</v>
      </c>
      <c r="D678" s="9" t="s">
        <v>18</v>
      </c>
      <c r="E678" s="9" t="s">
        <v>299</v>
      </c>
      <c r="F678" s="9" t="s">
        <v>303</v>
      </c>
      <c r="G678" s="10" t="s">
        <v>55</v>
      </c>
      <c r="H678" s="10" t="s">
        <v>55</v>
      </c>
      <c r="I678" s="10" t="s">
        <v>55</v>
      </c>
      <c r="J678" s="10" t="s">
        <v>55</v>
      </c>
    </row>
    <row r="679" spans="1:10">
      <c r="A679" s="9" t="s">
        <v>27</v>
      </c>
      <c r="B679" s="9" t="s">
        <v>57</v>
      </c>
      <c r="C679" s="9" t="s">
        <v>58</v>
      </c>
      <c r="D679" s="9" t="s">
        <v>18</v>
      </c>
      <c r="E679" s="9" t="s">
        <v>299</v>
      </c>
      <c r="F679" s="9" t="s">
        <v>304</v>
      </c>
      <c r="G679" s="6">
        <v>460</v>
      </c>
      <c r="H679" s="6">
        <v>25</v>
      </c>
      <c r="I679" s="6">
        <v>11</v>
      </c>
      <c r="J679" s="6">
        <v>424</v>
      </c>
    </row>
    <row r="680" spans="1:10">
      <c r="A680" s="9" t="s">
        <v>27</v>
      </c>
      <c r="B680" s="9" t="s">
        <v>57</v>
      </c>
      <c r="C680" s="9" t="s">
        <v>58</v>
      </c>
      <c r="D680" s="9" t="s">
        <v>18</v>
      </c>
      <c r="E680" s="9" t="s">
        <v>299</v>
      </c>
      <c r="F680" s="9" t="s">
        <v>49</v>
      </c>
      <c r="G680" s="6">
        <v>336</v>
      </c>
      <c r="H680" s="6">
        <v>16</v>
      </c>
      <c r="I680" s="6">
        <v>9</v>
      </c>
      <c r="J680" s="6">
        <v>311</v>
      </c>
    </row>
    <row r="681" spans="1:10">
      <c r="A681" s="9" t="s">
        <v>27</v>
      </c>
      <c r="B681" s="9" t="s">
        <v>57</v>
      </c>
      <c r="C681" s="9" t="s">
        <v>58</v>
      </c>
      <c r="D681" s="9" t="s">
        <v>18</v>
      </c>
      <c r="E681" s="9" t="s">
        <v>300</v>
      </c>
      <c r="F681" s="9" t="s">
        <v>6</v>
      </c>
      <c r="G681" s="6">
        <v>954</v>
      </c>
      <c r="H681" s="6">
        <v>76</v>
      </c>
      <c r="I681" s="6">
        <v>38</v>
      </c>
      <c r="J681" s="6">
        <v>840</v>
      </c>
    </row>
    <row r="682" spans="1:10">
      <c r="A682" s="9" t="s">
        <v>27</v>
      </c>
      <c r="B682" s="9" t="s">
        <v>57</v>
      </c>
      <c r="C682" s="9" t="s">
        <v>58</v>
      </c>
      <c r="D682" s="9" t="s">
        <v>18</v>
      </c>
      <c r="E682" s="9" t="s">
        <v>300</v>
      </c>
      <c r="F682" s="9" t="s">
        <v>297</v>
      </c>
      <c r="G682" s="6">
        <v>23</v>
      </c>
      <c r="H682" s="6">
        <v>4</v>
      </c>
      <c r="I682" s="10" t="s">
        <v>55</v>
      </c>
      <c r="J682" s="6">
        <v>19</v>
      </c>
    </row>
    <row r="683" spans="1:10">
      <c r="A683" s="9" t="s">
        <v>27</v>
      </c>
      <c r="B683" s="9" t="s">
        <v>57</v>
      </c>
      <c r="C683" s="9" t="s">
        <v>58</v>
      </c>
      <c r="D683" s="9" t="s">
        <v>18</v>
      </c>
      <c r="E683" s="9" t="s">
        <v>300</v>
      </c>
      <c r="F683" s="9" t="s">
        <v>298</v>
      </c>
      <c r="G683" s="6">
        <v>41</v>
      </c>
      <c r="H683" s="6">
        <v>7</v>
      </c>
      <c r="I683" s="6">
        <v>2</v>
      </c>
      <c r="J683" s="6">
        <v>32</v>
      </c>
    </row>
    <row r="684" spans="1:10">
      <c r="A684" s="9" t="s">
        <v>27</v>
      </c>
      <c r="B684" s="9" t="s">
        <v>57</v>
      </c>
      <c r="C684" s="9" t="s">
        <v>58</v>
      </c>
      <c r="D684" s="9" t="s">
        <v>18</v>
      </c>
      <c r="E684" s="9" t="s">
        <v>300</v>
      </c>
      <c r="F684" s="9" t="s">
        <v>299</v>
      </c>
      <c r="G684" s="6">
        <v>299</v>
      </c>
      <c r="H684" s="6">
        <v>36</v>
      </c>
      <c r="I684" s="6">
        <v>7</v>
      </c>
      <c r="J684" s="6">
        <v>256</v>
      </c>
    </row>
    <row r="685" spans="1:10">
      <c r="A685" s="9" t="s">
        <v>27</v>
      </c>
      <c r="B685" s="9" t="s">
        <v>57</v>
      </c>
      <c r="C685" s="9" t="s">
        <v>58</v>
      </c>
      <c r="D685" s="9" t="s">
        <v>18</v>
      </c>
      <c r="E685" s="9" t="s">
        <v>300</v>
      </c>
      <c r="F685" s="9" t="s">
        <v>300</v>
      </c>
      <c r="G685" s="6">
        <v>475</v>
      </c>
      <c r="H685" s="6">
        <v>23</v>
      </c>
      <c r="I685" s="6">
        <v>25</v>
      </c>
      <c r="J685" s="6">
        <v>427</v>
      </c>
    </row>
    <row r="686" spans="1:10">
      <c r="A686" s="9" t="s">
        <v>27</v>
      </c>
      <c r="B686" s="9" t="s">
        <v>57</v>
      </c>
      <c r="C686" s="9" t="s">
        <v>58</v>
      </c>
      <c r="D686" s="9" t="s">
        <v>18</v>
      </c>
      <c r="E686" s="9" t="s">
        <v>300</v>
      </c>
      <c r="F686" s="9" t="s">
        <v>301</v>
      </c>
      <c r="G686" s="6">
        <v>100</v>
      </c>
      <c r="H686" s="6">
        <v>6</v>
      </c>
      <c r="I686" s="6">
        <v>4</v>
      </c>
      <c r="J686" s="6">
        <v>90</v>
      </c>
    </row>
    <row r="687" spans="1:10">
      <c r="A687" s="9" t="s">
        <v>27</v>
      </c>
      <c r="B687" s="9" t="s">
        <v>57</v>
      </c>
      <c r="C687" s="9" t="s">
        <v>58</v>
      </c>
      <c r="D687" s="9" t="s">
        <v>18</v>
      </c>
      <c r="E687" s="9" t="s">
        <v>300</v>
      </c>
      <c r="F687" s="9" t="s">
        <v>302</v>
      </c>
      <c r="G687" s="6">
        <v>13</v>
      </c>
      <c r="H687" s="10" t="s">
        <v>55</v>
      </c>
      <c r="I687" s="10" t="s">
        <v>55</v>
      </c>
      <c r="J687" s="6">
        <v>13</v>
      </c>
    </row>
    <row r="688" spans="1:10">
      <c r="A688" s="9" t="s">
        <v>27</v>
      </c>
      <c r="B688" s="9" t="s">
        <v>57</v>
      </c>
      <c r="C688" s="9" t="s">
        <v>58</v>
      </c>
      <c r="D688" s="9" t="s">
        <v>18</v>
      </c>
      <c r="E688" s="9" t="s">
        <v>300</v>
      </c>
      <c r="F688" s="9" t="s">
        <v>303</v>
      </c>
      <c r="G688" s="6">
        <v>3</v>
      </c>
      <c r="H688" s="10" t="s">
        <v>55</v>
      </c>
      <c r="I688" s="10" t="s">
        <v>55</v>
      </c>
      <c r="J688" s="6">
        <v>3</v>
      </c>
    </row>
    <row r="689" spans="1:10">
      <c r="A689" s="9" t="s">
        <v>27</v>
      </c>
      <c r="B689" s="9" t="s">
        <v>57</v>
      </c>
      <c r="C689" s="9" t="s">
        <v>58</v>
      </c>
      <c r="D689" s="9" t="s">
        <v>18</v>
      </c>
      <c r="E689" s="9" t="s">
        <v>300</v>
      </c>
      <c r="F689" s="9" t="s">
        <v>304</v>
      </c>
      <c r="G689" s="6">
        <v>931</v>
      </c>
      <c r="H689" s="6">
        <v>72</v>
      </c>
      <c r="I689" s="6">
        <v>38</v>
      </c>
      <c r="J689" s="6">
        <v>821</v>
      </c>
    </row>
    <row r="690" spans="1:10">
      <c r="A690" s="9" t="s">
        <v>27</v>
      </c>
      <c r="B690" s="9" t="s">
        <v>57</v>
      </c>
      <c r="C690" s="9" t="s">
        <v>58</v>
      </c>
      <c r="D690" s="9" t="s">
        <v>18</v>
      </c>
      <c r="E690" s="9" t="s">
        <v>300</v>
      </c>
      <c r="F690" s="9" t="s">
        <v>49</v>
      </c>
      <c r="G690" s="6">
        <v>890</v>
      </c>
      <c r="H690" s="6">
        <v>65</v>
      </c>
      <c r="I690" s="6">
        <v>36</v>
      </c>
      <c r="J690" s="6">
        <v>789</v>
      </c>
    </row>
    <row r="691" spans="1:10">
      <c r="A691" s="9" t="s">
        <v>27</v>
      </c>
      <c r="B691" s="9" t="s">
        <v>57</v>
      </c>
      <c r="C691" s="9" t="s">
        <v>58</v>
      </c>
      <c r="D691" s="9" t="s">
        <v>18</v>
      </c>
      <c r="E691" s="9" t="s">
        <v>301</v>
      </c>
      <c r="F691" s="9" t="s">
        <v>6</v>
      </c>
      <c r="G691" s="6">
        <v>1060</v>
      </c>
      <c r="H691" s="6">
        <v>44</v>
      </c>
      <c r="I691" s="6">
        <v>36</v>
      </c>
      <c r="J691" s="6">
        <v>980</v>
      </c>
    </row>
    <row r="692" spans="1:10">
      <c r="A692" s="9" t="s">
        <v>27</v>
      </c>
      <c r="B692" s="9" t="s">
        <v>57</v>
      </c>
      <c r="C692" s="9" t="s">
        <v>58</v>
      </c>
      <c r="D692" s="9" t="s">
        <v>18</v>
      </c>
      <c r="E692" s="9" t="s">
        <v>301</v>
      </c>
      <c r="F692" s="9" t="s">
        <v>297</v>
      </c>
      <c r="G692" s="6">
        <v>11</v>
      </c>
      <c r="H692" s="6">
        <v>2</v>
      </c>
      <c r="I692" s="6">
        <v>1</v>
      </c>
      <c r="J692" s="6">
        <v>8</v>
      </c>
    </row>
    <row r="693" spans="1:10">
      <c r="A693" s="9" t="s">
        <v>27</v>
      </c>
      <c r="B693" s="9" t="s">
        <v>57</v>
      </c>
      <c r="C693" s="9" t="s">
        <v>58</v>
      </c>
      <c r="D693" s="9" t="s">
        <v>18</v>
      </c>
      <c r="E693" s="9" t="s">
        <v>301</v>
      </c>
      <c r="F693" s="9" t="s">
        <v>298</v>
      </c>
      <c r="G693" s="6">
        <v>8</v>
      </c>
      <c r="H693" s="6">
        <v>1</v>
      </c>
      <c r="I693" s="6">
        <v>3</v>
      </c>
      <c r="J693" s="6">
        <v>4</v>
      </c>
    </row>
    <row r="694" spans="1:10">
      <c r="A694" s="9" t="s">
        <v>27</v>
      </c>
      <c r="B694" s="9" t="s">
        <v>57</v>
      </c>
      <c r="C694" s="9" t="s">
        <v>58</v>
      </c>
      <c r="D694" s="9" t="s">
        <v>18</v>
      </c>
      <c r="E694" s="9" t="s">
        <v>301</v>
      </c>
      <c r="F694" s="9" t="s">
        <v>299</v>
      </c>
      <c r="G694" s="6">
        <v>65</v>
      </c>
      <c r="H694" s="6">
        <v>7</v>
      </c>
      <c r="I694" s="6">
        <v>1</v>
      </c>
      <c r="J694" s="6">
        <v>57</v>
      </c>
    </row>
    <row r="695" spans="1:10">
      <c r="A695" s="9" t="s">
        <v>27</v>
      </c>
      <c r="B695" s="9" t="s">
        <v>57</v>
      </c>
      <c r="C695" s="9" t="s">
        <v>58</v>
      </c>
      <c r="D695" s="9" t="s">
        <v>18</v>
      </c>
      <c r="E695" s="9" t="s">
        <v>301</v>
      </c>
      <c r="F695" s="9" t="s">
        <v>300</v>
      </c>
      <c r="G695" s="6">
        <v>466</v>
      </c>
      <c r="H695" s="6">
        <v>28</v>
      </c>
      <c r="I695" s="6">
        <v>16</v>
      </c>
      <c r="J695" s="6">
        <v>422</v>
      </c>
    </row>
    <row r="696" spans="1:10">
      <c r="A696" s="9" t="s">
        <v>27</v>
      </c>
      <c r="B696" s="9" t="s">
        <v>57</v>
      </c>
      <c r="C696" s="9" t="s">
        <v>58</v>
      </c>
      <c r="D696" s="9" t="s">
        <v>18</v>
      </c>
      <c r="E696" s="9" t="s">
        <v>301</v>
      </c>
      <c r="F696" s="9" t="s">
        <v>301</v>
      </c>
      <c r="G696" s="6">
        <v>427</v>
      </c>
      <c r="H696" s="6">
        <v>6</v>
      </c>
      <c r="I696" s="6">
        <v>14</v>
      </c>
      <c r="J696" s="6">
        <v>407</v>
      </c>
    </row>
    <row r="697" spans="1:10">
      <c r="A697" s="9" t="s">
        <v>27</v>
      </c>
      <c r="B697" s="9" t="s">
        <v>57</v>
      </c>
      <c r="C697" s="9" t="s">
        <v>58</v>
      </c>
      <c r="D697" s="9" t="s">
        <v>18</v>
      </c>
      <c r="E697" s="9" t="s">
        <v>301</v>
      </c>
      <c r="F697" s="9" t="s">
        <v>302</v>
      </c>
      <c r="G697" s="6">
        <v>68</v>
      </c>
      <c r="H697" s="10" t="s">
        <v>55</v>
      </c>
      <c r="I697" s="6">
        <v>1</v>
      </c>
      <c r="J697" s="6">
        <v>67</v>
      </c>
    </row>
    <row r="698" spans="1:10">
      <c r="A698" s="9" t="s">
        <v>27</v>
      </c>
      <c r="B698" s="9" t="s">
        <v>57</v>
      </c>
      <c r="C698" s="9" t="s">
        <v>58</v>
      </c>
      <c r="D698" s="9" t="s">
        <v>18</v>
      </c>
      <c r="E698" s="9" t="s">
        <v>301</v>
      </c>
      <c r="F698" s="9" t="s">
        <v>303</v>
      </c>
      <c r="G698" s="6">
        <v>15</v>
      </c>
      <c r="H698" s="10" t="s">
        <v>55</v>
      </c>
      <c r="I698" s="10" t="s">
        <v>55</v>
      </c>
      <c r="J698" s="6">
        <v>15</v>
      </c>
    </row>
    <row r="699" spans="1:10">
      <c r="A699" s="9" t="s">
        <v>27</v>
      </c>
      <c r="B699" s="9" t="s">
        <v>57</v>
      </c>
      <c r="C699" s="9" t="s">
        <v>58</v>
      </c>
      <c r="D699" s="9" t="s">
        <v>18</v>
      </c>
      <c r="E699" s="9" t="s">
        <v>301</v>
      </c>
      <c r="F699" s="9" t="s">
        <v>304</v>
      </c>
      <c r="G699" s="6">
        <v>1049</v>
      </c>
      <c r="H699" s="6">
        <v>42</v>
      </c>
      <c r="I699" s="6">
        <v>35</v>
      </c>
      <c r="J699" s="6">
        <v>972</v>
      </c>
    </row>
    <row r="700" spans="1:10">
      <c r="A700" s="9" t="s">
        <v>27</v>
      </c>
      <c r="B700" s="9" t="s">
        <v>57</v>
      </c>
      <c r="C700" s="9" t="s">
        <v>58</v>
      </c>
      <c r="D700" s="9" t="s">
        <v>18</v>
      </c>
      <c r="E700" s="9" t="s">
        <v>301</v>
      </c>
      <c r="F700" s="9" t="s">
        <v>49</v>
      </c>
      <c r="G700" s="6">
        <v>1041</v>
      </c>
      <c r="H700" s="6">
        <v>41</v>
      </c>
      <c r="I700" s="6">
        <v>32</v>
      </c>
      <c r="J700" s="6">
        <v>968</v>
      </c>
    </row>
    <row r="701" spans="1:10">
      <c r="A701" s="9" t="s">
        <v>27</v>
      </c>
      <c r="B701" s="9" t="s">
        <v>57</v>
      </c>
      <c r="C701" s="9" t="s">
        <v>58</v>
      </c>
      <c r="D701" s="9" t="s">
        <v>18</v>
      </c>
      <c r="E701" s="9" t="s">
        <v>302</v>
      </c>
      <c r="F701" s="9" t="s">
        <v>6</v>
      </c>
      <c r="G701" s="6">
        <v>1064</v>
      </c>
      <c r="H701" s="6">
        <v>22</v>
      </c>
      <c r="I701" s="6">
        <v>31</v>
      </c>
      <c r="J701" s="6">
        <v>1011</v>
      </c>
    </row>
    <row r="702" spans="1:10">
      <c r="A702" s="9" t="s">
        <v>27</v>
      </c>
      <c r="B702" s="9" t="s">
        <v>57</v>
      </c>
      <c r="C702" s="9" t="s">
        <v>58</v>
      </c>
      <c r="D702" s="9" t="s">
        <v>18</v>
      </c>
      <c r="E702" s="9" t="s">
        <v>302</v>
      </c>
      <c r="F702" s="9" t="s">
        <v>297</v>
      </c>
      <c r="G702" s="6">
        <v>3</v>
      </c>
      <c r="H702" s="6">
        <v>1</v>
      </c>
      <c r="I702" s="10" t="s">
        <v>55</v>
      </c>
      <c r="J702" s="6">
        <v>2</v>
      </c>
    </row>
    <row r="703" spans="1:10">
      <c r="A703" s="9" t="s">
        <v>27</v>
      </c>
      <c r="B703" s="9" t="s">
        <v>57</v>
      </c>
      <c r="C703" s="9" t="s">
        <v>58</v>
      </c>
      <c r="D703" s="9" t="s">
        <v>18</v>
      </c>
      <c r="E703" s="9" t="s">
        <v>302</v>
      </c>
      <c r="F703" s="9" t="s">
        <v>298</v>
      </c>
      <c r="G703" s="6">
        <v>2</v>
      </c>
      <c r="H703" s="6">
        <v>1</v>
      </c>
      <c r="I703" s="10" t="s">
        <v>55</v>
      </c>
      <c r="J703" s="6">
        <v>1</v>
      </c>
    </row>
    <row r="704" spans="1:10">
      <c r="A704" s="9" t="s">
        <v>27</v>
      </c>
      <c r="B704" s="9" t="s">
        <v>57</v>
      </c>
      <c r="C704" s="9" t="s">
        <v>58</v>
      </c>
      <c r="D704" s="9" t="s">
        <v>18</v>
      </c>
      <c r="E704" s="9" t="s">
        <v>302</v>
      </c>
      <c r="F704" s="9" t="s">
        <v>299</v>
      </c>
      <c r="G704" s="6">
        <v>7</v>
      </c>
      <c r="H704" s="6">
        <v>1</v>
      </c>
      <c r="I704" s="10" t="s">
        <v>55</v>
      </c>
      <c r="J704" s="6">
        <v>6</v>
      </c>
    </row>
    <row r="705" spans="1:10">
      <c r="A705" s="9" t="s">
        <v>27</v>
      </c>
      <c r="B705" s="9" t="s">
        <v>57</v>
      </c>
      <c r="C705" s="9" t="s">
        <v>58</v>
      </c>
      <c r="D705" s="9" t="s">
        <v>18</v>
      </c>
      <c r="E705" s="9" t="s">
        <v>302</v>
      </c>
      <c r="F705" s="9" t="s">
        <v>300</v>
      </c>
      <c r="G705" s="6">
        <v>114</v>
      </c>
      <c r="H705" s="6">
        <v>6</v>
      </c>
      <c r="I705" s="6">
        <v>2</v>
      </c>
      <c r="J705" s="6">
        <v>106</v>
      </c>
    </row>
    <row r="706" spans="1:10">
      <c r="A706" s="9" t="s">
        <v>27</v>
      </c>
      <c r="B706" s="9" t="s">
        <v>57</v>
      </c>
      <c r="C706" s="9" t="s">
        <v>58</v>
      </c>
      <c r="D706" s="9" t="s">
        <v>18</v>
      </c>
      <c r="E706" s="9" t="s">
        <v>302</v>
      </c>
      <c r="F706" s="9" t="s">
        <v>301</v>
      </c>
      <c r="G706" s="6">
        <v>509</v>
      </c>
      <c r="H706" s="6">
        <v>11</v>
      </c>
      <c r="I706" s="6">
        <v>19</v>
      </c>
      <c r="J706" s="6">
        <v>479</v>
      </c>
    </row>
    <row r="707" spans="1:10">
      <c r="A707" s="9" t="s">
        <v>27</v>
      </c>
      <c r="B707" s="9" t="s">
        <v>57</v>
      </c>
      <c r="C707" s="9" t="s">
        <v>58</v>
      </c>
      <c r="D707" s="9" t="s">
        <v>18</v>
      </c>
      <c r="E707" s="9" t="s">
        <v>302</v>
      </c>
      <c r="F707" s="9" t="s">
        <v>302</v>
      </c>
      <c r="G707" s="6">
        <v>385</v>
      </c>
      <c r="H707" s="6">
        <v>2</v>
      </c>
      <c r="I707" s="6">
        <v>8</v>
      </c>
      <c r="J707" s="6">
        <v>375</v>
      </c>
    </row>
    <row r="708" spans="1:10">
      <c r="A708" s="9" t="s">
        <v>27</v>
      </c>
      <c r="B708" s="9" t="s">
        <v>57</v>
      </c>
      <c r="C708" s="9" t="s">
        <v>58</v>
      </c>
      <c r="D708" s="9" t="s">
        <v>18</v>
      </c>
      <c r="E708" s="9" t="s">
        <v>302</v>
      </c>
      <c r="F708" s="9" t="s">
        <v>303</v>
      </c>
      <c r="G708" s="6">
        <v>44</v>
      </c>
      <c r="H708" s="10" t="s">
        <v>55</v>
      </c>
      <c r="I708" s="6">
        <v>2</v>
      </c>
      <c r="J708" s="6">
        <v>42</v>
      </c>
    </row>
    <row r="709" spans="1:10">
      <c r="A709" s="9" t="s">
        <v>27</v>
      </c>
      <c r="B709" s="9" t="s">
        <v>57</v>
      </c>
      <c r="C709" s="9" t="s">
        <v>58</v>
      </c>
      <c r="D709" s="9" t="s">
        <v>18</v>
      </c>
      <c r="E709" s="9" t="s">
        <v>302</v>
      </c>
      <c r="F709" s="9" t="s">
        <v>304</v>
      </c>
      <c r="G709" s="6">
        <v>1061</v>
      </c>
      <c r="H709" s="6">
        <v>21</v>
      </c>
      <c r="I709" s="6">
        <v>31</v>
      </c>
      <c r="J709" s="6">
        <v>1009</v>
      </c>
    </row>
    <row r="710" spans="1:10">
      <c r="A710" s="9" t="s">
        <v>27</v>
      </c>
      <c r="B710" s="9" t="s">
        <v>57</v>
      </c>
      <c r="C710" s="9" t="s">
        <v>58</v>
      </c>
      <c r="D710" s="9" t="s">
        <v>18</v>
      </c>
      <c r="E710" s="9" t="s">
        <v>302</v>
      </c>
      <c r="F710" s="9" t="s">
        <v>49</v>
      </c>
      <c r="G710" s="6">
        <v>1059</v>
      </c>
      <c r="H710" s="6">
        <v>20</v>
      </c>
      <c r="I710" s="6">
        <v>31</v>
      </c>
      <c r="J710" s="6">
        <v>1008</v>
      </c>
    </row>
    <row r="711" spans="1:10">
      <c r="A711" s="9" t="s">
        <v>27</v>
      </c>
      <c r="B711" s="9" t="s">
        <v>57</v>
      </c>
      <c r="C711" s="9" t="s">
        <v>58</v>
      </c>
      <c r="D711" s="9" t="s">
        <v>18</v>
      </c>
      <c r="E711" s="9" t="s">
        <v>303</v>
      </c>
      <c r="F711" s="9" t="s">
        <v>6</v>
      </c>
      <c r="G711" s="6">
        <v>802</v>
      </c>
      <c r="H711" s="6">
        <v>10</v>
      </c>
      <c r="I711" s="6">
        <v>38</v>
      </c>
      <c r="J711" s="6">
        <v>754</v>
      </c>
    </row>
    <row r="712" spans="1:10">
      <c r="A712" s="9" t="s">
        <v>27</v>
      </c>
      <c r="B712" s="9" t="s">
        <v>57</v>
      </c>
      <c r="C712" s="9" t="s">
        <v>58</v>
      </c>
      <c r="D712" s="9" t="s">
        <v>18</v>
      </c>
      <c r="E712" s="9" t="s">
        <v>303</v>
      </c>
      <c r="F712" s="9" t="s">
        <v>297</v>
      </c>
      <c r="G712" s="6">
        <v>1</v>
      </c>
      <c r="H712" s="10" t="s">
        <v>55</v>
      </c>
      <c r="I712" s="10" t="s">
        <v>55</v>
      </c>
      <c r="J712" s="6">
        <v>1</v>
      </c>
    </row>
    <row r="713" spans="1:10">
      <c r="A713" s="9" t="s">
        <v>27</v>
      </c>
      <c r="B713" s="9" t="s">
        <v>57</v>
      </c>
      <c r="C713" s="9" t="s">
        <v>58</v>
      </c>
      <c r="D713" s="9" t="s">
        <v>18</v>
      </c>
      <c r="E713" s="9" t="s">
        <v>303</v>
      </c>
      <c r="F713" s="9" t="s">
        <v>298</v>
      </c>
      <c r="G713" s="10" t="s">
        <v>55</v>
      </c>
      <c r="H713" s="10" t="s">
        <v>55</v>
      </c>
      <c r="I713" s="10" t="s">
        <v>55</v>
      </c>
      <c r="J713" s="10" t="s">
        <v>55</v>
      </c>
    </row>
    <row r="714" spans="1:10">
      <c r="A714" s="9" t="s">
        <v>27</v>
      </c>
      <c r="B714" s="9" t="s">
        <v>57</v>
      </c>
      <c r="C714" s="9" t="s">
        <v>58</v>
      </c>
      <c r="D714" s="9" t="s">
        <v>18</v>
      </c>
      <c r="E714" s="9" t="s">
        <v>303</v>
      </c>
      <c r="F714" s="9" t="s">
        <v>299</v>
      </c>
      <c r="G714" s="6">
        <v>3</v>
      </c>
      <c r="H714" s="10" t="s">
        <v>55</v>
      </c>
      <c r="I714" s="10" t="s">
        <v>55</v>
      </c>
      <c r="J714" s="6">
        <v>3</v>
      </c>
    </row>
    <row r="715" spans="1:10">
      <c r="A715" s="9" t="s">
        <v>27</v>
      </c>
      <c r="B715" s="9" t="s">
        <v>57</v>
      </c>
      <c r="C715" s="9" t="s">
        <v>58</v>
      </c>
      <c r="D715" s="9" t="s">
        <v>18</v>
      </c>
      <c r="E715" s="9" t="s">
        <v>303</v>
      </c>
      <c r="F715" s="9" t="s">
        <v>300</v>
      </c>
      <c r="G715" s="6">
        <v>18</v>
      </c>
      <c r="H715" s="6">
        <v>1</v>
      </c>
      <c r="I715" s="10" t="s">
        <v>55</v>
      </c>
      <c r="J715" s="6">
        <v>17</v>
      </c>
    </row>
    <row r="716" spans="1:10">
      <c r="A716" s="9" t="s">
        <v>27</v>
      </c>
      <c r="B716" s="9" t="s">
        <v>57</v>
      </c>
      <c r="C716" s="9" t="s">
        <v>58</v>
      </c>
      <c r="D716" s="9" t="s">
        <v>18</v>
      </c>
      <c r="E716" s="9" t="s">
        <v>303</v>
      </c>
      <c r="F716" s="9" t="s">
        <v>301</v>
      </c>
      <c r="G716" s="6">
        <v>100</v>
      </c>
      <c r="H716" s="6">
        <v>1</v>
      </c>
      <c r="I716" s="6">
        <v>5</v>
      </c>
      <c r="J716" s="6">
        <v>94</v>
      </c>
    </row>
    <row r="717" spans="1:10">
      <c r="A717" s="9" t="s">
        <v>27</v>
      </c>
      <c r="B717" s="9" t="s">
        <v>57</v>
      </c>
      <c r="C717" s="9" t="s">
        <v>58</v>
      </c>
      <c r="D717" s="9" t="s">
        <v>18</v>
      </c>
      <c r="E717" s="9" t="s">
        <v>303</v>
      </c>
      <c r="F717" s="9" t="s">
        <v>302</v>
      </c>
      <c r="G717" s="6">
        <v>338</v>
      </c>
      <c r="H717" s="6">
        <v>3</v>
      </c>
      <c r="I717" s="6">
        <v>17</v>
      </c>
      <c r="J717" s="6">
        <v>318</v>
      </c>
    </row>
    <row r="718" spans="1:10">
      <c r="A718" s="9" t="s">
        <v>27</v>
      </c>
      <c r="B718" s="9" t="s">
        <v>57</v>
      </c>
      <c r="C718" s="9" t="s">
        <v>58</v>
      </c>
      <c r="D718" s="9" t="s">
        <v>18</v>
      </c>
      <c r="E718" s="9" t="s">
        <v>303</v>
      </c>
      <c r="F718" s="9" t="s">
        <v>303</v>
      </c>
      <c r="G718" s="6">
        <v>342</v>
      </c>
      <c r="H718" s="6">
        <v>5</v>
      </c>
      <c r="I718" s="6">
        <v>16</v>
      </c>
      <c r="J718" s="6">
        <v>321</v>
      </c>
    </row>
    <row r="719" spans="1:10">
      <c r="A719" s="9" t="s">
        <v>27</v>
      </c>
      <c r="B719" s="9" t="s">
        <v>57</v>
      </c>
      <c r="C719" s="9" t="s">
        <v>58</v>
      </c>
      <c r="D719" s="9" t="s">
        <v>18</v>
      </c>
      <c r="E719" s="9" t="s">
        <v>303</v>
      </c>
      <c r="F719" s="9" t="s">
        <v>304</v>
      </c>
      <c r="G719" s="6">
        <v>801</v>
      </c>
      <c r="H719" s="6">
        <v>10</v>
      </c>
      <c r="I719" s="6">
        <v>38</v>
      </c>
      <c r="J719" s="6">
        <v>753</v>
      </c>
    </row>
    <row r="720" spans="1:10">
      <c r="A720" s="9" t="s">
        <v>27</v>
      </c>
      <c r="B720" s="9" t="s">
        <v>57</v>
      </c>
      <c r="C720" s="9" t="s">
        <v>58</v>
      </c>
      <c r="D720" s="9" t="s">
        <v>18</v>
      </c>
      <c r="E720" s="9" t="s">
        <v>303</v>
      </c>
      <c r="F720" s="9" t="s">
        <v>49</v>
      </c>
      <c r="G720" s="6">
        <v>801</v>
      </c>
      <c r="H720" s="6">
        <v>10</v>
      </c>
      <c r="I720" s="6">
        <v>38</v>
      </c>
      <c r="J720" s="6">
        <v>753</v>
      </c>
    </row>
    <row r="721" spans="1:10">
      <c r="A721" s="9" t="s">
        <v>27</v>
      </c>
      <c r="B721" s="9" t="s">
        <v>57</v>
      </c>
      <c r="C721" s="9" t="s">
        <v>58</v>
      </c>
      <c r="D721" s="9" t="s">
        <v>18</v>
      </c>
      <c r="E721" s="9" t="s">
        <v>305</v>
      </c>
      <c r="F721" s="9" t="s">
        <v>6</v>
      </c>
      <c r="G721" s="6">
        <v>4379</v>
      </c>
      <c r="H721" s="6">
        <v>180</v>
      </c>
      <c r="I721" s="6">
        <v>154</v>
      </c>
      <c r="J721" s="6">
        <v>4045</v>
      </c>
    </row>
    <row r="722" spans="1:10">
      <c r="A722" s="9" t="s">
        <v>27</v>
      </c>
      <c r="B722" s="9" t="s">
        <v>57</v>
      </c>
      <c r="C722" s="9" t="s">
        <v>58</v>
      </c>
      <c r="D722" s="9" t="s">
        <v>18</v>
      </c>
      <c r="E722" s="9" t="s">
        <v>305</v>
      </c>
      <c r="F722" s="9" t="s">
        <v>297</v>
      </c>
      <c r="G722" s="6">
        <v>77</v>
      </c>
      <c r="H722" s="6">
        <v>10</v>
      </c>
      <c r="I722" s="6">
        <v>1</v>
      </c>
      <c r="J722" s="6">
        <v>66</v>
      </c>
    </row>
    <row r="723" spans="1:10">
      <c r="A723" s="9" t="s">
        <v>27</v>
      </c>
      <c r="B723" s="9" t="s">
        <v>57</v>
      </c>
      <c r="C723" s="9" t="s">
        <v>58</v>
      </c>
      <c r="D723" s="9" t="s">
        <v>18</v>
      </c>
      <c r="E723" s="9" t="s">
        <v>305</v>
      </c>
      <c r="F723" s="9" t="s">
        <v>298</v>
      </c>
      <c r="G723" s="6">
        <v>175</v>
      </c>
      <c r="H723" s="6">
        <v>18</v>
      </c>
      <c r="I723" s="6">
        <v>7</v>
      </c>
      <c r="J723" s="6">
        <v>150</v>
      </c>
    </row>
    <row r="724" spans="1:10">
      <c r="A724" s="9" t="s">
        <v>27</v>
      </c>
      <c r="B724" s="9" t="s">
        <v>57</v>
      </c>
      <c r="C724" s="9" t="s">
        <v>58</v>
      </c>
      <c r="D724" s="9" t="s">
        <v>18</v>
      </c>
      <c r="E724" s="9" t="s">
        <v>305</v>
      </c>
      <c r="F724" s="9" t="s">
        <v>299</v>
      </c>
      <c r="G724" s="6">
        <v>629</v>
      </c>
      <c r="H724" s="6">
        <v>55</v>
      </c>
      <c r="I724" s="6">
        <v>14</v>
      </c>
      <c r="J724" s="6">
        <v>560</v>
      </c>
    </row>
    <row r="725" spans="1:10">
      <c r="A725" s="9" t="s">
        <v>27</v>
      </c>
      <c r="B725" s="9" t="s">
        <v>57</v>
      </c>
      <c r="C725" s="9" t="s">
        <v>58</v>
      </c>
      <c r="D725" s="9" t="s">
        <v>18</v>
      </c>
      <c r="E725" s="9" t="s">
        <v>305</v>
      </c>
      <c r="F725" s="9" t="s">
        <v>300</v>
      </c>
      <c r="G725" s="6">
        <v>1136</v>
      </c>
      <c r="H725" s="6">
        <v>63</v>
      </c>
      <c r="I725" s="6">
        <v>45</v>
      </c>
      <c r="J725" s="6">
        <v>1028</v>
      </c>
    </row>
    <row r="726" spans="1:10">
      <c r="A726" s="9" t="s">
        <v>27</v>
      </c>
      <c r="B726" s="9" t="s">
        <v>57</v>
      </c>
      <c r="C726" s="9" t="s">
        <v>58</v>
      </c>
      <c r="D726" s="9" t="s">
        <v>18</v>
      </c>
      <c r="E726" s="9" t="s">
        <v>305</v>
      </c>
      <c r="F726" s="9" t="s">
        <v>301</v>
      </c>
      <c r="G726" s="6">
        <v>1150</v>
      </c>
      <c r="H726" s="6">
        <v>24</v>
      </c>
      <c r="I726" s="6">
        <v>43</v>
      </c>
      <c r="J726" s="6">
        <v>1083</v>
      </c>
    </row>
    <row r="727" spans="1:10">
      <c r="A727" s="9" t="s">
        <v>27</v>
      </c>
      <c r="B727" s="9" t="s">
        <v>57</v>
      </c>
      <c r="C727" s="9" t="s">
        <v>58</v>
      </c>
      <c r="D727" s="9" t="s">
        <v>18</v>
      </c>
      <c r="E727" s="9" t="s">
        <v>305</v>
      </c>
      <c r="F727" s="9" t="s">
        <v>302</v>
      </c>
      <c r="G727" s="6">
        <v>808</v>
      </c>
      <c r="H727" s="6">
        <v>5</v>
      </c>
      <c r="I727" s="6">
        <v>26</v>
      </c>
      <c r="J727" s="6">
        <v>777</v>
      </c>
    </row>
    <row r="728" spans="1:10">
      <c r="A728" s="9" t="s">
        <v>27</v>
      </c>
      <c r="B728" s="9" t="s">
        <v>57</v>
      </c>
      <c r="C728" s="9" t="s">
        <v>58</v>
      </c>
      <c r="D728" s="9" t="s">
        <v>18</v>
      </c>
      <c r="E728" s="9" t="s">
        <v>305</v>
      </c>
      <c r="F728" s="9" t="s">
        <v>303</v>
      </c>
      <c r="G728" s="6">
        <v>404</v>
      </c>
      <c r="H728" s="6">
        <v>5</v>
      </c>
      <c r="I728" s="6">
        <v>18</v>
      </c>
      <c r="J728" s="6">
        <v>381</v>
      </c>
    </row>
    <row r="729" spans="1:10">
      <c r="A729" s="9" t="s">
        <v>27</v>
      </c>
      <c r="B729" s="9" t="s">
        <v>57</v>
      </c>
      <c r="C729" s="9" t="s">
        <v>58</v>
      </c>
      <c r="D729" s="9" t="s">
        <v>18</v>
      </c>
      <c r="E729" s="9" t="s">
        <v>305</v>
      </c>
      <c r="F729" s="9" t="s">
        <v>304</v>
      </c>
      <c r="G729" s="6">
        <v>4302</v>
      </c>
      <c r="H729" s="6">
        <v>170</v>
      </c>
      <c r="I729" s="6">
        <v>153</v>
      </c>
      <c r="J729" s="6">
        <v>3979</v>
      </c>
    </row>
    <row r="730" spans="1:10">
      <c r="A730" s="9" t="s">
        <v>27</v>
      </c>
      <c r="B730" s="9" t="s">
        <v>57</v>
      </c>
      <c r="C730" s="9" t="s">
        <v>58</v>
      </c>
      <c r="D730" s="9" t="s">
        <v>18</v>
      </c>
      <c r="E730" s="9" t="s">
        <v>305</v>
      </c>
      <c r="F730" s="9" t="s">
        <v>49</v>
      </c>
      <c r="G730" s="6">
        <v>4127</v>
      </c>
      <c r="H730" s="6">
        <v>152</v>
      </c>
      <c r="I730" s="6">
        <v>146</v>
      </c>
      <c r="J730" s="6">
        <v>3829</v>
      </c>
    </row>
    <row r="731" spans="1:10">
      <c r="A731" s="9" t="s">
        <v>56</v>
      </c>
      <c r="B731" s="9" t="s">
        <v>57</v>
      </c>
      <c r="C731" s="9" t="s">
        <v>59</v>
      </c>
      <c r="D731" s="9" t="s">
        <v>6</v>
      </c>
      <c r="E731" s="9" t="s">
        <v>6</v>
      </c>
      <c r="F731" s="9" t="s">
        <v>6</v>
      </c>
      <c r="G731" s="6">
        <v>10245</v>
      </c>
      <c r="H731" s="6">
        <v>4126</v>
      </c>
      <c r="I731" s="6">
        <v>5865</v>
      </c>
      <c r="J731" s="6">
        <v>254</v>
      </c>
    </row>
    <row r="732" spans="1:10">
      <c r="A732" s="9" t="s">
        <v>56</v>
      </c>
      <c r="B732" s="9" t="s">
        <v>57</v>
      </c>
      <c r="C732" s="9" t="s">
        <v>59</v>
      </c>
      <c r="D732" s="9" t="s">
        <v>6</v>
      </c>
      <c r="E732" s="9" t="s">
        <v>6</v>
      </c>
      <c r="F732" s="9" t="s">
        <v>297</v>
      </c>
      <c r="G732" s="6">
        <v>2746</v>
      </c>
      <c r="H732" s="6">
        <v>1959</v>
      </c>
      <c r="I732" s="6">
        <v>626</v>
      </c>
      <c r="J732" s="6">
        <v>161</v>
      </c>
    </row>
    <row r="733" spans="1:10">
      <c r="A733" s="9" t="s">
        <v>56</v>
      </c>
      <c r="B733" s="9" t="s">
        <v>57</v>
      </c>
      <c r="C733" s="9" t="s">
        <v>59</v>
      </c>
      <c r="D733" s="9" t="s">
        <v>6</v>
      </c>
      <c r="E733" s="9" t="s">
        <v>6</v>
      </c>
      <c r="F733" s="9" t="s">
        <v>298</v>
      </c>
      <c r="G733" s="6">
        <v>1404</v>
      </c>
      <c r="H733" s="6">
        <v>815</v>
      </c>
      <c r="I733" s="6">
        <v>573</v>
      </c>
      <c r="J733" s="6">
        <v>16</v>
      </c>
    </row>
    <row r="734" spans="1:10">
      <c r="A734" s="9" t="s">
        <v>56</v>
      </c>
      <c r="B734" s="9" t="s">
        <v>57</v>
      </c>
      <c r="C734" s="9" t="s">
        <v>59</v>
      </c>
      <c r="D734" s="9" t="s">
        <v>6</v>
      </c>
      <c r="E734" s="9" t="s">
        <v>6</v>
      </c>
      <c r="F734" s="9" t="s">
        <v>299</v>
      </c>
      <c r="G734" s="6">
        <v>1821</v>
      </c>
      <c r="H734" s="6">
        <v>712</v>
      </c>
      <c r="I734" s="6">
        <v>1080</v>
      </c>
      <c r="J734" s="6">
        <v>29</v>
      </c>
    </row>
    <row r="735" spans="1:10">
      <c r="A735" s="9" t="s">
        <v>56</v>
      </c>
      <c r="B735" s="9" t="s">
        <v>57</v>
      </c>
      <c r="C735" s="9" t="s">
        <v>59</v>
      </c>
      <c r="D735" s="9" t="s">
        <v>6</v>
      </c>
      <c r="E735" s="9" t="s">
        <v>6</v>
      </c>
      <c r="F735" s="9" t="s">
        <v>300</v>
      </c>
      <c r="G735" s="6">
        <v>1882</v>
      </c>
      <c r="H735" s="6">
        <v>447</v>
      </c>
      <c r="I735" s="6">
        <v>1416</v>
      </c>
      <c r="J735" s="6">
        <v>19</v>
      </c>
    </row>
    <row r="736" spans="1:10">
      <c r="A736" s="9" t="s">
        <v>56</v>
      </c>
      <c r="B736" s="9" t="s">
        <v>57</v>
      </c>
      <c r="C736" s="9" t="s">
        <v>59</v>
      </c>
      <c r="D736" s="9" t="s">
        <v>6</v>
      </c>
      <c r="E736" s="9" t="s">
        <v>6</v>
      </c>
      <c r="F736" s="9" t="s">
        <v>301</v>
      </c>
      <c r="G736" s="6">
        <v>1280</v>
      </c>
      <c r="H736" s="6">
        <v>141</v>
      </c>
      <c r="I736" s="6">
        <v>1130</v>
      </c>
      <c r="J736" s="6">
        <v>9</v>
      </c>
    </row>
    <row r="737" spans="1:10">
      <c r="A737" s="9" t="s">
        <v>56</v>
      </c>
      <c r="B737" s="9" t="s">
        <v>57</v>
      </c>
      <c r="C737" s="9" t="s">
        <v>59</v>
      </c>
      <c r="D737" s="9" t="s">
        <v>6</v>
      </c>
      <c r="E737" s="9" t="s">
        <v>6</v>
      </c>
      <c r="F737" s="9" t="s">
        <v>302</v>
      </c>
      <c r="G737" s="6">
        <v>771</v>
      </c>
      <c r="H737" s="6">
        <v>43</v>
      </c>
      <c r="I737" s="6">
        <v>714</v>
      </c>
      <c r="J737" s="6">
        <v>14</v>
      </c>
    </row>
    <row r="738" spans="1:10">
      <c r="A738" s="9" t="s">
        <v>56</v>
      </c>
      <c r="B738" s="9" t="s">
        <v>57</v>
      </c>
      <c r="C738" s="9" t="s">
        <v>59</v>
      </c>
      <c r="D738" s="9" t="s">
        <v>6</v>
      </c>
      <c r="E738" s="9" t="s">
        <v>6</v>
      </c>
      <c r="F738" s="9" t="s">
        <v>303</v>
      </c>
      <c r="G738" s="6">
        <v>341</v>
      </c>
      <c r="H738" s="6">
        <v>9</v>
      </c>
      <c r="I738" s="6">
        <v>326</v>
      </c>
      <c r="J738" s="6">
        <v>6</v>
      </c>
    </row>
    <row r="739" spans="1:10">
      <c r="A739" s="9" t="s">
        <v>56</v>
      </c>
      <c r="B739" s="9" t="s">
        <v>57</v>
      </c>
      <c r="C739" s="9" t="s">
        <v>59</v>
      </c>
      <c r="D739" s="9" t="s">
        <v>6</v>
      </c>
      <c r="E739" s="9" t="s">
        <v>6</v>
      </c>
      <c r="F739" s="9" t="s">
        <v>304</v>
      </c>
      <c r="G739" s="6">
        <v>7499</v>
      </c>
      <c r="H739" s="6">
        <v>2167</v>
      </c>
      <c r="I739" s="6">
        <v>5239</v>
      </c>
      <c r="J739" s="6">
        <v>93</v>
      </c>
    </row>
    <row r="740" spans="1:10">
      <c r="A740" s="9" t="s">
        <v>56</v>
      </c>
      <c r="B740" s="9" t="s">
        <v>57</v>
      </c>
      <c r="C740" s="9" t="s">
        <v>59</v>
      </c>
      <c r="D740" s="9" t="s">
        <v>6</v>
      </c>
      <c r="E740" s="9" t="s">
        <v>6</v>
      </c>
      <c r="F740" s="9" t="s">
        <v>49</v>
      </c>
      <c r="G740" s="6">
        <v>6095</v>
      </c>
      <c r="H740" s="6">
        <v>1352</v>
      </c>
      <c r="I740" s="6">
        <v>4666</v>
      </c>
      <c r="J740" s="6">
        <v>77</v>
      </c>
    </row>
    <row r="741" spans="1:10">
      <c r="A741" s="9" t="s">
        <v>56</v>
      </c>
      <c r="B741" s="9" t="s">
        <v>57</v>
      </c>
      <c r="C741" s="9" t="s">
        <v>59</v>
      </c>
      <c r="D741" s="9" t="s">
        <v>6</v>
      </c>
      <c r="E741" s="9" t="s">
        <v>297</v>
      </c>
      <c r="F741" s="9" t="s">
        <v>6</v>
      </c>
      <c r="G741" s="6">
        <v>2190</v>
      </c>
      <c r="H741" s="6">
        <v>1575</v>
      </c>
      <c r="I741" s="6">
        <v>476</v>
      </c>
      <c r="J741" s="6">
        <v>139</v>
      </c>
    </row>
    <row r="742" spans="1:10">
      <c r="A742" s="9" t="s">
        <v>56</v>
      </c>
      <c r="B742" s="9" t="s">
        <v>57</v>
      </c>
      <c r="C742" s="9" t="s">
        <v>59</v>
      </c>
      <c r="D742" s="9" t="s">
        <v>6</v>
      </c>
      <c r="E742" s="9" t="s">
        <v>297</v>
      </c>
      <c r="F742" s="9" t="s">
        <v>297</v>
      </c>
      <c r="G742" s="6">
        <v>2116</v>
      </c>
      <c r="H742" s="6">
        <v>1533</v>
      </c>
      <c r="I742" s="6">
        <v>446</v>
      </c>
      <c r="J742" s="6">
        <v>137</v>
      </c>
    </row>
    <row r="743" spans="1:10">
      <c r="A743" s="9" t="s">
        <v>56</v>
      </c>
      <c r="B743" s="9" t="s">
        <v>57</v>
      </c>
      <c r="C743" s="9" t="s">
        <v>59</v>
      </c>
      <c r="D743" s="9" t="s">
        <v>6</v>
      </c>
      <c r="E743" s="9" t="s">
        <v>297</v>
      </c>
      <c r="F743" s="9" t="s">
        <v>298</v>
      </c>
      <c r="G743" s="6">
        <v>62</v>
      </c>
      <c r="H743" s="6">
        <v>41</v>
      </c>
      <c r="I743" s="6">
        <v>20</v>
      </c>
      <c r="J743" s="6">
        <v>1</v>
      </c>
    </row>
    <row r="744" spans="1:10">
      <c r="A744" s="9" t="s">
        <v>56</v>
      </c>
      <c r="B744" s="9" t="s">
        <v>57</v>
      </c>
      <c r="C744" s="9" t="s">
        <v>59</v>
      </c>
      <c r="D744" s="9" t="s">
        <v>6</v>
      </c>
      <c r="E744" s="9" t="s">
        <v>297</v>
      </c>
      <c r="F744" s="9" t="s">
        <v>299</v>
      </c>
      <c r="G744" s="6">
        <v>8</v>
      </c>
      <c r="H744" s="6">
        <v>1</v>
      </c>
      <c r="I744" s="6">
        <v>7</v>
      </c>
      <c r="J744" s="10" t="s">
        <v>55</v>
      </c>
    </row>
    <row r="745" spans="1:10">
      <c r="A745" s="9" t="s">
        <v>56</v>
      </c>
      <c r="B745" s="9" t="s">
        <v>57</v>
      </c>
      <c r="C745" s="9" t="s">
        <v>59</v>
      </c>
      <c r="D745" s="9" t="s">
        <v>6</v>
      </c>
      <c r="E745" s="9" t="s">
        <v>297</v>
      </c>
      <c r="F745" s="9" t="s">
        <v>300</v>
      </c>
      <c r="G745" s="6">
        <v>4</v>
      </c>
      <c r="H745" s="10" t="s">
        <v>55</v>
      </c>
      <c r="I745" s="6">
        <v>3</v>
      </c>
      <c r="J745" s="6">
        <v>1</v>
      </c>
    </row>
    <row r="746" spans="1:10">
      <c r="A746" s="9" t="s">
        <v>56</v>
      </c>
      <c r="B746" s="9" t="s">
        <v>57</v>
      </c>
      <c r="C746" s="9" t="s">
        <v>59</v>
      </c>
      <c r="D746" s="9" t="s">
        <v>6</v>
      </c>
      <c r="E746" s="9" t="s">
        <v>297</v>
      </c>
      <c r="F746" s="9" t="s">
        <v>301</v>
      </c>
      <c r="G746" s="10" t="s">
        <v>55</v>
      </c>
      <c r="H746" s="10" t="s">
        <v>55</v>
      </c>
      <c r="I746" s="10" t="s">
        <v>55</v>
      </c>
      <c r="J746" s="10" t="s">
        <v>55</v>
      </c>
    </row>
    <row r="747" spans="1:10">
      <c r="A747" s="9" t="s">
        <v>56</v>
      </c>
      <c r="B747" s="9" t="s">
        <v>57</v>
      </c>
      <c r="C747" s="9" t="s">
        <v>59</v>
      </c>
      <c r="D747" s="9" t="s">
        <v>6</v>
      </c>
      <c r="E747" s="9" t="s">
        <v>297</v>
      </c>
      <c r="F747" s="9" t="s">
        <v>302</v>
      </c>
      <c r="G747" s="10" t="s">
        <v>55</v>
      </c>
      <c r="H747" s="10" t="s">
        <v>55</v>
      </c>
      <c r="I747" s="10" t="s">
        <v>55</v>
      </c>
      <c r="J747" s="10" t="s">
        <v>55</v>
      </c>
    </row>
    <row r="748" spans="1:10">
      <c r="A748" s="9" t="s">
        <v>56</v>
      </c>
      <c r="B748" s="9" t="s">
        <v>57</v>
      </c>
      <c r="C748" s="9" t="s">
        <v>59</v>
      </c>
      <c r="D748" s="9" t="s">
        <v>6</v>
      </c>
      <c r="E748" s="9" t="s">
        <v>297</v>
      </c>
      <c r="F748" s="9" t="s">
        <v>303</v>
      </c>
      <c r="G748" s="10" t="s">
        <v>55</v>
      </c>
      <c r="H748" s="10" t="s">
        <v>55</v>
      </c>
      <c r="I748" s="10" t="s">
        <v>55</v>
      </c>
      <c r="J748" s="10" t="s">
        <v>55</v>
      </c>
    </row>
    <row r="749" spans="1:10">
      <c r="A749" s="9" t="s">
        <v>56</v>
      </c>
      <c r="B749" s="9" t="s">
        <v>57</v>
      </c>
      <c r="C749" s="9" t="s">
        <v>59</v>
      </c>
      <c r="D749" s="9" t="s">
        <v>6</v>
      </c>
      <c r="E749" s="9" t="s">
        <v>297</v>
      </c>
      <c r="F749" s="9" t="s">
        <v>304</v>
      </c>
      <c r="G749" s="6">
        <v>74</v>
      </c>
      <c r="H749" s="6">
        <v>42</v>
      </c>
      <c r="I749" s="6">
        <v>30</v>
      </c>
      <c r="J749" s="6">
        <v>2</v>
      </c>
    </row>
    <row r="750" spans="1:10">
      <c r="A750" s="9" t="s">
        <v>56</v>
      </c>
      <c r="B750" s="9" t="s">
        <v>57</v>
      </c>
      <c r="C750" s="9" t="s">
        <v>59</v>
      </c>
      <c r="D750" s="9" t="s">
        <v>6</v>
      </c>
      <c r="E750" s="9" t="s">
        <v>297</v>
      </c>
      <c r="F750" s="9" t="s">
        <v>49</v>
      </c>
      <c r="G750" s="6">
        <v>12</v>
      </c>
      <c r="H750" s="6">
        <v>1</v>
      </c>
      <c r="I750" s="6">
        <v>10</v>
      </c>
      <c r="J750" s="6">
        <v>1</v>
      </c>
    </row>
    <row r="751" spans="1:10">
      <c r="A751" s="9" t="s">
        <v>56</v>
      </c>
      <c r="B751" s="9" t="s">
        <v>57</v>
      </c>
      <c r="C751" s="9" t="s">
        <v>59</v>
      </c>
      <c r="D751" s="9" t="s">
        <v>6</v>
      </c>
      <c r="E751" s="9" t="s">
        <v>298</v>
      </c>
      <c r="F751" s="9" t="s">
        <v>6</v>
      </c>
      <c r="G751" s="6">
        <v>1112</v>
      </c>
      <c r="H751" s="6">
        <v>691</v>
      </c>
      <c r="I751" s="6">
        <v>395</v>
      </c>
      <c r="J751" s="6">
        <v>26</v>
      </c>
    </row>
    <row r="752" spans="1:10">
      <c r="A752" s="9" t="s">
        <v>56</v>
      </c>
      <c r="B752" s="9" t="s">
        <v>57</v>
      </c>
      <c r="C752" s="9" t="s">
        <v>59</v>
      </c>
      <c r="D752" s="9" t="s">
        <v>6</v>
      </c>
      <c r="E752" s="9" t="s">
        <v>298</v>
      </c>
      <c r="F752" s="9" t="s">
        <v>297</v>
      </c>
      <c r="G752" s="6">
        <v>425</v>
      </c>
      <c r="H752" s="6">
        <v>297</v>
      </c>
      <c r="I752" s="6">
        <v>113</v>
      </c>
      <c r="J752" s="6">
        <v>15</v>
      </c>
    </row>
    <row r="753" spans="1:10">
      <c r="A753" s="9" t="s">
        <v>56</v>
      </c>
      <c r="B753" s="9" t="s">
        <v>57</v>
      </c>
      <c r="C753" s="9" t="s">
        <v>59</v>
      </c>
      <c r="D753" s="9" t="s">
        <v>6</v>
      </c>
      <c r="E753" s="9" t="s">
        <v>298</v>
      </c>
      <c r="F753" s="9" t="s">
        <v>298</v>
      </c>
      <c r="G753" s="6">
        <v>577</v>
      </c>
      <c r="H753" s="6">
        <v>351</v>
      </c>
      <c r="I753" s="6">
        <v>218</v>
      </c>
      <c r="J753" s="6">
        <v>8</v>
      </c>
    </row>
    <row r="754" spans="1:10">
      <c r="A754" s="9" t="s">
        <v>56</v>
      </c>
      <c r="B754" s="9" t="s">
        <v>57</v>
      </c>
      <c r="C754" s="9" t="s">
        <v>59</v>
      </c>
      <c r="D754" s="9" t="s">
        <v>6</v>
      </c>
      <c r="E754" s="9" t="s">
        <v>298</v>
      </c>
      <c r="F754" s="9" t="s">
        <v>299</v>
      </c>
      <c r="G754" s="6">
        <v>97</v>
      </c>
      <c r="H754" s="6">
        <v>40</v>
      </c>
      <c r="I754" s="6">
        <v>54</v>
      </c>
      <c r="J754" s="6">
        <v>3</v>
      </c>
    </row>
    <row r="755" spans="1:10">
      <c r="A755" s="9" t="s">
        <v>56</v>
      </c>
      <c r="B755" s="9" t="s">
        <v>57</v>
      </c>
      <c r="C755" s="9" t="s">
        <v>59</v>
      </c>
      <c r="D755" s="9" t="s">
        <v>6</v>
      </c>
      <c r="E755" s="9" t="s">
        <v>298</v>
      </c>
      <c r="F755" s="9" t="s">
        <v>300</v>
      </c>
      <c r="G755" s="6">
        <v>11</v>
      </c>
      <c r="H755" s="6">
        <v>3</v>
      </c>
      <c r="I755" s="6">
        <v>8</v>
      </c>
      <c r="J755" s="10" t="s">
        <v>55</v>
      </c>
    </row>
    <row r="756" spans="1:10">
      <c r="A756" s="9" t="s">
        <v>56</v>
      </c>
      <c r="B756" s="9" t="s">
        <v>57</v>
      </c>
      <c r="C756" s="9" t="s">
        <v>59</v>
      </c>
      <c r="D756" s="9" t="s">
        <v>6</v>
      </c>
      <c r="E756" s="9" t="s">
        <v>298</v>
      </c>
      <c r="F756" s="9" t="s">
        <v>301</v>
      </c>
      <c r="G756" s="6">
        <v>1</v>
      </c>
      <c r="H756" s="10" t="s">
        <v>55</v>
      </c>
      <c r="I756" s="6">
        <v>1</v>
      </c>
      <c r="J756" s="10" t="s">
        <v>55</v>
      </c>
    </row>
    <row r="757" spans="1:10">
      <c r="A757" s="9" t="s">
        <v>56</v>
      </c>
      <c r="B757" s="9" t="s">
        <v>57</v>
      </c>
      <c r="C757" s="9" t="s">
        <v>59</v>
      </c>
      <c r="D757" s="9" t="s">
        <v>6</v>
      </c>
      <c r="E757" s="9" t="s">
        <v>298</v>
      </c>
      <c r="F757" s="9" t="s">
        <v>302</v>
      </c>
      <c r="G757" s="10" t="s">
        <v>55</v>
      </c>
      <c r="H757" s="10" t="s">
        <v>55</v>
      </c>
      <c r="I757" s="10" t="s">
        <v>55</v>
      </c>
      <c r="J757" s="10" t="s">
        <v>55</v>
      </c>
    </row>
    <row r="758" spans="1:10">
      <c r="A758" s="9" t="s">
        <v>56</v>
      </c>
      <c r="B758" s="9" t="s">
        <v>57</v>
      </c>
      <c r="C758" s="9" t="s">
        <v>59</v>
      </c>
      <c r="D758" s="9" t="s">
        <v>6</v>
      </c>
      <c r="E758" s="9" t="s">
        <v>298</v>
      </c>
      <c r="F758" s="9" t="s">
        <v>303</v>
      </c>
      <c r="G758" s="6">
        <v>1</v>
      </c>
      <c r="H758" s="10" t="s">
        <v>55</v>
      </c>
      <c r="I758" s="6">
        <v>1</v>
      </c>
      <c r="J758" s="10" t="s">
        <v>55</v>
      </c>
    </row>
    <row r="759" spans="1:10">
      <c r="A759" s="9" t="s">
        <v>56</v>
      </c>
      <c r="B759" s="9" t="s">
        <v>57</v>
      </c>
      <c r="C759" s="9" t="s">
        <v>59</v>
      </c>
      <c r="D759" s="9" t="s">
        <v>6</v>
      </c>
      <c r="E759" s="9" t="s">
        <v>298</v>
      </c>
      <c r="F759" s="9" t="s">
        <v>304</v>
      </c>
      <c r="G759" s="6">
        <v>687</v>
      </c>
      <c r="H759" s="6">
        <v>394</v>
      </c>
      <c r="I759" s="6">
        <v>282</v>
      </c>
      <c r="J759" s="6">
        <v>11</v>
      </c>
    </row>
    <row r="760" spans="1:10">
      <c r="A760" s="9" t="s">
        <v>56</v>
      </c>
      <c r="B760" s="9" t="s">
        <v>57</v>
      </c>
      <c r="C760" s="9" t="s">
        <v>59</v>
      </c>
      <c r="D760" s="9" t="s">
        <v>6</v>
      </c>
      <c r="E760" s="9" t="s">
        <v>298</v>
      </c>
      <c r="F760" s="9" t="s">
        <v>49</v>
      </c>
      <c r="G760" s="6">
        <v>110</v>
      </c>
      <c r="H760" s="6">
        <v>43</v>
      </c>
      <c r="I760" s="6">
        <v>64</v>
      </c>
      <c r="J760" s="6">
        <v>3</v>
      </c>
    </row>
    <row r="761" spans="1:10">
      <c r="A761" s="9" t="s">
        <v>56</v>
      </c>
      <c r="B761" s="9" t="s">
        <v>57</v>
      </c>
      <c r="C761" s="9" t="s">
        <v>59</v>
      </c>
      <c r="D761" s="9" t="s">
        <v>6</v>
      </c>
      <c r="E761" s="9" t="s">
        <v>299</v>
      </c>
      <c r="F761" s="9" t="s">
        <v>6</v>
      </c>
      <c r="G761" s="6">
        <v>1698</v>
      </c>
      <c r="H761" s="6">
        <v>816</v>
      </c>
      <c r="I761" s="6">
        <v>861</v>
      </c>
      <c r="J761" s="6">
        <v>21</v>
      </c>
    </row>
    <row r="762" spans="1:10">
      <c r="A762" s="9" t="s">
        <v>56</v>
      </c>
      <c r="B762" s="9" t="s">
        <v>57</v>
      </c>
      <c r="C762" s="9" t="s">
        <v>59</v>
      </c>
      <c r="D762" s="9" t="s">
        <v>6</v>
      </c>
      <c r="E762" s="9" t="s">
        <v>299</v>
      </c>
      <c r="F762" s="9" t="s">
        <v>297</v>
      </c>
      <c r="G762" s="6">
        <v>150</v>
      </c>
      <c r="H762" s="6">
        <v>93</v>
      </c>
      <c r="I762" s="6">
        <v>51</v>
      </c>
      <c r="J762" s="6">
        <v>6</v>
      </c>
    </row>
    <row r="763" spans="1:10">
      <c r="A763" s="9" t="s">
        <v>56</v>
      </c>
      <c r="B763" s="9" t="s">
        <v>57</v>
      </c>
      <c r="C763" s="9" t="s">
        <v>59</v>
      </c>
      <c r="D763" s="9" t="s">
        <v>6</v>
      </c>
      <c r="E763" s="9" t="s">
        <v>299</v>
      </c>
      <c r="F763" s="9" t="s">
        <v>298</v>
      </c>
      <c r="G763" s="6">
        <v>613</v>
      </c>
      <c r="H763" s="6">
        <v>346</v>
      </c>
      <c r="I763" s="6">
        <v>261</v>
      </c>
      <c r="J763" s="6">
        <v>6</v>
      </c>
    </row>
    <row r="764" spans="1:10">
      <c r="A764" s="9" t="s">
        <v>56</v>
      </c>
      <c r="B764" s="9" t="s">
        <v>57</v>
      </c>
      <c r="C764" s="9" t="s">
        <v>59</v>
      </c>
      <c r="D764" s="9" t="s">
        <v>6</v>
      </c>
      <c r="E764" s="9" t="s">
        <v>299</v>
      </c>
      <c r="F764" s="9" t="s">
        <v>299</v>
      </c>
      <c r="G764" s="6">
        <v>789</v>
      </c>
      <c r="H764" s="6">
        <v>334</v>
      </c>
      <c r="I764" s="6">
        <v>446</v>
      </c>
      <c r="J764" s="6">
        <v>9</v>
      </c>
    </row>
    <row r="765" spans="1:10">
      <c r="A765" s="9" t="s">
        <v>56</v>
      </c>
      <c r="B765" s="9" t="s">
        <v>57</v>
      </c>
      <c r="C765" s="9" t="s">
        <v>59</v>
      </c>
      <c r="D765" s="9" t="s">
        <v>6</v>
      </c>
      <c r="E765" s="9" t="s">
        <v>299</v>
      </c>
      <c r="F765" s="9" t="s">
        <v>300</v>
      </c>
      <c r="G765" s="6">
        <v>127</v>
      </c>
      <c r="H765" s="6">
        <v>38</v>
      </c>
      <c r="I765" s="6">
        <v>89</v>
      </c>
      <c r="J765" s="10" t="s">
        <v>55</v>
      </c>
    </row>
    <row r="766" spans="1:10">
      <c r="A766" s="9" t="s">
        <v>56</v>
      </c>
      <c r="B766" s="9" t="s">
        <v>57</v>
      </c>
      <c r="C766" s="9" t="s">
        <v>59</v>
      </c>
      <c r="D766" s="9" t="s">
        <v>6</v>
      </c>
      <c r="E766" s="9" t="s">
        <v>299</v>
      </c>
      <c r="F766" s="9" t="s">
        <v>301</v>
      </c>
      <c r="G766" s="6">
        <v>15</v>
      </c>
      <c r="H766" s="6">
        <v>4</v>
      </c>
      <c r="I766" s="6">
        <v>11</v>
      </c>
      <c r="J766" s="10" t="s">
        <v>55</v>
      </c>
    </row>
    <row r="767" spans="1:10">
      <c r="A767" s="9" t="s">
        <v>56</v>
      </c>
      <c r="B767" s="9" t="s">
        <v>57</v>
      </c>
      <c r="C767" s="9" t="s">
        <v>59</v>
      </c>
      <c r="D767" s="9" t="s">
        <v>6</v>
      </c>
      <c r="E767" s="9" t="s">
        <v>299</v>
      </c>
      <c r="F767" s="9" t="s">
        <v>302</v>
      </c>
      <c r="G767" s="6">
        <v>4</v>
      </c>
      <c r="H767" s="6">
        <v>1</v>
      </c>
      <c r="I767" s="6">
        <v>3</v>
      </c>
      <c r="J767" s="10" t="s">
        <v>55</v>
      </c>
    </row>
    <row r="768" spans="1:10">
      <c r="A768" s="9" t="s">
        <v>56</v>
      </c>
      <c r="B768" s="9" t="s">
        <v>57</v>
      </c>
      <c r="C768" s="9" t="s">
        <v>59</v>
      </c>
      <c r="D768" s="9" t="s">
        <v>6</v>
      </c>
      <c r="E768" s="9" t="s">
        <v>299</v>
      </c>
      <c r="F768" s="9" t="s">
        <v>303</v>
      </c>
      <c r="G768" s="10" t="s">
        <v>55</v>
      </c>
      <c r="H768" s="10" t="s">
        <v>55</v>
      </c>
      <c r="I768" s="10" t="s">
        <v>55</v>
      </c>
      <c r="J768" s="10" t="s">
        <v>55</v>
      </c>
    </row>
    <row r="769" spans="1:10">
      <c r="A769" s="9" t="s">
        <v>56</v>
      </c>
      <c r="B769" s="9" t="s">
        <v>57</v>
      </c>
      <c r="C769" s="9" t="s">
        <v>59</v>
      </c>
      <c r="D769" s="9" t="s">
        <v>6</v>
      </c>
      <c r="E769" s="9" t="s">
        <v>299</v>
      </c>
      <c r="F769" s="9" t="s">
        <v>304</v>
      </c>
      <c r="G769" s="6">
        <v>1548</v>
      </c>
      <c r="H769" s="6">
        <v>723</v>
      </c>
      <c r="I769" s="6">
        <v>810</v>
      </c>
      <c r="J769" s="6">
        <v>15</v>
      </c>
    </row>
    <row r="770" spans="1:10">
      <c r="A770" s="9" t="s">
        <v>56</v>
      </c>
      <c r="B770" s="9" t="s">
        <v>57</v>
      </c>
      <c r="C770" s="9" t="s">
        <v>59</v>
      </c>
      <c r="D770" s="9" t="s">
        <v>6</v>
      </c>
      <c r="E770" s="9" t="s">
        <v>299</v>
      </c>
      <c r="F770" s="9" t="s">
        <v>49</v>
      </c>
      <c r="G770" s="6">
        <v>935</v>
      </c>
      <c r="H770" s="6">
        <v>377</v>
      </c>
      <c r="I770" s="6">
        <v>549</v>
      </c>
      <c r="J770" s="6">
        <v>9</v>
      </c>
    </row>
    <row r="771" spans="1:10">
      <c r="A771" s="9" t="s">
        <v>56</v>
      </c>
      <c r="B771" s="9" t="s">
        <v>57</v>
      </c>
      <c r="C771" s="9" t="s">
        <v>59</v>
      </c>
      <c r="D771" s="9" t="s">
        <v>6</v>
      </c>
      <c r="E771" s="9" t="s">
        <v>300</v>
      </c>
      <c r="F771" s="9" t="s">
        <v>6</v>
      </c>
      <c r="G771" s="6">
        <v>1987</v>
      </c>
      <c r="H771" s="6">
        <v>660</v>
      </c>
      <c r="I771" s="6">
        <v>1297</v>
      </c>
      <c r="J771" s="6">
        <v>30</v>
      </c>
    </row>
    <row r="772" spans="1:10">
      <c r="A772" s="9" t="s">
        <v>56</v>
      </c>
      <c r="B772" s="9" t="s">
        <v>57</v>
      </c>
      <c r="C772" s="9" t="s">
        <v>59</v>
      </c>
      <c r="D772" s="9" t="s">
        <v>6</v>
      </c>
      <c r="E772" s="9" t="s">
        <v>300</v>
      </c>
      <c r="F772" s="9" t="s">
        <v>297</v>
      </c>
      <c r="G772" s="6">
        <v>46</v>
      </c>
      <c r="H772" s="6">
        <v>28</v>
      </c>
      <c r="I772" s="6">
        <v>15</v>
      </c>
      <c r="J772" s="6">
        <v>3</v>
      </c>
    </row>
    <row r="773" spans="1:10">
      <c r="A773" s="9" t="s">
        <v>56</v>
      </c>
      <c r="B773" s="9" t="s">
        <v>57</v>
      </c>
      <c r="C773" s="9" t="s">
        <v>59</v>
      </c>
      <c r="D773" s="9" t="s">
        <v>6</v>
      </c>
      <c r="E773" s="9" t="s">
        <v>300</v>
      </c>
      <c r="F773" s="9" t="s">
        <v>298</v>
      </c>
      <c r="G773" s="6">
        <v>142</v>
      </c>
      <c r="H773" s="6">
        <v>72</v>
      </c>
      <c r="I773" s="6">
        <v>69</v>
      </c>
      <c r="J773" s="6">
        <v>1</v>
      </c>
    </row>
    <row r="774" spans="1:10">
      <c r="A774" s="9" t="s">
        <v>56</v>
      </c>
      <c r="B774" s="9" t="s">
        <v>57</v>
      </c>
      <c r="C774" s="9" t="s">
        <v>59</v>
      </c>
      <c r="D774" s="9" t="s">
        <v>6</v>
      </c>
      <c r="E774" s="9" t="s">
        <v>300</v>
      </c>
      <c r="F774" s="9" t="s">
        <v>299</v>
      </c>
      <c r="G774" s="6">
        <v>796</v>
      </c>
      <c r="H774" s="6">
        <v>292</v>
      </c>
      <c r="I774" s="6">
        <v>492</v>
      </c>
      <c r="J774" s="6">
        <v>12</v>
      </c>
    </row>
    <row r="775" spans="1:10">
      <c r="A775" s="9" t="s">
        <v>56</v>
      </c>
      <c r="B775" s="9" t="s">
        <v>57</v>
      </c>
      <c r="C775" s="9" t="s">
        <v>59</v>
      </c>
      <c r="D775" s="9" t="s">
        <v>6</v>
      </c>
      <c r="E775" s="9" t="s">
        <v>300</v>
      </c>
      <c r="F775" s="9" t="s">
        <v>300</v>
      </c>
      <c r="G775" s="6">
        <v>917</v>
      </c>
      <c r="H775" s="6">
        <v>259</v>
      </c>
      <c r="I775" s="6">
        <v>646</v>
      </c>
      <c r="J775" s="6">
        <v>12</v>
      </c>
    </row>
    <row r="776" spans="1:10">
      <c r="A776" s="9" t="s">
        <v>56</v>
      </c>
      <c r="B776" s="9" t="s">
        <v>57</v>
      </c>
      <c r="C776" s="9" t="s">
        <v>59</v>
      </c>
      <c r="D776" s="9" t="s">
        <v>6</v>
      </c>
      <c r="E776" s="9" t="s">
        <v>300</v>
      </c>
      <c r="F776" s="9" t="s">
        <v>301</v>
      </c>
      <c r="G776" s="6">
        <v>75</v>
      </c>
      <c r="H776" s="6">
        <v>9</v>
      </c>
      <c r="I776" s="6">
        <v>65</v>
      </c>
      <c r="J776" s="6">
        <v>1</v>
      </c>
    </row>
    <row r="777" spans="1:10">
      <c r="A777" s="9" t="s">
        <v>56</v>
      </c>
      <c r="B777" s="9" t="s">
        <v>57</v>
      </c>
      <c r="C777" s="9" t="s">
        <v>59</v>
      </c>
      <c r="D777" s="9" t="s">
        <v>6</v>
      </c>
      <c r="E777" s="9" t="s">
        <v>300</v>
      </c>
      <c r="F777" s="9" t="s">
        <v>302</v>
      </c>
      <c r="G777" s="6">
        <v>9</v>
      </c>
      <c r="H777" s="10" t="s">
        <v>55</v>
      </c>
      <c r="I777" s="6">
        <v>8</v>
      </c>
      <c r="J777" s="6">
        <v>1</v>
      </c>
    </row>
    <row r="778" spans="1:10">
      <c r="A778" s="9" t="s">
        <v>56</v>
      </c>
      <c r="B778" s="9" t="s">
        <v>57</v>
      </c>
      <c r="C778" s="9" t="s">
        <v>59</v>
      </c>
      <c r="D778" s="9" t="s">
        <v>6</v>
      </c>
      <c r="E778" s="9" t="s">
        <v>300</v>
      </c>
      <c r="F778" s="9" t="s">
        <v>303</v>
      </c>
      <c r="G778" s="6">
        <v>2</v>
      </c>
      <c r="H778" s="10" t="s">
        <v>55</v>
      </c>
      <c r="I778" s="6">
        <v>2</v>
      </c>
      <c r="J778" s="10" t="s">
        <v>55</v>
      </c>
    </row>
    <row r="779" spans="1:10">
      <c r="A779" s="9" t="s">
        <v>56</v>
      </c>
      <c r="B779" s="9" t="s">
        <v>57</v>
      </c>
      <c r="C779" s="9" t="s">
        <v>59</v>
      </c>
      <c r="D779" s="9" t="s">
        <v>6</v>
      </c>
      <c r="E779" s="9" t="s">
        <v>300</v>
      </c>
      <c r="F779" s="9" t="s">
        <v>304</v>
      </c>
      <c r="G779" s="6">
        <v>1941</v>
      </c>
      <c r="H779" s="6">
        <v>632</v>
      </c>
      <c r="I779" s="6">
        <v>1282</v>
      </c>
      <c r="J779" s="6">
        <v>27</v>
      </c>
    </row>
    <row r="780" spans="1:10">
      <c r="A780" s="9" t="s">
        <v>56</v>
      </c>
      <c r="B780" s="9" t="s">
        <v>57</v>
      </c>
      <c r="C780" s="9" t="s">
        <v>59</v>
      </c>
      <c r="D780" s="9" t="s">
        <v>6</v>
      </c>
      <c r="E780" s="9" t="s">
        <v>300</v>
      </c>
      <c r="F780" s="9" t="s">
        <v>49</v>
      </c>
      <c r="G780" s="6">
        <v>1799</v>
      </c>
      <c r="H780" s="6">
        <v>560</v>
      </c>
      <c r="I780" s="6">
        <v>1213</v>
      </c>
      <c r="J780" s="6">
        <v>26</v>
      </c>
    </row>
    <row r="781" spans="1:10">
      <c r="A781" s="9" t="s">
        <v>56</v>
      </c>
      <c r="B781" s="9" t="s">
        <v>57</v>
      </c>
      <c r="C781" s="9" t="s">
        <v>59</v>
      </c>
      <c r="D781" s="9" t="s">
        <v>6</v>
      </c>
      <c r="E781" s="9" t="s">
        <v>301</v>
      </c>
      <c r="F781" s="9" t="s">
        <v>6</v>
      </c>
      <c r="G781" s="6">
        <v>1458</v>
      </c>
      <c r="H781" s="6">
        <v>252</v>
      </c>
      <c r="I781" s="6">
        <v>1190</v>
      </c>
      <c r="J781" s="6">
        <v>16</v>
      </c>
    </row>
    <row r="782" spans="1:10">
      <c r="A782" s="9" t="s">
        <v>56</v>
      </c>
      <c r="B782" s="9" t="s">
        <v>57</v>
      </c>
      <c r="C782" s="9" t="s">
        <v>59</v>
      </c>
      <c r="D782" s="9" t="s">
        <v>6</v>
      </c>
      <c r="E782" s="9" t="s">
        <v>301</v>
      </c>
      <c r="F782" s="9" t="s">
        <v>297</v>
      </c>
      <c r="G782" s="6">
        <v>8</v>
      </c>
      <c r="H782" s="6">
        <v>7</v>
      </c>
      <c r="I782" s="6">
        <v>1</v>
      </c>
      <c r="J782" s="10" t="s">
        <v>55</v>
      </c>
    </row>
    <row r="783" spans="1:10">
      <c r="A783" s="9" t="s">
        <v>56</v>
      </c>
      <c r="B783" s="9" t="s">
        <v>57</v>
      </c>
      <c r="C783" s="9" t="s">
        <v>59</v>
      </c>
      <c r="D783" s="9" t="s">
        <v>6</v>
      </c>
      <c r="E783" s="9" t="s">
        <v>301</v>
      </c>
      <c r="F783" s="9" t="s">
        <v>298</v>
      </c>
      <c r="G783" s="6">
        <v>9</v>
      </c>
      <c r="H783" s="6">
        <v>4</v>
      </c>
      <c r="I783" s="6">
        <v>5</v>
      </c>
      <c r="J783" s="10" t="s">
        <v>55</v>
      </c>
    </row>
    <row r="784" spans="1:10">
      <c r="A784" s="9" t="s">
        <v>56</v>
      </c>
      <c r="B784" s="9" t="s">
        <v>57</v>
      </c>
      <c r="C784" s="9" t="s">
        <v>59</v>
      </c>
      <c r="D784" s="9" t="s">
        <v>6</v>
      </c>
      <c r="E784" s="9" t="s">
        <v>301</v>
      </c>
      <c r="F784" s="9" t="s">
        <v>299</v>
      </c>
      <c r="G784" s="6">
        <v>112</v>
      </c>
      <c r="H784" s="6">
        <v>40</v>
      </c>
      <c r="I784" s="6">
        <v>67</v>
      </c>
      <c r="J784" s="6">
        <v>5</v>
      </c>
    </row>
    <row r="785" spans="1:10">
      <c r="A785" s="9" t="s">
        <v>56</v>
      </c>
      <c r="B785" s="9" t="s">
        <v>57</v>
      </c>
      <c r="C785" s="9" t="s">
        <v>59</v>
      </c>
      <c r="D785" s="9" t="s">
        <v>6</v>
      </c>
      <c r="E785" s="9" t="s">
        <v>301</v>
      </c>
      <c r="F785" s="9" t="s">
        <v>300</v>
      </c>
      <c r="G785" s="6">
        <v>700</v>
      </c>
      <c r="H785" s="6">
        <v>129</v>
      </c>
      <c r="I785" s="6">
        <v>566</v>
      </c>
      <c r="J785" s="6">
        <v>5</v>
      </c>
    </row>
    <row r="786" spans="1:10">
      <c r="A786" s="9" t="s">
        <v>56</v>
      </c>
      <c r="B786" s="9" t="s">
        <v>57</v>
      </c>
      <c r="C786" s="9" t="s">
        <v>59</v>
      </c>
      <c r="D786" s="9" t="s">
        <v>6</v>
      </c>
      <c r="E786" s="9" t="s">
        <v>301</v>
      </c>
      <c r="F786" s="9" t="s">
        <v>301</v>
      </c>
      <c r="G786" s="6">
        <v>556</v>
      </c>
      <c r="H786" s="6">
        <v>68</v>
      </c>
      <c r="I786" s="6">
        <v>483</v>
      </c>
      <c r="J786" s="6">
        <v>5</v>
      </c>
    </row>
    <row r="787" spans="1:10">
      <c r="A787" s="9" t="s">
        <v>56</v>
      </c>
      <c r="B787" s="9" t="s">
        <v>57</v>
      </c>
      <c r="C787" s="9" t="s">
        <v>59</v>
      </c>
      <c r="D787" s="9" t="s">
        <v>6</v>
      </c>
      <c r="E787" s="9" t="s">
        <v>301</v>
      </c>
      <c r="F787" s="9" t="s">
        <v>302</v>
      </c>
      <c r="G787" s="6">
        <v>63</v>
      </c>
      <c r="H787" s="6">
        <v>3</v>
      </c>
      <c r="I787" s="6">
        <v>59</v>
      </c>
      <c r="J787" s="6">
        <v>1</v>
      </c>
    </row>
    <row r="788" spans="1:10">
      <c r="A788" s="9" t="s">
        <v>56</v>
      </c>
      <c r="B788" s="9" t="s">
        <v>57</v>
      </c>
      <c r="C788" s="9" t="s">
        <v>59</v>
      </c>
      <c r="D788" s="9" t="s">
        <v>6</v>
      </c>
      <c r="E788" s="9" t="s">
        <v>301</v>
      </c>
      <c r="F788" s="9" t="s">
        <v>303</v>
      </c>
      <c r="G788" s="6">
        <v>10</v>
      </c>
      <c r="H788" s="6">
        <v>1</v>
      </c>
      <c r="I788" s="6">
        <v>9</v>
      </c>
      <c r="J788" s="10" t="s">
        <v>55</v>
      </c>
    </row>
    <row r="789" spans="1:10">
      <c r="A789" s="9" t="s">
        <v>56</v>
      </c>
      <c r="B789" s="9" t="s">
        <v>57</v>
      </c>
      <c r="C789" s="9" t="s">
        <v>59</v>
      </c>
      <c r="D789" s="9" t="s">
        <v>6</v>
      </c>
      <c r="E789" s="9" t="s">
        <v>301</v>
      </c>
      <c r="F789" s="9" t="s">
        <v>304</v>
      </c>
      <c r="G789" s="6">
        <v>1450</v>
      </c>
      <c r="H789" s="6">
        <v>245</v>
      </c>
      <c r="I789" s="6">
        <v>1189</v>
      </c>
      <c r="J789" s="6">
        <v>16</v>
      </c>
    </row>
    <row r="790" spans="1:10">
      <c r="A790" s="9" t="s">
        <v>56</v>
      </c>
      <c r="B790" s="9" t="s">
        <v>57</v>
      </c>
      <c r="C790" s="9" t="s">
        <v>59</v>
      </c>
      <c r="D790" s="9" t="s">
        <v>6</v>
      </c>
      <c r="E790" s="9" t="s">
        <v>301</v>
      </c>
      <c r="F790" s="9" t="s">
        <v>49</v>
      </c>
      <c r="G790" s="6">
        <v>1441</v>
      </c>
      <c r="H790" s="6">
        <v>241</v>
      </c>
      <c r="I790" s="6">
        <v>1184</v>
      </c>
      <c r="J790" s="6">
        <v>16</v>
      </c>
    </row>
    <row r="791" spans="1:10">
      <c r="A791" s="9" t="s">
        <v>56</v>
      </c>
      <c r="B791" s="9" t="s">
        <v>57</v>
      </c>
      <c r="C791" s="9" t="s">
        <v>59</v>
      </c>
      <c r="D791" s="9" t="s">
        <v>6</v>
      </c>
      <c r="E791" s="9" t="s">
        <v>302</v>
      </c>
      <c r="F791" s="9" t="s">
        <v>6</v>
      </c>
      <c r="G791" s="6">
        <v>1060</v>
      </c>
      <c r="H791" s="6">
        <v>107</v>
      </c>
      <c r="I791" s="6">
        <v>941</v>
      </c>
      <c r="J791" s="6">
        <v>12</v>
      </c>
    </row>
    <row r="792" spans="1:10">
      <c r="A792" s="9" t="s">
        <v>56</v>
      </c>
      <c r="B792" s="9" t="s">
        <v>57</v>
      </c>
      <c r="C792" s="9" t="s">
        <v>59</v>
      </c>
      <c r="D792" s="9" t="s">
        <v>6</v>
      </c>
      <c r="E792" s="9" t="s">
        <v>302</v>
      </c>
      <c r="F792" s="9" t="s">
        <v>297</v>
      </c>
      <c r="G792" s="6">
        <v>1</v>
      </c>
      <c r="H792" s="6">
        <v>1</v>
      </c>
      <c r="I792" s="10" t="s">
        <v>55</v>
      </c>
      <c r="J792" s="10" t="s">
        <v>55</v>
      </c>
    </row>
    <row r="793" spans="1:10">
      <c r="A793" s="9" t="s">
        <v>56</v>
      </c>
      <c r="B793" s="9" t="s">
        <v>57</v>
      </c>
      <c r="C793" s="9" t="s">
        <v>59</v>
      </c>
      <c r="D793" s="9" t="s">
        <v>6</v>
      </c>
      <c r="E793" s="9" t="s">
        <v>302</v>
      </c>
      <c r="F793" s="9" t="s">
        <v>298</v>
      </c>
      <c r="G793" s="6">
        <v>1</v>
      </c>
      <c r="H793" s="6">
        <v>1</v>
      </c>
      <c r="I793" s="10" t="s">
        <v>55</v>
      </c>
      <c r="J793" s="10" t="s">
        <v>55</v>
      </c>
    </row>
    <row r="794" spans="1:10">
      <c r="A794" s="9" t="s">
        <v>56</v>
      </c>
      <c r="B794" s="9" t="s">
        <v>57</v>
      </c>
      <c r="C794" s="9" t="s">
        <v>59</v>
      </c>
      <c r="D794" s="9" t="s">
        <v>6</v>
      </c>
      <c r="E794" s="9" t="s">
        <v>302</v>
      </c>
      <c r="F794" s="9" t="s">
        <v>299</v>
      </c>
      <c r="G794" s="6">
        <v>14</v>
      </c>
      <c r="H794" s="6">
        <v>4</v>
      </c>
      <c r="I794" s="6">
        <v>10</v>
      </c>
      <c r="J794" s="10" t="s">
        <v>55</v>
      </c>
    </row>
    <row r="795" spans="1:10">
      <c r="A795" s="9" t="s">
        <v>56</v>
      </c>
      <c r="B795" s="9" t="s">
        <v>57</v>
      </c>
      <c r="C795" s="9" t="s">
        <v>59</v>
      </c>
      <c r="D795" s="9" t="s">
        <v>6</v>
      </c>
      <c r="E795" s="9" t="s">
        <v>302</v>
      </c>
      <c r="F795" s="9" t="s">
        <v>300</v>
      </c>
      <c r="G795" s="6">
        <v>112</v>
      </c>
      <c r="H795" s="6">
        <v>17</v>
      </c>
      <c r="I795" s="6">
        <v>95</v>
      </c>
      <c r="J795" s="10" t="s">
        <v>55</v>
      </c>
    </row>
    <row r="796" spans="1:10">
      <c r="A796" s="9" t="s">
        <v>56</v>
      </c>
      <c r="B796" s="9" t="s">
        <v>57</v>
      </c>
      <c r="C796" s="9" t="s">
        <v>59</v>
      </c>
      <c r="D796" s="9" t="s">
        <v>6</v>
      </c>
      <c r="E796" s="9" t="s">
        <v>302</v>
      </c>
      <c r="F796" s="9" t="s">
        <v>301</v>
      </c>
      <c r="G796" s="6">
        <v>542</v>
      </c>
      <c r="H796" s="6">
        <v>58</v>
      </c>
      <c r="I796" s="6">
        <v>482</v>
      </c>
      <c r="J796" s="6">
        <v>2</v>
      </c>
    </row>
    <row r="797" spans="1:10">
      <c r="A797" s="9" t="s">
        <v>56</v>
      </c>
      <c r="B797" s="9" t="s">
        <v>57</v>
      </c>
      <c r="C797" s="9" t="s">
        <v>59</v>
      </c>
      <c r="D797" s="9" t="s">
        <v>6</v>
      </c>
      <c r="E797" s="9" t="s">
        <v>302</v>
      </c>
      <c r="F797" s="9" t="s">
        <v>302</v>
      </c>
      <c r="G797" s="6">
        <v>354</v>
      </c>
      <c r="H797" s="6">
        <v>24</v>
      </c>
      <c r="I797" s="6">
        <v>321</v>
      </c>
      <c r="J797" s="6">
        <v>9</v>
      </c>
    </row>
    <row r="798" spans="1:10">
      <c r="A798" s="9" t="s">
        <v>56</v>
      </c>
      <c r="B798" s="9" t="s">
        <v>57</v>
      </c>
      <c r="C798" s="9" t="s">
        <v>59</v>
      </c>
      <c r="D798" s="9" t="s">
        <v>6</v>
      </c>
      <c r="E798" s="9" t="s">
        <v>302</v>
      </c>
      <c r="F798" s="9" t="s">
        <v>303</v>
      </c>
      <c r="G798" s="6">
        <v>36</v>
      </c>
      <c r="H798" s="6">
        <v>2</v>
      </c>
      <c r="I798" s="6">
        <v>33</v>
      </c>
      <c r="J798" s="6">
        <v>1</v>
      </c>
    </row>
    <row r="799" spans="1:10">
      <c r="A799" s="9" t="s">
        <v>56</v>
      </c>
      <c r="B799" s="9" t="s">
        <v>57</v>
      </c>
      <c r="C799" s="9" t="s">
        <v>59</v>
      </c>
      <c r="D799" s="9" t="s">
        <v>6</v>
      </c>
      <c r="E799" s="9" t="s">
        <v>302</v>
      </c>
      <c r="F799" s="9" t="s">
        <v>304</v>
      </c>
      <c r="G799" s="6">
        <v>1059</v>
      </c>
      <c r="H799" s="6">
        <v>106</v>
      </c>
      <c r="I799" s="6">
        <v>941</v>
      </c>
      <c r="J799" s="6">
        <v>12</v>
      </c>
    </row>
    <row r="800" spans="1:10">
      <c r="A800" s="9" t="s">
        <v>56</v>
      </c>
      <c r="B800" s="9" t="s">
        <v>57</v>
      </c>
      <c r="C800" s="9" t="s">
        <v>59</v>
      </c>
      <c r="D800" s="9" t="s">
        <v>6</v>
      </c>
      <c r="E800" s="9" t="s">
        <v>302</v>
      </c>
      <c r="F800" s="9" t="s">
        <v>49</v>
      </c>
      <c r="G800" s="6">
        <v>1058</v>
      </c>
      <c r="H800" s="6">
        <v>105</v>
      </c>
      <c r="I800" s="6">
        <v>941</v>
      </c>
      <c r="J800" s="6">
        <v>12</v>
      </c>
    </row>
    <row r="801" spans="1:10">
      <c r="A801" s="9" t="s">
        <v>56</v>
      </c>
      <c r="B801" s="9" t="s">
        <v>57</v>
      </c>
      <c r="C801" s="9" t="s">
        <v>59</v>
      </c>
      <c r="D801" s="9" t="s">
        <v>6</v>
      </c>
      <c r="E801" s="9" t="s">
        <v>303</v>
      </c>
      <c r="F801" s="9" t="s">
        <v>6</v>
      </c>
      <c r="G801" s="6">
        <v>740</v>
      </c>
      <c r="H801" s="6">
        <v>25</v>
      </c>
      <c r="I801" s="6">
        <v>705</v>
      </c>
      <c r="J801" s="6">
        <v>10</v>
      </c>
    </row>
    <row r="802" spans="1:10">
      <c r="A802" s="9" t="s">
        <v>56</v>
      </c>
      <c r="B802" s="9" t="s">
        <v>57</v>
      </c>
      <c r="C802" s="9" t="s">
        <v>59</v>
      </c>
      <c r="D802" s="9" t="s">
        <v>6</v>
      </c>
      <c r="E802" s="9" t="s">
        <v>303</v>
      </c>
      <c r="F802" s="9" t="s">
        <v>297</v>
      </c>
      <c r="G802" s="10" t="s">
        <v>55</v>
      </c>
      <c r="H802" s="10" t="s">
        <v>55</v>
      </c>
      <c r="I802" s="10" t="s">
        <v>55</v>
      </c>
      <c r="J802" s="10" t="s">
        <v>55</v>
      </c>
    </row>
    <row r="803" spans="1:10">
      <c r="A803" s="9" t="s">
        <v>56</v>
      </c>
      <c r="B803" s="9" t="s">
        <v>57</v>
      </c>
      <c r="C803" s="9" t="s">
        <v>59</v>
      </c>
      <c r="D803" s="9" t="s">
        <v>6</v>
      </c>
      <c r="E803" s="9" t="s">
        <v>303</v>
      </c>
      <c r="F803" s="9" t="s">
        <v>298</v>
      </c>
      <c r="G803" s="10" t="s">
        <v>55</v>
      </c>
      <c r="H803" s="10" t="s">
        <v>55</v>
      </c>
      <c r="I803" s="10" t="s">
        <v>55</v>
      </c>
      <c r="J803" s="10" t="s">
        <v>55</v>
      </c>
    </row>
    <row r="804" spans="1:10">
      <c r="A804" s="9" t="s">
        <v>56</v>
      </c>
      <c r="B804" s="9" t="s">
        <v>57</v>
      </c>
      <c r="C804" s="9" t="s">
        <v>59</v>
      </c>
      <c r="D804" s="9" t="s">
        <v>6</v>
      </c>
      <c r="E804" s="9" t="s">
        <v>303</v>
      </c>
      <c r="F804" s="9" t="s">
        <v>299</v>
      </c>
      <c r="G804" s="6">
        <v>5</v>
      </c>
      <c r="H804" s="6">
        <v>1</v>
      </c>
      <c r="I804" s="6">
        <v>4</v>
      </c>
      <c r="J804" s="10" t="s">
        <v>55</v>
      </c>
    </row>
    <row r="805" spans="1:10">
      <c r="A805" s="9" t="s">
        <v>56</v>
      </c>
      <c r="B805" s="9" t="s">
        <v>57</v>
      </c>
      <c r="C805" s="9" t="s">
        <v>59</v>
      </c>
      <c r="D805" s="9" t="s">
        <v>6</v>
      </c>
      <c r="E805" s="9" t="s">
        <v>303</v>
      </c>
      <c r="F805" s="9" t="s">
        <v>300</v>
      </c>
      <c r="G805" s="6">
        <v>11</v>
      </c>
      <c r="H805" s="6">
        <v>1</v>
      </c>
      <c r="I805" s="6">
        <v>9</v>
      </c>
      <c r="J805" s="6">
        <v>1</v>
      </c>
    </row>
    <row r="806" spans="1:10">
      <c r="A806" s="9" t="s">
        <v>56</v>
      </c>
      <c r="B806" s="9" t="s">
        <v>57</v>
      </c>
      <c r="C806" s="9" t="s">
        <v>59</v>
      </c>
      <c r="D806" s="9" t="s">
        <v>6</v>
      </c>
      <c r="E806" s="9" t="s">
        <v>303</v>
      </c>
      <c r="F806" s="9" t="s">
        <v>301</v>
      </c>
      <c r="G806" s="6">
        <v>91</v>
      </c>
      <c r="H806" s="6">
        <v>2</v>
      </c>
      <c r="I806" s="6">
        <v>88</v>
      </c>
      <c r="J806" s="6">
        <v>1</v>
      </c>
    </row>
    <row r="807" spans="1:10">
      <c r="A807" s="9" t="s">
        <v>56</v>
      </c>
      <c r="B807" s="9" t="s">
        <v>57</v>
      </c>
      <c r="C807" s="9" t="s">
        <v>59</v>
      </c>
      <c r="D807" s="9" t="s">
        <v>6</v>
      </c>
      <c r="E807" s="9" t="s">
        <v>303</v>
      </c>
      <c r="F807" s="9" t="s">
        <v>302</v>
      </c>
      <c r="G807" s="6">
        <v>341</v>
      </c>
      <c r="H807" s="6">
        <v>15</v>
      </c>
      <c r="I807" s="6">
        <v>323</v>
      </c>
      <c r="J807" s="6">
        <v>3</v>
      </c>
    </row>
    <row r="808" spans="1:10">
      <c r="A808" s="9" t="s">
        <v>56</v>
      </c>
      <c r="B808" s="9" t="s">
        <v>57</v>
      </c>
      <c r="C808" s="9" t="s">
        <v>59</v>
      </c>
      <c r="D808" s="9" t="s">
        <v>6</v>
      </c>
      <c r="E808" s="9" t="s">
        <v>303</v>
      </c>
      <c r="F808" s="9" t="s">
        <v>303</v>
      </c>
      <c r="G808" s="6">
        <v>292</v>
      </c>
      <c r="H808" s="6">
        <v>6</v>
      </c>
      <c r="I808" s="6">
        <v>281</v>
      </c>
      <c r="J808" s="6">
        <v>5</v>
      </c>
    </row>
    <row r="809" spans="1:10">
      <c r="A809" s="9" t="s">
        <v>56</v>
      </c>
      <c r="B809" s="9" t="s">
        <v>57</v>
      </c>
      <c r="C809" s="9" t="s">
        <v>59</v>
      </c>
      <c r="D809" s="9" t="s">
        <v>6</v>
      </c>
      <c r="E809" s="9" t="s">
        <v>303</v>
      </c>
      <c r="F809" s="9" t="s">
        <v>304</v>
      </c>
      <c r="G809" s="6">
        <v>740</v>
      </c>
      <c r="H809" s="6">
        <v>25</v>
      </c>
      <c r="I809" s="6">
        <v>705</v>
      </c>
      <c r="J809" s="6">
        <v>10</v>
      </c>
    </row>
    <row r="810" spans="1:10">
      <c r="A810" s="9" t="s">
        <v>56</v>
      </c>
      <c r="B810" s="9" t="s">
        <v>57</v>
      </c>
      <c r="C810" s="9" t="s">
        <v>59</v>
      </c>
      <c r="D810" s="9" t="s">
        <v>6</v>
      </c>
      <c r="E810" s="9" t="s">
        <v>303</v>
      </c>
      <c r="F810" s="9" t="s">
        <v>49</v>
      </c>
      <c r="G810" s="6">
        <v>740</v>
      </c>
      <c r="H810" s="6">
        <v>25</v>
      </c>
      <c r="I810" s="6">
        <v>705</v>
      </c>
      <c r="J810" s="6">
        <v>10</v>
      </c>
    </row>
    <row r="811" spans="1:10">
      <c r="A811" s="9" t="s">
        <v>56</v>
      </c>
      <c r="B811" s="9" t="s">
        <v>57</v>
      </c>
      <c r="C811" s="9" t="s">
        <v>59</v>
      </c>
      <c r="D811" s="9" t="s">
        <v>6</v>
      </c>
      <c r="E811" s="9" t="s">
        <v>305</v>
      </c>
      <c r="F811" s="9" t="s">
        <v>6</v>
      </c>
      <c r="G811" s="6">
        <v>6943</v>
      </c>
      <c r="H811" s="6">
        <v>1860</v>
      </c>
      <c r="I811" s="6">
        <v>4994</v>
      </c>
      <c r="J811" s="6">
        <v>89</v>
      </c>
    </row>
    <row r="812" spans="1:10">
      <c r="A812" s="9" t="s">
        <v>56</v>
      </c>
      <c r="B812" s="9" t="s">
        <v>57</v>
      </c>
      <c r="C812" s="9" t="s">
        <v>59</v>
      </c>
      <c r="D812" s="9" t="s">
        <v>6</v>
      </c>
      <c r="E812" s="9" t="s">
        <v>305</v>
      </c>
      <c r="F812" s="9" t="s">
        <v>297</v>
      </c>
      <c r="G812" s="6">
        <v>205</v>
      </c>
      <c r="H812" s="6">
        <v>129</v>
      </c>
      <c r="I812" s="6">
        <v>67</v>
      </c>
      <c r="J812" s="6">
        <v>9</v>
      </c>
    </row>
    <row r="813" spans="1:10">
      <c r="A813" s="9" t="s">
        <v>56</v>
      </c>
      <c r="B813" s="9" t="s">
        <v>57</v>
      </c>
      <c r="C813" s="9" t="s">
        <v>59</v>
      </c>
      <c r="D813" s="9" t="s">
        <v>6</v>
      </c>
      <c r="E813" s="9" t="s">
        <v>305</v>
      </c>
      <c r="F813" s="9" t="s">
        <v>298</v>
      </c>
      <c r="G813" s="6">
        <v>765</v>
      </c>
      <c r="H813" s="6">
        <v>423</v>
      </c>
      <c r="I813" s="6">
        <v>335</v>
      </c>
      <c r="J813" s="6">
        <v>7</v>
      </c>
    </row>
    <row r="814" spans="1:10">
      <c r="A814" s="9" t="s">
        <v>56</v>
      </c>
      <c r="B814" s="9" t="s">
        <v>57</v>
      </c>
      <c r="C814" s="9" t="s">
        <v>59</v>
      </c>
      <c r="D814" s="9" t="s">
        <v>6</v>
      </c>
      <c r="E814" s="9" t="s">
        <v>305</v>
      </c>
      <c r="F814" s="9" t="s">
        <v>299</v>
      </c>
      <c r="G814" s="6">
        <v>1716</v>
      </c>
      <c r="H814" s="6">
        <v>671</v>
      </c>
      <c r="I814" s="6">
        <v>1019</v>
      </c>
      <c r="J814" s="6">
        <v>26</v>
      </c>
    </row>
    <row r="815" spans="1:10">
      <c r="A815" s="9" t="s">
        <v>56</v>
      </c>
      <c r="B815" s="9" t="s">
        <v>57</v>
      </c>
      <c r="C815" s="9" t="s">
        <v>59</v>
      </c>
      <c r="D815" s="9" t="s">
        <v>6</v>
      </c>
      <c r="E815" s="9" t="s">
        <v>305</v>
      </c>
      <c r="F815" s="9" t="s">
        <v>300</v>
      </c>
      <c r="G815" s="6">
        <v>1867</v>
      </c>
      <c r="H815" s="6">
        <v>444</v>
      </c>
      <c r="I815" s="6">
        <v>1405</v>
      </c>
      <c r="J815" s="6">
        <v>18</v>
      </c>
    </row>
    <row r="816" spans="1:10">
      <c r="A816" s="9" t="s">
        <v>56</v>
      </c>
      <c r="B816" s="9" t="s">
        <v>57</v>
      </c>
      <c r="C816" s="9" t="s">
        <v>59</v>
      </c>
      <c r="D816" s="9" t="s">
        <v>6</v>
      </c>
      <c r="E816" s="9" t="s">
        <v>305</v>
      </c>
      <c r="F816" s="9" t="s">
        <v>301</v>
      </c>
      <c r="G816" s="6">
        <v>1279</v>
      </c>
      <c r="H816" s="6">
        <v>141</v>
      </c>
      <c r="I816" s="6">
        <v>1129</v>
      </c>
      <c r="J816" s="6">
        <v>9</v>
      </c>
    </row>
    <row r="817" spans="1:10">
      <c r="A817" s="9" t="s">
        <v>56</v>
      </c>
      <c r="B817" s="9" t="s">
        <v>57</v>
      </c>
      <c r="C817" s="9" t="s">
        <v>59</v>
      </c>
      <c r="D817" s="9" t="s">
        <v>6</v>
      </c>
      <c r="E817" s="9" t="s">
        <v>305</v>
      </c>
      <c r="F817" s="9" t="s">
        <v>302</v>
      </c>
      <c r="G817" s="6">
        <v>771</v>
      </c>
      <c r="H817" s="6">
        <v>43</v>
      </c>
      <c r="I817" s="6">
        <v>714</v>
      </c>
      <c r="J817" s="6">
        <v>14</v>
      </c>
    </row>
    <row r="818" spans="1:10">
      <c r="A818" s="9" t="s">
        <v>56</v>
      </c>
      <c r="B818" s="9" t="s">
        <v>57</v>
      </c>
      <c r="C818" s="9" t="s">
        <v>59</v>
      </c>
      <c r="D818" s="9" t="s">
        <v>6</v>
      </c>
      <c r="E818" s="9" t="s">
        <v>305</v>
      </c>
      <c r="F818" s="9" t="s">
        <v>303</v>
      </c>
      <c r="G818" s="6">
        <v>340</v>
      </c>
      <c r="H818" s="6">
        <v>9</v>
      </c>
      <c r="I818" s="6">
        <v>325</v>
      </c>
      <c r="J818" s="6">
        <v>6</v>
      </c>
    </row>
    <row r="819" spans="1:10">
      <c r="A819" s="9" t="s">
        <v>56</v>
      </c>
      <c r="B819" s="9" t="s">
        <v>57</v>
      </c>
      <c r="C819" s="9" t="s">
        <v>59</v>
      </c>
      <c r="D819" s="9" t="s">
        <v>6</v>
      </c>
      <c r="E819" s="9" t="s">
        <v>305</v>
      </c>
      <c r="F819" s="9" t="s">
        <v>304</v>
      </c>
      <c r="G819" s="6">
        <v>6738</v>
      </c>
      <c r="H819" s="6">
        <v>1731</v>
      </c>
      <c r="I819" s="6">
        <v>4927</v>
      </c>
      <c r="J819" s="6">
        <v>80</v>
      </c>
    </row>
    <row r="820" spans="1:10">
      <c r="A820" s="9" t="s">
        <v>56</v>
      </c>
      <c r="B820" s="9" t="s">
        <v>57</v>
      </c>
      <c r="C820" s="9" t="s">
        <v>59</v>
      </c>
      <c r="D820" s="9" t="s">
        <v>6</v>
      </c>
      <c r="E820" s="9" t="s">
        <v>305</v>
      </c>
      <c r="F820" s="9" t="s">
        <v>49</v>
      </c>
      <c r="G820" s="6">
        <v>5973</v>
      </c>
      <c r="H820" s="6">
        <v>1308</v>
      </c>
      <c r="I820" s="6">
        <v>4592</v>
      </c>
      <c r="J820" s="6">
        <v>73</v>
      </c>
    </row>
    <row r="821" spans="1:10">
      <c r="A821" s="9" t="s">
        <v>56</v>
      </c>
      <c r="B821" s="9" t="s">
        <v>57</v>
      </c>
      <c r="C821" s="9" t="s">
        <v>59</v>
      </c>
      <c r="D821" s="9" t="s">
        <v>226</v>
      </c>
      <c r="E821" s="9" t="s">
        <v>6</v>
      </c>
      <c r="F821" s="9" t="s">
        <v>6</v>
      </c>
      <c r="G821" s="6">
        <v>5004</v>
      </c>
      <c r="H821" s="6">
        <v>3407</v>
      </c>
      <c r="I821" s="6">
        <v>1592</v>
      </c>
      <c r="J821" s="6">
        <v>5</v>
      </c>
    </row>
    <row r="822" spans="1:10">
      <c r="A822" s="9" t="s">
        <v>56</v>
      </c>
      <c r="B822" s="9" t="s">
        <v>57</v>
      </c>
      <c r="C822" s="9" t="s">
        <v>59</v>
      </c>
      <c r="D822" s="9" t="s">
        <v>226</v>
      </c>
      <c r="E822" s="9" t="s">
        <v>6</v>
      </c>
      <c r="F822" s="9" t="s">
        <v>297</v>
      </c>
      <c r="G822" s="6">
        <v>2361</v>
      </c>
      <c r="H822" s="6">
        <v>1826</v>
      </c>
      <c r="I822" s="6">
        <v>532</v>
      </c>
      <c r="J822" s="6">
        <v>3</v>
      </c>
    </row>
    <row r="823" spans="1:10">
      <c r="A823" s="9" t="s">
        <v>56</v>
      </c>
      <c r="B823" s="9" t="s">
        <v>57</v>
      </c>
      <c r="C823" s="9" t="s">
        <v>59</v>
      </c>
      <c r="D823" s="9" t="s">
        <v>226</v>
      </c>
      <c r="E823" s="9" t="s">
        <v>6</v>
      </c>
      <c r="F823" s="9" t="s">
        <v>298</v>
      </c>
      <c r="G823" s="6">
        <v>924</v>
      </c>
      <c r="H823" s="6">
        <v>622</v>
      </c>
      <c r="I823" s="6">
        <v>302</v>
      </c>
      <c r="J823" s="10" t="s">
        <v>55</v>
      </c>
    </row>
    <row r="824" spans="1:10">
      <c r="A824" s="9" t="s">
        <v>56</v>
      </c>
      <c r="B824" s="9" t="s">
        <v>57</v>
      </c>
      <c r="C824" s="9" t="s">
        <v>59</v>
      </c>
      <c r="D824" s="9" t="s">
        <v>226</v>
      </c>
      <c r="E824" s="9" t="s">
        <v>6</v>
      </c>
      <c r="F824" s="9" t="s">
        <v>299</v>
      </c>
      <c r="G824" s="6">
        <v>863</v>
      </c>
      <c r="H824" s="6">
        <v>494</v>
      </c>
      <c r="I824" s="6">
        <v>368</v>
      </c>
      <c r="J824" s="6">
        <v>1</v>
      </c>
    </row>
    <row r="825" spans="1:10">
      <c r="A825" s="9" t="s">
        <v>56</v>
      </c>
      <c r="B825" s="9" t="s">
        <v>57</v>
      </c>
      <c r="C825" s="9" t="s">
        <v>59</v>
      </c>
      <c r="D825" s="9" t="s">
        <v>226</v>
      </c>
      <c r="E825" s="9" t="s">
        <v>6</v>
      </c>
      <c r="F825" s="9" t="s">
        <v>300</v>
      </c>
      <c r="G825" s="6">
        <v>572</v>
      </c>
      <c r="H825" s="6">
        <v>314</v>
      </c>
      <c r="I825" s="6">
        <v>257</v>
      </c>
      <c r="J825" s="6">
        <v>1</v>
      </c>
    </row>
    <row r="826" spans="1:10">
      <c r="A826" s="9" t="s">
        <v>56</v>
      </c>
      <c r="B826" s="9" t="s">
        <v>57</v>
      </c>
      <c r="C826" s="9" t="s">
        <v>59</v>
      </c>
      <c r="D826" s="9" t="s">
        <v>226</v>
      </c>
      <c r="E826" s="9" t="s">
        <v>6</v>
      </c>
      <c r="F826" s="9" t="s">
        <v>301</v>
      </c>
      <c r="G826" s="6">
        <v>194</v>
      </c>
      <c r="H826" s="6">
        <v>106</v>
      </c>
      <c r="I826" s="6">
        <v>88</v>
      </c>
      <c r="J826" s="10" t="s">
        <v>55</v>
      </c>
    </row>
    <row r="827" spans="1:10">
      <c r="A827" s="9" t="s">
        <v>56</v>
      </c>
      <c r="B827" s="9" t="s">
        <v>57</v>
      </c>
      <c r="C827" s="9" t="s">
        <v>59</v>
      </c>
      <c r="D827" s="9" t="s">
        <v>226</v>
      </c>
      <c r="E827" s="9" t="s">
        <v>6</v>
      </c>
      <c r="F827" s="9" t="s">
        <v>302</v>
      </c>
      <c r="G827" s="6">
        <v>73</v>
      </c>
      <c r="H827" s="6">
        <v>38</v>
      </c>
      <c r="I827" s="6">
        <v>35</v>
      </c>
      <c r="J827" s="10" t="s">
        <v>55</v>
      </c>
    </row>
    <row r="828" spans="1:10">
      <c r="A828" s="9" t="s">
        <v>56</v>
      </c>
      <c r="B828" s="9" t="s">
        <v>57</v>
      </c>
      <c r="C828" s="9" t="s">
        <v>59</v>
      </c>
      <c r="D828" s="9" t="s">
        <v>226</v>
      </c>
      <c r="E828" s="9" t="s">
        <v>6</v>
      </c>
      <c r="F828" s="9" t="s">
        <v>303</v>
      </c>
      <c r="G828" s="6">
        <v>17</v>
      </c>
      <c r="H828" s="6">
        <v>7</v>
      </c>
      <c r="I828" s="6">
        <v>10</v>
      </c>
      <c r="J828" s="10" t="s">
        <v>55</v>
      </c>
    </row>
    <row r="829" spans="1:10">
      <c r="A829" s="9" t="s">
        <v>56</v>
      </c>
      <c r="B829" s="9" t="s">
        <v>57</v>
      </c>
      <c r="C829" s="9" t="s">
        <v>59</v>
      </c>
      <c r="D829" s="9" t="s">
        <v>226</v>
      </c>
      <c r="E829" s="9" t="s">
        <v>6</v>
      </c>
      <c r="F829" s="9" t="s">
        <v>304</v>
      </c>
      <c r="G829" s="6">
        <v>2643</v>
      </c>
      <c r="H829" s="6">
        <v>1581</v>
      </c>
      <c r="I829" s="6">
        <v>1060</v>
      </c>
      <c r="J829" s="6">
        <v>2</v>
      </c>
    </row>
    <row r="830" spans="1:10">
      <c r="A830" s="9" t="s">
        <v>56</v>
      </c>
      <c r="B830" s="9" t="s">
        <v>57</v>
      </c>
      <c r="C830" s="9" t="s">
        <v>59</v>
      </c>
      <c r="D830" s="9" t="s">
        <v>226</v>
      </c>
      <c r="E830" s="9" t="s">
        <v>6</v>
      </c>
      <c r="F830" s="9" t="s">
        <v>49</v>
      </c>
      <c r="G830" s="6">
        <v>1719</v>
      </c>
      <c r="H830" s="6">
        <v>959</v>
      </c>
      <c r="I830" s="6">
        <v>758</v>
      </c>
      <c r="J830" s="6">
        <v>2</v>
      </c>
    </row>
    <row r="831" spans="1:10">
      <c r="A831" s="9" t="s">
        <v>56</v>
      </c>
      <c r="B831" s="9" t="s">
        <v>57</v>
      </c>
      <c r="C831" s="9" t="s">
        <v>59</v>
      </c>
      <c r="D831" s="9" t="s">
        <v>226</v>
      </c>
      <c r="E831" s="9" t="s">
        <v>297</v>
      </c>
      <c r="F831" s="9" t="s">
        <v>6</v>
      </c>
      <c r="G831" s="6">
        <v>1965</v>
      </c>
      <c r="H831" s="6">
        <v>1525</v>
      </c>
      <c r="I831" s="6">
        <v>438</v>
      </c>
      <c r="J831" s="6">
        <v>2</v>
      </c>
    </row>
    <row r="832" spans="1:10">
      <c r="A832" s="9" t="s">
        <v>56</v>
      </c>
      <c r="B832" s="9" t="s">
        <v>57</v>
      </c>
      <c r="C832" s="9" t="s">
        <v>59</v>
      </c>
      <c r="D832" s="9" t="s">
        <v>226</v>
      </c>
      <c r="E832" s="9" t="s">
        <v>297</v>
      </c>
      <c r="F832" s="9" t="s">
        <v>297</v>
      </c>
      <c r="G832" s="6">
        <v>1901</v>
      </c>
      <c r="H832" s="6">
        <v>1485</v>
      </c>
      <c r="I832" s="6">
        <v>414</v>
      </c>
      <c r="J832" s="6">
        <v>2</v>
      </c>
    </row>
    <row r="833" spans="1:10">
      <c r="A833" s="9" t="s">
        <v>56</v>
      </c>
      <c r="B833" s="9" t="s">
        <v>57</v>
      </c>
      <c r="C833" s="9" t="s">
        <v>59</v>
      </c>
      <c r="D833" s="9" t="s">
        <v>226</v>
      </c>
      <c r="E833" s="9" t="s">
        <v>297</v>
      </c>
      <c r="F833" s="9" t="s">
        <v>298</v>
      </c>
      <c r="G833" s="6">
        <v>57</v>
      </c>
      <c r="H833" s="6">
        <v>39</v>
      </c>
      <c r="I833" s="6">
        <v>18</v>
      </c>
      <c r="J833" s="10" t="s">
        <v>55</v>
      </c>
    </row>
    <row r="834" spans="1:10">
      <c r="A834" s="9" t="s">
        <v>56</v>
      </c>
      <c r="B834" s="9" t="s">
        <v>57</v>
      </c>
      <c r="C834" s="9" t="s">
        <v>59</v>
      </c>
      <c r="D834" s="9" t="s">
        <v>226</v>
      </c>
      <c r="E834" s="9" t="s">
        <v>297</v>
      </c>
      <c r="F834" s="9" t="s">
        <v>299</v>
      </c>
      <c r="G834" s="6">
        <v>4</v>
      </c>
      <c r="H834" s="6">
        <v>1</v>
      </c>
      <c r="I834" s="6">
        <v>3</v>
      </c>
      <c r="J834" s="10" t="s">
        <v>55</v>
      </c>
    </row>
    <row r="835" spans="1:10">
      <c r="A835" s="9" t="s">
        <v>56</v>
      </c>
      <c r="B835" s="9" t="s">
        <v>57</v>
      </c>
      <c r="C835" s="9" t="s">
        <v>59</v>
      </c>
      <c r="D835" s="9" t="s">
        <v>226</v>
      </c>
      <c r="E835" s="9" t="s">
        <v>297</v>
      </c>
      <c r="F835" s="9" t="s">
        <v>300</v>
      </c>
      <c r="G835" s="6">
        <v>3</v>
      </c>
      <c r="H835" s="10" t="s">
        <v>55</v>
      </c>
      <c r="I835" s="6">
        <v>3</v>
      </c>
      <c r="J835" s="10" t="s">
        <v>55</v>
      </c>
    </row>
    <row r="836" spans="1:10">
      <c r="A836" s="9" t="s">
        <v>56</v>
      </c>
      <c r="B836" s="9" t="s">
        <v>57</v>
      </c>
      <c r="C836" s="9" t="s">
        <v>59</v>
      </c>
      <c r="D836" s="9" t="s">
        <v>226</v>
      </c>
      <c r="E836" s="9" t="s">
        <v>297</v>
      </c>
      <c r="F836" s="9" t="s">
        <v>301</v>
      </c>
      <c r="G836" s="10" t="s">
        <v>55</v>
      </c>
      <c r="H836" s="10" t="s">
        <v>55</v>
      </c>
      <c r="I836" s="10" t="s">
        <v>55</v>
      </c>
      <c r="J836" s="10" t="s">
        <v>55</v>
      </c>
    </row>
    <row r="837" spans="1:10">
      <c r="A837" s="9" t="s">
        <v>56</v>
      </c>
      <c r="B837" s="9" t="s">
        <v>57</v>
      </c>
      <c r="C837" s="9" t="s">
        <v>59</v>
      </c>
      <c r="D837" s="9" t="s">
        <v>226</v>
      </c>
      <c r="E837" s="9" t="s">
        <v>297</v>
      </c>
      <c r="F837" s="9" t="s">
        <v>302</v>
      </c>
      <c r="G837" s="10" t="s">
        <v>55</v>
      </c>
      <c r="H837" s="10" t="s">
        <v>55</v>
      </c>
      <c r="I837" s="10" t="s">
        <v>55</v>
      </c>
      <c r="J837" s="10" t="s">
        <v>55</v>
      </c>
    </row>
    <row r="838" spans="1:10">
      <c r="A838" s="9" t="s">
        <v>56</v>
      </c>
      <c r="B838" s="9" t="s">
        <v>57</v>
      </c>
      <c r="C838" s="9" t="s">
        <v>59</v>
      </c>
      <c r="D838" s="9" t="s">
        <v>226</v>
      </c>
      <c r="E838" s="9" t="s">
        <v>297</v>
      </c>
      <c r="F838" s="9" t="s">
        <v>303</v>
      </c>
      <c r="G838" s="10" t="s">
        <v>55</v>
      </c>
      <c r="H838" s="10" t="s">
        <v>55</v>
      </c>
      <c r="I838" s="10" t="s">
        <v>55</v>
      </c>
      <c r="J838" s="10" t="s">
        <v>55</v>
      </c>
    </row>
    <row r="839" spans="1:10">
      <c r="A839" s="9" t="s">
        <v>56</v>
      </c>
      <c r="B839" s="9" t="s">
        <v>57</v>
      </c>
      <c r="C839" s="9" t="s">
        <v>59</v>
      </c>
      <c r="D839" s="9" t="s">
        <v>226</v>
      </c>
      <c r="E839" s="9" t="s">
        <v>297</v>
      </c>
      <c r="F839" s="9" t="s">
        <v>304</v>
      </c>
      <c r="G839" s="6">
        <v>64</v>
      </c>
      <c r="H839" s="6">
        <v>40</v>
      </c>
      <c r="I839" s="6">
        <v>24</v>
      </c>
      <c r="J839" s="10" t="s">
        <v>55</v>
      </c>
    </row>
    <row r="840" spans="1:10">
      <c r="A840" s="9" t="s">
        <v>56</v>
      </c>
      <c r="B840" s="9" t="s">
        <v>57</v>
      </c>
      <c r="C840" s="9" t="s">
        <v>59</v>
      </c>
      <c r="D840" s="9" t="s">
        <v>226</v>
      </c>
      <c r="E840" s="9" t="s">
        <v>297</v>
      </c>
      <c r="F840" s="9" t="s">
        <v>49</v>
      </c>
      <c r="G840" s="6">
        <v>7</v>
      </c>
      <c r="H840" s="6">
        <v>1</v>
      </c>
      <c r="I840" s="6">
        <v>6</v>
      </c>
      <c r="J840" s="10" t="s">
        <v>55</v>
      </c>
    </row>
    <row r="841" spans="1:10">
      <c r="A841" s="9" t="s">
        <v>56</v>
      </c>
      <c r="B841" s="9" t="s">
        <v>57</v>
      </c>
      <c r="C841" s="9" t="s">
        <v>59</v>
      </c>
      <c r="D841" s="9" t="s">
        <v>226</v>
      </c>
      <c r="E841" s="9" t="s">
        <v>298</v>
      </c>
      <c r="F841" s="9" t="s">
        <v>6</v>
      </c>
      <c r="G841" s="6">
        <v>871</v>
      </c>
      <c r="H841" s="6">
        <v>606</v>
      </c>
      <c r="I841" s="6">
        <v>264</v>
      </c>
      <c r="J841" s="6">
        <v>1</v>
      </c>
    </row>
    <row r="842" spans="1:10">
      <c r="A842" s="9" t="s">
        <v>56</v>
      </c>
      <c r="B842" s="9" t="s">
        <v>57</v>
      </c>
      <c r="C842" s="9" t="s">
        <v>59</v>
      </c>
      <c r="D842" s="9" t="s">
        <v>226</v>
      </c>
      <c r="E842" s="9" t="s">
        <v>298</v>
      </c>
      <c r="F842" s="9" t="s">
        <v>297</v>
      </c>
      <c r="G842" s="6">
        <v>345</v>
      </c>
      <c r="H842" s="6">
        <v>259</v>
      </c>
      <c r="I842" s="6">
        <v>85</v>
      </c>
      <c r="J842" s="6">
        <v>1</v>
      </c>
    </row>
    <row r="843" spans="1:10">
      <c r="A843" s="9" t="s">
        <v>56</v>
      </c>
      <c r="B843" s="9" t="s">
        <v>57</v>
      </c>
      <c r="C843" s="9" t="s">
        <v>59</v>
      </c>
      <c r="D843" s="9" t="s">
        <v>226</v>
      </c>
      <c r="E843" s="9" t="s">
        <v>298</v>
      </c>
      <c r="F843" s="9" t="s">
        <v>298</v>
      </c>
      <c r="G843" s="6">
        <v>449</v>
      </c>
      <c r="H843" s="6">
        <v>309</v>
      </c>
      <c r="I843" s="6">
        <v>140</v>
      </c>
      <c r="J843" s="10" t="s">
        <v>55</v>
      </c>
    </row>
    <row r="844" spans="1:10">
      <c r="A844" s="9" t="s">
        <v>56</v>
      </c>
      <c r="B844" s="9" t="s">
        <v>57</v>
      </c>
      <c r="C844" s="9" t="s">
        <v>59</v>
      </c>
      <c r="D844" s="9" t="s">
        <v>226</v>
      </c>
      <c r="E844" s="9" t="s">
        <v>298</v>
      </c>
      <c r="F844" s="9" t="s">
        <v>299</v>
      </c>
      <c r="G844" s="6">
        <v>72</v>
      </c>
      <c r="H844" s="6">
        <v>36</v>
      </c>
      <c r="I844" s="6">
        <v>36</v>
      </c>
      <c r="J844" s="10" t="s">
        <v>55</v>
      </c>
    </row>
    <row r="845" spans="1:10">
      <c r="A845" s="9" t="s">
        <v>56</v>
      </c>
      <c r="B845" s="9" t="s">
        <v>57</v>
      </c>
      <c r="C845" s="9" t="s">
        <v>59</v>
      </c>
      <c r="D845" s="9" t="s">
        <v>226</v>
      </c>
      <c r="E845" s="9" t="s">
        <v>298</v>
      </c>
      <c r="F845" s="9" t="s">
        <v>300</v>
      </c>
      <c r="G845" s="6">
        <v>4</v>
      </c>
      <c r="H845" s="6">
        <v>2</v>
      </c>
      <c r="I845" s="6">
        <v>2</v>
      </c>
      <c r="J845" s="10" t="s">
        <v>55</v>
      </c>
    </row>
    <row r="846" spans="1:10">
      <c r="A846" s="9" t="s">
        <v>56</v>
      </c>
      <c r="B846" s="9" t="s">
        <v>57</v>
      </c>
      <c r="C846" s="9" t="s">
        <v>59</v>
      </c>
      <c r="D846" s="9" t="s">
        <v>226</v>
      </c>
      <c r="E846" s="9" t="s">
        <v>298</v>
      </c>
      <c r="F846" s="9" t="s">
        <v>301</v>
      </c>
      <c r="G846" s="10" t="s">
        <v>55</v>
      </c>
      <c r="H846" s="10" t="s">
        <v>55</v>
      </c>
      <c r="I846" s="10" t="s">
        <v>55</v>
      </c>
      <c r="J846" s="10" t="s">
        <v>55</v>
      </c>
    </row>
    <row r="847" spans="1:10">
      <c r="A847" s="9" t="s">
        <v>56</v>
      </c>
      <c r="B847" s="9" t="s">
        <v>57</v>
      </c>
      <c r="C847" s="9" t="s">
        <v>59</v>
      </c>
      <c r="D847" s="9" t="s">
        <v>226</v>
      </c>
      <c r="E847" s="9" t="s">
        <v>298</v>
      </c>
      <c r="F847" s="9" t="s">
        <v>302</v>
      </c>
      <c r="G847" s="10" t="s">
        <v>55</v>
      </c>
      <c r="H847" s="10" t="s">
        <v>55</v>
      </c>
      <c r="I847" s="10" t="s">
        <v>55</v>
      </c>
      <c r="J847" s="10" t="s">
        <v>55</v>
      </c>
    </row>
    <row r="848" spans="1:10">
      <c r="A848" s="9" t="s">
        <v>56</v>
      </c>
      <c r="B848" s="9" t="s">
        <v>57</v>
      </c>
      <c r="C848" s="9" t="s">
        <v>59</v>
      </c>
      <c r="D848" s="9" t="s">
        <v>226</v>
      </c>
      <c r="E848" s="9" t="s">
        <v>298</v>
      </c>
      <c r="F848" s="9" t="s">
        <v>303</v>
      </c>
      <c r="G848" s="6">
        <v>1</v>
      </c>
      <c r="H848" s="10" t="s">
        <v>55</v>
      </c>
      <c r="I848" s="6">
        <v>1</v>
      </c>
      <c r="J848" s="10" t="s">
        <v>55</v>
      </c>
    </row>
    <row r="849" spans="1:10">
      <c r="A849" s="9" t="s">
        <v>56</v>
      </c>
      <c r="B849" s="9" t="s">
        <v>57</v>
      </c>
      <c r="C849" s="9" t="s">
        <v>59</v>
      </c>
      <c r="D849" s="9" t="s">
        <v>226</v>
      </c>
      <c r="E849" s="9" t="s">
        <v>298</v>
      </c>
      <c r="F849" s="9" t="s">
        <v>304</v>
      </c>
      <c r="G849" s="6">
        <v>526</v>
      </c>
      <c r="H849" s="6">
        <v>347</v>
      </c>
      <c r="I849" s="6">
        <v>179</v>
      </c>
      <c r="J849" s="10" t="s">
        <v>55</v>
      </c>
    </row>
    <row r="850" spans="1:10">
      <c r="A850" s="9" t="s">
        <v>56</v>
      </c>
      <c r="B850" s="9" t="s">
        <v>57</v>
      </c>
      <c r="C850" s="9" t="s">
        <v>59</v>
      </c>
      <c r="D850" s="9" t="s">
        <v>226</v>
      </c>
      <c r="E850" s="9" t="s">
        <v>298</v>
      </c>
      <c r="F850" s="9" t="s">
        <v>49</v>
      </c>
      <c r="G850" s="6">
        <v>77</v>
      </c>
      <c r="H850" s="6">
        <v>38</v>
      </c>
      <c r="I850" s="6">
        <v>39</v>
      </c>
      <c r="J850" s="10" t="s">
        <v>55</v>
      </c>
    </row>
    <row r="851" spans="1:10">
      <c r="A851" s="9" t="s">
        <v>56</v>
      </c>
      <c r="B851" s="9" t="s">
        <v>57</v>
      </c>
      <c r="C851" s="9" t="s">
        <v>59</v>
      </c>
      <c r="D851" s="9" t="s">
        <v>226</v>
      </c>
      <c r="E851" s="9" t="s">
        <v>299</v>
      </c>
      <c r="F851" s="9" t="s">
        <v>6</v>
      </c>
      <c r="G851" s="6">
        <v>955</v>
      </c>
      <c r="H851" s="6">
        <v>579</v>
      </c>
      <c r="I851" s="6">
        <v>376</v>
      </c>
      <c r="J851" s="10" t="s">
        <v>55</v>
      </c>
    </row>
    <row r="852" spans="1:10">
      <c r="A852" s="9" t="s">
        <v>56</v>
      </c>
      <c r="B852" s="9" t="s">
        <v>57</v>
      </c>
      <c r="C852" s="9" t="s">
        <v>59</v>
      </c>
      <c r="D852" s="9" t="s">
        <v>226</v>
      </c>
      <c r="E852" s="9" t="s">
        <v>299</v>
      </c>
      <c r="F852" s="9" t="s">
        <v>297</v>
      </c>
      <c r="G852" s="6">
        <v>92</v>
      </c>
      <c r="H852" s="6">
        <v>64</v>
      </c>
      <c r="I852" s="6">
        <v>28</v>
      </c>
      <c r="J852" s="10" t="s">
        <v>55</v>
      </c>
    </row>
    <row r="853" spans="1:10">
      <c r="A853" s="9" t="s">
        <v>56</v>
      </c>
      <c r="B853" s="9" t="s">
        <v>57</v>
      </c>
      <c r="C853" s="9" t="s">
        <v>59</v>
      </c>
      <c r="D853" s="9" t="s">
        <v>226</v>
      </c>
      <c r="E853" s="9" t="s">
        <v>299</v>
      </c>
      <c r="F853" s="9" t="s">
        <v>298</v>
      </c>
      <c r="G853" s="6">
        <v>357</v>
      </c>
      <c r="H853" s="6">
        <v>234</v>
      </c>
      <c r="I853" s="6">
        <v>123</v>
      </c>
      <c r="J853" s="10" t="s">
        <v>55</v>
      </c>
    </row>
    <row r="854" spans="1:10">
      <c r="A854" s="9" t="s">
        <v>56</v>
      </c>
      <c r="B854" s="9" t="s">
        <v>57</v>
      </c>
      <c r="C854" s="9" t="s">
        <v>59</v>
      </c>
      <c r="D854" s="9" t="s">
        <v>226</v>
      </c>
      <c r="E854" s="9" t="s">
        <v>299</v>
      </c>
      <c r="F854" s="9" t="s">
        <v>299</v>
      </c>
      <c r="G854" s="6">
        <v>433</v>
      </c>
      <c r="H854" s="6">
        <v>248</v>
      </c>
      <c r="I854" s="6">
        <v>185</v>
      </c>
      <c r="J854" s="10" t="s">
        <v>55</v>
      </c>
    </row>
    <row r="855" spans="1:10">
      <c r="A855" s="9" t="s">
        <v>56</v>
      </c>
      <c r="B855" s="9" t="s">
        <v>57</v>
      </c>
      <c r="C855" s="9" t="s">
        <v>59</v>
      </c>
      <c r="D855" s="9" t="s">
        <v>226</v>
      </c>
      <c r="E855" s="9" t="s">
        <v>299</v>
      </c>
      <c r="F855" s="9" t="s">
        <v>300</v>
      </c>
      <c r="G855" s="6">
        <v>63</v>
      </c>
      <c r="H855" s="6">
        <v>29</v>
      </c>
      <c r="I855" s="6">
        <v>34</v>
      </c>
      <c r="J855" s="10" t="s">
        <v>55</v>
      </c>
    </row>
    <row r="856" spans="1:10">
      <c r="A856" s="9" t="s">
        <v>56</v>
      </c>
      <c r="B856" s="9" t="s">
        <v>57</v>
      </c>
      <c r="C856" s="9" t="s">
        <v>59</v>
      </c>
      <c r="D856" s="9" t="s">
        <v>226</v>
      </c>
      <c r="E856" s="9" t="s">
        <v>299</v>
      </c>
      <c r="F856" s="9" t="s">
        <v>301</v>
      </c>
      <c r="G856" s="6">
        <v>7</v>
      </c>
      <c r="H856" s="6">
        <v>3</v>
      </c>
      <c r="I856" s="6">
        <v>4</v>
      </c>
      <c r="J856" s="10" t="s">
        <v>55</v>
      </c>
    </row>
    <row r="857" spans="1:10">
      <c r="A857" s="9" t="s">
        <v>56</v>
      </c>
      <c r="B857" s="9" t="s">
        <v>57</v>
      </c>
      <c r="C857" s="9" t="s">
        <v>59</v>
      </c>
      <c r="D857" s="9" t="s">
        <v>226</v>
      </c>
      <c r="E857" s="9" t="s">
        <v>299</v>
      </c>
      <c r="F857" s="9" t="s">
        <v>302</v>
      </c>
      <c r="G857" s="6">
        <v>3</v>
      </c>
      <c r="H857" s="6">
        <v>1</v>
      </c>
      <c r="I857" s="6">
        <v>2</v>
      </c>
      <c r="J857" s="10" t="s">
        <v>55</v>
      </c>
    </row>
    <row r="858" spans="1:10">
      <c r="A858" s="9" t="s">
        <v>56</v>
      </c>
      <c r="B858" s="9" t="s">
        <v>57</v>
      </c>
      <c r="C858" s="9" t="s">
        <v>59</v>
      </c>
      <c r="D858" s="9" t="s">
        <v>226</v>
      </c>
      <c r="E858" s="9" t="s">
        <v>299</v>
      </c>
      <c r="F858" s="9" t="s">
        <v>303</v>
      </c>
      <c r="G858" s="10" t="s">
        <v>55</v>
      </c>
      <c r="H858" s="10" t="s">
        <v>55</v>
      </c>
      <c r="I858" s="10" t="s">
        <v>55</v>
      </c>
      <c r="J858" s="10" t="s">
        <v>55</v>
      </c>
    </row>
    <row r="859" spans="1:10">
      <c r="A859" s="9" t="s">
        <v>56</v>
      </c>
      <c r="B859" s="9" t="s">
        <v>57</v>
      </c>
      <c r="C859" s="9" t="s">
        <v>59</v>
      </c>
      <c r="D859" s="9" t="s">
        <v>226</v>
      </c>
      <c r="E859" s="9" t="s">
        <v>299</v>
      </c>
      <c r="F859" s="9" t="s">
        <v>304</v>
      </c>
      <c r="G859" s="6">
        <v>863</v>
      </c>
      <c r="H859" s="6">
        <v>515</v>
      </c>
      <c r="I859" s="6">
        <v>348</v>
      </c>
      <c r="J859" s="10" t="s">
        <v>55</v>
      </c>
    </row>
    <row r="860" spans="1:10">
      <c r="A860" s="9" t="s">
        <v>56</v>
      </c>
      <c r="B860" s="9" t="s">
        <v>57</v>
      </c>
      <c r="C860" s="9" t="s">
        <v>59</v>
      </c>
      <c r="D860" s="9" t="s">
        <v>226</v>
      </c>
      <c r="E860" s="9" t="s">
        <v>299</v>
      </c>
      <c r="F860" s="9" t="s">
        <v>49</v>
      </c>
      <c r="G860" s="6">
        <v>506</v>
      </c>
      <c r="H860" s="6">
        <v>281</v>
      </c>
      <c r="I860" s="6">
        <v>225</v>
      </c>
      <c r="J860" s="10" t="s">
        <v>55</v>
      </c>
    </row>
    <row r="861" spans="1:10">
      <c r="A861" s="9" t="s">
        <v>56</v>
      </c>
      <c r="B861" s="9" t="s">
        <v>57</v>
      </c>
      <c r="C861" s="9" t="s">
        <v>59</v>
      </c>
      <c r="D861" s="9" t="s">
        <v>226</v>
      </c>
      <c r="E861" s="9" t="s">
        <v>300</v>
      </c>
      <c r="F861" s="9" t="s">
        <v>6</v>
      </c>
      <c r="G861" s="6">
        <v>770</v>
      </c>
      <c r="H861" s="6">
        <v>441</v>
      </c>
      <c r="I861" s="6">
        <v>327</v>
      </c>
      <c r="J861" s="6">
        <v>2</v>
      </c>
    </row>
    <row r="862" spans="1:10">
      <c r="A862" s="9" t="s">
        <v>56</v>
      </c>
      <c r="B862" s="9" t="s">
        <v>57</v>
      </c>
      <c r="C862" s="9" t="s">
        <v>59</v>
      </c>
      <c r="D862" s="9" t="s">
        <v>226</v>
      </c>
      <c r="E862" s="9" t="s">
        <v>300</v>
      </c>
      <c r="F862" s="9" t="s">
        <v>297</v>
      </c>
      <c r="G862" s="6">
        <v>21</v>
      </c>
      <c r="H862" s="6">
        <v>16</v>
      </c>
      <c r="I862" s="6">
        <v>5</v>
      </c>
      <c r="J862" s="10" t="s">
        <v>55</v>
      </c>
    </row>
    <row r="863" spans="1:10">
      <c r="A863" s="9" t="s">
        <v>56</v>
      </c>
      <c r="B863" s="9" t="s">
        <v>57</v>
      </c>
      <c r="C863" s="9" t="s">
        <v>59</v>
      </c>
      <c r="D863" s="9" t="s">
        <v>226</v>
      </c>
      <c r="E863" s="9" t="s">
        <v>300</v>
      </c>
      <c r="F863" s="9" t="s">
        <v>298</v>
      </c>
      <c r="G863" s="6">
        <v>60</v>
      </c>
      <c r="H863" s="6">
        <v>39</v>
      </c>
      <c r="I863" s="6">
        <v>21</v>
      </c>
      <c r="J863" s="10" t="s">
        <v>55</v>
      </c>
    </row>
    <row r="864" spans="1:10">
      <c r="A864" s="9" t="s">
        <v>56</v>
      </c>
      <c r="B864" s="9" t="s">
        <v>57</v>
      </c>
      <c r="C864" s="9" t="s">
        <v>59</v>
      </c>
      <c r="D864" s="9" t="s">
        <v>226</v>
      </c>
      <c r="E864" s="9" t="s">
        <v>300</v>
      </c>
      <c r="F864" s="9" t="s">
        <v>299</v>
      </c>
      <c r="G864" s="6">
        <v>321</v>
      </c>
      <c r="H864" s="6">
        <v>185</v>
      </c>
      <c r="I864" s="6">
        <v>135</v>
      </c>
      <c r="J864" s="6">
        <v>1</v>
      </c>
    </row>
    <row r="865" spans="1:10">
      <c r="A865" s="9" t="s">
        <v>56</v>
      </c>
      <c r="B865" s="9" t="s">
        <v>57</v>
      </c>
      <c r="C865" s="9" t="s">
        <v>59</v>
      </c>
      <c r="D865" s="9" t="s">
        <v>226</v>
      </c>
      <c r="E865" s="9" t="s">
        <v>300</v>
      </c>
      <c r="F865" s="9" t="s">
        <v>300</v>
      </c>
      <c r="G865" s="6">
        <v>344</v>
      </c>
      <c r="H865" s="6">
        <v>192</v>
      </c>
      <c r="I865" s="6">
        <v>151</v>
      </c>
      <c r="J865" s="6">
        <v>1</v>
      </c>
    </row>
    <row r="866" spans="1:10">
      <c r="A866" s="9" t="s">
        <v>56</v>
      </c>
      <c r="B866" s="9" t="s">
        <v>57</v>
      </c>
      <c r="C866" s="9" t="s">
        <v>59</v>
      </c>
      <c r="D866" s="9" t="s">
        <v>226</v>
      </c>
      <c r="E866" s="9" t="s">
        <v>300</v>
      </c>
      <c r="F866" s="9" t="s">
        <v>301</v>
      </c>
      <c r="G866" s="6">
        <v>21</v>
      </c>
      <c r="H866" s="6">
        <v>9</v>
      </c>
      <c r="I866" s="6">
        <v>12</v>
      </c>
      <c r="J866" s="10" t="s">
        <v>55</v>
      </c>
    </row>
    <row r="867" spans="1:10">
      <c r="A867" s="9" t="s">
        <v>56</v>
      </c>
      <c r="B867" s="9" t="s">
        <v>57</v>
      </c>
      <c r="C867" s="9" t="s">
        <v>59</v>
      </c>
      <c r="D867" s="9" t="s">
        <v>226</v>
      </c>
      <c r="E867" s="9" t="s">
        <v>300</v>
      </c>
      <c r="F867" s="9" t="s">
        <v>302</v>
      </c>
      <c r="G867" s="6">
        <v>3</v>
      </c>
      <c r="H867" s="10" t="s">
        <v>55</v>
      </c>
      <c r="I867" s="6">
        <v>3</v>
      </c>
      <c r="J867" s="10" t="s">
        <v>55</v>
      </c>
    </row>
    <row r="868" spans="1:10">
      <c r="A868" s="9" t="s">
        <v>56</v>
      </c>
      <c r="B868" s="9" t="s">
        <v>57</v>
      </c>
      <c r="C868" s="9" t="s">
        <v>59</v>
      </c>
      <c r="D868" s="9" t="s">
        <v>226</v>
      </c>
      <c r="E868" s="9" t="s">
        <v>300</v>
      </c>
      <c r="F868" s="9" t="s">
        <v>303</v>
      </c>
      <c r="G868" s="10" t="s">
        <v>55</v>
      </c>
      <c r="H868" s="10" t="s">
        <v>55</v>
      </c>
      <c r="I868" s="10" t="s">
        <v>55</v>
      </c>
      <c r="J868" s="10" t="s">
        <v>55</v>
      </c>
    </row>
    <row r="869" spans="1:10">
      <c r="A869" s="9" t="s">
        <v>56</v>
      </c>
      <c r="B869" s="9" t="s">
        <v>57</v>
      </c>
      <c r="C869" s="9" t="s">
        <v>59</v>
      </c>
      <c r="D869" s="9" t="s">
        <v>226</v>
      </c>
      <c r="E869" s="9" t="s">
        <v>300</v>
      </c>
      <c r="F869" s="9" t="s">
        <v>304</v>
      </c>
      <c r="G869" s="6">
        <v>749</v>
      </c>
      <c r="H869" s="6">
        <v>425</v>
      </c>
      <c r="I869" s="6">
        <v>322</v>
      </c>
      <c r="J869" s="6">
        <v>2</v>
      </c>
    </row>
    <row r="870" spans="1:10">
      <c r="A870" s="9" t="s">
        <v>56</v>
      </c>
      <c r="B870" s="9" t="s">
        <v>57</v>
      </c>
      <c r="C870" s="9" t="s">
        <v>59</v>
      </c>
      <c r="D870" s="9" t="s">
        <v>226</v>
      </c>
      <c r="E870" s="9" t="s">
        <v>300</v>
      </c>
      <c r="F870" s="9" t="s">
        <v>49</v>
      </c>
      <c r="G870" s="6">
        <v>689</v>
      </c>
      <c r="H870" s="6">
        <v>386</v>
      </c>
      <c r="I870" s="6">
        <v>301</v>
      </c>
      <c r="J870" s="6">
        <v>2</v>
      </c>
    </row>
    <row r="871" spans="1:10">
      <c r="A871" s="9" t="s">
        <v>56</v>
      </c>
      <c r="B871" s="9" t="s">
        <v>57</v>
      </c>
      <c r="C871" s="9" t="s">
        <v>59</v>
      </c>
      <c r="D871" s="9" t="s">
        <v>226</v>
      </c>
      <c r="E871" s="9" t="s">
        <v>301</v>
      </c>
      <c r="F871" s="9" t="s">
        <v>6</v>
      </c>
      <c r="G871" s="6">
        <v>280</v>
      </c>
      <c r="H871" s="6">
        <v>162</v>
      </c>
      <c r="I871" s="6">
        <v>118</v>
      </c>
      <c r="J871" s="10" t="s">
        <v>55</v>
      </c>
    </row>
    <row r="872" spans="1:10">
      <c r="A872" s="9" t="s">
        <v>56</v>
      </c>
      <c r="B872" s="9" t="s">
        <v>57</v>
      </c>
      <c r="C872" s="9" t="s">
        <v>59</v>
      </c>
      <c r="D872" s="9" t="s">
        <v>226</v>
      </c>
      <c r="E872" s="9" t="s">
        <v>301</v>
      </c>
      <c r="F872" s="9" t="s">
        <v>297</v>
      </c>
      <c r="G872" s="6">
        <v>2</v>
      </c>
      <c r="H872" s="6">
        <v>2</v>
      </c>
      <c r="I872" s="10" t="s">
        <v>55</v>
      </c>
      <c r="J872" s="10" t="s">
        <v>55</v>
      </c>
    </row>
    <row r="873" spans="1:10">
      <c r="A873" s="9" t="s">
        <v>56</v>
      </c>
      <c r="B873" s="9" t="s">
        <v>57</v>
      </c>
      <c r="C873" s="9" t="s">
        <v>59</v>
      </c>
      <c r="D873" s="9" t="s">
        <v>226</v>
      </c>
      <c r="E873" s="9" t="s">
        <v>301</v>
      </c>
      <c r="F873" s="9" t="s">
        <v>298</v>
      </c>
      <c r="G873" s="6">
        <v>1</v>
      </c>
      <c r="H873" s="6">
        <v>1</v>
      </c>
      <c r="I873" s="10" t="s">
        <v>55</v>
      </c>
      <c r="J873" s="10" t="s">
        <v>55</v>
      </c>
    </row>
    <row r="874" spans="1:10">
      <c r="A874" s="9" t="s">
        <v>56</v>
      </c>
      <c r="B874" s="9" t="s">
        <v>57</v>
      </c>
      <c r="C874" s="9" t="s">
        <v>59</v>
      </c>
      <c r="D874" s="9" t="s">
        <v>226</v>
      </c>
      <c r="E874" s="9" t="s">
        <v>301</v>
      </c>
      <c r="F874" s="9" t="s">
        <v>299</v>
      </c>
      <c r="G874" s="6">
        <v>29</v>
      </c>
      <c r="H874" s="6">
        <v>21</v>
      </c>
      <c r="I874" s="6">
        <v>8</v>
      </c>
      <c r="J874" s="10" t="s">
        <v>55</v>
      </c>
    </row>
    <row r="875" spans="1:10">
      <c r="A875" s="9" t="s">
        <v>56</v>
      </c>
      <c r="B875" s="9" t="s">
        <v>57</v>
      </c>
      <c r="C875" s="9" t="s">
        <v>59</v>
      </c>
      <c r="D875" s="9" t="s">
        <v>226</v>
      </c>
      <c r="E875" s="9" t="s">
        <v>301</v>
      </c>
      <c r="F875" s="9" t="s">
        <v>300</v>
      </c>
      <c r="G875" s="6">
        <v>139</v>
      </c>
      <c r="H875" s="6">
        <v>81</v>
      </c>
      <c r="I875" s="6">
        <v>58</v>
      </c>
      <c r="J875" s="10" t="s">
        <v>55</v>
      </c>
    </row>
    <row r="876" spans="1:10">
      <c r="A876" s="9" t="s">
        <v>56</v>
      </c>
      <c r="B876" s="9" t="s">
        <v>57</v>
      </c>
      <c r="C876" s="9" t="s">
        <v>59</v>
      </c>
      <c r="D876" s="9" t="s">
        <v>226</v>
      </c>
      <c r="E876" s="9" t="s">
        <v>301</v>
      </c>
      <c r="F876" s="9" t="s">
        <v>301</v>
      </c>
      <c r="G876" s="6">
        <v>99</v>
      </c>
      <c r="H876" s="6">
        <v>53</v>
      </c>
      <c r="I876" s="6">
        <v>46</v>
      </c>
      <c r="J876" s="10" t="s">
        <v>55</v>
      </c>
    </row>
    <row r="877" spans="1:10">
      <c r="A877" s="9" t="s">
        <v>56</v>
      </c>
      <c r="B877" s="9" t="s">
        <v>57</v>
      </c>
      <c r="C877" s="9" t="s">
        <v>59</v>
      </c>
      <c r="D877" s="9" t="s">
        <v>226</v>
      </c>
      <c r="E877" s="9" t="s">
        <v>301</v>
      </c>
      <c r="F877" s="9" t="s">
        <v>302</v>
      </c>
      <c r="G877" s="6">
        <v>7</v>
      </c>
      <c r="H877" s="6">
        <v>3</v>
      </c>
      <c r="I877" s="6">
        <v>4</v>
      </c>
      <c r="J877" s="10" t="s">
        <v>55</v>
      </c>
    </row>
    <row r="878" spans="1:10">
      <c r="A878" s="9" t="s">
        <v>56</v>
      </c>
      <c r="B878" s="9" t="s">
        <v>57</v>
      </c>
      <c r="C878" s="9" t="s">
        <v>59</v>
      </c>
      <c r="D878" s="9" t="s">
        <v>226</v>
      </c>
      <c r="E878" s="9" t="s">
        <v>301</v>
      </c>
      <c r="F878" s="9" t="s">
        <v>303</v>
      </c>
      <c r="G878" s="6">
        <v>3</v>
      </c>
      <c r="H878" s="6">
        <v>1</v>
      </c>
      <c r="I878" s="6">
        <v>2</v>
      </c>
      <c r="J878" s="10" t="s">
        <v>55</v>
      </c>
    </row>
    <row r="879" spans="1:10">
      <c r="A879" s="9" t="s">
        <v>56</v>
      </c>
      <c r="B879" s="9" t="s">
        <v>57</v>
      </c>
      <c r="C879" s="9" t="s">
        <v>59</v>
      </c>
      <c r="D879" s="9" t="s">
        <v>226</v>
      </c>
      <c r="E879" s="9" t="s">
        <v>301</v>
      </c>
      <c r="F879" s="9" t="s">
        <v>304</v>
      </c>
      <c r="G879" s="6">
        <v>278</v>
      </c>
      <c r="H879" s="6">
        <v>160</v>
      </c>
      <c r="I879" s="6">
        <v>118</v>
      </c>
      <c r="J879" s="10" t="s">
        <v>55</v>
      </c>
    </row>
    <row r="880" spans="1:10">
      <c r="A880" s="9" t="s">
        <v>56</v>
      </c>
      <c r="B880" s="9" t="s">
        <v>57</v>
      </c>
      <c r="C880" s="9" t="s">
        <v>59</v>
      </c>
      <c r="D880" s="9" t="s">
        <v>226</v>
      </c>
      <c r="E880" s="9" t="s">
        <v>301</v>
      </c>
      <c r="F880" s="9" t="s">
        <v>49</v>
      </c>
      <c r="G880" s="6">
        <v>277</v>
      </c>
      <c r="H880" s="6">
        <v>159</v>
      </c>
      <c r="I880" s="6">
        <v>118</v>
      </c>
      <c r="J880" s="10" t="s">
        <v>55</v>
      </c>
    </row>
    <row r="881" spans="1:10">
      <c r="A881" s="9" t="s">
        <v>56</v>
      </c>
      <c r="B881" s="9" t="s">
        <v>57</v>
      </c>
      <c r="C881" s="9" t="s">
        <v>59</v>
      </c>
      <c r="D881" s="9" t="s">
        <v>226</v>
      </c>
      <c r="E881" s="9" t="s">
        <v>302</v>
      </c>
      <c r="F881" s="9" t="s">
        <v>6</v>
      </c>
      <c r="G881" s="6">
        <v>130</v>
      </c>
      <c r="H881" s="6">
        <v>77</v>
      </c>
      <c r="I881" s="6">
        <v>53</v>
      </c>
      <c r="J881" s="10" t="s">
        <v>55</v>
      </c>
    </row>
    <row r="882" spans="1:10">
      <c r="A882" s="9" t="s">
        <v>56</v>
      </c>
      <c r="B882" s="9" t="s">
        <v>57</v>
      </c>
      <c r="C882" s="9" t="s">
        <v>59</v>
      </c>
      <c r="D882" s="9" t="s">
        <v>226</v>
      </c>
      <c r="E882" s="9" t="s">
        <v>302</v>
      </c>
      <c r="F882" s="9" t="s">
        <v>297</v>
      </c>
      <c r="G882" s="10" t="s">
        <v>55</v>
      </c>
      <c r="H882" s="10" t="s">
        <v>55</v>
      </c>
      <c r="I882" s="10" t="s">
        <v>55</v>
      </c>
      <c r="J882" s="10" t="s">
        <v>55</v>
      </c>
    </row>
    <row r="883" spans="1:10">
      <c r="A883" s="9" t="s">
        <v>56</v>
      </c>
      <c r="B883" s="9" t="s">
        <v>57</v>
      </c>
      <c r="C883" s="9" t="s">
        <v>59</v>
      </c>
      <c r="D883" s="9" t="s">
        <v>226</v>
      </c>
      <c r="E883" s="9" t="s">
        <v>302</v>
      </c>
      <c r="F883" s="9" t="s">
        <v>298</v>
      </c>
      <c r="G883" s="10" t="s">
        <v>55</v>
      </c>
      <c r="H883" s="10" t="s">
        <v>55</v>
      </c>
      <c r="I883" s="10" t="s">
        <v>55</v>
      </c>
      <c r="J883" s="10" t="s">
        <v>55</v>
      </c>
    </row>
    <row r="884" spans="1:10">
      <c r="A884" s="9" t="s">
        <v>56</v>
      </c>
      <c r="B884" s="9" t="s">
        <v>57</v>
      </c>
      <c r="C884" s="9" t="s">
        <v>59</v>
      </c>
      <c r="D884" s="9" t="s">
        <v>226</v>
      </c>
      <c r="E884" s="9" t="s">
        <v>302</v>
      </c>
      <c r="F884" s="9" t="s">
        <v>299</v>
      </c>
      <c r="G884" s="6">
        <v>3</v>
      </c>
      <c r="H884" s="6">
        <v>3</v>
      </c>
      <c r="I884" s="10" t="s">
        <v>55</v>
      </c>
      <c r="J884" s="10" t="s">
        <v>55</v>
      </c>
    </row>
    <row r="885" spans="1:10">
      <c r="A885" s="9" t="s">
        <v>56</v>
      </c>
      <c r="B885" s="9" t="s">
        <v>57</v>
      </c>
      <c r="C885" s="9" t="s">
        <v>59</v>
      </c>
      <c r="D885" s="9" t="s">
        <v>226</v>
      </c>
      <c r="E885" s="9" t="s">
        <v>302</v>
      </c>
      <c r="F885" s="9" t="s">
        <v>300</v>
      </c>
      <c r="G885" s="6">
        <v>18</v>
      </c>
      <c r="H885" s="6">
        <v>10</v>
      </c>
      <c r="I885" s="6">
        <v>8</v>
      </c>
      <c r="J885" s="10" t="s">
        <v>55</v>
      </c>
    </row>
    <row r="886" spans="1:10">
      <c r="A886" s="9" t="s">
        <v>56</v>
      </c>
      <c r="B886" s="9" t="s">
        <v>57</v>
      </c>
      <c r="C886" s="9" t="s">
        <v>59</v>
      </c>
      <c r="D886" s="9" t="s">
        <v>226</v>
      </c>
      <c r="E886" s="9" t="s">
        <v>302</v>
      </c>
      <c r="F886" s="9" t="s">
        <v>301</v>
      </c>
      <c r="G886" s="6">
        <v>65</v>
      </c>
      <c r="H886" s="6">
        <v>40</v>
      </c>
      <c r="I886" s="6">
        <v>25</v>
      </c>
      <c r="J886" s="10" t="s">
        <v>55</v>
      </c>
    </row>
    <row r="887" spans="1:10">
      <c r="A887" s="9" t="s">
        <v>56</v>
      </c>
      <c r="B887" s="9" t="s">
        <v>57</v>
      </c>
      <c r="C887" s="9" t="s">
        <v>59</v>
      </c>
      <c r="D887" s="9" t="s">
        <v>226</v>
      </c>
      <c r="E887" s="9" t="s">
        <v>302</v>
      </c>
      <c r="F887" s="9" t="s">
        <v>302</v>
      </c>
      <c r="G887" s="6">
        <v>41</v>
      </c>
      <c r="H887" s="6">
        <v>22</v>
      </c>
      <c r="I887" s="6">
        <v>19</v>
      </c>
      <c r="J887" s="10" t="s">
        <v>55</v>
      </c>
    </row>
    <row r="888" spans="1:10">
      <c r="A888" s="9" t="s">
        <v>56</v>
      </c>
      <c r="B888" s="9" t="s">
        <v>57</v>
      </c>
      <c r="C888" s="9" t="s">
        <v>59</v>
      </c>
      <c r="D888" s="9" t="s">
        <v>226</v>
      </c>
      <c r="E888" s="9" t="s">
        <v>302</v>
      </c>
      <c r="F888" s="9" t="s">
        <v>303</v>
      </c>
      <c r="G888" s="6">
        <v>3</v>
      </c>
      <c r="H888" s="6">
        <v>2</v>
      </c>
      <c r="I888" s="6">
        <v>1</v>
      </c>
      <c r="J888" s="10" t="s">
        <v>55</v>
      </c>
    </row>
    <row r="889" spans="1:10">
      <c r="A889" s="9" t="s">
        <v>56</v>
      </c>
      <c r="B889" s="9" t="s">
        <v>57</v>
      </c>
      <c r="C889" s="9" t="s">
        <v>59</v>
      </c>
      <c r="D889" s="9" t="s">
        <v>226</v>
      </c>
      <c r="E889" s="9" t="s">
        <v>302</v>
      </c>
      <c r="F889" s="9" t="s">
        <v>304</v>
      </c>
      <c r="G889" s="6">
        <v>130</v>
      </c>
      <c r="H889" s="6">
        <v>77</v>
      </c>
      <c r="I889" s="6">
        <v>53</v>
      </c>
      <c r="J889" s="10" t="s">
        <v>55</v>
      </c>
    </row>
    <row r="890" spans="1:10">
      <c r="A890" s="9" t="s">
        <v>56</v>
      </c>
      <c r="B890" s="9" t="s">
        <v>57</v>
      </c>
      <c r="C890" s="9" t="s">
        <v>59</v>
      </c>
      <c r="D890" s="9" t="s">
        <v>226</v>
      </c>
      <c r="E890" s="9" t="s">
        <v>302</v>
      </c>
      <c r="F890" s="9" t="s">
        <v>49</v>
      </c>
      <c r="G890" s="6">
        <v>130</v>
      </c>
      <c r="H890" s="6">
        <v>77</v>
      </c>
      <c r="I890" s="6">
        <v>53</v>
      </c>
      <c r="J890" s="10" t="s">
        <v>55</v>
      </c>
    </row>
    <row r="891" spans="1:10">
      <c r="A891" s="9" t="s">
        <v>56</v>
      </c>
      <c r="B891" s="9" t="s">
        <v>57</v>
      </c>
      <c r="C891" s="9" t="s">
        <v>59</v>
      </c>
      <c r="D891" s="9" t="s">
        <v>226</v>
      </c>
      <c r="E891" s="9" t="s">
        <v>303</v>
      </c>
      <c r="F891" s="9" t="s">
        <v>6</v>
      </c>
      <c r="G891" s="6">
        <v>33</v>
      </c>
      <c r="H891" s="6">
        <v>17</v>
      </c>
      <c r="I891" s="6">
        <v>16</v>
      </c>
      <c r="J891" s="10" t="s">
        <v>55</v>
      </c>
    </row>
    <row r="892" spans="1:10">
      <c r="A892" s="9" t="s">
        <v>56</v>
      </c>
      <c r="B892" s="9" t="s">
        <v>57</v>
      </c>
      <c r="C892" s="9" t="s">
        <v>59</v>
      </c>
      <c r="D892" s="9" t="s">
        <v>226</v>
      </c>
      <c r="E892" s="9" t="s">
        <v>303</v>
      </c>
      <c r="F892" s="9" t="s">
        <v>297</v>
      </c>
      <c r="G892" s="10" t="s">
        <v>55</v>
      </c>
      <c r="H892" s="10" t="s">
        <v>55</v>
      </c>
      <c r="I892" s="10" t="s">
        <v>55</v>
      </c>
      <c r="J892" s="10" t="s">
        <v>55</v>
      </c>
    </row>
    <row r="893" spans="1:10">
      <c r="A893" s="9" t="s">
        <v>56</v>
      </c>
      <c r="B893" s="9" t="s">
        <v>57</v>
      </c>
      <c r="C893" s="9" t="s">
        <v>59</v>
      </c>
      <c r="D893" s="9" t="s">
        <v>226</v>
      </c>
      <c r="E893" s="9" t="s">
        <v>303</v>
      </c>
      <c r="F893" s="9" t="s">
        <v>298</v>
      </c>
      <c r="G893" s="10" t="s">
        <v>55</v>
      </c>
      <c r="H893" s="10" t="s">
        <v>55</v>
      </c>
      <c r="I893" s="10" t="s">
        <v>55</v>
      </c>
      <c r="J893" s="10" t="s">
        <v>55</v>
      </c>
    </row>
    <row r="894" spans="1:10">
      <c r="A894" s="9" t="s">
        <v>56</v>
      </c>
      <c r="B894" s="9" t="s">
        <v>57</v>
      </c>
      <c r="C894" s="9" t="s">
        <v>59</v>
      </c>
      <c r="D894" s="9" t="s">
        <v>226</v>
      </c>
      <c r="E894" s="9" t="s">
        <v>303</v>
      </c>
      <c r="F894" s="9" t="s">
        <v>299</v>
      </c>
      <c r="G894" s="6">
        <v>1</v>
      </c>
      <c r="H894" s="10" t="s">
        <v>55</v>
      </c>
      <c r="I894" s="6">
        <v>1</v>
      </c>
      <c r="J894" s="10" t="s">
        <v>55</v>
      </c>
    </row>
    <row r="895" spans="1:10">
      <c r="A895" s="9" t="s">
        <v>56</v>
      </c>
      <c r="B895" s="9" t="s">
        <v>57</v>
      </c>
      <c r="C895" s="9" t="s">
        <v>59</v>
      </c>
      <c r="D895" s="9" t="s">
        <v>226</v>
      </c>
      <c r="E895" s="9" t="s">
        <v>303</v>
      </c>
      <c r="F895" s="9" t="s">
        <v>300</v>
      </c>
      <c r="G895" s="6">
        <v>1</v>
      </c>
      <c r="H895" s="10" t="s">
        <v>55</v>
      </c>
      <c r="I895" s="6">
        <v>1</v>
      </c>
      <c r="J895" s="10" t="s">
        <v>55</v>
      </c>
    </row>
    <row r="896" spans="1:10">
      <c r="A896" s="9" t="s">
        <v>56</v>
      </c>
      <c r="B896" s="9" t="s">
        <v>57</v>
      </c>
      <c r="C896" s="9" t="s">
        <v>59</v>
      </c>
      <c r="D896" s="9" t="s">
        <v>226</v>
      </c>
      <c r="E896" s="9" t="s">
        <v>303</v>
      </c>
      <c r="F896" s="9" t="s">
        <v>301</v>
      </c>
      <c r="G896" s="6">
        <v>2</v>
      </c>
      <c r="H896" s="6">
        <v>1</v>
      </c>
      <c r="I896" s="6">
        <v>1</v>
      </c>
      <c r="J896" s="10" t="s">
        <v>55</v>
      </c>
    </row>
    <row r="897" spans="1:10">
      <c r="A897" s="9" t="s">
        <v>56</v>
      </c>
      <c r="B897" s="9" t="s">
        <v>57</v>
      </c>
      <c r="C897" s="9" t="s">
        <v>59</v>
      </c>
      <c r="D897" s="9" t="s">
        <v>226</v>
      </c>
      <c r="E897" s="9" t="s">
        <v>303</v>
      </c>
      <c r="F897" s="9" t="s">
        <v>302</v>
      </c>
      <c r="G897" s="6">
        <v>19</v>
      </c>
      <c r="H897" s="6">
        <v>12</v>
      </c>
      <c r="I897" s="6">
        <v>7</v>
      </c>
      <c r="J897" s="10" t="s">
        <v>55</v>
      </c>
    </row>
    <row r="898" spans="1:10">
      <c r="A898" s="9" t="s">
        <v>56</v>
      </c>
      <c r="B898" s="9" t="s">
        <v>57</v>
      </c>
      <c r="C898" s="9" t="s">
        <v>59</v>
      </c>
      <c r="D898" s="9" t="s">
        <v>226</v>
      </c>
      <c r="E898" s="9" t="s">
        <v>303</v>
      </c>
      <c r="F898" s="9" t="s">
        <v>303</v>
      </c>
      <c r="G898" s="6">
        <v>10</v>
      </c>
      <c r="H898" s="6">
        <v>4</v>
      </c>
      <c r="I898" s="6">
        <v>6</v>
      </c>
      <c r="J898" s="10" t="s">
        <v>55</v>
      </c>
    </row>
    <row r="899" spans="1:10">
      <c r="A899" s="9" t="s">
        <v>56</v>
      </c>
      <c r="B899" s="9" t="s">
        <v>57</v>
      </c>
      <c r="C899" s="9" t="s">
        <v>59</v>
      </c>
      <c r="D899" s="9" t="s">
        <v>226</v>
      </c>
      <c r="E899" s="9" t="s">
        <v>303</v>
      </c>
      <c r="F899" s="9" t="s">
        <v>304</v>
      </c>
      <c r="G899" s="6">
        <v>33</v>
      </c>
      <c r="H899" s="6">
        <v>17</v>
      </c>
      <c r="I899" s="6">
        <v>16</v>
      </c>
      <c r="J899" s="10" t="s">
        <v>55</v>
      </c>
    </row>
    <row r="900" spans="1:10">
      <c r="A900" s="9" t="s">
        <v>56</v>
      </c>
      <c r="B900" s="9" t="s">
        <v>57</v>
      </c>
      <c r="C900" s="9" t="s">
        <v>59</v>
      </c>
      <c r="D900" s="9" t="s">
        <v>226</v>
      </c>
      <c r="E900" s="9" t="s">
        <v>303</v>
      </c>
      <c r="F900" s="9" t="s">
        <v>49</v>
      </c>
      <c r="G900" s="6">
        <v>33</v>
      </c>
      <c r="H900" s="6">
        <v>17</v>
      </c>
      <c r="I900" s="6">
        <v>16</v>
      </c>
      <c r="J900" s="10" t="s">
        <v>55</v>
      </c>
    </row>
    <row r="901" spans="1:10">
      <c r="A901" s="9" t="s">
        <v>56</v>
      </c>
      <c r="B901" s="9" t="s">
        <v>57</v>
      </c>
      <c r="C901" s="9" t="s">
        <v>59</v>
      </c>
      <c r="D901" s="9" t="s">
        <v>226</v>
      </c>
      <c r="E901" s="9" t="s">
        <v>305</v>
      </c>
      <c r="F901" s="9" t="s">
        <v>6</v>
      </c>
      <c r="G901" s="6">
        <v>2168</v>
      </c>
      <c r="H901" s="6">
        <v>1276</v>
      </c>
      <c r="I901" s="6">
        <v>890</v>
      </c>
      <c r="J901" s="6">
        <v>2</v>
      </c>
    </row>
    <row r="902" spans="1:10">
      <c r="A902" s="9" t="s">
        <v>56</v>
      </c>
      <c r="B902" s="9" t="s">
        <v>57</v>
      </c>
      <c r="C902" s="9" t="s">
        <v>59</v>
      </c>
      <c r="D902" s="9" t="s">
        <v>226</v>
      </c>
      <c r="E902" s="9" t="s">
        <v>305</v>
      </c>
      <c r="F902" s="9" t="s">
        <v>297</v>
      </c>
      <c r="G902" s="6">
        <v>115</v>
      </c>
      <c r="H902" s="6">
        <v>82</v>
      </c>
      <c r="I902" s="6">
        <v>33</v>
      </c>
      <c r="J902" s="10" t="s">
        <v>55</v>
      </c>
    </row>
    <row r="903" spans="1:10">
      <c r="A903" s="9" t="s">
        <v>56</v>
      </c>
      <c r="B903" s="9" t="s">
        <v>57</v>
      </c>
      <c r="C903" s="9" t="s">
        <v>59</v>
      </c>
      <c r="D903" s="9" t="s">
        <v>226</v>
      </c>
      <c r="E903" s="9" t="s">
        <v>305</v>
      </c>
      <c r="F903" s="9" t="s">
        <v>298</v>
      </c>
      <c r="G903" s="6">
        <v>418</v>
      </c>
      <c r="H903" s="6">
        <v>274</v>
      </c>
      <c r="I903" s="6">
        <v>144</v>
      </c>
      <c r="J903" s="10" t="s">
        <v>55</v>
      </c>
    </row>
    <row r="904" spans="1:10">
      <c r="A904" s="9" t="s">
        <v>56</v>
      </c>
      <c r="B904" s="9" t="s">
        <v>57</v>
      </c>
      <c r="C904" s="9" t="s">
        <v>59</v>
      </c>
      <c r="D904" s="9" t="s">
        <v>226</v>
      </c>
      <c r="E904" s="9" t="s">
        <v>305</v>
      </c>
      <c r="F904" s="9" t="s">
        <v>299</v>
      </c>
      <c r="G904" s="6">
        <v>787</v>
      </c>
      <c r="H904" s="6">
        <v>457</v>
      </c>
      <c r="I904" s="6">
        <v>329</v>
      </c>
      <c r="J904" s="6">
        <v>1</v>
      </c>
    </row>
    <row r="905" spans="1:10">
      <c r="A905" s="9" t="s">
        <v>56</v>
      </c>
      <c r="B905" s="9" t="s">
        <v>57</v>
      </c>
      <c r="C905" s="9" t="s">
        <v>59</v>
      </c>
      <c r="D905" s="9" t="s">
        <v>226</v>
      </c>
      <c r="E905" s="9" t="s">
        <v>305</v>
      </c>
      <c r="F905" s="9" t="s">
        <v>300</v>
      </c>
      <c r="G905" s="6">
        <v>565</v>
      </c>
      <c r="H905" s="6">
        <v>312</v>
      </c>
      <c r="I905" s="6">
        <v>252</v>
      </c>
      <c r="J905" s="6">
        <v>1</v>
      </c>
    </row>
    <row r="906" spans="1:10">
      <c r="A906" s="9" t="s">
        <v>56</v>
      </c>
      <c r="B906" s="9" t="s">
        <v>57</v>
      </c>
      <c r="C906" s="9" t="s">
        <v>59</v>
      </c>
      <c r="D906" s="9" t="s">
        <v>226</v>
      </c>
      <c r="E906" s="9" t="s">
        <v>305</v>
      </c>
      <c r="F906" s="9" t="s">
        <v>301</v>
      </c>
      <c r="G906" s="6">
        <v>194</v>
      </c>
      <c r="H906" s="6">
        <v>106</v>
      </c>
      <c r="I906" s="6">
        <v>88</v>
      </c>
      <c r="J906" s="10" t="s">
        <v>55</v>
      </c>
    </row>
    <row r="907" spans="1:10">
      <c r="A907" s="9" t="s">
        <v>56</v>
      </c>
      <c r="B907" s="9" t="s">
        <v>57</v>
      </c>
      <c r="C907" s="9" t="s">
        <v>59</v>
      </c>
      <c r="D907" s="9" t="s">
        <v>226</v>
      </c>
      <c r="E907" s="9" t="s">
        <v>305</v>
      </c>
      <c r="F907" s="9" t="s">
        <v>302</v>
      </c>
      <c r="G907" s="6">
        <v>73</v>
      </c>
      <c r="H907" s="6">
        <v>38</v>
      </c>
      <c r="I907" s="6">
        <v>35</v>
      </c>
      <c r="J907" s="10" t="s">
        <v>55</v>
      </c>
    </row>
    <row r="908" spans="1:10">
      <c r="A908" s="9" t="s">
        <v>56</v>
      </c>
      <c r="B908" s="9" t="s">
        <v>57</v>
      </c>
      <c r="C908" s="9" t="s">
        <v>59</v>
      </c>
      <c r="D908" s="9" t="s">
        <v>226</v>
      </c>
      <c r="E908" s="9" t="s">
        <v>305</v>
      </c>
      <c r="F908" s="9" t="s">
        <v>303</v>
      </c>
      <c r="G908" s="6">
        <v>16</v>
      </c>
      <c r="H908" s="6">
        <v>7</v>
      </c>
      <c r="I908" s="6">
        <v>9</v>
      </c>
      <c r="J908" s="10" t="s">
        <v>55</v>
      </c>
    </row>
    <row r="909" spans="1:10">
      <c r="A909" s="9" t="s">
        <v>56</v>
      </c>
      <c r="B909" s="9" t="s">
        <v>57</v>
      </c>
      <c r="C909" s="9" t="s">
        <v>59</v>
      </c>
      <c r="D909" s="9" t="s">
        <v>226</v>
      </c>
      <c r="E909" s="9" t="s">
        <v>305</v>
      </c>
      <c r="F909" s="9" t="s">
        <v>304</v>
      </c>
      <c r="G909" s="6">
        <v>2053</v>
      </c>
      <c r="H909" s="6">
        <v>1194</v>
      </c>
      <c r="I909" s="6">
        <v>857</v>
      </c>
      <c r="J909" s="6">
        <v>2</v>
      </c>
    </row>
    <row r="910" spans="1:10">
      <c r="A910" s="9" t="s">
        <v>56</v>
      </c>
      <c r="B910" s="9" t="s">
        <v>57</v>
      </c>
      <c r="C910" s="9" t="s">
        <v>59</v>
      </c>
      <c r="D910" s="9" t="s">
        <v>226</v>
      </c>
      <c r="E910" s="9" t="s">
        <v>305</v>
      </c>
      <c r="F910" s="9" t="s">
        <v>49</v>
      </c>
      <c r="G910" s="6">
        <v>1635</v>
      </c>
      <c r="H910" s="6">
        <v>920</v>
      </c>
      <c r="I910" s="6">
        <v>713</v>
      </c>
      <c r="J910" s="6">
        <v>2</v>
      </c>
    </row>
    <row r="911" spans="1:10">
      <c r="A911" s="9" t="s">
        <v>56</v>
      </c>
      <c r="B911" s="9" t="s">
        <v>57</v>
      </c>
      <c r="C911" s="9" t="s">
        <v>59</v>
      </c>
      <c r="D911" s="9" t="s">
        <v>228</v>
      </c>
      <c r="E911" s="9" t="s">
        <v>6</v>
      </c>
      <c r="F911" s="9" t="s">
        <v>6</v>
      </c>
      <c r="G911" s="6">
        <v>4993</v>
      </c>
      <c r="H911" s="6">
        <v>719</v>
      </c>
      <c r="I911" s="6">
        <v>4273</v>
      </c>
      <c r="J911" s="6">
        <v>1</v>
      </c>
    </row>
    <row r="912" spans="1:10">
      <c r="A912" s="9" t="s">
        <v>56</v>
      </c>
      <c r="B912" s="9" t="s">
        <v>57</v>
      </c>
      <c r="C912" s="9" t="s">
        <v>59</v>
      </c>
      <c r="D912" s="9" t="s">
        <v>228</v>
      </c>
      <c r="E912" s="9" t="s">
        <v>6</v>
      </c>
      <c r="F912" s="9" t="s">
        <v>297</v>
      </c>
      <c r="G912" s="6">
        <v>227</v>
      </c>
      <c r="H912" s="6">
        <v>133</v>
      </c>
      <c r="I912" s="6">
        <v>94</v>
      </c>
      <c r="J912" s="10" t="s">
        <v>55</v>
      </c>
    </row>
    <row r="913" spans="1:10">
      <c r="A913" s="9" t="s">
        <v>56</v>
      </c>
      <c r="B913" s="9" t="s">
        <v>57</v>
      </c>
      <c r="C913" s="9" t="s">
        <v>59</v>
      </c>
      <c r="D913" s="9" t="s">
        <v>228</v>
      </c>
      <c r="E913" s="9" t="s">
        <v>6</v>
      </c>
      <c r="F913" s="9" t="s">
        <v>298</v>
      </c>
      <c r="G913" s="6">
        <v>464</v>
      </c>
      <c r="H913" s="6">
        <v>193</v>
      </c>
      <c r="I913" s="6">
        <v>271</v>
      </c>
      <c r="J913" s="10" t="s">
        <v>55</v>
      </c>
    </row>
    <row r="914" spans="1:10">
      <c r="A914" s="9" t="s">
        <v>56</v>
      </c>
      <c r="B914" s="9" t="s">
        <v>57</v>
      </c>
      <c r="C914" s="9" t="s">
        <v>59</v>
      </c>
      <c r="D914" s="9" t="s">
        <v>228</v>
      </c>
      <c r="E914" s="9" t="s">
        <v>6</v>
      </c>
      <c r="F914" s="9" t="s">
        <v>299</v>
      </c>
      <c r="G914" s="6">
        <v>930</v>
      </c>
      <c r="H914" s="6">
        <v>218</v>
      </c>
      <c r="I914" s="6">
        <v>712</v>
      </c>
      <c r="J914" s="10" t="s">
        <v>55</v>
      </c>
    </row>
    <row r="915" spans="1:10">
      <c r="A915" s="9" t="s">
        <v>56</v>
      </c>
      <c r="B915" s="9" t="s">
        <v>57</v>
      </c>
      <c r="C915" s="9" t="s">
        <v>59</v>
      </c>
      <c r="D915" s="9" t="s">
        <v>228</v>
      </c>
      <c r="E915" s="9" t="s">
        <v>6</v>
      </c>
      <c r="F915" s="9" t="s">
        <v>300</v>
      </c>
      <c r="G915" s="6">
        <v>1292</v>
      </c>
      <c r="H915" s="6">
        <v>133</v>
      </c>
      <c r="I915" s="6">
        <v>1159</v>
      </c>
      <c r="J915" s="10" t="s">
        <v>55</v>
      </c>
    </row>
    <row r="916" spans="1:10">
      <c r="A916" s="9" t="s">
        <v>56</v>
      </c>
      <c r="B916" s="9" t="s">
        <v>57</v>
      </c>
      <c r="C916" s="9" t="s">
        <v>59</v>
      </c>
      <c r="D916" s="9" t="s">
        <v>228</v>
      </c>
      <c r="E916" s="9" t="s">
        <v>6</v>
      </c>
      <c r="F916" s="9" t="s">
        <v>301</v>
      </c>
      <c r="G916" s="6">
        <v>1077</v>
      </c>
      <c r="H916" s="6">
        <v>35</v>
      </c>
      <c r="I916" s="6">
        <v>1042</v>
      </c>
      <c r="J916" s="10" t="s">
        <v>55</v>
      </c>
    </row>
    <row r="917" spans="1:10">
      <c r="A917" s="9" t="s">
        <v>56</v>
      </c>
      <c r="B917" s="9" t="s">
        <v>57</v>
      </c>
      <c r="C917" s="9" t="s">
        <v>59</v>
      </c>
      <c r="D917" s="9" t="s">
        <v>228</v>
      </c>
      <c r="E917" s="9" t="s">
        <v>6</v>
      </c>
      <c r="F917" s="9" t="s">
        <v>302</v>
      </c>
      <c r="G917" s="6">
        <v>684</v>
      </c>
      <c r="H917" s="6">
        <v>5</v>
      </c>
      <c r="I917" s="6">
        <v>679</v>
      </c>
      <c r="J917" s="10" t="s">
        <v>55</v>
      </c>
    </row>
    <row r="918" spans="1:10">
      <c r="A918" s="9" t="s">
        <v>56</v>
      </c>
      <c r="B918" s="9" t="s">
        <v>57</v>
      </c>
      <c r="C918" s="9" t="s">
        <v>59</v>
      </c>
      <c r="D918" s="9" t="s">
        <v>228</v>
      </c>
      <c r="E918" s="9" t="s">
        <v>6</v>
      </c>
      <c r="F918" s="9" t="s">
        <v>303</v>
      </c>
      <c r="G918" s="6">
        <v>319</v>
      </c>
      <c r="H918" s="6">
        <v>2</v>
      </c>
      <c r="I918" s="6">
        <v>316</v>
      </c>
      <c r="J918" s="6">
        <v>1</v>
      </c>
    </row>
    <row r="919" spans="1:10">
      <c r="A919" s="9" t="s">
        <v>56</v>
      </c>
      <c r="B919" s="9" t="s">
        <v>57</v>
      </c>
      <c r="C919" s="9" t="s">
        <v>59</v>
      </c>
      <c r="D919" s="9" t="s">
        <v>228</v>
      </c>
      <c r="E919" s="9" t="s">
        <v>6</v>
      </c>
      <c r="F919" s="9" t="s">
        <v>304</v>
      </c>
      <c r="G919" s="6">
        <v>4766</v>
      </c>
      <c r="H919" s="6">
        <v>586</v>
      </c>
      <c r="I919" s="6">
        <v>4179</v>
      </c>
      <c r="J919" s="6">
        <v>1</v>
      </c>
    </row>
    <row r="920" spans="1:10">
      <c r="A920" s="9" t="s">
        <v>56</v>
      </c>
      <c r="B920" s="9" t="s">
        <v>57</v>
      </c>
      <c r="C920" s="9" t="s">
        <v>59</v>
      </c>
      <c r="D920" s="9" t="s">
        <v>228</v>
      </c>
      <c r="E920" s="9" t="s">
        <v>6</v>
      </c>
      <c r="F920" s="9" t="s">
        <v>49</v>
      </c>
      <c r="G920" s="6">
        <v>4302</v>
      </c>
      <c r="H920" s="6">
        <v>393</v>
      </c>
      <c r="I920" s="6">
        <v>3908</v>
      </c>
      <c r="J920" s="6">
        <v>1</v>
      </c>
    </row>
    <row r="921" spans="1:10">
      <c r="A921" s="9" t="s">
        <v>56</v>
      </c>
      <c r="B921" s="9" t="s">
        <v>57</v>
      </c>
      <c r="C921" s="9" t="s">
        <v>59</v>
      </c>
      <c r="D921" s="9" t="s">
        <v>228</v>
      </c>
      <c r="E921" s="9" t="s">
        <v>297</v>
      </c>
      <c r="F921" s="9" t="s">
        <v>6</v>
      </c>
      <c r="G921" s="6">
        <v>88</v>
      </c>
      <c r="H921" s="6">
        <v>50</v>
      </c>
      <c r="I921" s="6">
        <v>38</v>
      </c>
      <c r="J921" s="10" t="s">
        <v>55</v>
      </c>
    </row>
    <row r="922" spans="1:10">
      <c r="A922" s="9" t="s">
        <v>56</v>
      </c>
      <c r="B922" s="9" t="s">
        <v>57</v>
      </c>
      <c r="C922" s="9" t="s">
        <v>59</v>
      </c>
      <c r="D922" s="9" t="s">
        <v>228</v>
      </c>
      <c r="E922" s="9" t="s">
        <v>297</v>
      </c>
      <c r="F922" s="9" t="s">
        <v>297</v>
      </c>
      <c r="G922" s="6">
        <v>80</v>
      </c>
      <c r="H922" s="6">
        <v>48</v>
      </c>
      <c r="I922" s="6">
        <v>32</v>
      </c>
      <c r="J922" s="10" t="s">
        <v>55</v>
      </c>
    </row>
    <row r="923" spans="1:10">
      <c r="A923" s="9" t="s">
        <v>56</v>
      </c>
      <c r="B923" s="9" t="s">
        <v>57</v>
      </c>
      <c r="C923" s="9" t="s">
        <v>59</v>
      </c>
      <c r="D923" s="9" t="s">
        <v>228</v>
      </c>
      <c r="E923" s="9" t="s">
        <v>297</v>
      </c>
      <c r="F923" s="9" t="s">
        <v>298</v>
      </c>
      <c r="G923" s="6">
        <v>4</v>
      </c>
      <c r="H923" s="6">
        <v>2</v>
      </c>
      <c r="I923" s="6">
        <v>2</v>
      </c>
      <c r="J923" s="10" t="s">
        <v>55</v>
      </c>
    </row>
    <row r="924" spans="1:10">
      <c r="A924" s="9" t="s">
        <v>56</v>
      </c>
      <c r="B924" s="9" t="s">
        <v>57</v>
      </c>
      <c r="C924" s="9" t="s">
        <v>59</v>
      </c>
      <c r="D924" s="9" t="s">
        <v>228</v>
      </c>
      <c r="E924" s="9" t="s">
        <v>297</v>
      </c>
      <c r="F924" s="9" t="s">
        <v>299</v>
      </c>
      <c r="G924" s="6">
        <v>4</v>
      </c>
      <c r="H924" s="10" t="s">
        <v>55</v>
      </c>
      <c r="I924" s="6">
        <v>4</v>
      </c>
      <c r="J924" s="10" t="s">
        <v>55</v>
      </c>
    </row>
    <row r="925" spans="1:10">
      <c r="A925" s="9" t="s">
        <v>56</v>
      </c>
      <c r="B925" s="9" t="s">
        <v>57</v>
      </c>
      <c r="C925" s="9" t="s">
        <v>59</v>
      </c>
      <c r="D925" s="9" t="s">
        <v>228</v>
      </c>
      <c r="E925" s="9" t="s">
        <v>297</v>
      </c>
      <c r="F925" s="9" t="s">
        <v>300</v>
      </c>
      <c r="G925" s="10" t="s">
        <v>55</v>
      </c>
      <c r="H925" s="10" t="s">
        <v>55</v>
      </c>
      <c r="I925" s="10" t="s">
        <v>55</v>
      </c>
      <c r="J925" s="10" t="s">
        <v>55</v>
      </c>
    </row>
    <row r="926" spans="1:10">
      <c r="A926" s="9" t="s">
        <v>56</v>
      </c>
      <c r="B926" s="9" t="s">
        <v>57</v>
      </c>
      <c r="C926" s="9" t="s">
        <v>59</v>
      </c>
      <c r="D926" s="9" t="s">
        <v>228</v>
      </c>
      <c r="E926" s="9" t="s">
        <v>297</v>
      </c>
      <c r="F926" s="9" t="s">
        <v>301</v>
      </c>
      <c r="G926" s="10" t="s">
        <v>55</v>
      </c>
      <c r="H926" s="10" t="s">
        <v>55</v>
      </c>
      <c r="I926" s="10" t="s">
        <v>55</v>
      </c>
      <c r="J926" s="10" t="s">
        <v>55</v>
      </c>
    </row>
    <row r="927" spans="1:10">
      <c r="A927" s="9" t="s">
        <v>56</v>
      </c>
      <c r="B927" s="9" t="s">
        <v>57</v>
      </c>
      <c r="C927" s="9" t="s">
        <v>59</v>
      </c>
      <c r="D927" s="9" t="s">
        <v>228</v>
      </c>
      <c r="E927" s="9" t="s">
        <v>297</v>
      </c>
      <c r="F927" s="9" t="s">
        <v>302</v>
      </c>
      <c r="G927" s="10" t="s">
        <v>55</v>
      </c>
      <c r="H927" s="10" t="s">
        <v>55</v>
      </c>
      <c r="I927" s="10" t="s">
        <v>55</v>
      </c>
      <c r="J927" s="10" t="s">
        <v>55</v>
      </c>
    </row>
    <row r="928" spans="1:10">
      <c r="A928" s="9" t="s">
        <v>56</v>
      </c>
      <c r="B928" s="9" t="s">
        <v>57</v>
      </c>
      <c r="C928" s="9" t="s">
        <v>59</v>
      </c>
      <c r="D928" s="9" t="s">
        <v>228</v>
      </c>
      <c r="E928" s="9" t="s">
        <v>297</v>
      </c>
      <c r="F928" s="9" t="s">
        <v>303</v>
      </c>
      <c r="G928" s="10" t="s">
        <v>55</v>
      </c>
      <c r="H928" s="10" t="s">
        <v>55</v>
      </c>
      <c r="I928" s="10" t="s">
        <v>55</v>
      </c>
      <c r="J928" s="10" t="s">
        <v>55</v>
      </c>
    </row>
    <row r="929" spans="1:10">
      <c r="A929" s="9" t="s">
        <v>56</v>
      </c>
      <c r="B929" s="9" t="s">
        <v>57</v>
      </c>
      <c r="C929" s="9" t="s">
        <v>59</v>
      </c>
      <c r="D929" s="9" t="s">
        <v>228</v>
      </c>
      <c r="E929" s="9" t="s">
        <v>297</v>
      </c>
      <c r="F929" s="9" t="s">
        <v>304</v>
      </c>
      <c r="G929" s="6">
        <v>8</v>
      </c>
      <c r="H929" s="6">
        <v>2</v>
      </c>
      <c r="I929" s="6">
        <v>6</v>
      </c>
      <c r="J929" s="10" t="s">
        <v>55</v>
      </c>
    </row>
    <row r="930" spans="1:10">
      <c r="A930" s="9" t="s">
        <v>56</v>
      </c>
      <c r="B930" s="9" t="s">
        <v>57</v>
      </c>
      <c r="C930" s="9" t="s">
        <v>59</v>
      </c>
      <c r="D930" s="9" t="s">
        <v>228</v>
      </c>
      <c r="E930" s="9" t="s">
        <v>297</v>
      </c>
      <c r="F930" s="9" t="s">
        <v>49</v>
      </c>
      <c r="G930" s="6">
        <v>4</v>
      </c>
      <c r="H930" s="10" t="s">
        <v>55</v>
      </c>
      <c r="I930" s="6">
        <v>4</v>
      </c>
      <c r="J930" s="10" t="s">
        <v>55</v>
      </c>
    </row>
    <row r="931" spans="1:10">
      <c r="A931" s="9" t="s">
        <v>56</v>
      </c>
      <c r="B931" s="9" t="s">
        <v>57</v>
      </c>
      <c r="C931" s="9" t="s">
        <v>59</v>
      </c>
      <c r="D931" s="9" t="s">
        <v>228</v>
      </c>
      <c r="E931" s="9" t="s">
        <v>298</v>
      </c>
      <c r="F931" s="9" t="s">
        <v>6</v>
      </c>
      <c r="G931" s="6">
        <v>216</v>
      </c>
      <c r="H931" s="6">
        <v>85</v>
      </c>
      <c r="I931" s="6">
        <v>131</v>
      </c>
      <c r="J931" s="10" t="s">
        <v>55</v>
      </c>
    </row>
    <row r="932" spans="1:10">
      <c r="A932" s="9" t="s">
        <v>56</v>
      </c>
      <c r="B932" s="9" t="s">
        <v>57</v>
      </c>
      <c r="C932" s="9" t="s">
        <v>59</v>
      </c>
      <c r="D932" s="9" t="s">
        <v>228</v>
      </c>
      <c r="E932" s="9" t="s">
        <v>298</v>
      </c>
      <c r="F932" s="9" t="s">
        <v>297</v>
      </c>
      <c r="G932" s="6">
        <v>66</v>
      </c>
      <c r="H932" s="6">
        <v>38</v>
      </c>
      <c r="I932" s="6">
        <v>28</v>
      </c>
      <c r="J932" s="10" t="s">
        <v>55</v>
      </c>
    </row>
    <row r="933" spans="1:10">
      <c r="A933" s="9" t="s">
        <v>56</v>
      </c>
      <c r="B933" s="9" t="s">
        <v>57</v>
      </c>
      <c r="C933" s="9" t="s">
        <v>59</v>
      </c>
      <c r="D933" s="9" t="s">
        <v>228</v>
      </c>
      <c r="E933" s="9" t="s">
        <v>298</v>
      </c>
      <c r="F933" s="9" t="s">
        <v>298</v>
      </c>
      <c r="G933" s="6">
        <v>120</v>
      </c>
      <c r="H933" s="6">
        <v>42</v>
      </c>
      <c r="I933" s="6">
        <v>78</v>
      </c>
      <c r="J933" s="10" t="s">
        <v>55</v>
      </c>
    </row>
    <row r="934" spans="1:10">
      <c r="A934" s="9" t="s">
        <v>56</v>
      </c>
      <c r="B934" s="9" t="s">
        <v>57</v>
      </c>
      <c r="C934" s="9" t="s">
        <v>59</v>
      </c>
      <c r="D934" s="9" t="s">
        <v>228</v>
      </c>
      <c r="E934" s="9" t="s">
        <v>298</v>
      </c>
      <c r="F934" s="9" t="s">
        <v>299</v>
      </c>
      <c r="G934" s="6">
        <v>22</v>
      </c>
      <c r="H934" s="6">
        <v>4</v>
      </c>
      <c r="I934" s="6">
        <v>18</v>
      </c>
      <c r="J934" s="10" t="s">
        <v>55</v>
      </c>
    </row>
    <row r="935" spans="1:10">
      <c r="A935" s="9" t="s">
        <v>56</v>
      </c>
      <c r="B935" s="9" t="s">
        <v>57</v>
      </c>
      <c r="C935" s="9" t="s">
        <v>59</v>
      </c>
      <c r="D935" s="9" t="s">
        <v>228</v>
      </c>
      <c r="E935" s="9" t="s">
        <v>298</v>
      </c>
      <c r="F935" s="9" t="s">
        <v>300</v>
      </c>
      <c r="G935" s="6">
        <v>7</v>
      </c>
      <c r="H935" s="6">
        <v>1</v>
      </c>
      <c r="I935" s="6">
        <v>6</v>
      </c>
      <c r="J935" s="10" t="s">
        <v>55</v>
      </c>
    </row>
    <row r="936" spans="1:10">
      <c r="A936" s="9" t="s">
        <v>56</v>
      </c>
      <c r="B936" s="9" t="s">
        <v>57</v>
      </c>
      <c r="C936" s="9" t="s">
        <v>59</v>
      </c>
      <c r="D936" s="9" t="s">
        <v>228</v>
      </c>
      <c r="E936" s="9" t="s">
        <v>298</v>
      </c>
      <c r="F936" s="9" t="s">
        <v>301</v>
      </c>
      <c r="G936" s="6">
        <v>1</v>
      </c>
      <c r="H936" s="10" t="s">
        <v>55</v>
      </c>
      <c r="I936" s="6">
        <v>1</v>
      </c>
      <c r="J936" s="10" t="s">
        <v>55</v>
      </c>
    </row>
    <row r="937" spans="1:10">
      <c r="A937" s="9" t="s">
        <v>56</v>
      </c>
      <c r="B937" s="9" t="s">
        <v>57</v>
      </c>
      <c r="C937" s="9" t="s">
        <v>59</v>
      </c>
      <c r="D937" s="9" t="s">
        <v>228</v>
      </c>
      <c r="E937" s="9" t="s">
        <v>298</v>
      </c>
      <c r="F937" s="9" t="s">
        <v>302</v>
      </c>
      <c r="G937" s="10" t="s">
        <v>55</v>
      </c>
      <c r="H937" s="10" t="s">
        <v>55</v>
      </c>
      <c r="I937" s="10" t="s">
        <v>55</v>
      </c>
      <c r="J937" s="10" t="s">
        <v>55</v>
      </c>
    </row>
    <row r="938" spans="1:10">
      <c r="A938" s="9" t="s">
        <v>56</v>
      </c>
      <c r="B938" s="9" t="s">
        <v>57</v>
      </c>
      <c r="C938" s="9" t="s">
        <v>59</v>
      </c>
      <c r="D938" s="9" t="s">
        <v>228</v>
      </c>
      <c r="E938" s="9" t="s">
        <v>298</v>
      </c>
      <c r="F938" s="9" t="s">
        <v>303</v>
      </c>
      <c r="G938" s="10" t="s">
        <v>55</v>
      </c>
      <c r="H938" s="10" t="s">
        <v>55</v>
      </c>
      <c r="I938" s="10" t="s">
        <v>55</v>
      </c>
      <c r="J938" s="10" t="s">
        <v>55</v>
      </c>
    </row>
    <row r="939" spans="1:10">
      <c r="A939" s="9" t="s">
        <v>56</v>
      </c>
      <c r="B939" s="9" t="s">
        <v>57</v>
      </c>
      <c r="C939" s="9" t="s">
        <v>59</v>
      </c>
      <c r="D939" s="9" t="s">
        <v>228</v>
      </c>
      <c r="E939" s="9" t="s">
        <v>298</v>
      </c>
      <c r="F939" s="9" t="s">
        <v>304</v>
      </c>
      <c r="G939" s="6">
        <v>150</v>
      </c>
      <c r="H939" s="6">
        <v>47</v>
      </c>
      <c r="I939" s="6">
        <v>103</v>
      </c>
      <c r="J939" s="10" t="s">
        <v>55</v>
      </c>
    </row>
    <row r="940" spans="1:10">
      <c r="A940" s="9" t="s">
        <v>56</v>
      </c>
      <c r="B940" s="9" t="s">
        <v>57</v>
      </c>
      <c r="C940" s="9" t="s">
        <v>59</v>
      </c>
      <c r="D940" s="9" t="s">
        <v>228</v>
      </c>
      <c r="E940" s="9" t="s">
        <v>298</v>
      </c>
      <c r="F940" s="9" t="s">
        <v>49</v>
      </c>
      <c r="G940" s="6">
        <v>30</v>
      </c>
      <c r="H940" s="6">
        <v>5</v>
      </c>
      <c r="I940" s="6">
        <v>25</v>
      </c>
      <c r="J940" s="10" t="s">
        <v>55</v>
      </c>
    </row>
    <row r="941" spans="1:10">
      <c r="A941" s="9" t="s">
        <v>56</v>
      </c>
      <c r="B941" s="9" t="s">
        <v>57</v>
      </c>
      <c r="C941" s="9" t="s">
        <v>59</v>
      </c>
      <c r="D941" s="9" t="s">
        <v>228</v>
      </c>
      <c r="E941" s="9" t="s">
        <v>299</v>
      </c>
      <c r="F941" s="9" t="s">
        <v>6</v>
      </c>
      <c r="G941" s="6">
        <v>722</v>
      </c>
      <c r="H941" s="6">
        <v>237</v>
      </c>
      <c r="I941" s="6">
        <v>485</v>
      </c>
      <c r="J941" s="10" t="s">
        <v>55</v>
      </c>
    </row>
    <row r="942" spans="1:10">
      <c r="A942" s="9" t="s">
        <v>56</v>
      </c>
      <c r="B942" s="9" t="s">
        <v>57</v>
      </c>
      <c r="C942" s="9" t="s">
        <v>59</v>
      </c>
      <c r="D942" s="9" t="s">
        <v>228</v>
      </c>
      <c r="E942" s="9" t="s">
        <v>299</v>
      </c>
      <c r="F942" s="9" t="s">
        <v>297</v>
      </c>
      <c r="G942" s="6">
        <v>52</v>
      </c>
      <c r="H942" s="6">
        <v>29</v>
      </c>
      <c r="I942" s="6">
        <v>23</v>
      </c>
      <c r="J942" s="10" t="s">
        <v>55</v>
      </c>
    </row>
    <row r="943" spans="1:10">
      <c r="A943" s="9" t="s">
        <v>56</v>
      </c>
      <c r="B943" s="9" t="s">
        <v>57</v>
      </c>
      <c r="C943" s="9" t="s">
        <v>59</v>
      </c>
      <c r="D943" s="9" t="s">
        <v>228</v>
      </c>
      <c r="E943" s="9" t="s">
        <v>299</v>
      </c>
      <c r="F943" s="9" t="s">
        <v>298</v>
      </c>
      <c r="G943" s="6">
        <v>250</v>
      </c>
      <c r="H943" s="6">
        <v>112</v>
      </c>
      <c r="I943" s="6">
        <v>138</v>
      </c>
      <c r="J943" s="10" t="s">
        <v>55</v>
      </c>
    </row>
    <row r="944" spans="1:10">
      <c r="A944" s="9" t="s">
        <v>56</v>
      </c>
      <c r="B944" s="9" t="s">
        <v>57</v>
      </c>
      <c r="C944" s="9" t="s">
        <v>59</v>
      </c>
      <c r="D944" s="9" t="s">
        <v>228</v>
      </c>
      <c r="E944" s="9" t="s">
        <v>299</v>
      </c>
      <c r="F944" s="9" t="s">
        <v>299</v>
      </c>
      <c r="G944" s="6">
        <v>347</v>
      </c>
      <c r="H944" s="6">
        <v>86</v>
      </c>
      <c r="I944" s="6">
        <v>261</v>
      </c>
      <c r="J944" s="10" t="s">
        <v>55</v>
      </c>
    </row>
    <row r="945" spans="1:10">
      <c r="A945" s="9" t="s">
        <v>56</v>
      </c>
      <c r="B945" s="9" t="s">
        <v>57</v>
      </c>
      <c r="C945" s="9" t="s">
        <v>59</v>
      </c>
      <c r="D945" s="9" t="s">
        <v>228</v>
      </c>
      <c r="E945" s="9" t="s">
        <v>299</v>
      </c>
      <c r="F945" s="9" t="s">
        <v>300</v>
      </c>
      <c r="G945" s="6">
        <v>64</v>
      </c>
      <c r="H945" s="6">
        <v>9</v>
      </c>
      <c r="I945" s="6">
        <v>55</v>
      </c>
      <c r="J945" s="10" t="s">
        <v>55</v>
      </c>
    </row>
    <row r="946" spans="1:10">
      <c r="A946" s="9" t="s">
        <v>56</v>
      </c>
      <c r="B946" s="9" t="s">
        <v>57</v>
      </c>
      <c r="C946" s="9" t="s">
        <v>59</v>
      </c>
      <c r="D946" s="9" t="s">
        <v>228</v>
      </c>
      <c r="E946" s="9" t="s">
        <v>299</v>
      </c>
      <c r="F946" s="9" t="s">
        <v>301</v>
      </c>
      <c r="G946" s="6">
        <v>8</v>
      </c>
      <c r="H946" s="6">
        <v>1</v>
      </c>
      <c r="I946" s="6">
        <v>7</v>
      </c>
      <c r="J946" s="10" t="s">
        <v>55</v>
      </c>
    </row>
    <row r="947" spans="1:10">
      <c r="A947" s="9" t="s">
        <v>56</v>
      </c>
      <c r="B947" s="9" t="s">
        <v>57</v>
      </c>
      <c r="C947" s="9" t="s">
        <v>59</v>
      </c>
      <c r="D947" s="9" t="s">
        <v>228</v>
      </c>
      <c r="E947" s="9" t="s">
        <v>299</v>
      </c>
      <c r="F947" s="9" t="s">
        <v>302</v>
      </c>
      <c r="G947" s="6">
        <v>1</v>
      </c>
      <c r="H947" s="10" t="s">
        <v>55</v>
      </c>
      <c r="I947" s="6">
        <v>1</v>
      </c>
      <c r="J947" s="10" t="s">
        <v>55</v>
      </c>
    </row>
    <row r="948" spans="1:10">
      <c r="A948" s="9" t="s">
        <v>56</v>
      </c>
      <c r="B948" s="9" t="s">
        <v>57</v>
      </c>
      <c r="C948" s="9" t="s">
        <v>59</v>
      </c>
      <c r="D948" s="9" t="s">
        <v>228</v>
      </c>
      <c r="E948" s="9" t="s">
        <v>299</v>
      </c>
      <c r="F948" s="9" t="s">
        <v>303</v>
      </c>
      <c r="G948" s="10" t="s">
        <v>55</v>
      </c>
      <c r="H948" s="10" t="s">
        <v>55</v>
      </c>
      <c r="I948" s="10" t="s">
        <v>55</v>
      </c>
      <c r="J948" s="10" t="s">
        <v>55</v>
      </c>
    </row>
    <row r="949" spans="1:10">
      <c r="A949" s="9" t="s">
        <v>56</v>
      </c>
      <c r="B949" s="9" t="s">
        <v>57</v>
      </c>
      <c r="C949" s="9" t="s">
        <v>59</v>
      </c>
      <c r="D949" s="9" t="s">
        <v>228</v>
      </c>
      <c r="E949" s="9" t="s">
        <v>299</v>
      </c>
      <c r="F949" s="9" t="s">
        <v>304</v>
      </c>
      <c r="G949" s="6">
        <v>670</v>
      </c>
      <c r="H949" s="6">
        <v>208</v>
      </c>
      <c r="I949" s="6">
        <v>462</v>
      </c>
      <c r="J949" s="10" t="s">
        <v>55</v>
      </c>
    </row>
    <row r="950" spans="1:10">
      <c r="A950" s="9" t="s">
        <v>56</v>
      </c>
      <c r="B950" s="9" t="s">
        <v>57</v>
      </c>
      <c r="C950" s="9" t="s">
        <v>59</v>
      </c>
      <c r="D950" s="9" t="s">
        <v>228</v>
      </c>
      <c r="E950" s="9" t="s">
        <v>299</v>
      </c>
      <c r="F950" s="9" t="s">
        <v>49</v>
      </c>
      <c r="G950" s="6">
        <v>420</v>
      </c>
      <c r="H950" s="6">
        <v>96</v>
      </c>
      <c r="I950" s="6">
        <v>324</v>
      </c>
      <c r="J950" s="10" t="s">
        <v>55</v>
      </c>
    </row>
    <row r="951" spans="1:10">
      <c r="A951" s="9" t="s">
        <v>56</v>
      </c>
      <c r="B951" s="9" t="s">
        <v>57</v>
      </c>
      <c r="C951" s="9" t="s">
        <v>59</v>
      </c>
      <c r="D951" s="9" t="s">
        <v>228</v>
      </c>
      <c r="E951" s="9" t="s">
        <v>300</v>
      </c>
      <c r="F951" s="9" t="s">
        <v>6</v>
      </c>
      <c r="G951" s="6">
        <v>1189</v>
      </c>
      <c r="H951" s="6">
        <v>219</v>
      </c>
      <c r="I951" s="6">
        <v>970</v>
      </c>
      <c r="J951" s="10" t="s">
        <v>55</v>
      </c>
    </row>
    <row r="952" spans="1:10">
      <c r="A952" s="9" t="s">
        <v>56</v>
      </c>
      <c r="B952" s="9" t="s">
        <v>57</v>
      </c>
      <c r="C952" s="9" t="s">
        <v>59</v>
      </c>
      <c r="D952" s="9" t="s">
        <v>228</v>
      </c>
      <c r="E952" s="9" t="s">
        <v>300</v>
      </c>
      <c r="F952" s="9" t="s">
        <v>297</v>
      </c>
      <c r="G952" s="6">
        <v>22</v>
      </c>
      <c r="H952" s="6">
        <v>12</v>
      </c>
      <c r="I952" s="6">
        <v>10</v>
      </c>
      <c r="J952" s="10" t="s">
        <v>55</v>
      </c>
    </row>
    <row r="953" spans="1:10">
      <c r="A953" s="9" t="s">
        <v>56</v>
      </c>
      <c r="B953" s="9" t="s">
        <v>57</v>
      </c>
      <c r="C953" s="9" t="s">
        <v>59</v>
      </c>
      <c r="D953" s="9" t="s">
        <v>228</v>
      </c>
      <c r="E953" s="9" t="s">
        <v>300</v>
      </c>
      <c r="F953" s="9" t="s">
        <v>298</v>
      </c>
      <c r="G953" s="6">
        <v>81</v>
      </c>
      <c r="H953" s="6">
        <v>33</v>
      </c>
      <c r="I953" s="6">
        <v>48</v>
      </c>
      <c r="J953" s="10" t="s">
        <v>55</v>
      </c>
    </row>
    <row r="954" spans="1:10">
      <c r="A954" s="9" t="s">
        <v>56</v>
      </c>
      <c r="B954" s="9" t="s">
        <v>57</v>
      </c>
      <c r="C954" s="9" t="s">
        <v>59</v>
      </c>
      <c r="D954" s="9" t="s">
        <v>228</v>
      </c>
      <c r="E954" s="9" t="s">
        <v>300</v>
      </c>
      <c r="F954" s="9" t="s">
        <v>299</v>
      </c>
      <c r="G954" s="6">
        <v>464</v>
      </c>
      <c r="H954" s="6">
        <v>107</v>
      </c>
      <c r="I954" s="6">
        <v>357</v>
      </c>
      <c r="J954" s="10" t="s">
        <v>55</v>
      </c>
    </row>
    <row r="955" spans="1:10">
      <c r="A955" s="9" t="s">
        <v>56</v>
      </c>
      <c r="B955" s="9" t="s">
        <v>57</v>
      </c>
      <c r="C955" s="9" t="s">
        <v>59</v>
      </c>
      <c r="D955" s="9" t="s">
        <v>228</v>
      </c>
      <c r="E955" s="9" t="s">
        <v>300</v>
      </c>
      <c r="F955" s="9" t="s">
        <v>300</v>
      </c>
      <c r="G955" s="6">
        <v>562</v>
      </c>
      <c r="H955" s="6">
        <v>67</v>
      </c>
      <c r="I955" s="6">
        <v>495</v>
      </c>
      <c r="J955" s="10" t="s">
        <v>55</v>
      </c>
    </row>
    <row r="956" spans="1:10">
      <c r="A956" s="9" t="s">
        <v>56</v>
      </c>
      <c r="B956" s="9" t="s">
        <v>57</v>
      </c>
      <c r="C956" s="9" t="s">
        <v>59</v>
      </c>
      <c r="D956" s="9" t="s">
        <v>228</v>
      </c>
      <c r="E956" s="9" t="s">
        <v>300</v>
      </c>
      <c r="F956" s="9" t="s">
        <v>301</v>
      </c>
      <c r="G956" s="6">
        <v>53</v>
      </c>
      <c r="H956" s="10" t="s">
        <v>55</v>
      </c>
      <c r="I956" s="6">
        <v>53</v>
      </c>
      <c r="J956" s="10" t="s">
        <v>55</v>
      </c>
    </row>
    <row r="957" spans="1:10">
      <c r="A957" s="9" t="s">
        <v>56</v>
      </c>
      <c r="B957" s="9" t="s">
        <v>57</v>
      </c>
      <c r="C957" s="9" t="s">
        <v>59</v>
      </c>
      <c r="D957" s="9" t="s">
        <v>228</v>
      </c>
      <c r="E957" s="9" t="s">
        <v>300</v>
      </c>
      <c r="F957" s="9" t="s">
        <v>302</v>
      </c>
      <c r="G957" s="6">
        <v>5</v>
      </c>
      <c r="H957" s="10" t="s">
        <v>55</v>
      </c>
      <c r="I957" s="6">
        <v>5</v>
      </c>
      <c r="J957" s="10" t="s">
        <v>55</v>
      </c>
    </row>
    <row r="958" spans="1:10">
      <c r="A958" s="9" t="s">
        <v>56</v>
      </c>
      <c r="B958" s="9" t="s">
        <v>57</v>
      </c>
      <c r="C958" s="9" t="s">
        <v>59</v>
      </c>
      <c r="D958" s="9" t="s">
        <v>228</v>
      </c>
      <c r="E958" s="9" t="s">
        <v>300</v>
      </c>
      <c r="F958" s="9" t="s">
        <v>303</v>
      </c>
      <c r="G958" s="6">
        <v>2</v>
      </c>
      <c r="H958" s="10" t="s">
        <v>55</v>
      </c>
      <c r="I958" s="6">
        <v>2</v>
      </c>
      <c r="J958" s="10" t="s">
        <v>55</v>
      </c>
    </row>
    <row r="959" spans="1:10">
      <c r="A959" s="9" t="s">
        <v>56</v>
      </c>
      <c r="B959" s="9" t="s">
        <v>57</v>
      </c>
      <c r="C959" s="9" t="s">
        <v>59</v>
      </c>
      <c r="D959" s="9" t="s">
        <v>228</v>
      </c>
      <c r="E959" s="9" t="s">
        <v>300</v>
      </c>
      <c r="F959" s="9" t="s">
        <v>304</v>
      </c>
      <c r="G959" s="6">
        <v>1167</v>
      </c>
      <c r="H959" s="6">
        <v>207</v>
      </c>
      <c r="I959" s="6">
        <v>960</v>
      </c>
      <c r="J959" s="10" t="s">
        <v>55</v>
      </c>
    </row>
    <row r="960" spans="1:10">
      <c r="A960" s="9" t="s">
        <v>56</v>
      </c>
      <c r="B960" s="9" t="s">
        <v>57</v>
      </c>
      <c r="C960" s="9" t="s">
        <v>59</v>
      </c>
      <c r="D960" s="9" t="s">
        <v>228</v>
      </c>
      <c r="E960" s="9" t="s">
        <v>300</v>
      </c>
      <c r="F960" s="9" t="s">
        <v>49</v>
      </c>
      <c r="G960" s="6">
        <v>1086</v>
      </c>
      <c r="H960" s="6">
        <v>174</v>
      </c>
      <c r="I960" s="6">
        <v>912</v>
      </c>
      <c r="J960" s="10" t="s">
        <v>55</v>
      </c>
    </row>
    <row r="961" spans="1:10">
      <c r="A961" s="9" t="s">
        <v>56</v>
      </c>
      <c r="B961" s="9" t="s">
        <v>57</v>
      </c>
      <c r="C961" s="9" t="s">
        <v>59</v>
      </c>
      <c r="D961" s="9" t="s">
        <v>228</v>
      </c>
      <c r="E961" s="9" t="s">
        <v>301</v>
      </c>
      <c r="F961" s="9" t="s">
        <v>6</v>
      </c>
      <c r="G961" s="6">
        <v>1162</v>
      </c>
      <c r="H961" s="6">
        <v>90</v>
      </c>
      <c r="I961" s="6">
        <v>1072</v>
      </c>
      <c r="J961" s="10" t="s">
        <v>55</v>
      </c>
    </row>
    <row r="962" spans="1:10">
      <c r="A962" s="9" t="s">
        <v>56</v>
      </c>
      <c r="B962" s="9" t="s">
        <v>57</v>
      </c>
      <c r="C962" s="9" t="s">
        <v>59</v>
      </c>
      <c r="D962" s="9" t="s">
        <v>228</v>
      </c>
      <c r="E962" s="9" t="s">
        <v>301</v>
      </c>
      <c r="F962" s="9" t="s">
        <v>297</v>
      </c>
      <c r="G962" s="6">
        <v>6</v>
      </c>
      <c r="H962" s="6">
        <v>5</v>
      </c>
      <c r="I962" s="6">
        <v>1</v>
      </c>
      <c r="J962" s="10" t="s">
        <v>55</v>
      </c>
    </row>
    <row r="963" spans="1:10">
      <c r="A963" s="9" t="s">
        <v>56</v>
      </c>
      <c r="B963" s="9" t="s">
        <v>57</v>
      </c>
      <c r="C963" s="9" t="s">
        <v>59</v>
      </c>
      <c r="D963" s="9" t="s">
        <v>228</v>
      </c>
      <c r="E963" s="9" t="s">
        <v>301</v>
      </c>
      <c r="F963" s="9" t="s">
        <v>298</v>
      </c>
      <c r="G963" s="6">
        <v>8</v>
      </c>
      <c r="H963" s="6">
        <v>3</v>
      </c>
      <c r="I963" s="6">
        <v>5</v>
      </c>
      <c r="J963" s="10" t="s">
        <v>55</v>
      </c>
    </row>
    <row r="964" spans="1:10">
      <c r="A964" s="9" t="s">
        <v>56</v>
      </c>
      <c r="B964" s="9" t="s">
        <v>57</v>
      </c>
      <c r="C964" s="9" t="s">
        <v>59</v>
      </c>
      <c r="D964" s="9" t="s">
        <v>228</v>
      </c>
      <c r="E964" s="9" t="s">
        <v>301</v>
      </c>
      <c r="F964" s="9" t="s">
        <v>299</v>
      </c>
      <c r="G964" s="6">
        <v>78</v>
      </c>
      <c r="H964" s="6">
        <v>19</v>
      </c>
      <c r="I964" s="6">
        <v>59</v>
      </c>
      <c r="J964" s="10" t="s">
        <v>55</v>
      </c>
    </row>
    <row r="965" spans="1:10">
      <c r="A965" s="9" t="s">
        <v>56</v>
      </c>
      <c r="B965" s="9" t="s">
        <v>57</v>
      </c>
      <c r="C965" s="9" t="s">
        <v>59</v>
      </c>
      <c r="D965" s="9" t="s">
        <v>228</v>
      </c>
      <c r="E965" s="9" t="s">
        <v>301</v>
      </c>
      <c r="F965" s="9" t="s">
        <v>300</v>
      </c>
      <c r="G965" s="6">
        <v>556</v>
      </c>
      <c r="H965" s="6">
        <v>48</v>
      </c>
      <c r="I965" s="6">
        <v>508</v>
      </c>
      <c r="J965" s="10" t="s">
        <v>55</v>
      </c>
    </row>
    <row r="966" spans="1:10">
      <c r="A966" s="9" t="s">
        <v>56</v>
      </c>
      <c r="B966" s="9" t="s">
        <v>57</v>
      </c>
      <c r="C966" s="9" t="s">
        <v>59</v>
      </c>
      <c r="D966" s="9" t="s">
        <v>228</v>
      </c>
      <c r="E966" s="9" t="s">
        <v>301</v>
      </c>
      <c r="F966" s="9" t="s">
        <v>301</v>
      </c>
      <c r="G966" s="6">
        <v>452</v>
      </c>
      <c r="H966" s="6">
        <v>15</v>
      </c>
      <c r="I966" s="6">
        <v>437</v>
      </c>
      <c r="J966" s="10" t="s">
        <v>55</v>
      </c>
    </row>
    <row r="967" spans="1:10">
      <c r="A967" s="9" t="s">
        <v>56</v>
      </c>
      <c r="B967" s="9" t="s">
        <v>57</v>
      </c>
      <c r="C967" s="9" t="s">
        <v>59</v>
      </c>
      <c r="D967" s="9" t="s">
        <v>228</v>
      </c>
      <c r="E967" s="9" t="s">
        <v>301</v>
      </c>
      <c r="F967" s="9" t="s">
        <v>302</v>
      </c>
      <c r="G967" s="6">
        <v>55</v>
      </c>
      <c r="H967" s="10" t="s">
        <v>55</v>
      </c>
      <c r="I967" s="6">
        <v>55</v>
      </c>
      <c r="J967" s="10" t="s">
        <v>55</v>
      </c>
    </row>
    <row r="968" spans="1:10">
      <c r="A968" s="9" t="s">
        <v>56</v>
      </c>
      <c r="B968" s="9" t="s">
        <v>57</v>
      </c>
      <c r="C968" s="9" t="s">
        <v>59</v>
      </c>
      <c r="D968" s="9" t="s">
        <v>228</v>
      </c>
      <c r="E968" s="9" t="s">
        <v>301</v>
      </c>
      <c r="F968" s="9" t="s">
        <v>303</v>
      </c>
      <c r="G968" s="6">
        <v>7</v>
      </c>
      <c r="H968" s="10" t="s">
        <v>55</v>
      </c>
      <c r="I968" s="6">
        <v>7</v>
      </c>
      <c r="J968" s="10" t="s">
        <v>55</v>
      </c>
    </row>
    <row r="969" spans="1:10">
      <c r="A969" s="9" t="s">
        <v>56</v>
      </c>
      <c r="B969" s="9" t="s">
        <v>57</v>
      </c>
      <c r="C969" s="9" t="s">
        <v>59</v>
      </c>
      <c r="D969" s="9" t="s">
        <v>228</v>
      </c>
      <c r="E969" s="9" t="s">
        <v>301</v>
      </c>
      <c r="F969" s="9" t="s">
        <v>304</v>
      </c>
      <c r="G969" s="6">
        <v>1156</v>
      </c>
      <c r="H969" s="6">
        <v>85</v>
      </c>
      <c r="I969" s="6">
        <v>1071</v>
      </c>
      <c r="J969" s="10" t="s">
        <v>55</v>
      </c>
    </row>
    <row r="970" spans="1:10">
      <c r="A970" s="9" t="s">
        <v>56</v>
      </c>
      <c r="B970" s="9" t="s">
        <v>57</v>
      </c>
      <c r="C970" s="9" t="s">
        <v>59</v>
      </c>
      <c r="D970" s="9" t="s">
        <v>228</v>
      </c>
      <c r="E970" s="9" t="s">
        <v>301</v>
      </c>
      <c r="F970" s="9" t="s">
        <v>49</v>
      </c>
      <c r="G970" s="6">
        <v>1148</v>
      </c>
      <c r="H970" s="6">
        <v>82</v>
      </c>
      <c r="I970" s="6">
        <v>1066</v>
      </c>
      <c r="J970" s="10" t="s">
        <v>55</v>
      </c>
    </row>
    <row r="971" spans="1:10">
      <c r="A971" s="9" t="s">
        <v>56</v>
      </c>
      <c r="B971" s="9" t="s">
        <v>57</v>
      </c>
      <c r="C971" s="9" t="s">
        <v>59</v>
      </c>
      <c r="D971" s="9" t="s">
        <v>228</v>
      </c>
      <c r="E971" s="9" t="s">
        <v>302</v>
      </c>
      <c r="F971" s="9" t="s">
        <v>6</v>
      </c>
      <c r="G971" s="6">
        <v>918</v>
      </c>
      <c r="H971" s="6">
        <v>30</v>
      </c>
      <c r="I971" s="6">
        <v>888</v>
      </c>
      <c r="J971" s="10" t="s">
        <v>55</v>
      </c>
    </row>
    <row r="972" spans="1:10">
      <c r="A972" s="9" t="s">
        <v>56</v>
      </c>
      <c r="B972" s="9" t="s">
        <v>57</v>
      </c>
      <c r="C972" s="9" t="s">
        <v>59</v>
      </c>
      <c r="D972" s="9" t="s">
        <v>228</v>
      </c>
      <c r="E972" s="9" t="s">
        <v>302</v>
      </c>
      <c r="F972" s="9" t="s">
        <v>297</v>
      </c>
      <c r="G972" s="6">
        <v>1</v>
      </c>
      <c r="H972" s="6">
        <v>1</v>
      </c>
      <c r="I972" s="10" t="s">
        <v>55</v>
      </c>
      <c r="J972" s="10" t="s">
        <v>55</v>
      </c>
    </row>
    <row r="973" spans="1:10">
      <c r="A973" s="9" t="s">
        <v>56</v>
      </c>
      <c r="B973" s="9" t="s">
        <v>57</v>
      </c>
      <c r="C973" s="9" t="s">
        <v>59</v>
      </c>
      <c r="D973" s="9" t="s">
        <v>228</v>
      </c>
      <c r="E973" s="9" t="s">
        <v>302</v>
      </c>
      <c r="F973" s="9" t="s">
        <v>298</v>
      </c>
      <c r="G973" s="6">
        <v>1</v>
      </c>
      <c r="H973" s="6">
        <v>1</v>
      </c>
      <c r="I973" s="10" t="s">
        <v>55</v>
      </c>
      <c r="J973" s="10" t="s">
        <v>55</v>
      </c>
    </row>
    <row r="974" spans="1:10">
      <c r="A974" s="9" t="s">
        <v>56</v>
      </c>
      <c r="B974" s="9" t="s">
        <v>57</v>
      </c>
      <c r="C974" s="9" t="s">
        <v>59</v>
      </c>
      <c r="D974" s="9" t="s">
        <v>228</v>
      </c>
      <c r="E974" s="9" t="s">
        <v>302</v>
      </c>
      <c r="F974" s="9" t="s">
        <v>299</v>
      </c>
      <c r="G974" s="6">
        <v>11</v>
      </c>
      <c r="H974" s="6">
        <v>1</v>
      </c>
      <c r="I974" s="6">
        <v>10</v>
      </c>
      <c r="J974" s="10" t="s">
        <v>55</v>
      </c>
    </row>
    <row r="975" spans="1:10">
      <c r="A975" s="9" t="s">
        <v>56</v>
      </c>
      <c r="B975" s="9" t="s">
        <v>57</v>
      </c>
      <c r="C975" s="9" t="s">
        <v>59</v>
      </c>
      <c r="D975" s="9" t="s">
        <v>228</v>
      </c>
      <c r="E975" s="9" t="s">
        <v>302</v>
      </c>
      <c r="F975" s="9" t="s">
        <v>300</v>
      </c>
      <c r="G975" s="6">
        <v>94</v>
      </c>
      <c r="H975" s="6">
        <v>7</v>
      </c>
      <c r="I975" s="6">
        <v>87</v>
      </c>
      <c r="J975" s="10" t="s">
        <v>55</v>
      </c>
    </row>
    <row r="976" spans="1:10">
      <c r="A976" s="9" t="s">
        <v>56</v>
      </c>
      <c r="B976" s="9" t="s">
        <v>57</v>
      </c>
      <c r="C976" s="9" t="s">
        <v>59</v>
      </c>
      <c r="D976" s="9" t="s">
        <v>228</v>
      </c>
      <c r="E976" s="9" t="s">
        <v>302</v>
      </c>
      <c r="F976" s="9" t="s">
        <v>301</v>
      </c>
      <c r="G976" s="6">
        <v>475</v>
      </c>
      <c r="H976" s="6">
        <v>18</v>
      </c>
      <c r="I976" s="6">
        <v>457</v>
      </c>
      <c r="J976" s="10" t="s">
        <v>55</v>
      </c>
    </row>
    <row r="977" spans="1:10">
      <c r="A977" s="9" t="s">
        <v>56</v>
      </c>
      <c r="B977" s="9" t="s">
        <v>57</v>
      </c>
      <c r="C977" s="9" t="s">
        <v>59</v>
      </c>
      <c r="D977" s="9" t="s">
        <v>228</v>
      </c>
      <c r="E977" s="9" t="s">
        <v>302</v>
      </c>
      <c r="F977" s="9" t="s">
        <v>302</v>
      </c>
      <c r="G977" s="6">
        <v>304</v>
      </c>
      <c r="H977" s="6">
        <v>2</v>
      </c>
      <c r="I977" s="6">
        <v>302</v>
      </c>
      <c r="J977" s="10" t="s">
        <v>55</v>
      </c>
    </row>
    <row r="978" spans="1:10">
      <c r="A978" s="9" t="s">
        <v>56</v>
      </c>
      <c r="B978" s="9" t="s">
        <v>57</v>
      </c>
      <c r="C978" s="9" t="s">
        <v>59</v>
      </c>
      <c r="D978" s="9" t="s">
        <v>228</v>
      </c>
      <c r="E978" s="9" t="s">
        <v>302</v>
      </c>
      <c r="F978" s="9" t="s">
        <v>303</v>
      </c>
      <c r="G978" s="6">
        <v>32</v>
      </c>
      <c r="H978" s="10" t="s">
        <v>55</v>
      </c>
      <c r="I978" s="6">
        <v>32</v>
      </c>
      <c r="J978" s="10" t="s">
        <v>55</v>
      </c>
    </row>
    <row r="979" spans="1:10">
      <c r="A979" s="9" t="s">
        <v>56</v>
      </c>
      <c r="B979" s="9" t="s">
        <v>57</v>
      </c>
      <c r="C979" s="9" t="s">
        <v>59</v>
      </c>
      <c r="D979" s="9" t="s">
        <v>228</v>
      </c>
      <c r="E979" s="9" t="s">
        <v>302</v>
      </c>
      <c r="F979" s="9" t="s">
        <v>304</v>
      </c>
      <c r="G979" s="6">
        <v>917</v>
      </c>
      <c r="H979" s="6">
        <v>29</v>
      </c>
      <c r="I979" s="6">
        <v>888</v>
      </c>
      <c r="J979" s="10" t="s">
        <v>55</v>
      </c>
    </row>
    <row r="980" spans="1:10">
      <c r="A980" s="9" t="s">
        <v>56</v>
      </c>
      <c r="B980" s="9" t="s">
        <v>57</v>
      </c>
      <c r="C980" s="9" t="s">
        <v>59</v>
      </c>
      <c r="D980" s="9" t="s">
        <v>228</v>
      </c>
      <c r="E980" s="9" t="s">
        <v>302</v>
      </c>
      <c r="F980" s="9" t="s">
        <v>49</v>
      </c>
      <c r="G980" s="6">
        <v>916</v>
      </c>
      <c r="H980" s="6">
        <v>28</v>
      </c>
      <c r="I980" s="6">
        <v>888</v>
      </c>
      <c r="J980" s="10" t="s">
        <v>55</v>
      </c>
    </row>
    <row r="981" spans="1:10">
      <c r="A981" s="9" t="s">
        <v>56</v>
      </c>
      <c r="B981" s="9" t="s">
        <v>57</v>
      </c>
      <c r="C981" s="9" t="s">
        <v>59</v>
      </c>
      <c r="D981" s="9" t="s">
        <v>228</v>
      </c>
      <c r="E981" s="9" t="s">
        <v>303</v>
      </c>
      <c r="F981" s="9" t="s">
        <v>6</v>
      </c>
      <c r="G981" s="6">
        <v>698</v>
      </c>
      <c r="H981" s="6">
        <v>8</v>
      </c>
      <c r="I981" s="6">
        <v>689</v>
      </c>
      <c r="J981" s="6">
        <v>1</v>
      </c>
    </row>
    <row r="982" spans="1:10">
      <c r="A982" s="9" t="s">
        <v>56</v>
      </c>
      <c r="B982" s="9" t="s">
        <v>57</v>
      </c>
      <c r="C982" s="9" t="s">
        <v>59</v>
      </c>
      <c r="D982" s="9" t="s">
        <v>228</v>
      </c>
      <c r="E982" s="9" t="s">
        <v>303</v>
      </c>
      <c r="F982" s="9" t="s">
        <v>297</v>
      </c>
      <c r="G982" s="10" t="s">
        <v>55</v>
      </c>
      <c r="H982" s="10" t="s">
        <v>55</v>
      </c>
      <c r="I982" s="10" t="s">
        <v>55</v>
      </c>
      <c r="J982" s="10" t="s">
        <v>55</v>
      </c>
    </row>
    <row r="983" spans="1:10">
      <c r="A983" s="9" t="s">
        <v>56</v>
      </c>
      <c r="B983" s="9" t="s">
        <v>57</v>
      </c>
      <c r="C983" s="9" t="s">
        <v>59</v>
      </c>
      <c r="D983" s="9" t="s">
        <v>228</v>
      </c>
      <c r="E983" s="9" t="s">
        <v>303</v>
      </c>
      <c r="F983" s="9" t="s">
        <v>298</v>
      </c>
      <c r="G983" s="10" t="s">
        <v>55</v>
      </c>
      <c r="H983" s="10" t="s">
        <v>55</v>
      </c>
      <c r="I983" s="10" t="s">
        <v>55</v>
      </c>
      <c r="J983" s="10" t="s">
        <v>55</v>
      </c>
    </row>
    <row r="984" spans="1:10">
      <c r="A984" s="9" t="s">
        <v>56</v>
      </c>
      <c r="B984" s="9" t="s">
        <v>57</v>
      </c>
      <c r="C984" s="9" t="s">
        <v>59</v>
      </c>
      <c r="D984" s="9" t="s">
        <v>228</v>
      </c>
      <c r="E984" s="9" t="s">
        <v>303</v>
      </c>
      <c r="F984" s="9" t="s">
        <v>299</v>
      </c>
      <c r="G984" s="6">
        <v>4</v>
      </c>
      <c r="H984" s="6">
        <v>1</v>
      </c>
      <c r="I984" s="6">
        <v>3</v>
      </c>
      <c r="J984" s="10" t="s">
        <v>55</v>
      </c>
    </row>
    <row r="985" spans="1:10">
      <c r="A985" s="9" t="s">
        <v>56</v>
      </c>
      <c r="B985" s="9" t="s">
        <v>57</v>
      </c>
      <c r="C985" s="9" t="s">
        <v>59</v>
      </c>
      <c r="D985" s="9" t="s">
        <v>228</v>
      </c>
      <c r="E985" s="9" t="s">
        <v>303</v>
      </c>
      <c r="F985" s="9" t="s">
        <v>300</v>
      </c>
      <c r="G985" s="6">
        <v>9</v>
      </c>
      <c r="H985" s="6">
        <v>1</v>
      </c>
      <c r="I985" s="6">
        <v>8</v>
      </c>
      <c r="J985" s="10" t="s">
        <v>55</v>
      </c>
    </row>
    <row r="986" spans="1:10">
      <c r="A986" s="9" t="s">
        <v>56</v>
      </c>
      <c r="B986" s="9" t="s">
        <v>57</v>
      </c>
      <c r="C986" s="9" t="s">
        <v>59</v>
      </c>
      <c r="D986" s="9" t="s">
        <v>228</v>
      </c>
      <c r="E986" s="9" t="s">
        <v>303</v>
      </c>
      <c r="F986" s="9" t="s">
        <v>301</v>
      </c>
      <c r="G986" s="6">
        <v>88</v>
      </c>
      <c r="H986" s="6">
        <v>1</v>
      </c>
      <c r="I986" s="6">
        <v>87</v>
      </c>
      <c r="J986" s="10" t="s">
        <v>55</v>
      </c>
    </row>
    <row r="987" spans="1:10">
      <c r="A987" s="9" t="s">
        <v>56</v>
      </c>
      <c r="B987" s="9" t="s">
        <v>57</v>
      </c>
      <c r="C987" s="9" t="s">
        <v>59</v>
      </c>
      <c r="D987" s="9" t="s">
        <v>228</v>
      </c>
      <c r="E987" s="9" t="s">
        <v>303</v>
      </c>
      <c r="F987" s="9" t="s">
        <v>302</v>
      </c>
      <c r="G987" s="6">
        <v>319</v>
      </c>
      <c r="H987" s="6">
        <v>3</v>
      </c>
      <c r="I987" s="6">
        <v>316</v>
      </c>
      <c r="J987" s="10" t="s">
        <v>55</v>
      </c>
    </row>
    <row r="988" spans="1:10">
      <c r="A988" s="9" t="s">
        <v>56</v>
      </c>
      <c r="B988" s="9" t="s">
        <v>57</v>
      </c>
      <c r="C988" s="9" t="s">
        <v>59</v>
      </c>
      <c r="D988" s="9" t="s">
        <v>228</v>
      </c>
      <c r="E988" s="9" t="s">
        <v>303</v>
      </c>
      <c r="F988" s="9" t="s">
        <v>303</v>
      </c>
      <c r="G988" s="6">
        <v>278</v>
      </c>
      <c r="H988" s="6">
        <v>2</v>
      </c>
      <c r="I988" s="6">
        <v>275</v>
      </c>
      <c r="J988" s="6">
        <v>1</v>
      </c>
    </row>
    <row r="989" spans="1:10">
      <c r="A989" s="9" t="s">
        <v>56</v>
      </c>
      <c r="B989" s="9" t="s">
        <v>57</v>
      </c>
      <c r="C989" s="9" t="s">
        <v>59</v>
      </c>
      <c r="D989" s="9" t="s">
        <v>228</v>
      </c>
      <c r="E989" s="9" t="s">
        <v>303</v>
      </c>
      <c r="F989" s="9" t="s">
        <v>304</v>
      </c>
      <c r="G989" s="6">
        <v>698</v>
      </c>
      <c r="H989" s="6">
        <v>8</v>
      </c>
      <c r="I989" s="6">
        <v>689</v>
      </c>
      <c r="J989" s="6">
        <v>1</v>
      </c>
    </row>
    <row r="990" spans="1:10">
      <c r="A990" s="9" t="s">
        <v>56</v>
      </c>
      <c r="B990" s="9" t="s">
        <v>57</v>
      </c>
      <c r="C990" s="9" t="s">
        <v>59</v>
      </c>
      <c r="D990" s="9" t="s">
        <v>228</v>
      </c>
      <c r="E990" s="9" t="s">
        <v>303</v>
      </c>
      <c r="F990" s="9" t="s">
        <v>49</v>
      </c>
      <c r="G990" s="6">
        <v>698</v>
      </c>
      <c r="H990" s="6">
        <v>8</v>
      </c>
      <c r="I990" s="6">
        <v>689</v>
      </c>
      <c r="J990" s="6">
        <v>1</v>
      </c>
    </row>
    <row r="991" spans="1:10">
      <c r="A991" s="9" t="s">
        <v>56</v>
      </c>
      <c r="B991" s="9" t="s">
        <v>57</v>
      </c>
      <c r="C991" s="9" t="s">
        <v>59</v>
      </c>
      <c r="D991" s="9" t="s">
        <v>228</v>
      </c>
      <c r="E991" s="9" t="s">
        <v>305</v>
      </c>
      <c r="F991" s="9" t="s">
        <v>6</v>
      </c>
      <c r="G991" s="6">
        <v>4689</v>
      </c>
      <c r="H991" s="6">
        <v>584</v>
      </c>
      <c r="I991" s="6">
        <v>4104</v>
      </c>
      <c r="J991" s="6">
        <v>1</v>
      </c>
    </row>
    <row r="992" spans="1:10">
      <c r="A992" s="9" t="s">
        <v>56</v>
      </c>
      <c r="B992" s="9" t="s">
        <v>57</v>
      </c>
      <c r="C992" s="9" t="s">
        <v>59</v>
      </c>
      <c r="D992" s="9" t="s">
        <v>228</v>
      </c>
      <c r="E992" s="9" t="s">
        <v>305</v>
      </c>
      <c r="F992" s="9" t="s">
        <v>297</v>
      </c>
      <c r="G992" s="6">
        <v>81</v>
      </c>
      <c r="H992" s="6">
        <v>47</v>
      </c>
      <c r="I992" s="6">
        <v>34</v>
      </c>
      <c r="J992" s="10" t="s">
        <v>55</v>
      </c>
    </row>
    <row r="993" spans="1:10">
      <c r="A993" s="9" t="s">
        <v>56</v>
      </c>
      <c r="B993" s="9" t="s">
        <v>57</v>
      </c>
      <c r="C993" s="9" t="s">
        <v>59</v>
      </c>
      <c r="D993" s="9" t="s">
        <v>228</v>
      </c>
      <c r="E993" s="9" t="s">
        <v>305</v>
      </c>
      <c r="F993" s="9" t="s">
        <v>298</v>
      </c>
      <c r="G993" s="6">
        <v>340</v>
      </c>
      <c r="H993" s="6">
        <v>149</v>
      </c>
      <c r="I993" s="6">
        <v>191</v>
      </c>
      <c r="J993" s="10" t="s">
        <v>55</v>
      </c>
    </row>
    <row r="994" spans="1:10">
      <c r="A994" s="9" t="s">
        <v>56</v>
      </c>
      <c r="B994" s="9" t="s">
        <v>57</v>
      </c>
      <c r="C994" s="9" t="s">
        <v>59</v>
      </c>
      <c r="D994" s="9" t="s">
        <v>228</v>
      </c>
      <c r="E994" s="9" t="s">
        <v>305</v>
      </c>
      <c r="F994" s="9" t="s">
        <v>299</v>
      </c>
      <c r="G994" s="6">
        <v>904</v>
      </c>
      <c r="H994" s="6">
        <v>214</v>
      </c>
      <c r="I994" s="6">
        <v>690</v>
      </c>
      <c r="J994" s="10" t="s">
        <v>55</v>
      </c>
    </row>
    <row r="995" spans="1:10">
      <c r="A995" s="9" t="s">
        <v>56</v>
      </c>
      <c r="B995" s="9" t="s">
        <v>57</v>
      </c>
      <c r="C995" s="9" t="s">
        <v>59</v>
      </c>
      <c r="D995" s="9" t="s">
        <v>228</v>
      </c>
      <c r="E995" s="9" t="s">
        <v>305</v>
      </c>
      <c r="F995" s="9" t="s">
        <v>300</v>
      </c>
      <c r="G995" s="6">
        <v>1285</v>
      </c>
      <c r="H995" s="6">
        <v>132</v>
      </c>
      <c r="I995" s="6">
        <v>1153</v>
      </c>
      <c r="J995" s="10" t="s">
        <v>55</v>
      </c>
    </row>
    <row r="996" spans="1:10">
      <c r="A996" s="9" t="s">
        <v>56</v>
      </c>
      <c r="B996" s="9" t="s">
        <v>57</v>
      </c>
      <c r="C996" s="9" t="s">
        <v>59</v>
      </c>
      <c r="D996" s="9" t="s">
        <v>228</v>
      </c>
      <c r="E996" s="9" t="s">
        <v>305</v>
      </c>
      <c r="F996" s="9" t="s">
        <v>301</v>
      </c>
      <c r="G996" s="6">
        <v>1076</v>
      </c>
      <c r="H996" s="6">
        <v>35</v>
      </c>
      <c r="I996" s="6">
        <v>1041</v>
      </c>
      <c r="J996" s="10" t="s">
        <v>55</v>
      </c>
    </row>
    <row r="997" spans="1:10">
      <c r="A997" s="9" t="s">
        <v>56</v>
      </c>
      <c r="B997" s="9" t="s">
        <v>57</v>
      </c>
      <c r="C997" s="9" t="s">
        <v>59</v>
      </c>
      <c r="D997" s="9" t="s">
        <v>228</v>
      </c>
      <c r="E997" s="9" t="s">
        <v>305</v>
      </c>
      <c r="F997" s="9" t="s">
        <v>302</v>
      </c>
      <c r="G997" s="6">
        <v>684</v>
      </c>
      <c r="H997" s="6">
        <v>5</v>
      </c>
      <c r="I997" s="6">
        <v>679</v>
      </c>
      <c r="J997" s="10" t="s">
        <v>55</v>
      </c>
    </row>
    <row r="998" spans="1:10">
      <c r="A998" s="9" t="s">
        <v>56</v>
      </c>
      <c r="B998" s="9" t="s">
        <v>57</v>
      </c>
      <c r="C998" s="9" t="s">
        <v>59</v>
      </c>
      <c r="D998" s="9" t="s">
        <v>228</v>
      </c>
      <c r="E998" s="9" t="s">
        <v>305</v>
      </c>
      <c r="F998" s="9" t="s">
        <v>303</v>
      </c>
      <c r="G998" s="6">
        <v>319</v>
      </c>
      <c r="H998" s="6">
        <v>2</v>
      </c>
      <c r="I998" s="6">
        <v>316</v>
      </c>
      <c r="J998" s="6">
        <v>1</v>
      </c>
    </row>
    <row r="999" spans="1:10">
      <c r="A999" s="9" t="s">
        <v>56</v>
      </c>
      <c r="B999" s="9" t="s">
        <v>57</v>
      </c>
      <c r="C999" s="9" t="s">
        <v>59</v>
      </c>
      <c r="D999" s="9" t="s">
        <v>228</v>
      </c>
      <c r="E999" s="9" t="s">
        <v>305</v>
      </c>
      <c r="F999" s="9" t="s">
        <v>304</v>
      </c>
      <c r="G999" s="6">
        <v>4608</v>
      </c>
      <c r="H999" s="6">
        <v>537</v>
      </c>
      <c r="I999" s="6">
        <v>4070</v>
      </c>
      <c r="J999" s="6">
        <v>1</v>
      </c>
    </row>
    <row r="1000" spans="1:10">
      <c r="A1000" s="9" t="s">
        <v>56</v>
      </c>
      <c r="B1000" s="9" t="s">
        <v>57</v>
      </c>
      <c r="C1000" s="9" t="s">
        <v>59</v>
      </c>
      <c r="D1000" s="9" t="s">
        <v>228</v>
      </c>
      <c r="E1000" s="9" t="s">
        <v>305</v>
      </c>
      <c r="F1000" s="9" t="s">
        <v>49</v>
      </c>
      <c r="G1000" s="6">
        <v>4268</v>
      </c>
      <c r="H1000" s="6">
        <v>388</v>
      </c>
      <c r="I1000" s="6">
        <v>3879</v>
      </c>
      <c r="J1000" s="6">
        <v>1</v>
      </c>
    </row>
    <row r="1001" spans="1:10">
      <c r="A1001" s="9" t="s">
        <v>56</v>
      </c>
      <c r="B1001" s="9" t="s">
        <v>57</v>
      </c>
      <c r="C1001" s="9" t="s">
        <v>59</v>
      </c>
      <c r="D1001" s="9" t="s">
        <v>18</v>
      </c>
      <c r="E1001" s="9" t="s">
        <v>6</v>
      </c>
      <c r="F1001" s="9" t="s">
        <v>6</v>
      </c>
      <c r="G1001" s="6">
        <v>248</v>
      </c>
      <c r="H1001" s="10" t="s">
        <v>55</v>
      </c>
      <c r="I1001" s="10" t="s">
        <v>55</v>
      </c>
      <c r="J1001" s="6">
        <v>248</v>
      </c>
    </row>
    <row r="1002" spans="1:10">
      <c r="A1002" s="9" t="s">
        <v>56</v>
      </c>
      <c r="B1002" s="9" t="s">
        <v>57</v>
      </c>
      <c r="C1002" s="9" t="s">
        <v>59</v>
      </c>
      <c r="D1002" s="9" t="s">
        <v>18</v>
      </c>
      <c r="E1002" s="9" t="s">
        <v>6</v>
      </c>
      <c r="F1002" s="9" t="s">
        <v>297</v>
      </c>
      <c r="G1002" s="6">
        <v>158</v>
      </c>
      <c r="H1002" s="10" t="s">
        <v>55</v>
      </c>
      <c r="I1002" s="10" t="s">
        <v>55</v>
      </c>
      <c r="J1002" s="6">
        <v>158</v>
      </c>
    </row>
    <row r="1003" spans="1:10">
      <c r="A1003" s="9" t="s">
        <v>56</v>
      </c>
      <c r="B1003" s="9" t="s">
        <v>57</v>
      </c>
      <c r="C1003" s="9" t="s">
        <v>59</v>
      </c>
      <c r="D1003" s="9" t="s">
        <v>18</v>
      </c>
      <c r="E1003" s="9" t="s">
        <v>6</v>
      </c>
      <c r="F1003" s="9" t="s">
        <v>298</v>
      </c>
      <c r="G1003" s="6">
        <v>16</v>
      </c>
      <c r="H1003" s="10" t="s">
        <v>55</v>
      </c>
      <c r="I1003" s="10" t="s">
        <v>55</v>
      </c>
      <c r="J1003" s="6">
        <v>16</v>
      </c>
    </row>
    <row r="1004" spans="1:10">
      <c r="A1004" s="9" t="s">
        <v>56</v>
      </c>
      <c r="B1004" s="9" t="s">
        <v>57</v>
      </c>
      <c r="C1004" s="9" t="s">
        <v>59</v>
      </c>
      <c r="D1004" s="9" t="s">
        <v>18</v>
      </c>
      <c r="E1004" s="9" t="s">
        <v>6</v>
      </c>
      <c r="F1004" s="9" t="s">
        <v>299</v>
      </c>
      <c r="G1004" s="6">
        <v>28</v>
      </c>
      <c r="H1004" s="10" t="s">
        <v>55</v>
      </c>
      <c r="I1004" s="10" t="s">
        <v>55</v>
      </c>
      <c r="J1004" s="6">
        <v>28</v>
      </c>
    </row>
    <row r="1005" spans="1:10">
      <c r="A1005" s="9" t="s">
        <v>56</v>
      </c>
      <c r="B1005" s="9" t="s">
        <v>57</v>
      </c>
      <c r="C1005" s="9" t="s">
        <v>59</v>
      </c>
      <c r="D1005" s="9" t="s">
        <v>18</v>
      </c>
      <c r="E1005" s="9" t="s">
        <v>6</v>
      </c>
      <c r="F1005" s="9" t="s">
        <v>300</v>
      </c>
      <c r="G1005" s="6">
        <v>18</v>
      </c>
      <c r="H1005" s="10" t="s">
        <v>55</v>
      </c>
      <c r="I1005" s="10" t="s">
        <v>55</v>
      </c>
      <c r="J1005" s="6">
        <v>18</v>
      </c>
    </row>
    <row r="1006" spans="1:10">
      <c r="A1006" s="9" t="s">
        <v>56</v>
      </c>
      <c r="B1006" s="9" t="s">
        <v>57</v>
      </c>
      <c r="C1006" s="9" t="s">
        <v>59</v>
      </c>
      <c r="D1006" s="9" t="s">
        <v>18</v>
      </c>
      <c r="E1006" s="9" t="s">
        <v>6</v>
      </c>
      <c r="F1006" s="9" t="s">
        <v>301</v>
      </c>
      <c r="G1006" s="6">
        <v>9</v>
      </c>
      <c r="H1006" s="10" t="s">
        <v>55</v>
      </c>
      <c r="I1006" s="10" t="s">
        <v>55</v>
      </c>
      <c r="J1006" s="6">
        <v>9</v>
      </c>
    </row>
    <row r="1007" spans="1:10">
      <c r="A1007" s="9" t="s">
        <v>56</v>
      </c>
      <c r="B1007" s="9" t="s">
        <v>57</v>
      </c>
      <c r="C1007" s="9" t="s">
        <v>59</v>
      </c>
      <c r="D1007" s="9" t="s">
        <v>18</v>
      </c>
      <c r="E1007" s="9" t="s">
        <v>6</v>
      </c>
      <c r="F1007" s="9" t="s">
        <v>302</v>
      </c>
      <c r="G1007" s="6">
        <v>14</v>
      </c>
      <c r="H1007" s="10" t="s">
        <v>55</v>
      </c>
      <c r="I1007" s="10" t="s">
        <v>55</v>
      </c>
      <c r="J1007" s="6">
        <v>14</v>
      </c>
    </row>
    <row r="1008" spans="1:10">
      <c r="A1008" s="9" t="s">
        <v>56</v>
      </c>
      <c r="B1008" s="9" t="s">
        <v>57</v>
      </c>
      <c r="C1008" s="9" t="s">
        <v>59</v>
      </c>
      <c r="D1008" s="9" t="s">
        <v>18</v>
      </c>
      <c r="E1008" s="9" t="s">
        <v>6</v>
      </c>
      <c r="F1008" s="9" t="s">
        <v>303</v>
      </c>
      <c r="G1008" s="6">
        <v>5</v>
      </c>
      <c r="H1008" s="10" t="s">
        <v>55</v>
      </c>
      <c r="I1008" s="10" t="s">
        <v>55</v>
      </c>
      <c r="J1008" s="6">
        <v>5</v>
      </c>
    </row>
    <row r="1009" spans="1:10">
      <c r="A1009" s="9" t="s">
        <v>56</v>
      </c>
      <c r="B1009" s="9" t="s">
        <v>57</v>
      </c>
      <c r="C1009" s="9" t="s">
        <v>59</v>
      </c>
      <c r="D1009" s="9" t="s">
        <v>18</v>
      </c>
      <c r="E1009" s="9" t="s">
        <v>6</v>
      </c>
      <c r="F1009" s="9" t="s">
        <v>304</v>
      </c>
      <c r="G1009" s="6">
        <v>90</v>
      </c>
      <c r="H1009" s="10" t="s">
        <v>55</v>
      </c>
      <c r="I1009" s="10" t="s">
        <v>55</v>
      </c>
      <c r="J1009" s="6">
        <v>90</v>
      </c>
    </row>
    <row r="1010" spans="1:10">
      <c r="A1010" s="9" t="s">
        <v>56</v>
      </c>
      <c r="B1010" s="9" t="s">
        <v>57</v>
      </c>
      <c r="C1010" s="9" t="s">
        <v>59</v>
      </c>
      <c r="D1010" s="9" t="s">
        <v>18</v>
      </c>
      <c r="E1010" s="9" t="s">
        <v>6</v>
      </c>
      <c r="F1010" s="9" t="s">
        <v>49</v>
      </c>
      <c r="G1010" s="6">
        <v>74</v>
      </c>
      <c r="H1010" s="10" t="s">
        <v>55</v>
      </c>
      <c r="I1010" s="10" t="s">
        <v>55</v>
      </c>
      <c r="J1010" s="6">
        <v>74</v>
      </c>
    </row>
    <row r="1011" spans="1:10">
      <c r="A1011" s="9" t="s">
        <v>56</v>
      </c>
      <c r="B1011" s="9" t="s">
        <v>57</v>
      </c>
      <c r="C1011" s="9" t="s">
        <v>59</v>
      </c>
      <c r="D1011" s="9" t="s">
        <v>18</v>
      </c>
      <c r="E1011" s="9" t="s">
        <v>297</v>
      </c>
      <c r="F1011" s="9" t="s">
        <v>6</v>
      </c>
      <c r="G1011" s="6">
        <v>137</v>
      </c>
      <c r="H1011" s="10" t="s">
        <v>55</v>
      </c>
      <c r="I1011" s="10" t="s">
        <v>55</v>
      </c>
      <c r="J1011" s="6">
        <v>137</v>
      </c>
    </row>
    <row r="1012" spans="1:10">
      <c r="A1012" s="9" t="s">
        <v>56</v>
      </c>
      <c r="B1012" s="9" t="s">
        <v>57</v>
      </c>
      <c r="C1012" s="9" t="s">
        <v>59</v>
      </c>
      <c r="D1012" s="9" t="s">
        <v>18</v>
      </c>
      <c r="E1012" s="9" t="s">
        <v>297</v>
      </c>
      <c r="F1012" s="9" t="s">
        <v>297</v>
      </c>
      <c r="G1012" s="6">
        <v>135</v>
      </c>
      <c r="H1012" s="10" t="s">
        <v>55</v>
      </c>
      <c r="I1012" s="10" t="s">
        <v>55</v>
      </c>
      <c r="J1012" s="6">
        <v>135</v>
      </c>
    </row>
    <row r="1013" spans="1:10">
      <c r="A1013" s="9" t="s">
        <v>56</v>
      </c>
      <c r="B1013" s="9" t="s">
        <v>57</v>
      </c>
      <c r="C1013" s="9" t="s">
        <v>59</v>
      </c>
      <c r="D1013" s="9" t="s">
        <v>18</v>
      </c>
      <c r="E1013" s="9" t="s">
        <v>297</v>
      </c>
      <c r="F1013" s="9" t="s">
        <v>298</v>
      </c>
      <c r="G1013" s="6">
        <v>1</v>
      </c>
      <c r="H1013" s="10" t="s">
        <v>55</v>
      </c>
      <c r="I1013" s="10" t="s">
        <v>55</v>
      </c>
      <c r="J1013" s="6">
        <v>1</v>
      </c>
    </row>
    <row r="1014" spans="1:10">
      <c r="A1014" s="9" t="s">
        <v>56</v>
      </c>
      <c r="B1014" s="9" t="s">
        <v>57</v>
      </c>
      <c r="C1014" s="9" t="s">
        <v>59</v>
      </c>
      <c r="D1014" s="9" t="s">
        <v>18</v>
      </c>
      <c r="E1014" s="9" t="s">
        <v>297</v>
      </c>
      <c r="F1014" s="9" t="s">
        <v>299</v>
      </c>
      <c r="G1014" s="10" t="s">
        <v>55</v>
      </c>
      <c r="H1014" s="10" t="s">
        <v>55</v>
      </c>
      <c r="I1014" s="10" t="s">
        <v>55</v>
      </c>
      <c r="J1014" s="10" t="s">
        <v>55</v>
      </c>
    </row>
    <row r="1015" spans="1:10">
      <c r="A1015" s="9" t="s">
        <v>56</v>
      </c>
      <c r="B1015" s="9" t="s">
        <v>57</v>
      </c>
      <c r="C1015" s="9" t="s">
        <v>59</v>
      </c>
      <c r="D1015" s="9" t="s">
        <v>18</v>
      </c>
      <c r="E1015" s="9" t="s">
        <v>297</v>
      </c>
      <c r="F1015" s="9" t="s">
        <v>300</v>
      </c>
      <c r="G1015" s="6">
        <v>1</v>
      </c>
      <c r="H1015" s="10" t="s">
        <v>55</v>
      </c>
      <c r="I1015" s="10" t="s">
        <v>55</v>
      </c>
      <c r="J1015" s="6">
        <v>1</v>
      </c>
    </row>
    <row r="1016" spans="1:10">
      <c r="A1016" s="9" t="s">
        <v>56</v>
      </c>
      <c r="B1016" s="9" t="s">
        <v>57</v>
      </c>
      <c r="C1016" s="9" t="s">
        <v>59</v>
      </c>
      <c r="D1016" s="9" t="s">
        <v>18</v>
      </c>
      <c r="E1016" s="9" t="s">
        <v>297</v>
      </c>
      <c r="F1016" s="9" t="s">
        <v>301</v>
      </c>
      <c r="G1016" s="10" t="s">
        <v>55</v>
      </c>
      <c r="H1016" s="10" t="s">
        <v>55</v>
      </c>
      <c r="I1016" s="10" t="s">
        <v>55</v>
      </c>
      <c r="J1016" s="10" t="s">
        <v>55</v>
      </c>
    </row>
    <row r="1017" spans="1:10">
      <c r="A1017" s="9" t="s">
        <v>56</v>
      </c>
      <c r="B1017" s="9" t="s">
        <v>57</v>
      </c>
      <c r="C1017" s="9" t="s">
        <v>59</v>
      </c>
      <c r="D1017" s="9" t="s">
        <v>18</v>
      </c>
      <c r="E1017" s="9" t="s">
        <v>297</v>
      </c>
      <c r="F1017" s="9" t="s">
        <v>302</v>
      </c>
      <c r="G1017" s="10" t="s">
        <v>55</v>
      </c>
      <c r="H1017" s="10" t="s">
        <v>55</v>
      </c>
      <c r="I1017" s="10" t="s">
        <v>55</v>
      </c>
      <c r="J1017" s="10" t="s">
        <v>55</v>
      </c>
    </row>
    <row r="1018" spans="1:10">
      <c r="A1018" s="9" t="s">
        <v>56</v>
      </c>
      <c r="B1018" s="9" t="s">
        <v>57</v>
      </c>
      <c r="C1018" s="9" t="s">
        <v>59</v>
      </c>
      <c r="D1018" s="9" t="s">
        <v>18</v>
      </c>
      <c r="E1018" s="9" t="s">
        <v>297</v>
      </c>
      <c r="F1018" s="9" t="s">
        <v>303</v>
      </c>
      <c r="G1018" s="10" t="s">
        <v>55</v>
      </c>
      <c r="H1018" s="10" t="s">
        <v>55</v>
      </c>
      <c r="I1018" s="10" t="s">
        <v>55</v>
      </c>
      <c r="J1018" s="10" t="s">
        <v>55</v>
      </c>
    </row>
    <row r="1019" spans="1:10">
      <c r="A1019" s="9" t="s">
        <v>56</v>
      </c>
      <c r="B1019" s="9" t="s">
        <v>57</v>
      </c>
      <c r="C1019" s="9" t="s">
        <v>59</v>
      </c>
      <c r="D1019" s="9" t="s">
        <v>18</v>
      </c>
      <c r="E1019" s="9" t="s">
        <v>297</v>
      </c>
      <c r="F1019" s="9" t="s">
        <v>304</v>
      </c>
      <c r="G1019" s="6">
        <v>2</v>
      </c>
      <c r="H1019" s="10" t="s">
        <v>55</v>
      </c>
      <c r="I1019" s="10" t="s">
        <v>55</v>
      </c>
      <c r="J1019" s="6">
        <v>2</v>
      </c>
    </row>
    <row r="1020" spans="1:10">
      <c r="A1020" s="9" t="s">
        <v>56</v>
      </c>
      <c r="B1020" s="9" t="s">
        <v>57</v>
      </c>
      <c r="C1020" s="9" t="s">
        <v>59</v>
      </c>
      <c r="D1020" s="9" t="s">
        <v>18</v>
      </c>
      <c r="E1020" s="9" t="s">
        <v>297</v>
      </c>
      <c r="F1020" s="9" t="s">
        <v>49</v>
      </c>
      <c r="G1020" s="6">
        <v>1</v>
      </c>
      <c r="H1020" s="10" t="s">
        <v>55</v>
      </c>
      <c r="I1020" s="10" t="s">
        <v>55</v>
      </c>
      <c r="J1020" s="6">
        <v>1</v>
      </c>
    </row>
    <row r="1021" spans="1:10">
      <c r="A1021" s="9" t="s">
        <v>56</v>
      </c>
      <c r="B1021" s="9" t="s">
        <v>57</v>
      </c>
      <c r="C1021" s="9" t="s">
        <v>59</v>
      </c>
      <c r="D1021" s="9" t="s">
        <v>18</v>
      </c>
      <c r="E1021" s="9" t="s">
        <v>298</v>
      </c>
      <c r="F1021" s="9" t="s">
        <v>6</v>
      </c>
      <c r="G1021" s="6">
        <v>25</v>
      </c>
      <c r="H1021" s="10" t="s">
        <v>55</v>
      </c>
      <c r="I1021" s="10" t="s">
        <v>55</v>
      </c>
      <c r="J1021" s="6">
        <v>25</v>
      </c>
    </row>
    <row r="1022" spans="1:10">
      <c r="A1022" s="9" t="s">
        <v>56</v>
      </c>
      <c r="B1022" s="9" t="s">
        <v>57</v>
      </c>
      <c r="C1022" s="9" t="s">
        <v>59</v>
      </c>
      <c r="D1022" s="9" t="s">
        <v>18</v>
      </c>
      <c r="E1022" s="9" t="s">
        <v>298</v>
      </c>
      <c r="F1022" s="9" t="s">
        <v>297</v>
      </c>
      <c r="G1022" s="6">
        <v>14</v>
      </c>
      <c r="H1022" s="10" t="s">
        <v>55</v>
      </c>
      <c r="I1022" s="10" t="s">
        <v>55</v>
      </c>
      <c r="J1022" s="6">
        <v>14</v>
      </c>
    </row>
    <row r="1023" spans="1:10">
      <c r="A1023" s="9" t="s">
        <v>56</v>
      </c>
      <c r="B1023" s="9" t="s">
        <v>57</v>
      </c>
      <c r="C1023" s="9" t="s">
        <v>59</v>
      </c>
      <c r="D1023" s="9" t="s">
        <v>18</v>
      </c>
      <c r="E1023" s="9" t="s">
        <v>298</v>
      </c>
      <c r="F1023" s="9" t="s">
        <v>298</v>
      </c>
      <c r="G1023" s="6">
        <v>8</v>
      </c>
      <c r="H1023" s="10" t="s">
        <v>55</v>
      </c>
      <c r="I1023" s="10" t="s">
        <v>55</v>
      </c>
      <c r="J1023" s="6">
        <v>8</v>
      </c>
    </row>
    <row r="1024" spans="1:10">
      <c r="A1024" s="9" t="s">
        <v>56</v>
      </c>
      <c r="B1024" s="9" t="s">
        <v>57</v>
      </c>
      <c r="C1024" s="9" t="s">
        <v>59</v>
      </c>
      <c r="D1024" s="9" t="s">
        <v>18</v>
      </c>
      <c r="E1024" s="9" t="s">
        <v>298</v>
      </c>
      <c r="F1024" s="9" t="s">
        <v>299</v>
      </c>
      <c r="G1024" s="6">
        <v>3</v>
      </c>
      <c r="H1024" s="10" t="s">
        <v>55</v>
      </c>
      <c r="I1024" s="10" t="s">
        <v>55</v>
      </c>
      <c r="J1024" s="6">
        <v>3</v>
      </c>
    </row>
    <row r="1025" spans="1:10">
      <c r="A1025" s="9" t="s">
        <v>56</v>
      </c>
      <c r="B1025" s="9" t="s">
        <v>57</v>
      </c>
      <c r="C1025" s="9" t="s">
        <v>59</v>
      </c>
      <c r="D1025" s="9" t="s">
        <v>18</v>
      </c>
      <c r="E1025" s="9" t="s">
        <v>298</v>
      </c>
      <c r="F1025" s="9" t="s">
        <v>300</v>
      </c>
      <c r="G1025" s="10" t="s">
        <v>55</v>
      </c>
      <c r="H1025" s="10" t="s">
        <v>55</v>
      </c>
      <c r="I1025" s="10" t="s">
        <v>55</v>
      </c>
      <c r="J1025" s="10" t="s">
        <v>55</v>
      </c>
    </row>
    <row r="1026" spans="1:10">
      <c r="A1026" s="9" t="s">
        <v>56</v>
      </c>
      <c r="B1026" s="9" t="s">
        <v>57</v>
      </c>
      <c r="C1026" s="9" t="s">
        <v>59</v>
      </c>
      <c r="D1026" s="9" t="s">
        <v>18</v>
      </c>
      <c r="E1026" s="9" t="s">
        <v>298</v>
      </c>
      <c r="F1026" s="9" t="s">
        <v>301</v>
      </c>
      <c r="G1026" s="10" t="s">
        <v>55</v>
      </c>
      <c r="H1026" s="10" t="s">
        <v>55</v>
      </c>
      <c r="I1026" s="10" t="s">
        <v>55</v>
      </c>
      <c r="J1026" s="10" t="s">
        <v>55</v>
      </c>
    </row>
    <row r="1027" spans="1:10">
      <c r="A1027" s="9" t="s">
        <v>56</v>
      </c>
      <c r="B1027" s="9" t="s">
        <v>57</v>
      </c>
      <c r="C1027" s="9" t="s">
        <v>59</v>
      </c>
      <c r="D1027" s="9" t="s">
        <v>18</v>
      </c>
      <c r="E1027" s="9" t="s">
        <v>298</v>
      </c>
      <c r="F1027" s="9" t="s">
        <v>302</v>
      </c>
      <c r="G1027" s="10" t="s">
        <v>55</v>
      </c>
      <c r="H1027" s="10" t="s">
        <v>55</v>
      </c>
      <c r="I1027" s="10" t="s">
        <v>55</v>
      </c>
      <c r="J1027" s="10" t="s">
        <v>55</v>
      </c>
    </row>
    <row r="1028" spans="1:10">
      <c r="A1028" s="9" t="s">
        <v>56</v>
      </c>
      <c r="B1028" s="9" t="s">
        <v>57</v>
      </c>
      <c r="C1028" s="9" t="s">
        <v>59</v>
      </c>
      <c r="D1028" s="9" t="s">
        <v>18</v>
      </c>
      <c r="E1028" s="9" t="s">
        <v>298</v>
      </c>
      <c r="F1028" s="9" t="s">
        <v>303</v>
      </c>
      <c r="G1028" s="10" t="s">
        <v>55</v>
      </c>
      <c r="H1028" s="10" t="s">
        <v>55</v>
      </c>
      <c r="I1028" s="10" t="s">
        <v>55</v>
      </c>
      <c r="J1028" s="10" t="s">
        <v>55</v>
      </c>
    </row>
    <row r="1029" spans="1:10">
      <c r="A1029" s="9" t="s">
        <v>56</v>
      </c>
      <c r="B1029" s="9" t="s">
        <v>57</v>
      </c>
      <c r="C1029" s="9" t="s">
        <v>59</v>
      </c>
      <c r="D1029" s="9" t="s">
        <v>18</v>
      </c>
      <c r="E1029" s="9" t="s">
        <v>298</v>
      </c>
      <c r="F1029" s="9" t="s">
        <v>304</v>
      </c>
      <c r="G1029" s="6">
        <v>11</v>
      </c>
      <c r="H1029" s="10" t="s">
        <v>55</v>
      </c>
      <c r="I1029" s="10" t="s">
        <v>55</v>
      </c>
      <c r="J1029" s="6">
        <v>11</v>
      </c>
    </row>
    <row r="1030" spans="1:10">
      <c r="A1030" s="9" t="s">
        <v>56</v>
      </c>
      <c r="B1030" s="9" t="s">
        <v>57</v>
      </c>
      <c r="C1030" s="9" t="s">
        <v>59</v>
      </c>
      <c r="D1030" s="9" t="s">
        <v>18</v>
      </c>
      <c r="E1030" s="9" t="s">
        <v>298</v>
      </c>
      <c r="F1030" s="9" t="s">
        <v>49</v>
      </c>
      <c r="G1030" s="6">
        <v>3</v>
      </c>
      <c r="H1030" s="10" t="s">
        <v>55</v>
      </c>
      <c r="I1030" s="10" t="s">
        <v>55</v>
      </c>
      <c r="J1030" s="6">
        <v>3</v>
      </c>
    </row>
    <row r="1031" spans="1:10">
      <c r="A1031" s="9" t="s">
        <v>56</v>
      </c>
      <c r="B1031" s="9" t="s">
        <v>57</v>
      </c>
      <c r="C1031" s="9" t="s">
        <v>59</v>
      </c>
      <c r="D1031" s="9" t="s">
        <v>18</v>
      </c>
      <c r="E1031" s="9" t="s">
        <v>299</v>
      </c>
      <c r="F1031" s="9" t="s">
        <v>6</v>
      </c>
      <c r="G1031" s="6">
        <v>21</v>
      </c>
      <c r="H1031" s="10" t="s">
        <v>55</v>
      </c>
      <c r="I1031" s="10" t="s">
        <v>55</v>
      </c>
      <c r="J1031" s="6">
        <v>21</v>
      </c>
    </row>
    <row r="1032" spans="1:10">
      <c r="A1032" s="9" t="s">
        <v>56</v>
      </c>
      <c r="B1032" s="9" t="s">
        <v>57</v>
      </c>
      <c r="C1032" s="9" t="s">
        <v>59</v>
      </c>
      <c r="D1032" s="9" t="s">
        <v>18</v>
      </c>
      <c r="E1032" s="9" t="s">
        <v>299</v>
      </c>
      <c r="F1032" s="9" t="s">
        <v>297</v>
      </c>
      <c r="G1032" s="6">
        <v>6</v>
      </c>
      <c r="H1032" s="10" t="s">
        <v>55</v>
      </c>
      <c r="I1032" s="10" t="s">
        <v>55</v>
      </c>
      <c r="J1032" s="6">
        <v>6</v>
      </c>
    </row>
    <row r="1033" spans="1:10">
      <c r="A1033" s="9" t="s">
        <v>56</v>
      </c>
      <c r="B1033" s="9" t="s">
        <v>57</v>
      </c>
      <c r="C1033" s="9" t="s">
        <v>59</v>
      </c>
      <c r="D1033" s="9" t="s">
        <v>18</v>
      </c>
      <c r="E1033" s="9" t="s">
        <v>299</v>
      </c>
      <c r="F1033" s="9" t="s">
        <v>298</v>
      </c>
      <c r="G1033" s="6">
        <v>6</v>
      </c>
      <c r="H1033" s="10" t="s">
        <v>55</v>
      </c>
      <c r="I1033" s="10" t="s">
        <v>55</v>
      </c>
      <c r="J1033" s="6">
        <v>6</v>
      </c>
    </row>
    <row r="1034" spans="1:10">
      <c r="A1034" s="9" t="s">
        <v>56</v>
      </c>
      <c r="B1034" s="9" t="s">
        <v>57</v>
      </c>
      <c r="C1034" s="9" t="s">
        <v>59</v>
      </c>
      <c r="D1034" s="9" t="s">
        <v>18</v>
      </c>
      <c r="E1034" s="9" t="s">
        <v>299</v>
      </c>
      <c r="F1034" s="9" t="s">
        <v>299</v>
      </c>
      <c r="G1034" s="6">
        <v>9</v>
      </c>
      <c r="H1034" s="10" t="s">
        <v>55</v>
      </c>
      <c r="I1034" s="10" t="s">
        <v>55</v>
      </c>
      <c r="J1034" s="6">
        <v>9</v>
      </c>
    </row>
    <row r="1035" spans="1:10">
      <c r="A1035" s="9" t="s">
        <v>56</v>
      </c>
      <c r="B1035" s="9" t="s">
        <v>57</v>
      </c>
      <c r="C1035" s="9" t="s">
        <v>59</v>
      </c>
      <c r="D1035" s="9" t="s">
        <v>18</v>
      </c>
      <c r="E1035" s="9" t="s">
        <v>299</v>
      </c>
      <c r="F1035" s="9" t="s">
        <v>300</v>
      </c>
      <c r="G1035" s="10" t="s">
        <v>55</v>
      </c>
      <c r="H1035" s="10" t="s">
        <v>55</v>
      </c>
      <c r="I1035" s="10" t="s">
        <v>55</v>
      </c>
      <c r="J1035" s="10" t="s">
        <v>55</v>
      </c>
    </row>
    <row r="1036" spans="1:10">
      <c r="A1036" s="9" t="s">
        <v>56</v>
      </c>
      <c r="B1036" s="9" t="s">
        <v>57</v>
      </c>
      <c r="C1036" s="9" t="s">
        <v>59</v>
      </c>
      <c r="D1036" s="9" t="s">
        <v>18</v>
      </c>
      <c r="E1036" s="9" t="s">
        <v>299</v>
      </c>
      <c r="F1036" s="9" t="s">
        <v>301</v>
      </c>
      <c r="G1036" s="10" t="s">
        <v>55</v>
      </c>
      <c r="H1036" s="10" t="s">
        <v>55</v>
      </c>
      <c r="I1036" s="10" t="s">
        <v>55</v>
      </c>
      <c r="J1036" s="10" t="s">
        <v>55</v>
      </c>
    </row>
    <row r="1037" spans="1:10">
      <c r="A1037" s="9" t="s">
        <v>56</v>
      </c>
      <c r="B1037" s="9" t="s">
        <v>57</v>
      </c>
      <c r="C1037" s="9" t="s">
        <v>59</v>
      </c>
      <c r="D1037" s="9" t="s">
        <v>18</v>
      </c>
      <c r="E1037" s="9" t="s">
        <v>299</v>
      </c>
      <c r="F1037" s="9" t="s">
        <v>302</v>
      </c>
      <c r="G1037" s="10" t="s">
        <v>55</v>
      </c>
      <c r="H1037" s="10" t="s">
        <v>55</v>
      </c>
      <c r="I1037" s="10" t="s">
        <v>55</v>
      </c>
      <c r="J1037" s="10" t="s">
        <v>55</v>
      </c>
    </row>
    <row r="1038" spans="1:10">
      <c r="A1038" s="9" t="s">
        <v>56</v>
      </c>
      <c r="B1038" s="9" t="s">
        <v>57</v>
      </c>
      <c r="C1038" s="9" t="s">
        <v>59</v>
      </c>
      <c r="D1038" s="9" t="s">
        <v>18</v>
      </c>
      <c r="E1038" s="9" t="s">
        <v>299</v>
      </c>
      <c r="F1038" s="9" t="s">
        <v>303</v>
      </c>
      <c r="G1038" s="10" t="s">
        <v>55</v>
      </c>
      <c r="H1038" s="10" t="s">
        <v>55</v>
      </c>
      <c r="I1038" s="10" t="s">
        <v>55</v>
      </c>
      <c r="J1038" s="10" t="s">
        <v>55</v>
      </c>
    </row>
    <row r="1039" spans="1:10">
      <c r="A1039" s="9" t="s">
        <v>56</v>
      </c>
      <c r="B1039" s="9" t="s">
        <v>57</v>
      </c>
      <c r="C1039" s="9" t="s">
        <v>59</v>
      </c>
      <c r="D1039" s="9" t="s">
        <v>18</v>
      </c>
      <c r="E1039" s="9" t="s">
        <v>299</v>
      </c>
      <c r="F1039" s="9" t="s">
        <v>304</v>
      </c>
      <c r="G1039" s="6">
        <v>15</v>
      </c>
      <c r="H1039" s="10" t="s">
        <v>55</v>
      </c>
      <c r="I1039" s="10" t="s">
        <v>55</v>
      </c>
      <c r="J1039" s="6">
        <v>15</v>
      </c>
    </row>
    <row r="1040" spans="1:10">
      <c r="A1040" s="9" t="s">
        <v>56</v>
      </c>
      <c r="B1040" s="9" t="s">
        <v>57</v>
      </c>
      <c r="C1040" s="9" t="s">
        <v>59</v>
      </c>
      <c r="D1040" s="9" t="s">
        <v>18</v>
      </c>
      <c r="E1040" s="9" t="s">
        <v>299</v>
      </c>
      <c r="F1040" s="9" t="s">
        <v>49</v>
      </c>
      <c r="G1040" s="6">
        <v>9</v>
      </c>
      <c r="H1040" s="10" t="s">
        <v>55</v>
      </c>
      <c r="I1040" s="10" t="s">
        <v>55</v>
      </c>
      <c r="J1040" s="6">
        <v>9</v>
      </c>
    </row>
    <row r="1041" spans="1:10">
      <c r="A1041" s="9" t="s">
        <v>56</v>
      </c>
      <c r="B1041" s="9" t="s">
        <v>57</v>
      </c>
      <c r="C1041" s="9" t="s">
        <v>59</v>
      </c>
      <c r="D1041" s="9" t="s">
        <v>18</v>
      </c>
      <c r="E1041" s="9" t="s">
        <v>300</v>
      </c>
      <c r="F1041" s="9" t="s">
        <v>6</v>
      </c>
      <c r="G1041" s="6">
        <v>28</v>
      </c>
      <c r="H1041" s="10" t="s">
        <v>55</v>
      </c>
      <c r="I1041" s="10" t="s">
        <v>55</v>
      </c>
      <c r="J1041" s="6">
        <v>28</v>
      </c>
    </row>
    <row r="1042" spans="1:10">
      <c r="A1042" s="9" t="s">
        <v>56</v>
      </c>
      <c r="B1042" s="9" t="s">
        <v>57</v>
      </c>
      <c r="C1042" s="9" t="s">
        <v>59</v>
      </c>
      <c r="D1042" s="9" t="s">
        <v>18</v>
      </c>
      <c r="E1042" s="9" t="s">
        <v>300</v>
      </c>
      <c r="F1042" s="9" t="s">
        <v>297</v>
      </c>
      <c r="G1042" s="6">
        <v>3</v>
      </c>
      <c r="H1042" s="10" t="s">
        <v>55</v>
      </c>
      <c r="I1042" s="10" t="s">
        <v>55</v>
      </c>
      <c r="J1042" s="6">
        <v>3</v>
      </c>
    </row>
    <row r="1043" spans="1:10">
      <c r="A1043" s="9" t="s">
        <v>56</v>
      </c>
      <c r="B1043" s="9" t="s">
        <v>57</v>
      </c>
      <c r="C1043" s="9" t="s">
        <v>59</v>
      </c>
      <c r="D1043" s="9" t="s">
        <v>18</v>
      </c>
      <c r="E1043" s="9" t="s">
        <v>300</v>
      </c>
      <c r="F1043" s="9" t="s">
        <v>298</v>
      </c>
      <c r="G1043" s="6">
        <v>1</v>
      </c>
      <c r="H1043" s="10" t="s">
        <v>55</v>
      </c>
      <c r="I1043" s="10" t="s">
        <v>55</v>
      </c>
      <c r="J1043" s="6">
        <v>1</v>
      </c>
    </row>
    <row r="1044" spans="1:10">
      <c r="A1044" s="9" t="s">
        <v>56</v>
      </c>
      <c r="B1044" s="9" t="s">
        <v>57</v>
      </c>
      <c r="C1044" s="9" t="s">
        <v>59</v>
      </c>
      <c r="D1044" s="9" t="s">
        <v>18</v>
      </c>
      <c r="E1044" s="9" t="s">
        <v>300</v>
      </c>
      <c r="F1044" s="9" t="s">
        <v>299</v>
      </c>
      <c r="G1044" s="6">
        <v>11</v>
      </c>
      <c r="H1044" s="10" t="s">
        <v>55</v>
      </c>
      <c r="I1044" s="10" t="s">
        <v>55</v>
      </c>
      <c r="J1044" s="6">
        <v>11</v>
      </c>
    </row>
    <row r="1045" spans="1:10">
      <c r="A1045" s="9" t="s">
        <v>56</v>
      </c>
      <c r="B1045" s="9" t="s">
        <v>57</v>
      </c>
      <c r="C1045" s="9" t="s">
        <v>59</v>
      </c>
      <c r="D1045" s="9" t="s">
        <v>18</v>
      </c>
      <c r="E1045" s="9" t="s">
        <v>300</v>
      </c>
      <c r="F1045" s="9" t="s">
        <v>300</v>
      </c>
      <c r="G1045" s="6">
        <v>11</v>
      </c>
      <c r="H1045" s="10" t="s">
        <v>55</v>
      </c>
      <c r="I1045" s="10" t="s">
        <v>55</v>
      </c>
      <c r="J1045" s="6">
        <v>11</v>
      </c>
    </row>
    <row r="1046" spans="1:10">
      <c r="A1046" s="9" t="s">
        <v>56</v>
      </c>
      <c r="B1046" s="9" t="s">
        <v>57</v>
      </c>
      <c r="C1046" s="9" t="s">
        <v>59</v>
      </c>
      <c r="D1046" s="9" t="s">
        <v>18</v>
      </c>
      <c r="E1046" s="9" t="s">
        <v>300</v>
      </c>
      <c r="F1046" s="9" t="s">
        <v>301</v>
      </c>
      <c r="G1046" s="6">
        <v>1</v>
      </c>
      <c r="H1046" s="10" t="s">
        <v>55</v>
      </c>
      <c r="I1046" s="10" t="s">
        <v>55</v>
      </c>
      <c r="J1046" s="6">
        <v>1</v>
      </c>
    </row>
    <row r="1047" spans="1:10">
      <c r="A1047" s="9" t="s">
        <v>56</v>
      </c>
      <c r="B1047" s="9" t="s">
        <v>57</v>
      </c>
      <c r="C1047" s="9" t="s">
        <v>59</v>
      </c>
      <c r="D1047" s="9" t="s">
        <v>18</v>
      </c>
      <c r="E1047" s="9" t="s">
        <v>300</v>
      </c>
      <c r="F1047" s="9" t="s">
        <v>302</v>
      </c>
      <c r="G1047" s="6">
        <v>1</v>
      </c>
      <c r="H1047" s="10" t="s">
        <v>55</v>
      </c>
      <c r="I1047" s="10" t="s">
        <v>55</v>
      </c>
      <c r="J1047" s="6">
        <v>1</v>
      </c>
    </row>
    <row r="1048" spans="1:10">
      <c r="A1048" s="9" t="s">
        <v>56</v>
      </c>
      <c r="B1048" s="9" t="s">
        <v>57</v>
      </c>
      <c r="C1048" s="9" t="s">
        <v>59</v>
      </c>
      <c r="D1048" s="9" t="s">
        <v>18</v>
      </c>
      <c r="E1048" s="9" t="s">
        <v>300</v>
      </c>
      <c r="F1048" s="9" t="s">
        <v>303</v>
      </c>
      <c r="G1048" s="10" t="s">
        <v>55</v>
      </c>
      <c r="H1048" s="10" t="s">
        <v>55</v>
      </c>
      <c r="I1048" s="10" t="s">
        <v>55</v>
      </c>
      <c r="J1048" s="10" t="s">
        <v>55</v>
      </c>
    </row>
    <row r="1049" spans="1:10">
      <c r="A1049" s="9" t="s">
        <v>56</v>
      </c>
      <c r="B1049" s="9" t="s">
        <v>57</v>
      </c>
      <c r="C1049" s="9" t="s">
        <v>59</v>
      </c>
      <c r="D1049" s="9" t="s">
        <v>18</v>
      </c>
      <c r="E1049" s="9" t="s">
        <v>300</v>
      </c>
      <c r="F1049" s="9" t="s">
        <v>304</v>
      </c>
      <c r="G1049" s="6">
        <v>25</v>
      </c>
      <c r="H1049" s="10" t="s">
        <v>55</v>
      </c>
      <c r="I1049" s="10" t="s">
        <v>55</v>
      </c>
      <c r="J1049" s="6">
        <v>25</v>
      </c>
    </row>
    <row r="1050" spans="1:10">
      <c r="A1050" s="9" t="s">
        <v>56</v>
      </c>
      <c r="B1050" s="9" t="s">
        <v>57</v>
      </c>
      <c r="C1050" s="9" t="s">
        <v>59</v>
      </c>
      <c r="D1050" s="9" t="s">
        <v>18</v>
      </c>
      <c r="E1050" s="9" t="s">
        <v>300</v>
      </c>
      <c r="F1050" s="9" t="s">
        <v>49</v>
      </c>
      <c r="G1050" s="6">
        <v>24</v>
      </c>
      <c r="H1050" s="10" t="s">
        <v>55</v>
      </c>
      <c r="I1050" s="10" t="s">
        <v>55</v>
      </c>
      <c r="J1050" s="6">
        <v>24</v>
      </c>
    </row>
    <row r="1051" spans="1:10">
      <c r="A1051" s="9" t="s">
        <v>56</v>
      </c>
      <c r="B1051" s="9" t="s">
        <v>57</v>
      </c>
      <c r="C1051" s="9" t="s">
        <v>59</v>
      </c>
      <c r="D1051" s="9" t="s">
        <v>18</v>
      </c>
      <c r="E1051" s="9" t="s">
        <v>301</v>
      </c>
      <c r="F1051" s="9" t="s">
        <v>6</v>
      </c>
      <c r="G1051" s="6">
        <v>16</v>
      </c>
      <c r="H1051" s="10" t="s">
        <v>55</v>
      </c>
      <c r="I1051" s="10" t="s">
        <v>55</v>
      </c>
      <c r="J1051" s="6">
        <v>16</v>
      </c>
    </row>
    <row r="1052" spans="1:10">
      <c r="A1052" s="9" t="s">
        <v>56</v>
      </c>
      <c r="B1052" s="9" t="s">
        <v>57</v>
      </c>
      <c r="C1052" s="9" t="s">
        <v>59</v>
      </c>
      <c r="D1052" s="9" t="s">
        <v>18</v>
      </c>
      <c r="E1052" s="9" t="s">
        <v>301</v>
      </c>
      <c r="F1052" s="9" t="s">
        <v>297</v>
      </c>
      <c r="G1052" s="10" t="s">
        <v>55</v>
      </c>
      <c r="H1052" s="10" t="s">
        <v>55</v>
      </c>
      <c r="I1052" s="10" t="s">
        <v>55</v>
      </c>
      <c r="J1052" s="10" t="s">
        <v>55</v>
      </c>
    </row>
    <row r="1053" spans="1:10">
      <c r="A1053" s="9" t="s">
        <v>56</v>
      </c>
      <c r="B1053" s="9" t="s">
        <v>57</v>
      </c>
      <c r="C1053" s="9" t="s">
        <v>59</v>
      </c>
      <c r="D1053" s="9" t="s">
        <v>18</v>
      </c>
      <c r="E1053" s="9" t="s">
        <v>301</v>
      </c>
      <c r="F1053" s="9" t="s">
        <v>298</v>
      </c>
      <c r="G1053" s="10" t="s">
        <v>55</v>
      </c>
      <c r="H1053" s="10" t="s">
        <v>55</v>
      </c>
      <c r="I1053" s="10" t="s">
        <v>55</v>
      </c>
      <c r="J1053" s="10" t="s">
        <v>55</v>
      </c>
    </row>
    <row r="1054" spans="1:10">
      <c r="A1054" s="9" t="s">
        <v>56</v>
      </c>
      <c r="B1054" s="9" t="s">
        <v>57</v>
      </c>
      <c r="C1054" s="9" t="s">
        <v>59</v>
      </c>
      <c r="D1054" s="9" t="s">
        <v>18</v>
      </c>
      <c r="E1054" s="9" t="s">
        <v>301</v>
      </c>
      <c r="F1054" s="9" t="s">
        <v>299</v>
      </c>
      <c r="G1054" s="6">
        <v>5</v>
      </c>
      <c r="H1054" s="10" t="s">
        <v>55</v>
      </c>
      <c r="I1054" s="10" t="s">
        <v>55</v>
      </c>
      <c r="J1054" s="6">
        <v>5</v>
      </c>
    </row>
    <row r="1055" spans="1:10">
      <c r="A1055" s="9" t="s">
        <v>56</v>
      </c>
      <c r="B1055" s="9" t="s">
        <v>57</v>
      </c>
      <c r="C1055" s="9" t="s">
        <v>59</v>
      </c>
      <c r="D1055" s="9" t="s">
        <v>18</v>
      </c>
      <c r="E1055" s="9" t="s">
        <v>301</v>
      </c>
      <c r="F1055" s="9" t="s">
        <v>300</v>
      </c>
      <c r="G1055" s="6">
        <v>5</v>
      </c>
      <c r="H1055" s="10" t="s">
        <v>55</v>
      </c>
      <c r="I1055" s="10" t="s">
        <v>55</v>
      </c>
      <c r="J1055" s="6">
        <v>5</v>
      </c>
    </row>
    <row r="1056" spans="1:10">
      <c r="A1056" s="9" t="s">
        <v>56</v>
      </c>
      <c r="B1056" s="9" t="s">
        <v>57</v>
      </c>
      <c r="C1056" s="9" t="s">
        <v>59</v>
      </c>
      <c r="D1056" s="9" t="s">
        <v>18</v>
      </c>
      <c r="E1056" s="9" t="s">
        <v>301</v>
      </c>
      <c r="F1056" s="9" t="s">
        <v>301</v>
      </c>
      <c r="G1056" s="6">
        <v>5</v>
      </c>
      <c r="H1056" s="10" t="s">
        <v>55</v>
      </c>
      <c r="I1056" s="10" t="s">
        <v>55</v>
      </c>
      <c r="J1056" s="6">
        <v>5</v>
      </c>
    </row>
    <row r="1057" spans="1:10">
      <c r="A1057" s="9" t="s">
        <v>56</v>
      </c>
      <c r="B1057" s="9" t="s">
        <v>57</v>
      </c>
      <c r="C1057" s="9" t="s">
        <v>59</v>
      </c>
      <c r="D1057" s="9" t="s">
        <v>18</v>
      </c>
      <c r="E1057" s="9" t="s">
        <v>301</v>
      </c>
      <c r="F1057" s="9" t="s">
        <v>302</v>
      </c>
      <c r="G1057" s="6">
        <v>1</v>
      </c>
      <c r="H1057" s="10" t="s">
        <v>55</v>
      </c>
      <c r="I1057" s="10" t="s">
        <v>55</v>
      </c>
      <c r="J1057" s="6">
        <v>1</v>
      </c>
    </row>
    <row r="1058" spans="1:10">
      <c r="A1058" s="9" t="s">
        <v>56</v>
      </c>
      <c r="B1058" s="9" t="s">
        <v>57</v>
      </c>
      <c r="C1058" s="9" t="s">
        <v>59</v>
      </c>
      <c r="D1058" s="9" t="s">
        <v>18</v>
      </c>
      <c r="E1058" s="9" t="s">
        <v>301</v>
      </c>
      <c r="F1058" s="9" t="s">
        <v>303</v>
      </c>
      <c r="G1058" s="10" t="s">
        <v>55</v>
      </c>
      <c r="H1058" s="10" t="s">
        <v>55</v>
      </c>
      <c r="I1058" s="10" t="s">
        <v>55</v>
      </c>
      <c r="J1058" s="10" t="s">
        <v>55</v>
      </c>
    </row>
    <row r="1059" spans="1:10">
      <c r="A1059" s="9" t="s">
        <v>56</v>
      </c>
      <c r="B1059" s="9" t="s">
        <v>57</v>
      </c>
      <c r="C1059" s="9" t="s">
        <v>59</v>
      </c>
      <c r="D1059" s="9" t="s">
        <v>18</v>
      </c>
      <c r="E1059" s="9" t="s">
        <v>301</v>
      </c>
      <c r="F1059" s="9" t="s">
        <v>304</v>
      </c>
      <c r="G1059" s="6">
        <v>16</v>
      </c>
      <c r="H1059" s="10" t="s">
        <v>55</v>
      </c>
      <c r="I1059" s="10" t="s">
        <v>55</v>
      </c>
      <c r="J1059" s="6">
        <v>16</v>
      </c>
    </row>
    <row r="1060" spans="1:10">
      <c r="A1060" s="9" t="s">
        <v>56</v>
      </c>
      <c r="B1060" s="9" t="s">
        <v>57</v>
      </c>
      <c r="C1060" s="9" t="s">
        <v>59</v>
      </c>
      <c r="D1060" s="9" t="s">
        <v>18</v>
      </c>
      <c r="E1060" s="9" t="s">
        <v>301</v>
      </c>
      <c r="F1060" s="9" t="s">
        <v>49</v>
      </c>
      <c r="G1060" s="6">
        <v>16</v>
      </c>
      <c r="H1060" s="10" t="s">
        <v>55</v>
      </c>
      <c r="I1060" s="10" t="s">
        <v>55</v>
      </c>
      <c r="J1060" s="6">
        <v>16</v>
      </c>
    </row>
    <row r="1061" spans="1:10">
      <c r="A1061" s="9" t="s">
        <v>56</v>
      </c>
      <c r="B1061" s="9" t="s">
        <v>57</v>
      </c>
      <c r="C1061" s="9" t="s">
        <v>59</v>
      </c>
      <c r="D1061" s="9" t="s">
        <v>18</v>
      </c>
      <c r="E1061" s="9" t="s">
        <v>302</v>
      </c>
      <c r="F1061" s="9" t="s">
        <v>6</v>
      </c>
      <c r="G1061" s="6">
        <v>12</v>
      </c>
      <c r="H1061" s="10" t="s">
        <v>55</v>
      </c>
      <c r="I1061" s="10" t="s">
        <v>55</v>
      </c>
      <c r="J1061" s="6">
        <v>12</v>
      </c>
    </row>
    <row r="1062" spans="1:10">
      <c r="A1062" s="9" t="s">
        <v>56</v>
      </c>
      <c r="B1062" s="9" t="s">
        <v>57</v>
      </c>
      <c r="C1062" s="9" t="s">
        <v>59</v>
      </c>
      <c r="D1062" s="9" t="s">
        <v>18</v>
      </c>
      <c r="E1062" s="9" t="s">
        <v>302</v>
      </c>
      <c r="F1062" s="9" t="s">
        <v>297</v>
      </c>
      <c r="G1062" s="10" t="s">
        <v>55</v>
      </c>
      <c r="H1062" s="10" t="s">
        <v>55</v>
      </c>
      <c r="I1062" s="10" t="s">
        <v>55</v>
      </c>
      <c r="J1062" s="10" t="s">
        <v>55</v>
      </c>
    </row>
    <row r="1063" spans="1:10">
      <c r="A1063" s="9" t="s">
        <v>56</v>
      </c>
      <c r="B1063" s="9" t="s">
        <v>57</v>
      </c>
      <c r="C1063" s="9" t="s">
        <v>59</v>
      </c>
      <c r="D1063" s="9" t="s">
        <v>18</v>
      </c>
      <c r="E1063" s="9" t="s">
        <v>302</v>
      </c>
      <c r="F1063" s="9" t="s">
        <v>298</v>
      </c>
      <c r="G1063" s="10" t="s">
        <v>55</v>
      </c>
      <c r="H1063" s="10" t="s">
        <v>55</v>
      </c>
      <c r="I1063" s="10" t="s">
        <v>55</v>
      </c>
      <c r="J1063" s="10" t="s">
        <v>55</v>
      </c>
    </row>
    <row r="1064" spans="1:10">
      <c r="A1064" s="9" t="s">
        <v>56</v>
      </c>
      <c r="B1064" s="9" t="s">
        <v>57</v>
      </c>
      <c r="C1064" s="9" t="s">
        <v>59</v>
      </c>
      <c r="D1064" s="9" t="s">
        <v>18</v>
      </c>
      <c r="E1064" s="9" t="s">
        <v>302</v>
      </c>
      <c r="F1064" s="9" t="s">
        <v>299</v>
      </c>
      <c r="G1064" s="10" t="s">
        <v>55</v>
      </c>
      <c r="H1064" s="10" t="s">
        <v>55</v>
      </c>
      <c r="I1064" s="10" t="s">
        <v>55</v>
      </c>
      <c r="J1064" s="10" t="s">
        <v>55</v>
      </c>
    </row>
    <row r="1065" spans="1:10">
      <c r="A1065" s="9" t="s">
        <v>56</v>
      </c>
      <c r="B1065" s="9" t="s">
        <v>57</v>
      </c>
      <c r="C1065" s="9" t="s">
        <v>59</v>
      </c>
      <c r="D1065" s="9" t="s">
        <v>18</v>
      </c>
      <c r="E1065" s="9" t="s">
        <v>302</v>
      </c>
      <c r="F1065" s="9" t="s">
        <v>300</v>
      </c>
      <c r="G1065" s="10" t="s">
        <v>55</v>
      </c>
      <c r="H1065" s="10" t="s">
        <v>55</v>
      </c>
      <c r="I1065" s="10" t="s">
        <v>55</v>
      </c>
      <c r="J1065" s="10" t="s">
        <v>55</v>
      </c>
    </row>
    <row r="1066" spans="1:10">
      <c r="A1066" s="9" t="s">
        <v>56</v>
      </c>
      <c r="B1066" s="9" t="s">
        <v>57</v>
      </c>
      <c r="C1066" s="9" t="s">
        <v>59</v>
      </c>
      <c r="D1066" s="9" t="s">
        <v>18</v>
      </c>
      <c r="E1066" s="9" t="s">
        <v>302</v>
      </c>
      <c r="F1066" s="9" t="s">
        <v>301</v>
      </c>
      <c r="G1066" s="6">
        <v>2</v>
      </c>
      <c r="H1066" s="10" t="s">
        <v>55</v>
      </c>
      <c r="I1066" s="10" t="s">
        <v>55</v>
      </c>
      <c r="J1066" s="6">
        <v>2</v>
      </c>
    </row>
    <row r="1067" spans="1:10">
      <c r="A1067" s="9" t="s">
        <v>56</v>
      </c>
      <c r="B1067" s="9" t="s">
        <v>57</v>
      </c>
      <c r="C1067" s="9" t="s">
        <v>59</v>
      </c>
      <c r="D1067" s="9" t="s">
        <v>18</v>
      </c>
      <c r="E1067" s="9" t="s">
        <v>302</v>
      </c>
      <c r="F1067" s="9" t="s">
        <v>302</v>
      </c>
      <c r="G1067" s="6">
        <v>9</v>
      </c>
      <c r="H1067" s="10" t="s">
        <v>55</v>
      </c>
      <c r="I1067" s="10" t="s">
        <v>55</v>
      </c>
      <c r="J1067" s="6">
        <v>9</v>
      </c>
    </row>
    <row r="1068" spans="1:10">
      <c r="A1068" s="9" t="s">
        <v>56</v>
      </c>
      <c r="B1068" s="9" t="s">
        <v>57</v>
      </c>
      <c r="C1068" s="9" t="s">
        <v>59</v>
      </c>
      <c r="D1068" s="9" t="s">
        <v>18</v>
      </c>
      <c r="E1068" s="9" t="s">
        <v>302</v>
      </c>
      <c r="F1068" s="9" t="s">
        <v>303</v>
      </c>
      <c r="G1068" s="6">
        <v>1</v>
      </c>
      <c r="H1068" s="10" t="s">
        <v>55</v>
      </c>
      <c r="I1068" s="10" t="s">
        <v>55</v>
      </c>
      <c r="J1068" s="6">
        <v>1</v>
      </c>
    </row>
    <row r="1069" spans="1:10">
      <c r="A1069" s="9" t="s">
        <v>56</v>
      </c>
      <c r="B1069" s="9" t="s">
        <v>57</v>
      </c>
      <c r="C1069" s="9" t="s">
        <v>59</v>
      </c>
      <c r="D1069" s="9" t="s">
        <v>18</v>
      </c>
      <c r="E1069" s="9" t="s">
        <v>302</v>
      </c>
      <c r="F1069" s="9" t="s">
        <v>304</v>
      </c>
      <c r="G1069" s="6">
        <v>12</v>
      </c>
      <c r="H1069" s="10" t="s">
        <v>55</v>
      </c>
      <c r="I1069" s="10" t="s">
        <v>55</v>
      </c>
      <c r="J1069" s="6">
        <v>12</v>
      </c>
    </row>
    <row r="1070" spans="1:10">
      <c r="A1070" s="9" t="s">
        <v>56</v>
      </c>
      <c r="B1070" s="9" t="s">
        <v>57</v>
      </c>
      <c r="C1070" s="9" t="s">
        <v>59</v>
      </c>
      <c r="D1070" s="9" t="s">
        <v>18</v>
      </c>
      <c r="E1070" s="9" t="s">
        <v>302</v>
      </c>
      <c r="F1070" s="9" t="s">
        <v>49</v>
      </c>
      <c r="G1070" s="6">
        <v>12</v>
      </c>
      <c r="H1070" s="10" t="s">
        <v>55</v>
      </c>
      <c r="I1070" s="10" t="s">
        <v>55</v>
      </c>
      <c r="J1070" s="6">
        <v>12</v>
      </c>
    </row>
    <row r="1071" spans="1:10">
      <c r="A1071" s="9" t="s">
        <v>56</v>
      </c>
      <c r="B1071" s="9" t="s">
        <v>57</v>
      </c>
      <c r="C1071" s="9" t="s">
        <v>59</v>
      </c>
      <c r="D1071" s="9" t="s">
        <v>18</v>
      </c>
      <c r="E1071" s="9" t="s">
        <v>303</v>
      </c>
      <c r="F1071" s="9" t="s">
        <v>6</v>
      </c>
      <c r="G1071" s="6">
        <v>9</v>
      </c>
      <c r="H1071" s="10" t="s">
        <v>55</v>
      </c>
      <c r="I1071" s="10" t="s">
        <v>55</v>
      </c>
      <c r="J1071" s="6">
        <v>9</v>
      </c>
    </row>
    <row r="1072" spans="1:10">
      <c r="A1072" s="9" t="s">
        <v>56</v>
      </c>
      <c r="B1072" s="9" t="s">
        <v>57</v>
      </c>
      <c r="C1072" s="9" t="s">
        <v>59</v>
      </c>
      <c r="D1072" s="9" t="s">
        <v>18</v>
      </c>
      <c r="E1072" s="9" t="s">
        <v>303</v>
      </c>
      <c r="F1072" s="9" t="s">
        <v>297</v>
      </c>
      <c r="G1072" s="10" t="s">
        <v>55</v>
      </c>
      <c r="H1072" s="10" t="s">
        <v>55</v>
      </c>
      <c r="I1072" s="10" t="s">
        <v>55</v>
      </c>
      <c r="J1072" s="10" t="s">
        <v>55</v>
      </c>
    </row>
    <row r="1073" spans="1:10">
      <c r="A1073" s="9" t="s">
        <v>56</v>
      </c>
      <c r="B1073" s="9" t="s">
        <v>57</v>
      </c>
      <c r="C1073" s="9" t="s">
        <v>59</v>
      </c>
      <c r="D1073" s="9" t="s">
        <v>18</v>
      </c>
      <c r="E1073" s="9" t="s">
        <v>303</v>
      </c>
      <c r="F1073" s="9" t="s">
        <v>298</v>
      </c>
      <c r="G1073" s="10" t="s">
        <v>55</v>
      </c>
      <c r="H1073" s="10" t="s">
        <v>55</v>
      </c>
      <c r="I1073" s="10" t="s">
        <v>55</v>
      </c>
      <c r="J1073" s="10" t="s">
        <v>55</v>
      </c>
    </row>
    <row r="1074" spans="1:10">
      <c r="A1074" s="9" t="s">
        <v>56</v>
      </c>
      <c r="B1074" s="9" t="s">
        <v>57</v>
      </c>
      <c r="C1074" s="9" t="s">
        <v>59</v>
      </c>
      <c r="D1074" s="9" t="s">
        <v>18</v>
      </c>
      <c r="E1074" s="9" t="s">
        <v>303</v>
      </c>
      <c r="F1074" s="9" t="s">
        <v>299</v>
      </c>
      <c r="G1074" s="10" t="s">
        <v>55</v>
      </c>
      <c r="H1074" s="10" t="s">
        <v>55</v>
      </c>
      <c r="I1074" s="10" t="s">
        <v>55</v>
      </c>
      <c r="J1074" s="10" t="s">
        <v>55</v>
      </c>
    </row>
    <row r="1075" spans="1:10">
      <c r="A1075" s="9" t="s">
        <v>56</v>
      </c>
      <c r="B1075" s="9" t="s">
        <v>57</v>
      </c>
      <c r="C1075" s="9" t="s">
        <v>59</v>
      </c>
      <c r="D1075" s="9" t="s">
        <v>18</v>
      </c>
      <c r="E1075" s="9" t="s">
        <v>303</v>
      </c>
      <c r="F1075" s="9" t="s">
        <v>300</v>
      </c>
      <c r="G1075" s="6">
        <v>1</v>
      </c>
      <c r="H1075" s="10" t="s">
        <v>55</v>
      </c>
      <c r="I1075" s="10" t="s">
        <v>55</v>
      </c>
      <c r="J1075" s="6">
        <v>1</v>
      </c>
    </row>
    <row r="1076" spans="1:10">
      <c r="A1076" s="9" t="s">
        <v>56</v>
      </c>
      <c r="B1076" s="9" t="s">
        <v>57</v>
      </c>
      <c r="C1076" s="9" t="s">
        <v>59</v>
      </c>
      <c r="D1076" s="9" t="s">
        <v>18</v>
      </c>
      <c r="E1076" s="9" t="s">
        <v>303</v>
      </c>
      <c r="F1076" s="9" t="s">
        <v>301</v>
      </c>
      <c r="G1076" s="6">
        <v>1</v>
      </c>
      <c r="H1076" s="10" t="s">
        <v>55</v>
      </c>
      <c r="I1076" s="10" t="s">
        <v>55</v>
      </c>
      <c r="J1076" s="6">
        <v>1</v>
      </c>
    </row>
    <row r="1077" spans="1:10">
      <c r="A1077" s="9" t="s">
        <v>56</v>
      </c>
      <c r="B1077" s="9" t="s">
        <v>57</v>
      </c>
      <c r="C1077" s="9" t="s">
        <v>59</v>
      </c>
      <c r="D1077" s="9" t="s">
        <v>18</v>
      </c>
      <c r="E1077" s="9" t="s">
        <v>303</v>
      </c>
      <c r="F1077" s="9" t="s">
        <v>302</v>
      </c>
      <c r="G1077" s="6">
        <v>3</v>
      </c>
      <c r="H1077" s="10" t="s">
        <v>55</v>
      </c>
      <c r="I1077" s="10" t="s">
        <v>55</v>
      </c>
      <c r="J1077" s="6">
        <v>3</v>
      </c>
    </row>
    <row r="1078" spans="1:10">
      <c r="A1078" s="9" t="s">
        <v>56</v>
      </c>
      <c r="B1078" s="9" t="s">
        <v>57</v>
      </c>
      <c r="C1078" s="9" t="s">
        <v>59</v>
      </c>
      <c r="D1078" s="9" t="s">
        <v>18</v>
      </c>
      <c r="E1078" s="9" t="s">
        <v>303</v>
      </c>
      <c r="F1078" s="9" t="s">
        <v>303</v>
      </c>
      <c r="G1078" s="6">
        <v>4</v>
      </c>
      <c r="H1078" s="10" t="s">
        <v>55</v>
      </c>
      <c r="I1078" s="10" t="s">
        <v>55</v>
      </c>
      <c r="J1078" s="6">
        <v>4</v>
      </c>
    </row>
    <row r="1079" spans="1:10">
      <c r="A1079" s="9" t="s">
        <v>56</v>
      </c>
      <c r="B1079" s="9" t="s">
        <v>57</v>
      </c>
      <c r="C1079" s="9" t="s">
        <v>59</v>
      </c>
      <c r="D1079" s="9" t="s">
        <v>18</v>
      </c>
      <c r="E1079" s="9" t="s">
        <v>303</v>
      </c>
      <c r="F1079" s="9" t="s">
        <v>304</v>
      </c>
      <c r="G1079" s="6">
        <v>9</v>
      </c>
      <c r="H1079" s="10" t="s">
        <v>55</v>
      </c>
      <c r="I1079" s="10" t="s">
        <v>55</v>
      </c>
      <c r="J1079" s="6">
        <v>9</v>
      </c>
    </row>
    <row r="1080" spans="1:10">
      <c r="A1080" s="9" t="s">
        <v>56</v>
      </c>
      <c r="B1080" s="9" t="s">
        <v>57</v>
      </c>
      <c r="C1080" s="9" t="s">
        <v>59</v>
      </c>
      <c r="D1080" s="9" t="s">
        <v>18</v>
      </c>
      <c r="E1080" s="9" t="s">
        <v>303</v>
      </c>
      <c r="F1080" s="9" t="s">
        <v>49</v>
      </c>
      <c r="G1080" s="6">
        <v>9</v>
      </c>
      <c r="H1080" s="10" t="s">
        <v>55</v>
      </c>
      <c r="I1080" s="10" t="s">
        <v>55</v>
      </c>
      <c r="J1080" s="6">
        <v>9</v>
      </c>
    </row>
    <row r="1081" spans="1:10">
      <c r="A1081" s="9" t="s">
        <v>56</v>
      </c>
      <c r="B1081" s="9" t="s">
        <v>57</v>
      </c>
      <c r="C1081" s="9" t="s">
        <v>59</v>
      </c>
      <c r="D1081" s="9" t="s">
        <v>18</v>
      </c>
      <c r="E1081" s="9" t="s">
        <v>305</v>
      </c>
      <c r="F1081" s="9" t="s">
        <v>6</v>
      </c>
      <c r="G1081" s="6">
        <v>86</v>
      </c>
      <c r="H1081" s="10" t="s">
        <v>55</v>
      </c>
      <c r="I1081" s="10" t="s">
        <v>55</v>
      </c>
      <c r="J1081" s="6">
        <v>86</v>
      </c>
    </row>
    <row r="1082" spans="1:10">
      <c r="A1082" s="9" t="s">
        <v>56</v>
      </c>
      <c r="B1082" s="9" t="s">
        <v>57</v>
      </c>
      <c r="C1082" s="9" t="s">
        <v>59</v>
      </c>
      <c r="D1082" s="9" t="s">
        <v>18</v>
      </c>
      <c r="E1082" s="9" t="s">
        <v>305</v>
      </c>
      <c r="F1082" s="9" t="s">
        <v>297</v>
      </c>
      <c r="G1082" s="6">
        <v>9</v>
      </c>
      <c r="H1082" s="10" t="s">
        <v>55</v>
      </c>
      <c r="I1082" s="10" t="s">
        <v>55</v>
      </c>
      <c r="J1082" s="6">
        <v>9</v>
      </c>
    </row>
    <row r="1083" spans="1:10">
      <c r="A1083" s="9" t="s">
        <v>56</v>
      </c>
      <c r="B1083" s="9" t="s">
        <v>57</v>
      </c>
      <c r="C1083" s="9" t="s">
        <v>59</v>
      </c>
      <c r="D1083" s="9" t="s">
        <v>18</v>
      </c>
      <c r="E1083" s="9" t="s">
        <v>305</v>
      </c>
      <c r="F1083" s="9" t="s">
        <v>298</v>
      </c>
      <c r="G1083" s="6">
        <v>7</v>
      </c>
      <c r="H1083" s="10" t="s">
        <v>55</v>
      </c>
      <c r="I1083" s="10" t="s">
        <v>55</v>
      </c>
      <c r="J1083" s="6">
        <v>7</v>
      </c>
    </row>
    <row r="1084" spans="1:10">
      <c r="A1084" s="9" t="s">
        <v>56</v>
      </c>
      <c r="B1084" s="9" t="s">
        <v>57</v>
      </c>
      <c r="C1084" s="9" t="s">
        <v>59</v>
      </c>
      <c r="D1084" s="9" t="s">
        <v>18</v>
      </c>
      <c r="E1084" s="9" t="s">
        <v>305</v>
      </c>
      <c r="F1084" s="9" t="s">
        <v>299</v>
      </c>
      <c r="G1084" s="6">
        <v>25</v>
      </c>
      <c r="H1084" s="10" t="s">
        <v>55</v>
      </c>
      <c r="I1084" s="10" t="s">
        <v>55</v>
      </c>
      <c r="J1084" s="6">
        <v>25</v>
      </c>
    </row>
    <row r="1085" spans="1:10">
      <c r="A1085" s="9" t="s">
        <v>56</v>
      </c>
      <c r="B1085" s="9" t="s">
        <v>57</v>
      </c>
      <c r="C1085" s="9" t="s">
        <v>59</v>
      </c>
      <c r="D1085" s="9" t="s">
        <v>18</v>
      </c>
      <c r="E1085" s="9" t="s">
        <v>305</v>
      </c>
      <c r="F1085" s="9" t="s">
        <v>300</v>
      </c>
      <c r="G1085" s="6">
        <v>17</v>
      </c>
      <c r="H1085" s="10" t="s">
        <v>55</v>
      </c>
      <c r="I1085" s="10" t="s">
        <v>55</v>
      </c>
      <c r="J1085" s="6">
        <v>17</v>
      </c>
    </row>
    <row r="1086" spans="1:10">
      <c r="A1086" s="9" t="s">
        <v>56</v>
      </c>
      <c r="B1086" s="9" t="s">
        <v>57</v>
      </c>
      <c r="C1086" s="9" t="s">
        <v>59</v>
      </c>
      <c r="D1086" s="9" t="s">
        <v>18</v>
      </c>
      <c r="E1086" s="9" t="s">
        <v>305</v>
      </c>
      <c r="F1086" s="9" t="s">
        <v>301</v>
      </c>
      <c r="G1086" s="6">
        <v>9</v>
      </c>
      <c r="H1086" s="10" t="s">
        <v>55</v>
      </c>
      <c r="I1086" s="10" t="s">
        <v>55</v>
      </c>
      <c r="J1086" s="6">
        <v>9</v>
      </c>
    </row>
    <row r="1087" spans="1:10">
      <c r="A1087" s="9" t="s">
        <v>56</v>
      </c>
      <c r="B1087" s="9" t="s">
        <v>57</v>
      </c>
      <c r="C1087" s="9" t="s">
        <v>59</v>
      </c>
      <c r="D1087" s="9" t="s">
        <v>18</v>
      </c>
      <c r="E1087" s="9" t="s">
        <v>305</v>
      </c>
      <c r="F1087" s="9" t="s">
        <v>302</v>
      </c>
      <c r="G1087" s="6">
        <v>14</v>
      </c>
      <c r="H1087" s="10" t="s">
        <v>55</v>
      </c>
      <c r="I1087" s="10" t="s">
        <v>55</v>
      </c>
      <c r="J1087" s="6">
        <v>14</v>
      </c>
    </row>
    <row r="1088" spans="1:10">
      <c r="A1088" s="9" t="s">
        <v>56</v>
      </c>
      <c r="B1088" s="9" t="s">
        <v>57</v>
      </c>
      <c r="C1088" s="9" t="s">
        <v>59</v>
      </c>
      <c r="D1088" s="9" t="s">
        <v>18</v>
      </c>
      <c r="E1088" s="9" t="s">
        <v>305</v>
      </c>
      <c r="F1088" s="9" t="s">
        <v>303</v>
      </c>
      <c r="G1088" s="6">
        <v>5</v>
      </c>
      <c r="H1088" s="10" t="s">
        <v>55</v>
      </c>
      <c r="I1088" s="10" t="s">
        <v>55</v>
      </c>
      <c r="J1088" s="6">
        <v>5</v>
      </c>
    </row>
    <row r="1089" spans="1:10">
      <c r="A1089" s="9" t="s">
        <v>56</v>
      </c>
      <c r="B1089" s="9" t="s">
        <v>57</v>
      </c>
      <c r="C1089" s="9" t="s">
        <v>59</v>
      </c>
      <c r="D1089" s="9" t="s">
        <v>18</v>
      </c>
      <c r="E1089" s="9" t="s">
        <v>305</v>
      </c>
      <c r="F1089" s="9" t="s">
        <v>304</v>
      </c>
      <c r="G1089" s="6">
        <v>77</v>
      </c>
      <c r="H1089" s="10" t="s">
        <v>55</v>
      </c>
      <c r="I1089" s="10" t="s">
        <v>55</v>
      </c>
      <c r="J1089" s="6">
        <v>77</v>
      </c>
    </row>
    <row r="1090" spans="1:10">
      <c r="A1090" s="9" t="s">
        <v>56</v>
      </c>
      <c r="B1090" s="9" t="s">
        <v>57</v>
      </c>
      <c r="C1090" s="9" t="s">
        <v>59</v>
      </c>
      <c r="D1090" s="9" t="s">
        <v>18</v>
      </c>
      <c r="E1090" s="9" t="s">
        <v>305</v>
      </c>
      <c r="F1090" s="9" t="s">
        <v>49</v>
      </c>
      <c r="G1090" s="6">
        <v>70</v>
      </c>
      <c r="H1090" s="10" t="s">
        <v>55</v>
      </c>
      <c r="I1090" s="10" t="s">
        <v>55</v>
      </c>
      <c r="J1090" s="6">
        <v>70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4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5FD2935-CBCD-4FDC-9B2E-5CB8A6041E6D}">
  <sheetPr>
    <pageSetUpPr fitToPage="1"/>
  </sheetPr>
  <dimension ref="A1:I70"/>
  <sheetViews>
    <sheetView zoomScaleNormal="100" workbookViewId="0">
      <pane xSplit="5" ySplit="10" topLeftCell="F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18.75" style="11" customWidth="1"/>
    <col min="5" max="5" width="41.25" style="11" customWidth="1"/>
    <col min="6" max="16384" width="12.625" style="11"/>
  </cols>
  <sheetData>
    <row r="1" spans="1:9" s="1" customFormat="1">
      <c r="A1" s="1" t="s">
        <v>0</v>
      </c>
    </row>
    <row r="2" spans="1:9" s="1" customFormat="1">
      <c r="A2" s="1" t="s">
        <v>306</v>
      </c>
    </row>
    <row r="3" spans="1:9" s="1" customFormat="1"/>
    <row r="4" spans="1:9" s="1" customFormat="1" hidden="1"/>
    <row r="5" spans="1:9" s="1" customFormat="1" ht="24">
      <c r="F5" s="3" t="s">
        <v>294</v>
      </c>
      <c r="G5" s="3" t="s">
        <v>294</v>
      </c>
      <c r="H5" s="3" t="s">
        <v>294</v>
      </c>
      <c r="I5" s="3" t="s">
        <v>294</v>
      </c>
    </row>
    <row r="6" spans="1:9" s="1" customFormat="1" ht="24">
      <c r="F6" s="3" t="s">
        <v>225</v>
      </c>
      <c r="G6" s="3" t="s">
        <v>225</v>
      </c>
      <c r="H6" s="3" t="s">
        <v>225</v>
      </c>
      <c r="I6" s="3" t="s">
        <v>225</v>
      </c>
    </row>
    <row r="7" spans="1:9" s="1" customFormat="1">
      <c r="F7" s="3">
        <v>1</v>
      </c>
      <c r="G7" s="3">
        <v>1</v>
      </c>
      <c r="H7" s="3">
        <v>1</v>
      </c>
      <c r="I7" s="3">
        <v>1</v>
      </c>
    </row>
    <row r="8" spans="1:9" s="1" customFormat="1" ht="24">
      <c r="F8" s="3" t="s">
        <v>6</v>
      </c>
      <c r="G8" s="3" t="s">
        <v>226</v>
      </c>
      <c r="H8" s="3" t="s">
        <v>228</v>
      </c>
      <c r="I8" s="3" t="s">
        <v>18</v>
      </c>
    </row>
    <row r="9" spans="1:9" s="1" customFormat="1">
      <c r="F9" s="4" t="s">
        <v>229</v>
      </c>
      <c r="G9" s="4" t="s">
        <v>229</v>
      </c>
      <c r="H9" s="4" t="s">
        <v>229</v>
      </c>
      <c r="I9" s="4" t="s">
        <v>229</v>
      </c>
    </row>
    <row r="10" spans="1:9" s="1" customFormat="1">
      <c r="A10" s="2" t="s">
        <v>21</v>
      </c>
      <c r="B10" s="2" t="s">
        <v>22</v>
      </c>
      <c r="C10" s="2" t="s">
        <v>23</v>
      </c>
      <c r="D10" s="2" t="s">
        <v>231</v>
      </c>
      <c r="E10" s="2" t="s">
        <v>230</v>
      </c>
      <c r="F10" s="2" t="s">
        <v>26</v>
      </c>
      <c r="G10" s="2"/>
      <c r="H10" s="2"/>
      <c r="I10" s="2"/>
    </row>
    <row r="11" spans="1:9">
      <c r="A11" s="5" t="s">
        <v>27</v>
      </c>
      <c r="B11" s="5" t="s">
        <v>28</v>
      </c>
      <c r="C11" s="5" t="s">
        <v>29</v>
      </c>
      <c r="D11" s="5" t="s">
        <v>6</v>
      </c>
      <c r="E11" s="5" t="s">
        <v>307</v>
      </c>
      <c r="F11" s="6">
        <v>11158840</v>
      </c>
      <c r="G11" s="6">
        <v>4512635</v>
      </c>
      <c r="H11" s="6">
        <v>5714737</v>
      </c>
      <c r="I11" s="6">
        <v>931468</v>
      </c>
    </row>
    <row r="12" spans="1:9">
      <c r="A12" s="9" t="s">
        <v>27</v>
      </c>
      <c r="B12" s="9" t="s">
        <v>28</v>
      </c>
      <c r="C12" s="9" t="s">
        <v>29</v>
      </c>
      <c r="D12" s="9" t="s">
        <v>6</v>
      </c>
      <c r="E12" s="9" t="s">
        <v>308</v>
      </c>
      <c r="F12" s="6">
        <v>6533895</v>
      </c>
      <c r="G12" s="6">
        <v>1561785</v>
      </c>
      <c r="H12" s="6">
        <v>4515768</v>
      </c>
      <c r="I12" s="6">
        <v>456342</v>
      </c>
    </row>
    <row r="13" spans="1:9">
      <c r="A13" s="9" t="s">
        <v>27</v>
      </c>
      <c r="B13" s="9" t="s">
        <v>28</v>
      </c>
      <c r="C13" s="9" t="s">
        <v>29</v>
      </c>
      <c r="D13" s="9" t="s">
        <v>6</v>
      </c>
      <c r="E13" s="9" t="s">
        <v>309</v>
      </c>
      <c r="F13" s="6">
        <v>7916352</v>
      </c>
      <c r="G13" s="6">
        <v>2367289</v>
      </c>
      <c r="H13" s="6">
        <v>5024742</v>
      </c>
      <c r="I13" s="6">
        <v>524321</v>
      </c>
    </row>
    <row r="14" spans="1:9">
      <c r="A14" s="9" t="s">
        <v>27</v>
      </c>
      <c r="B14" s="9" t="s">
        <v>28</v>
      </c>
      <c r="C14" s="9" t="s">
        <v>29</v>
      </c>
      <c r="D14" s="9" t="s">
        <v>6</v>
      </c>
      <c r="E14" s="9" t="s">
        <v>310</v>
      </c>
      <c r="F14" s="6">
        <v>6848041</v>
      </c>
      <c r="G14" s="6">
        <v>1725107</v>
      </c>
      <c r="H14" s="6">
        <v>4644786</v>
      </c>
      <c r="I14" s="6">
        <v>478148</v>
      </c>
    </row>
    <row r="15" spans="1:9">
      <c r="A15" s="9" t="s">
        <v>27</v>
      </c>
      <c r="B15" s="9" t="s">
        <v>28</v>
      </c>
      <c r="C15" s="9" t="s">
        <v>29</v>
      </c>
      <c r="D15" s="9" t="s">
        <v>6</v>
      </c>
      <c r="E15" s="9" t="s">
        <v>311</v>
      </c>
      <c r="F15" s="6">
        <v>5830834</v>
      </c>
      <c r="G15" s="6">
        <v>1200766</v>
      </c>
      <c r="H15" s="6">
        <v>4197418</v>
      </c>
      <c r="I15" s="6">
        <v>432650</v>
      </c>
    </row>
    <row r="16" spans="1:9">
      <c r="A16" s="9" t="s">
        <v>27</v>
      </c>
      <c r="B16" s="9" t="s">
        <v>28</v>
      </c>
      <c r="C16" s="9" t="s">
        <v>29</v>
      </c>
      <c r="D16" s="9" t="s">
        <v>226</v>
      </c>
      <c r="E16" s="9" t="s">
        <v>307</v>
      </c>
      <c r="F16" s="6">
        <v>5990501</v>
      </c>
      <c r="G16" s="6">
        <v>3893614</v>
      </c>
      <c r="H16" s="6">
        <v>2065021</v>
      </c>
      <c r="I16" s="6">
        <v>31866</v>
      </c>
    </row>
    <row r="17" spans="1:9">
      <c r="A17" s="9" t="s">
        <v>27</v>
      </c>
      <c r="B17" s="9" t="s">
        <v>28</v>
      </c>
      <c r="C17" s="9" t="s">
        <v>29</v>
      </c>
      <c r="D17" s="9" t="s">
        <v>226</v>
      </c>
      <c r="E17" s="9" t="s">
        <v>308</v>
      </c>
      <c r="F17" s="6">
        <v>2165027</v>
      </c>
      <c r="G17" s="6">
        <v>1112145</v>
      </c>
      <c r="H17" s="6">
        <v>1027013</v>
      </c>
      <c r="I17" s="6">
        <v>25869</v>
      </c>
    </row>
    <row r="18" spans="1:9">
      <c r="A18" s="9" t="s">
        <v>27</v>
      </c>
      <c r="B18" s="9" t="s">
        <v>28</v>
      </c>
      <c r="C18" s="9" t="s">
        <v>29</v>
      </c>
      <c r="D18" s="9" t="s">
        <v>226</v>
      </c>
      <c r="E18" s="9" t="s">
        <v>309</v>
      </c>
      <c r="F18" s="6">
        <v>3264041</v>
      </c>
      <c r="G18" s="6">
        <v>1811509</v>
      </c>
      <c r="H18" s="6">
        <v>1423523</v>
      </c>
      <c r="I18" s="6">
        <v>29009</v>
      </c>
    </row>
    <row r="19" spans="1:9">
      <c r="A19" s="9" t="s">
        <v>27</v>
      </c>
      <c r="B19" s="9" t="s">
        <v>28</v>
      </c>
      <c r="C19" s="9" t="s">
        <v>29</v>
      </c>
      <c r="D19" s="9" t="s">
        <v>226</v>
      </c>
      <c r="E19" s="9" t="s">
        <v>310</v>
      </c>
      <c r="F19" s="6">
        <v>2371304</v>
      </c>
      <c r="G19" s="6">
        <v>1232003</v>
      </c>
      <c r="H19" s="6">
        <v>1112019</v>
      </c>
      <c r="I19" s="6">
        <v>27282</v>
      </c>
    </row>
    <row r="20" spans="1:9">
      <c r="A20" s="9" t="s">
        <v>27</v>
      </c>
      <c r="B20" s="9" t="s">
        <v>28</v>
      </c>
      <c r="C20" s="9" t="s">
        <v>29</v>
      </c>
      <c r="D20" s="9" t="s">
        <v>226</v>
      </c>
      <c r="E20" s="9" t="s">
        <v>311</v>
      </c>
      <c r="F20" s="6">
        <v>1757686</v>
      </c>
      <c r="G20" s="6">
        <v>860704</v>
      </c>
      <c r="H20" s="6">
        <v>872704</v>
      </c>
      <c r="I20" s="6">
        <v>24278</v>
      </c>
    </row>
    <row r="21" spans="1:9">
      <c r="A21" s="9" t="s">
        <v>27</v>
      </c>
      <c r="B21" s="9" t="s">
        <v>28</v>
      </c>
      <c r="C21" s="9" t="s">
        <v>29</v>
      </c>
      <c r="D21" s="9" t="s">
        <v>228</v>
      </c>
      <c r="E21" s="9" t="s">
        <v>307</v>
      </c>
      <c r="F21" s="6">
        <v>4253392</v>
      </c>
      <c r="G21" s="6">
        <v>602984</v>
      </c>
      <c r="H21" s="6">
        <v>3636009</v>
      </c>
      <c r="I21" s="6">
        <v>14399</v>
      </c>
    </row>
    <row r="22" spans="1:9">
      <c r="A22" s="9" t="s">
        <v>27</v>
      </c>
      <c r="B22" s="9" t="s">
        <v>28</v>
      </c>
      <c r="C22" s="9" t="s">
        <v>29</v>
      </c>
      <c r="D22" s="9" t="s">
        <v>228</v>
      </c>
      <c r="E22" s="9" t="s">
        <v>308</v>
      </c>
      <c r="F22" s="6">
        <v>3925245</v>
      </c>
      <c r="G22" s="6">
        <v>435686</v>
      </c>
      <c r="H22" s="6">
        <v>3475899</v>
      </c>
      <c r="I22" s="6">
        <v>13660</v>
      </c>
    </row>
    <row r="23" spans="1:9">
      <c r="A23" s="9" t="s">
        <v>27</v>
      </c>
      <c r="B23" s="9" t="s">
        <v>28</v>
      </c>
      <c r="C23" s="9" t="s">
        <v>29</v>
      </c>
      <c r="D23" s="9" t="s">
        <v>228</v>
      </c>
      <c r="E23" s="9" t="s">
        <v>309</v>
      </c>
      <c r="F23" s="6">
        <v>4142714</v>
      </c>
      <c r="G23" s="6">
        <v>540649</v>
      </c>
      <c r="H23" s="6">
        <v>3587942</v>
      </c>
      <c r="I23" s="6">
        <v>14123</v>
      </c>
    </row>
    <row r="24" spans="1:9">
      <c r="A24" s="9" t="s">
        <v>27</v>
      </c>
      <c r="B24" s="9" t="s">
        <v>28</v>
      </c>
      <c r="C24" s="9" t="s">
        <v>29</v>
      </c>
      <c r="D24" s="9" t="s">
        <v>228</v>
      </c>
      <c r="E24" s="9" t="s">
        <v>310</v>
      </c>
      <c r="F24" s="6">
        <v>4012205</v>
      </c>
      <c r="G24" s="6">
        <v>478534</v>
      </c>
      <c r="H24" s="6">
        <v>3519709</v>
      </c>
      <c r="I24" s="6">
        <v>13962</v>
      </c>
    </row>
    <row r="25" spans="1:9">
      <c r="A25" s="9" t="s">
        <v>27</v>
      </c>
      <c r="B25" s="9" t="s">
        <v>28</v>
      </c>
      <c r="C25" s="9" t="s">
        <v>29</v>
      </c>
      <c r="D25" s="9" t="s">
        <v>228</v>
      </c>
      <c r="E25" s="9" t="s">
        <v>311</v>
      </c>
      <c r="F25" s="6">
        <v>3652871</v>
      </c>
      <c r="G25" s="6">
        <v>327507</v>
      </c>
      <c r="H25" s="6">
        <v>3312142</v>
      </c>
      <c r="I25" s="6">
        <v>13222</v>
      </c>
    </row>
    <row r="26" spans="1:9">
      <c r="A26" s="9" t="s">
        <v>27</v>
      </c>
      <c r="B26" s="9" t="s">
        <v>28</v>
      </c>
      <c r="C26" s="9" t="s">
        <v>29</v>
      </c>
      <c r="D26" s="9" t="s">
        <v>18</v>
      </c>
      <c r="E26" s="9" t="s">
        <v>307</v>
      </c>
      <c r="F26" s="6">
        <v>914947</v>
      </c>
      <c r="G26" s="6">
        <v>16037</v>
      </c>
      <c r="H26" s="6">
        <v>13707</v>
      </c>
      <c r="I26" s="6">
        <v>885203</v>
      </c>
    </row>
    <row r="27" spans="1:9">
      <c r="A27" s="9" t="s">
        <v>27</v>
      </c>
      <c r="B27" s="9" t="s">
        <v>28</v>
      </c>
      <c r="C27" s="9" t="s">
        <v>29</v>
      </c>
      <c r="D27" s="9" t="s">
        <v>18</v>
      </c>
      <c r="E27" s="9" t="s">
        <v>308</v>
      </c>
      <c r="F27" s="6">
        <v>443623</v>
      </c>
      <c r="G27" s="6">
        <v>13954</v>
      </c>
      <c r="H27" s="6">
        <v>12856</v>
      </c>
      <c r="I27" s="6">
        <v>416813</v>
      </c>
    </row>
    <row r="28" spans="1:9">
      <c r="A28" s="9" t="s">
        <v>27</v>
      </c>
      <c r="B28" s="9" t="s">
        <v>28</v>
      </c>
      <c r="C28" s="9" t="s">
        <v>29</v>
      </c>
      <c r="D28" s="9" t="s">
        <v>18</v>
      </c>
      <c r="E28" s="9" t="s">
        <v>309</v>
      </c>
      <c r="F28" s="6">
        <v>509597</v>
      </c>
      <c r="G28" s="6">
        <v>15131</v>
      </c>
      <c r="H28" s="6">
        <v>13277</v>
      </c>
      <c r="I28" s="6">
        <v>481189</v>
      </c>
    </row>
    <row r="29" spans="1:9">
      <c r="A29" s="9" t="s">
        <v>27</v>
      </c>
      <c r="B29" s="9" t="s">
        <v>28</v>
      </c>
      <c r="C29" s="9" t="s">
        <v>29</v>
      </c>
      <c r="D29" s="9" t="s">
        <v>18</v>
      </c>
      <c r="E29" s="9" t="s">
        <v>310</v>
      </c>
      <c r="F29" s="6">
        <v>464532</v>
      </c>
      <c r="G29" s="6">
        <v>14570</v>
      </c>
      <c r="H29" s="6">
        <v>13058</v>
      </c>
      <c r="I29" s="6">
        <v>436904</v>
      </c>
    </row>
    <row r="30" spans="1:9">
      <c r="A30" s="9" t="s">
        <v>27</v>
      </c>
      <c r="B30" s="9" t="s">
        <v>28</v>
      </c>
      <c r="C30" s="9" t="s">
        <v>29</v>
      </c>
      <c r="D30" s="9" t="s">
        <v>18</v>
      </c>
      <c r="E30" s="9" t="s">
        <v>311</v>
      </c>
      <c r="F30" s="6">
        <v>420277</v>
      </c>
      <c r="G30" s="6">
        <v>12555</v>
      </c>
      <c r="H30" s="6">
        <v>12572</v>
      </c>
      <c r="I30" s="6">
        <v>395150</v>
      </c>
    </row>
    <row r="31" spans="1:9">
      <c r="A31" s="9" t="s">
        <v>27</v>
      </c>
      <c r="B31" s="9" t="s">
        <v>57</v>
      </c>
      <c r="C31" s="9" t="s">
        <v>58</v>
      </c>
      <c r="D31" s="9" t="s">
        <v>6</v>
      </c>
      <c r="E31" s="9" t="s">
        <v>307</v>
      </c>
      <c r="F31" s="6">
        <v>149328</v>
      </c>
      <c r="G31" s="6">
        <v>63568</v>
      </c>
      <c r="H31" s="6">
        <v>78657</v>
      </c>
      <c r="I31" s="6">
        <v>7103</v>
      </c>
    </row>
    <row r="32" spans="1:9">
      <c r="A32" s="9" t="s">
        <v>27</v>
      </c>
      <c r="B32" s="9" t="s">
        <v>57</v>
      </c>
      <c r="C32" s="9" t="s">
        <v>58</v>
      </c>
      <c r="D32" s="9" t="s">
        <v>6</v>
      </c>
      <c r="E32" s="9" t="s">
        <v>308</v>
      </c>
      <c r="F32" s="6">
        <v>94175</v>
      </c>
      <c r="G32" s="6">
        <v>25427</v>
      </c>
      <c r="H32" s="6">
        <v>64354</v>
      </c>
      <c r="I32" s="6">
        <v>4394</v>
      </c>
    </row>
    <row r="33" spans="1:9">
      <c r="A33" s="9" t="s">
        <v>27</v>
      </c>
      <c r="B33" s="9" t="s">
        <v>57</v>
      </c>
      <c r="C33" s="9" t="s">
        <v>58</v>
      </c>
      <c r="D33" s="9" t="s">
        <v>6</v>
      </c>
      <c r="E33" s="9" t="s">
        <v>309</v>
      </c>
      <c r="F33" s="6">
        <v>115200</v>
      </c>
      <c r="G33" s="6">
        <v>38613</v>
      </c>
      <c r="H33" s="6">
        <v>71729</v>
      </c>
      <c r="I33" s="6">
        <v>4858</v>
      </c>
    </row>
    <row r="34" spans="1:9">
      <c r="A34" s="9" t="s">
        <v>27</v>
      </c>
      <c r="B34" s="9" t="s">
        <v>57</v>
      </c>
      <c r="C34" s="9" t="s">
        <v>58</v>
      </c>
      <c r="D34" s="9" t="s">
        <v>6</v>
      </c>
      <c r="E34" s="9" t="s">
        <v>310</v>
      </c>
      <c r="F34" s="6">
        <v>98823</v>
      </c>
      <c r="G34" s="6">
        <v>28044</v>
      </c>
      <c r="H34" s="6">
        <v>66239</v>
      </c>
      <c r="I34" s="6">
        <v>4540</v>
      </c>
    </row>
    <row r="35" spans="1:9">
      <c r="A35" s="9" t="s">
        <v>27</v>
      </c>
      <c r="B35" s="9" t="s">
        <v>57</v>
      </c>
      <c r="C35" s="9" t="s">
        <v>58</v>
      </c>
      <c r="D35" s="9" t="s">
        <v>6</v>
      </c>
      <c r="E35" s="9" t="s">
        <v>311</v>
      </c>
      <c r="F35" s="6">
        <v>83371</v>
      </c>
      <c r="G35" s="6">
        <v>19418</v>
      </c>
      <c r="H35" s="6">
        <v>59735</v>
      </c>
      <c r="I35" s="6">
        <v>4218</v>
      </c>
    </row>
    <row r="36" spans="1:9">
      <c r="A36" s="9" t="s">
        <v>27</v>
      </c>
      <c r="B36" s="9" t="s">
        <v>57</v>
      </c>
      <c r="C36" s="9" t="s">
        <v>58</v>
      </c>
      <c r="D36" s="9" t="s">
        <v>226</v>
      </c>
      <c r="E36" s="9" t="s">
        <v>307</v>
      </c>
      <c r="F36" s="6">
        <v>79699</v>
      </c>
      <c r="G36" s="6">
        <v>53939</v>
      </c>
      <c r="H36" s="6">
        <v>25429</v>
      </c>
      <c r="I36" s="6">
        <v>331</v>
      </c>
    </row>
    <row r="37" spans="1:9">
      <c r="A37" s="9" t="s">
        <v>27</v>
      </c>
      <c r="B37" s="9" t="s">
        <v>57</v>
      </c>
      <c r="C37" s="9" t="s">
        <v>58</v>
      </c>
      <c r="D37" s="9" t="s">
        <v>226</v>
      </c>
      <c r="E37" s="9" t="s">
        <v>308</v>
      </c>
      <c r="F37" s="6">
        <v>32082</v>
      </c>
      <c r="G37" s="6">
        <v>18366</v>
      </c>
      <c r="H37" s="6">
        <v>13453</v>
      </c>
      <c r="I37" s="6">
        <v>263</v>
      </c>
    </row>
    <row r="38" spans="1:9">
      <c r="A38" s="9" t="s">
        <v>27</v>
      </c>
      <c r="B38" s="9" t="s">
        <v>57</v>
      </c>
      <c r="C38" s="9" t="s">
        <v>58</v>
      </c>
      <c r="D38" s="9" t="s">
        <v>226</v>
      </c>
      <c r="E38" s="9" t="s">
        <v>309</v>
      </c>
      <c r="F38" s="6">
        <v>49047</v>
      </c>
      <c r="G38" s="6">
        <v>29755</v>
      </c>
      <c r="H38" s="6">
        <v>18994</v>
      </c>
      <c r="I38" s="6">
        <v>298</v>
      </c>
    </row>
    <row r="39" spans="1:9">
      <c r="A39" s="9" t="s">
        <v>27</v>
      </c>
      <c r="B39" s="9" t="s">
        <v>57</v>
      </c>
      <c r="C39" s="9" t="s">
        <v>58</v>
      </c>
      <c r="D39" s="9" t="s">
        <v>226</v>
      </c>
      <c r="E39" s="9" t="s">
        <v>310</v>
      </c>
      <c r="F39" s="6">
        <v>35243</v>
      </c>
      <c r="G39" s="6">
        <v>20295</v>
      </c>
      <c r="H39" s="6">
        <v>14671</v>
      </c>
      <c r="I39" s="6">
        <v>277</v>
      </c>
    </row>
    <row r="40" spans="1:9">
      <c r="A40" s="9" t="s">
        <v>27</v>
      </c>
      <c r="B40" s="9" t="s">
        <v>57</v>
      </c>
      <c r="C40" s="9" t="s">
        <v>58</v>
      </c>
      <c r="D40" s="9" t="s">
        <v>226</v>
      </c>
      <c r="E40" s="9" t="s">
        <v>311</v>
      </c>
      <c r="F40" s="6">
        <v>25733</v>
      </c>
      <c r="G40" s="6">
        <v>14209</v>
      </c>
      <c r="H40" s="6">
        <v>11282</v>
      </c>
      <c r="I40" s="6">
        <v>242</v>
      </c>
    </row>
    <row r="41" spans="1:9">
      <c r="A41" s="9" t="s">
        <v>27</v>
      </c>
      <c r="B41" s="9" t="s">
        <v>57</v>
      </c>
      <c r="C41" s="9" t="s">
        <v>58</v>
      </c>
      <c r="D41" s="9" t="s">
        <v>228</v>
      </c>
      <c r="E41" s="9" t="s">
        <v>307</v>
      </c>
      <c r="F41" s="6">
        <v>62650</v>
      </c>
      <c r="G41" s="6">
        <v>9430</v>
      </c>
      <c r="H41" s="6">
        <v>53063</v>
      </c>
      <c r="I41" s="6">
        <v>157</v>
      </c>
    </row>
    <row r="42" spans="1:9">
      <c r="A42" s="9" t="s">
        <v>27</v>
      </c>
      <c r="B42" s="9" t="s">
        <v>57</v>
      </c>
      <c r="C42" s="9" t="s">
        <v>58</v>
      </c>
      <c r="D42" s="9" t="s">
        <v>228</v>
      </c>
      <c r="E42" s="9" t="s">
        <v>308</v>
      </c>
      <c r="F42" s="6">
        <v>57791</v>
      </c>
      <c r="G42" s="6">
        <v>6891</v>
      </c>
      <c r="H42" s="6">
        <v>50748</v>
      </c>
      <c r="I42" s="6">
        <v>152</v>
      </c>
    </row>
    <row r="43" spans="1:9">
      <c r="A43" s="9" t="s">
        <v>27</v>
      </c>
      <c r="B43" s="9" t="s">
        <v>57</v>
      </c>
      <c r="C43" s="9" t="s">
        <v>58</v>
      </c>
      <c r="D43" s="9" t="s">
        <v>228</v>
      </c>
      <c r="E43" s="9" t="s">
        <v>309</v>
      </c>
      <c r="F43" s="6">
        <v>61396</v>
      </c>
      <c r="G43" s="6">
        <v>8669</v>
      </c>
      <c r="H43" s="6">
        <v>52572</v>
      </c>
      <c r="I43" s="6">
        <v>155</v>
      </c>
    </row>
    <row r="44" spans="1:9">
      <c r="A44" s="9" t="s">
        <v>27</v>
      </c>
      <c r="B44" s="9" t="s">
        <v>57</v>
      </c>
      <c r="C44" s="9" t="s">
        <v>58</v>
      </c>
      <c r="D44" s="9" t="s">
        <v>228</v>
      </c>
      <c r="E44" s="9" t="s">
        <v>310</v>
      </c>
      <c r="F44" s="6">
        <v>59134</v>
      </c>
      <c r="G44" s="6">
        <v>7568</v>
      </c>
      <c r="H44" s="6">
        <v>51413</v>
      </c>
      <c r="I44" s="6">
        <v>153</v>
      </c>
    </row>
    <row r="45" spans="1:9">
      <c r="A45" s="9" t="s">
        <v>27</v>
      </c>
      <c r="B45" s="9" t="s">
        <v>57</v>
      </c>
      <c r="C45" s="9" t="s">
        <v>58</v>
      </c>
      <c r="D45" s="9" t="s">
        <v>228</v>
      </c>
      <c r="E45" s="9" t="s">
        <v>311</v>
      </c>
      <c r="F45" s="6">
        <v>53511</v>
      </c>
      <c r="G45" s="6">
        <v>5057</v>
      </c>
      <c r="H45" s="6">
        <v>48307</v>
      </c>
      <c r="I45" s="6">
        <v>147</v>
      </c>
    </row>
    <row r="46" spans="1:9">
      <c r="A46" s="9" t="s">
        <v>27</v>
      </c>
      <c r="B46" s="9" t="s">
        <v>57</v>
      </c>
      <c r="C46" s="9" t="s">
        <v>58</v>
      </c>
      <c r="D46" s="9" t="s">
        <v>18</v>
      </c>
      <c r="E46" s="9" t="s">
        <v>307</v>
      </c>
      <c r="F46" s="6">
        <v>6979</v>
      </c>
      <c r="G46" s="6">
        <v>199</v>
      </c>
      <c r="H46" s="6">
        <v>165</v>
      </c>
      <c r="I46" s="6">
        <v>6615</v>
      </c>
    </row>
    <row r="47" spans="1:9">
      <c r="A47" s="9" t="s">
        <v>27</v>
      </c>
      <c r="B47" s="9" t="s">
        <v>57</v>
      </c>
      <c r="C47" s="9" t="s">
        <v>58</v>
      </c>
      <c r="D47" s="9" t="s">
        <v>18</v>
      </c>
      <c r="E47" s="9" t="s">
        <v>308</v>
      </c>
      <c r="F47" s="6">
        <v>4302</v>
      </c>
      <c r="G47" s="6">
        <v>170</v>
      </c>
      <c r="H47" s="6">
        <v>153</v>
      </c>
      <c r="I47" s="6">
        <v>3979</v>
      </c>
    </row>
    <row r="48" spans="1:9">
      <c r="A48" s="9" t="s">
        <v>27</v>
      </c>
      <c r="B48" s="9" t="s">
        <v>57</v>
      </c>
      <c r="C48" s="9" t="s">
        <v>58</v>
      </c>
      <c r="D48" s="9" t="s">
        <v>18</v>
      </c>
      <c r="E48" s="9" t="s">
        <v>309</v>
      </c>
      <c r="F48" s="6">
        <v>4757</v>
      </c>
      <c r="G48" s="6">
        <v>189</v>
      </c>
      <c r="H48" s="6">
        <v>163</v>
      </c>
      <c r="I48" s="6">
        <v>4405</v>
      </c>
    </row>
    <row r="49" spans="1:9">
      <c r="A49" s="9" t="s">
        <v>27</v>
      </c>
      <c r="B49" s="9" t="s">
        <v>57</v>
      </c>
      <c r="C49" s="9" t="s">
        <v>58</v>
      </c>
      <c r="D49" s="9" t="s">
        <v>18</v>
      </c>
      <c r="E49" s="9" t="s">
        <v>310</v>
      </c>
      <c r="F49" s="6">
        <v>4446</v>
      </c>
      <c r="G49" s="6">
        <v>181</v>
      </c>
      <c r="H49" s="6">
        <v>155</v>
      </c>
      <c r="I49" s="6">
        <v>4110</v>
      </c>
    </row>
    <row r="50" spans="1:9">
      <c r="A50" s="9" t="s">
        <v>27</v>
      </c>
      <c r="B50" s="9" t="s">
        <v>57</v>
      </c>
      <c r="C50" s="9" t="s">
        <v>58</v>
      </c>
      <c r="D50" s="9" t="s">
        <v>18</v>
      </c>
      <c r="E50" s="9" t="s">
        <v>311</v>
      </c>
      <c r="F50" s="6">
        <v>4127</v>
      </c>
      <c r="G50" s="6">
        <v>152</v>
      </c>
      <c r="H50" s="6">
        <v>146</v>
      </c>
      <c r="I50" s="6">
        <v>3829</v>
      </c>
    </row>
    <row r="51" spans="1:9">
      <c r="A51" s="9" t="s">
        <v>56</v>
      </c>
      <c r="B51" s="9" t="s">
        <v>57</v>
      </c>
      <c r="C51" s="9" t="s">
        <v>59</v>
      </c>
      <c r="D51" s="9" t="s">
        <v>6</v>
      </c>
      <c r="E51" s="9" t="s">
        <v>307</v>
      </c>
      <c r="F51" s="6">
        <v>10245</v>
      </c>
      <c r="G51" s="6">
        <v>4126</v>
      </c>
      <c r="H51" s="6">
        <v>5865</v>
      </c>
      <c r="I51" s="6">
        <v>254</v>
      </c>
    </row>
    <row r="52" spans="1:9">
      <c r="A52" s="9" t="s">
        <v>56</v>
      </c>
      <c r="B52" s="9" t="s">
        <v>57</v>
      </c>
      <c r="C52" s="9" t="s">
        <v>59</v>
      </c>
      <c r="D52" s="9" t="s">
        <v>6</v>
      </c>
      <c r="E52" s="9" t="s">
        <v>308</v>
      </c>
      <c r="F52" s="6">
        <v>6738</v>
      </c>
      <c r="G52" s="6">
        <v>1731</v>
      </c>
      <c r="H52" s="6">
        <v>4927</v>
      </c>
      <c r="I52" s="6">
        <v>80</v>
      </c>
    </row>
    <row r="53" spans="1:9">
      <c r="A53" s="9" t="s">
        <v>56</v>
      </c>
      <c r="B53" s="9" t="s">
        <v>57</v>
      </c>
      <c r="C53" s="9" t="s">
        <v>59</v>
      </c>
      <c r="D53" s="9" t="s">
        <v>6</v>
      </c>
      <c r="E53" s="9" t="s">
        <v>309</v>
      </c>
      <c r="F53" s="6">
        <v>8129</v>
      </c>
      <c r="G53" s="6">
        <v>2593</v>
      </c>
      <c r="H53" s="6">
        <v>5419</v>
      </c>
      <c r="I53" s="6">
        <v>117</v>
      </c>
    </row>
    <row r="54" spans="1:9">
      <c r="A54" s="9" t="s">
        <v>56</v>
      </c>
      <c r="B54" s="9" t="s">
        <v>57</v>
      </c>
      <c r="C54" s="9" t="s">
        <v>59</v>
      </c>
      <c r="D54" s="9" t="s">
        <v>6</v>
      </c>
      <c r="E54" s="9" t="s">
        <v>310</v>
      </c>
      <c r="F54" s="6">
        <v>7065</v>
      </c>
      <c r="G54" s="6">
        <v>1904</v>
      </c>
      <c r="H54" s="6">
        <v>5068</v>
      </c>
      <c r="I54" s="6">
        <v>93</v>
      </c>
    </row>
    <row r="55" spans="1:9">
      <c r="A55" s="9" t="s">
        <v>56</v>
      </c>
      <c r="B55" s="9" t="s">
        <v>57</v>
      </c>
      <c r="C55" s="9" t="s">
        <v>59</v>
      </c>
      <c r="D55" s="9" t="s">
        <v>6</v>
      </c>
      <c r="E55" s="9" t="s">
        <v>311</v>
      </c>
      <c r="F55" s="6">
        <v>5973</v>
      </c>
      <c r="G55" s="6">
        <v>1308</v>
      </c>
      <c r="H55" s="6">
        <v>4592</v>
      </c>
      <c r="I55" s="6">
        <v>73</v>
      </c>
    </row>
    <row r="56" spans="1:9">
      <c r="A56" s="9" t="s">
        <v>56</v>
      </c>
      <c r="B56" s="9" t="s">
        <v>57</v>
      </c>
      <c r="C56" s="9" t="s">
        <v>59</v>
      </c>
      <c r="D56" s="9" t="s">
        <v>226</v>
      </c>
      <c r="E56" s="9" t="s">
        <v>307</v>
      </c>
      <c r="F56" s="6">
        <v>5004</v>
      </c>
      <c r="G56" s="6">
        <v>3407</v>
      </c>
      <c r="H56" s="6">
        <v>1592</v>
      </c>
      <c r="I56" s="6">
        <v>5</v>
      </c>
    </row>
    <row r="57" spans="1:9">
      <c r="A57" s="9" t="s">
        <v>56</v>
      </c>
      <c r="B57" s="9" t="s">
        <v>57</v>
      </c>
      <c r="C57" s="9" t="s">
        <v>59</v>
      </c>
      <c r="D57" s="9" t="s">
        <v>226</v>
      </c>
      <c r="E57" s="9" t="s">
        <v>308</v>
      </c>
      <c r="F57" s="6">
        <v>2053</v>
      </c>
      <c r="G57" s="6">
        <v>1194</v>
      </c>
      <c r="H57" s="6">
        <v>857</v>
      </c>
      <c r="I57" s="6">
        <v>2</v>
      </c>
    </row>
    <row r="58" spans="1:9">
      <c r="A58" s="9" t="s">
        <v>56</v>
      </c>
      <c r="B58" s="9" t="s">
        <v>57</v>
      </c>
      <c r="C58" s="9" t="s">
        <v>59</v>
      </c>
      <c r="D58" s="9" t="s">
        <v>226</v>
      </c>
      <c r="E58" s="9" t="s">
        <v>309</v>
      </c>
      <c r="F58" s="6">
        <v>3103</v>
      </c>
      <c r="G58" s="6">
        <v>1922</v>
      </c>
      <c r="H58" s="6">
        <v>1178</v>
      </c>
      <c r="I58" s="6">
        <v>3</v>
      </c>
    </row>
    <row r="59" spans="1:9">
      <c r="A59" s="9" t="s">
        <v>56</v>
      </c>
      <c r="B59" s="9" t="s">
        <v>57</v>
      </c>
      <c r="C59" s="9" t="s">
        <v>59</v>
      </c>
      <c r="D59" s="9" t="s">
        <v>226</v>
      </c>
      <c r="E59" s="9" t="s">
        <v>310</v>
      </c>
      <c r="F59" s="6">
        <v>2252</v>
      </c>
      <c r="G59" s="6">
        <v>1315</v>
      </c>
      <c r="H59" s="6">
        <v>935</v>
      </c>
      <c r="I59" s="6">
        <v>2</v>
      </c>
    </row>
    <row r="60" spans="1:9">
      <c r="A60" s="9" t="s">
        <v>56</v>
      </c>
      <c r="B60" s="9" t="s">
        <v>57</v>
      </c>
      <c r="C60" s="9" t="s">
        <v>59</v>
      </c>
      <c r="D60" s="9" t="s">
        <v>226</v>
      </c>
      <c r="E60" s="9" t="s">
        <v>311</v>
      </c>
      <c r="F60" s="6">
        <v>1635</v>
      </c>
      <c r="G60" s="6">
        <v>920</v>
      </c>
      <c r="H60" s="6">
        <v>713</v>
      </c>
      <c r="I60" s="6">
        <v>2</v>
      </c>
    </row>
    <row r="61" spans="1:9">
      <c r="A61" s="9" t="s">
        <v>56</v>
      </c>
      <c r="B61" s="9" t="s">
        <v>57</v>
      </c>
      <c r="C61" s="9" t="s">
        <v>59</v>
      </c>
      <c r="D61" s="9" t="s">
        <v>228</v>
      </c>
      <c r="E61" s="9" t="s">
        <v>307</v>
      </c>
      <c r="F61" s="6">
        <v>4993</v>
      </c>
      <c r="G61" s="6">
        <v>719</v>
      </c>
      <c r="H61" s="6">
        <v>4273</v>
      </c>
      <c r="I61" s="6">
        <v>1</v>
      </c>
    </row>
    <row r="62" spans="1:9">
      <c r="A62" s="9" t="s">
        <v>56</v>
      </c>
      <c r="B62" s="9" t="s">
        <v>57</v>
      </c>
      <c r="C62" s="9" t="s">
        <v>59</v>
      </c>
      <c r="D62" s="9" t="s">
        <v>228</v>
      </c>
      <c r="E62" s="9" t="s">
        <v>308</v>
      </c>
      <c r="F62" s="6">
        <v>4608</v>
      </c>
      <c r="G62" s="6">
        <v>537</v>
      </c>
      <c r="H62" s="6">
        <v>4070</v>
      </c>
      <c r="I62" s="6">
        <v>1</v>
      </c>
    </row>
    <row r="63" spans="1:9">
      <c r="A63" s="9" t="s">
        <v>56</v>
      </c>
      <c r="B63" s="9" t="s">
        <v>57</v>
      </c>
      <c r="C63" s="9" t="s">
        <v>59</v>
      </c>
      <c r="D63" s="9" t="s">
        <v>228</v>
      </c>
      <c r="E63" s="9" t="s">
        <v>309</v>
      </c>
      <c r="F63" s="6">
        <v>4913</v>
      </c>
      <c r="G63" s="6">
        <v>671</v>
      </c>
      <c r="H63" s="6">
        <v>4241</v>
      </c>
      <c r="I63" s="6">
        <v>1</v>
      </c>
    </row>
    <row r="64" spans="1:9">
      <c r="A64" s="9" t="s">
        <v>56</v>
      </c>
      <c r="B64" s="9" t="s">
        <v>57</v>
      </c>
      <c r="C64" s="9" t="s">
        <v>59</v>
      </c>
      <c r="D64" s="9" t="s">
        <v>228</v>
      </c>
      <c r="E64" s="9" t="s">
        <v>310</v>
      </c>
      <c r="F64" s="6">
        <v>4723</v>
      </c>
      <c r="G64" s="6">
        <v>589</v>
      </c>
      <c r="H64" s="6">
        <v>4133</v>
      </c>
      <c r="I64" s="6">
        <v>1</v>
      </c>
    </row>
    <row r="65" spans="1:9">
      <c r="A65" s="9" t="s">
        <v>56</v>
      </c>
      <c r="B65" s="9" t="s">
        <v>57</v>
      </c>
      <c r="C65" s="9" t="s">
        <v>59</v>
      </c>
      <c r="D65" s="9" t="s">
        <v>228</v>
      </c>
      <c r="E65" s="9" t="s">
        <v>311</v>
      </c>
      <c r="F65" s="6">
        <v>4268</v>
      </c>
      <c r="G65" s="6">
        <v>388</v>
      </c>
      <c r="H65" s="6">
        <v>3879</v>
      </c>
      <c r="I65" s="6">
        <v>1</v>
      </c>
    </row>
    <row r="66" spans="1:9">
      <c r="A66" s="9" t="s">
        <v>56</v>
      </c>
      <c r="B66" s="9" t="s">
        <v>57</v>
      </c>
      <c r="C66" s="9" t="s">
        <v>59</v>
      </c>
      <c r="D66" s="9" t="s">
        <v>18</v>
      </c>
      <c r="E66" s="9" t="s">
        <v>307</v>
      </c>
      <c r="F66" s="6">
        <v>248</v>
      </c>
      <c r="G66" s="10" t="s">
        <v>55</v>
      </c>
      <c r="H66" s="10" t="s">
        <v>55</v>
      </c>
      <c r="I66" s="6">
        <v>248</v>
      </c>
    </row>
    <row r="67" spans="1:9">
      <c r="A67" s="9" t="s">
        <v>56</v>
      </c>
      <c r="B67" s="9" t="s">
        <v>57</v>
      </c>
      <c r="C67" s="9" t="s">
        <v>59</v>
      </c>
      <c r="D67" s="9" t="s">
        <v>18</v>
      </c>
      <c r="E67" s="9" t="s">
        <v>308</v>
      </c>
      <c r="F67" s="6">
        <v>77</v>
      </c>
      <c r="G67" s="10" t="s">
        <v>55</v>
      </c>
      <c r="H67" s="10" t="s">
        <v>55</v>
      </c>
      <c r="I67" s="6">
        <v>77</v>
      </c>
    </row>
    <row r="68" spans="1:9">
      <c r="A68" s="9" t="s">
        <v>56</v>
      </c>
      <c r="B68" s="9" t="s">
        <v>57</v>
      </c>
      <c r="C68" s="9" t="s">
        <v>59</v>
      </c>
      <c r="D68" s="9" t="s">
        <v>18</v>
      </c>
      <c r="E68" s="9" t="s">
        <v>309</v>
      </c>
      <c r="F68" s="6">
        <v>113</v>
      </c>
      <c r="G68" s="10" t="s">
        <v>55</v>
      </c>
      <c r="H68" s="10" t="s">
        <v>55</v>
      </c>
      <c r="I68" s="6">
        <v>113</v>
      </c>
    </row>
    <row r="69" spans="1:9">
      <c r="A69" s="9" t="s">
        <v>56</v>
      </c>
      <c r="B69" s="9" t="s">
        <v>57</v>
      </c>
      <c r="C69" s="9" t="s">
        <v>59</v>
      </c>
      <c r="D69" s="9" t="s">
        <v>18</v>
      </c>
      <c r="E69" s="9" t="s">
        <v>310</v>
      </c>
      <c r="F69" s="6">
        <v>90</v>
      </c>
      <c r="G69" s="10" t="s">
        <v>55</v>
      </c>
      <c r="H69" s="10" t="s">
        <v>55</v>
      </c>
      <c r="I69" s="6">
        <v>90</v>
      </c>
    </row>
    <row r="70" spans="1:9">
      <c r="A70" s="9" t="s">
        <v>56</v>
      </c>
      <c r="B70" s="9" t="s">
        <v>57</v>
      </c>
      <c r="C70" s="9" t="s">
        <v>59</v>
      </c>
      <c r="D70" s="9" t="s">
        <v>18</v>
      </c>
      <c r="E70" s="9" t="s">
        <v>311</v>
      </c>
      <c r="F70" s="6">
        <v>70</v>
      </c>
      <c r="G70" s="10" t="s">
        <v>55</v>
      </c>
      <c r="H70" s="10" t="s">
        <v>55</v>
      </c>
      <c r="I70" s="6">
        <v>70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69" orientation="portrait" r:id="rId1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48C532BD-E8E4-4C1D-9CF6-B829DBAE16B9}">
  <sheetPr>
    <pageSetUpPr fitToPage="1"/>
  </sheetPr>
  <dimension ref="A1:AB631"/>
  <sheetViews>
    <sheetView zoomScaleNormal="100" workbookViewId="0">
      <pane xSplit="10" ySplit="10" topLeftCell="K11" activePane="bottomRight" state="frozen"/>
      <selection pane="topRight" activeCell="AH1" sqref="AH1"/>
      <selection pane="bottomLeft" activeCell="A19" sqref="A19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95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96</v>
      </c>
      <c r="I11" s="5" t="s">
        <v>6</v>
      </c>
      <c r="J11" s="5" t="s">
        <v>30</v>
      </c>
      <c r="K11" s="6">
        <v>28486643</v>
      </c>
      <c r="L11" s="6">
        <v>17841461</v>
      </c>
      <c r="M11" s="6">
        <v>16468683</v>
      </c>
      <c r="N11" s="6">
        <v>14642790</v>
      </c>
      <c r="O11" s="6">
        <v>400027</v>
      </c>
      <c r="P11" s="6">
        <v>1079279</v>
      </c>
      <c r="Q11" s="6">
        <v>346587</v>
      </c>
      <c r="R11" s="6">
        <v>1372778</v>
      </c>
      <c r="S11" s="6">
        <v>8236015</v>
      </c>
      <c r="T11" s="6">
        <v>969913</v>
      </c>
      <c r="U11" s="6">
        <v>5238488</v>
      </c>
      <c r="V11" s="6">
        <v>2027614</v>
      </c>
      <c r="W11" s="6">
        <v>2409167</v>
      </c>
      <c r="X11" s="6">
        <v>15148571</v>
      </c>
      <c r="Y11" s="6">
        <v>13549723</v>
      </c>
      <c r="Z11" s="6">
        <v>282217</v>
      </c>
      <c r="AA11" s="6">
        <v>1067479</v>
      </c>
      <c r="AB11" s="6">
        <v>249152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96</v>
      </c>
      <c r="I12" s="9" t="s">
        <v>6</v>
      </c>
      <c r="J12" s="9" t="s">
        <v>31</v>
      </c>
      <c r="K12" s="6">
        <v>5568998</v>
      </c>
      <c r="L12" s="6">
        <v>832449</v>
      </c>
      <c r="M12" s="6">
        <v>777118</v>
      </c>
      <c r="N12" s="6">
        <v>319032</v>
      </c>
      <c r="O12" s="6">
        <v>18474</v>
      </c>
      <c r="P12" s="6">
        <v>422291</v>
      </c>
      <c r="Q12" s="6">
        <v>17321</v>
      </c>
      <c r="R12" s="6">
        <v>55331</v>
      </c>
      <c r="S12" s="6">
        <v>4176469</v>
      </c>
      <c r="T12" s="6">
        <v>26700</v>
      </c>
      <c r="U12" s="6">
        <v>4070852</v>
      </c>
      <c r="V12" s="6">
        <v>78917</v>
      </c>
      <c r="W12" s="6">
        <v>560080</v>
      </c>
      <c r="X12" s="6">
        <v>753911</v>
      </c>
      <c r="Y12" s="6">
        <v>302554</v>
      </c>
      <c r="Z12" s="6">
        <v>16982</v>
      </c>
      <c r="AA12" s="6">
        <v>418477</v>
      </c>
      <c r="AB12" s="6">
        <v>15898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96</v>
      </c>
      <c r="I13" s="9" t="s">
        <v>6</v>
      </c>
      <c r="J13" s="9" t="s">
        <v>32</v>
      </c>
      <c r="K13" s="6">
        <v>5207371</v>
      </c>
      <c r="L13" s="6">
        <v>3459907</v>
      </c>
      <c r="M13" s="6">
        <v>3249303</v>
      </c>
      <c r="N13" s="6">
        <v>2516245</v>
      </c>
      <c r="O13" s="6">
        <v>58960</v>
      </c>
      <c r="P13" s="6">
        <v>613283</v>
      </c>
      <c r="Q13" s="6">
        <v>60815</v>
      </c>
      <c r="R13" s="6">
        <v>210604</v>
      </c>
      <c r="S13" s="6">
        <v>1236398</v>
      </c>
      <c r="T13" s="6">
        <v>63254</v>
      </c>
      <c r="U13" s="6">
        <v>1069945</v>
      </c>
      <c r="V13" s="6">
        <v>103199</v>
      </c>
      <c r="W13" s="6">
        <v>511066</v>
      </c>
      <c r="X13" s="6">
        <v>3145516</v>
      </c>
      <c r="Y13" s="6">
        <v>2428908</v>
      </c>
      <c r="Z13" s="6">
        <v>52823</v>
      </c>
      <c r="AA13" s="6">
        <v>607691</v>
      </c>
      <c r="AB13" s="6">
        <v>56094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96</v>
      </c>
      <c r="I14" s="9" t="s">
        <v>6</v>
      </c>
      <c r="J14" s="9" t="s">
        <v>33</v>
      </c>
      <c r="K14" s="6">
        <v>3730227</v>
      </c>
      <c r="L14" s="6">
        <v>3200923</v>
      </c>
      <c r="M14" s="6">
        <v>2998453</v>
      </c>
      <c r="N14" s="6">
        <v>2887862</v>
      </c>
      <c r="O14" s="6">
        <v>41466</v>
      </c>
      <c r="P14" s="6">
        <v>29893</v>
      </c>
      <c r="Q14" s="6">
        <v>39232</v>
      </c>
      <c r="R14" s="6">
        <v>202470</v>
      </c>
      <c r="S14" s="6">
        <v>209197</v>
      </c>
      <c r="T14" s="6">
        <v>61074</v>
      </c>
      <c r="U14" s="6">
        <v>71271</v>
      </c>
      <c r="V14" s="6">
        <v>76852</v>
      </c>
      <c r="W14" s="6">
        <v>320107</v>
      </c>
      <c r="X14" s="6">
        <v>2868633</v>
      </c>
      <c r="Y14" s="6">
        <v>2772812</v>
      </c>
      <c r="Z14" s="6">
        <v>32932</v>
      </c>
      <c r="AA14" s="6">
        <v>28965</v>
      </c>
      <c r="AB14" s="6">
        <v>33924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96</v>
      </c>
      <c r="I15" s="9" t="s">
        <v>6</v>
      </c>
      <c r="J15" s="9" t="s">
        <v>34</v>
      </c>
      <c r="K15" s="6">
        <v>2510676</v>
      </c>
      <c r="L15" s="6">
        <v>2165014</v>
      </c>
      <c r="M15" s="6">
        <v>2000622</v>
      </c>
      <c r="N15" s="6">
        <v>1929754</v>
      </c>
      <c r="O15" s="6">
        <v>33020</v>
      </c>
      <c r="P15" s="6">
        <v>7572</v>
      </c>
      <c r="Q15" s="6">
        <v>30276</v>
      </c>
      <c r="R15" s="6">
        <v>164392</v>
      </c>
      <c r="S15" s="6">
        <v>159278</v>
      </c>
      <c r="T15" s="6">
        <v>64295</v>
      </c>
      <c r="U15" s="6">
        <v>14829</v>
      </c>
      <c r="V15" s="6">
        <v>80154</v>
      </c>
      <c r="W15" s="6">
        <v>186384</v>
      </c>
      <c r="X15" s="6">
        <v>1866398</v>
      </c>
      <c r="Y15" s="6">
        <v>1811975</v>
      </c>
      <c r="Z15" s="6">
        <v>23200</v>
      </c>
      <c r="AA15" s="6">
        <v>7110</v>
      </c>
      <c r="AB15" s="6">
        <v>24113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96</v>
      </c>
      <c r="I16" s="9" t="s">
        <v>6</v>
      </c>
      <c r="J16" s="9" t="s">
        <v>35</v>
      </c>
      <c r="K16" s="6">
        <v>2020933</v>
      </c>
      <c r="L16" s="6">
        <v>1723539</v>
      </c>
      <c r="M16" s="6">
        <v>1575879</v>
      </c>
      <c r="N16" s="6">
        <v>1518334</v>
      </c>
      <c r="O16" s="6">
        <v>28505</v>
      </c>
      <c r="P16" s="6">
        <v>2544</v>
      </c>
      <c r="Q16" s="6">
        <v>26496</v>
      </c>
      <c r="R16" s="6">
        <v>147660</v>
      </c>
      <c r="S16" s="6">
        <v>159396</v>
      </c>
      <c r="T16" s="6">
        <v>65093</v>
      </c>
      <c r="U16" s="6">
        <v>4795</v>
      </c>
      <c r="V16" s="6">
        <v>89508</v>
      </c>
      <c r="W16" s="6">
        <v>137998</v>
      </c>
      <c r="X16" s="6">
        <v>1435999</v>
      </c>
      <c r="Y16" s="6">
        <v>1395816</v>
      </c>
      <c r="Z16" s="6">
        <v>18694</v>
      </c>
      <c r="AA16" s="6">
        <v>2301</v>
      </c>
      <c r="AB16" s="6">
        <v>19188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96</v>
      </c>
      <c r="I17" s="9" t="s">
        <v>6</v>
      </c>
      <c r="J17" s="9" t="s">
        <v>36</v>
      </c>
      <c r="K17" s="6">
        <v>1923980</v>
      </c>
      <c r="L17" s="6">
        <v>1620842</v>
      </c>
      <c r="M17" s="6">
        <v>1477957</v>
      </c>
      <c r="N17" s="6">
        <v>1419509</v>
      </c>
      <c r="O17" s="6">
        <v>29080</v>
      </c>
      <c r="P17" s="6">
        <v>1373</v>
      </c>
      <c r="Q17" s="6">
        <v>27995</v>
      </c>
      <c r="R17" s="6">
        <v>142885</v>
      </c>
      <c r="S17" s="6">
        <v>175662</v>
      </c>
      <c r="T17" s="6">
        <v>69986</v>
      </c>
      <c r="U17" s="6">
        <v>2508</v>
      </c>
      <c r="V17" s="6">
        <v>103168</v>
      </c>
      <c r="W17" s="6">
        <v>127476</v>
      </c>
      <c r="X17" s="6">
        <v>1324422</v>
      </c>
      <c r="Y17" s="6">
        <v>1286119</v>
      </c>
      <c r="Z17" s="6">
        <v>18382</v>
      </c>
      <c r="AA17" s="6">
        <v>1159</v>
      </c>
      <c r="AB17" s="6">
        <v>18762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96</v>
      </c>
      <c r="I18" s="9" t="s">
        <v>6</v>
      </c>
      <c r="J18" s="9" t="s">
        <v>37</v>
      </c>
      <c r="K18" s="6">
        <v>2067894</v>
      </c>
      <c r="L18" s="6">
        <v>1707221</v>
      </c>
      <c r="M18" s="6">
        <v>1554991</v>
      </c>
      <c r="N18" s="6">
        <v>1485893</v>
      </c>
      <c r="O18" s="6">
        <v>34493</v>
      </c>
      <c r="P18" s="6">
        <v>1034</v>
      </c>
      <c r="Q18" s="6">
        <v>33571</v>
      </c>
      <c r="R18" s="6">
        <v>152230</v>
      </c>
      <c r="S18" s="6">
        <v>216042</v>
      </c>
      <c r="T18" s="6">
        <v>86560</v>
      </c>
      <c r="U18" s="6">
        <v>1744</v>
      </c>
      <c r="V18" s="6">
        <v>127738</v>
      </c>
      <c r="W18" s="6">
        <v>144631</v>
      </c>
      <c r="X18" s="6">
        <v>1382392</v>
      </c>
      <c r="Y18" s="6">
        <v>1337915</v>
      </c>
      <c r="Z18" s="6">
        <v>22113</v>
      </c>
      <c r="AA18" s="6">
        <v>825</v>
      </c>
      <c r="AB18" s="6">
        <v>21539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96</v>
      </c>
      <c r="I19" s="9" t="s">
        <v>6</v>
      </c>
      <c r="J19" s="9" t="s">
        <v>38</v>
      </c>
      <c r="K19" s="6">
        <v>1610402</v>
      </c>
      <c r="L19" s="6">
        <v>1283005</v>
      </c>
      <c r="M19" s="6">
        <v>1162551</v>
      </c>
      <c r="N19" s="6">
        <v>1099123</v>
      </c>
      <c r="O19" s="6">
        <v>33122</v>
      </c>
      <c r="P19" s="6">
        <v>551</v>
      </c>
      <c r="Q19" s="6">
        <v>29755</v>
      </c>
      <c r="R19" s="6">
        <v>120454</v>
      </c>
      <c r="S19" s="6">
        <v>204433</v>
      </c>
      <c r="T19" s="6">
        <v>85357</v>
      </c>
      <c r="U19" s="6">
        <v>924</v>
      </c>
      <c r="V19" s="6">
        <v>118152</v>
      </c>
      <c r="W19" s="6">
        <v>122964</v>
      </c>
      <c r="X19" s="6">
        <v>1022065</v>
      </c>
      <c r="Y19" s="6">
        <v>981863</v>
      </c>
      <c r="Z19" s="6">
        <v>21245</v>
      </c>
      <c r="AA19" s="6">
        <v>444</v>
      </c>
      <c r="AB19" s="6">
        <v>18513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96</v>
      </c>
      <c r="I20" s="9" t="s">
        <v>6</v>
      </c>
      <c r="J20" s="9" t="s">
        <v>39</v>
      </c>
      <c r="K20" s="6">
        <v>1156000</v>
      </c>
      <c r="L20" s="6">
        <v>872381</v>
      </c>
      <c r="M20" s="6">
        <v>788023</v>
      </c>
      <c r="N20" s="6">
        <v>733535</v>
      </c>
      <c r="O20" s="6">
        <v>30160</v>
      </c>
      <c r="P20" s="6">
        <v>314</v>
      </c>
      <c r="Q20" s="6">
        <v>24014</v>
      </c>
      <c r="R20" s="6">
        <v>84358</v>
      </c>
      <c r="S20" s="6">
        <v>199017</v>
      </c>
      <c r="T20" s="6">
        <v>82023</v>
      </c>
      <c r="U20" s="6">
        <v>506</v>
      </c>
      <c r="V20" s="6">
        <v>116488</v>
      </c>
      <c r="W20" s="6">
        <v>84602</v>
      </c>
      <c r="X20" s="6">
        <v>683471</v>
      </c>
      <c r="Y20" s="6">
        <v>649377</v>
      </c>
      <c r="Z20" s="6">
        <v>19111</v>
      </c>
      <c r="AA20" s="6">
        <v>235</v>
      </c>
      <c r="AB20" s="6">
        <v>14748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96</v>
      </c>
      <c r="I21" s="9" t="s">
        <v>6</v>
      </c>
      <c r="J21" s="9" t="s">
        <v>40</v>
      </c>
      <c r="K21" s="6">
        <v>821473</v>
      </c>
      <c r="L21" s="6">
        <v>508877</v>
      </c>
      <c r="M21" s="6">
        <v>454785</v>
      </c>
      <c r="N21" s="6">
        <v>405638</v>
      </c>
      <c r="O21" s="6">
        <v>30064</v>
      </c>
      <c r="P21" s="6">
        <v>178</v>
      </c>
      <c r="Q21" s="6">
        <v>18905</v>
      </c>
      <c r="R21" s="6">
        <v>54092</v>
      </c>
      <c r="S21" s="6">
        <v>259452</v>
      </c>
      <c r="T21" s="6">
        <v>91148</v>
      </c>
      <c r="U21" s="6">
        <v>285</v>
      </c>
      <c r="V21" s="6">
        <v>168019</v>
      </c>
      <c r="W21" s="6">
        <v>53144</v>
      </c>
      <c r="X21" s="6">
        <v>374765</v>
      </c>
      <c r="Y21" s="6">
        <v>344665</v>
      </c>
      <c r="Z21" s="6">
        <v>19405</v>
      </c>
      <c r="AA21" s="6">
        <v>123</v>
      </c>
      <c r="AB21" s="6">
        <v>10572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96</v>
      </c>
      <c r="I22" s="9" t="s">
        <v>6</v>
      </c>
      <c r="J22" s="9" t="s">
        <v>41</v>
      </c>
      <c r="K22" s="6">
        <v>704138</v>
      </c>
      <c r="L22" s="6">
        <v>275095</v>
      </c>
      <c r="M22" s="6">
        <v>249295</v>
      </c>
      <c r="N22" s="6">
        <v>201413</v>
      </c>
      <c r="O22" s="6">
        <v>29940</v>
      </c>
      <c r="P22" s="6">
        <v>99</v>
      </c>
      <c r="Q22" s="6">
        <v>17843</v>
      </c>
      <c r="R22" s="6">
        <v>25800</v>
      </c>
      <c r="S22" s="6">
        <v>383500</v>
      </c>
      <c r="T22" s="6">
        <v>97912</v>
      </c>
      <c r="U22" s="6">
        <v>180</v>
      </c>
      <c r="V22" s="6">
        <v>285408</v>
      </c>
      <c r="W22" s="6">
        <v>45543</v>
      </c>
      <c r="X22" s="6">
        <v>182020</v>
      </c>
      <c r="Y22" s="6">
        <v>154249</v>
      </c>
      <c r="Z22" s="6">
        <v>19139</v>
      </c>
      <c r="AA22" s="6">
        <v>67</v>
      </c>
      <c r="AB22" s="6">
        <v>8565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96</v>
      </c>
      <c r="I23" s="9" t="s">
        <v>6</v>
      </c>
      <c r="J23" s="9" t="s">
        <v>42</v>
      </c>
      <c r="K23" s="6">
        <v>562725</v>
      </c>
      <c r="L23" s="6">
        <v>139000</v>
      </c>
      <c r="M23" s="6">
        <v>129355</v>
      </c>
      <c r="N23" s="6">
        <v>94787</v>
      </c>
      <c r="O23" s="6">
        <v>21309</v>
      </c>
      <c r="P23" s="6">
        <v>73</v>
      </c>
      <c r="Q23" s="6">
        <v>13186</v>
      </c>
      <c r="R23" s="6">
        <v>9645</v>
      </c>
      <c r="S23" s="6">
        <v>377690</v>
      </c>
      <c r="T23" s="6">
        <v>85536</v>
      </c>
      <c r="U23" s="6">
        <v>141</v>
      </c>
      <c r="V23" s="6">
        <v>292013</v>
      </c>
      <c r="W23" s="6">
        <v>46035</v>
      </c>
      <c r="X23" s="6">
        <v>83556</v>
      </c>
      <c r="Y23" s="6">
        <v>65280</v>
      </c>
      <c r="Z23" s="6">
        <v>12920</v>
      </c>
      <c r="AA23" s="6">
        <v>38</v>
      </c>
      <c r="AB23" s="6">
        <v>5318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96</v>
      </c>
      <c r="I24" s="9" t="s">
        <v>6</v>
      </c>
      <c r="J24" s="9" t="s">
        <v>43</v>
      </c>
      <c r="K24" s="6">
        <v>278554</v>
      </c>
      <c r="L24" s="6">
        <v>36877</v>
      </c>
      <c r="M24" s="6">
        <v>34759</v>
      </c>
      <c r="N24" s="6">
        <v>22532</v>
      </c>
      <c r="O24" s="6">
        <v>7499</v>
      </c>
      <c r="P24" s="6">
        <v>37</v>
      </c>
      <c r="Q24" s="6">
        <v>4691</v>
      </c>
      <c r="R24" s="6">
        <v>2118</v>
      </c>
      <c r="S24" s="6">
        <v>211523</v>
      </c>
      <c r="T24" s="6">
        <v>47168</v>
      </c>
      <c r="U24" s="6">
        <v>281</v>
      </c>
      <c r="V24" s="6">
        <v>164074</v>
      </c>
      <c r="W24" s="6">
        <v>30154</v>
      </c>
      <c r="X24" s="6">
        <v>18849</v>
      </c>
      <c r="Y24" s="6">
        <v>13523</v>
      </c>
      <c r="Z24" s="6">
        <v>3887</v>
      </c>
      <c r="AA24" s="6">
        <v>22</v>
      </c>
      <c r="AB24" s="6">
        <v>1417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96</v>
      </c>
      <c r="I25" s="9" t="s">
        <v>6</v>
      </c>
      <c r="J25" s="9" t="s">
        <v>44</v>
      </c>
      <c r="K25" s="6">
        <v>159278</v>
      </c>
      <c r="L25" s="6">
        <v>10912</v>
      </c>
      <c r="M25" s="6">
        <v>10421</v>
      </c>
      <c r="N25" s="6">
        <v>6083</v>
      </c>
      <c r="O25" s="6">
        <v>2639</v>
      </c>
      <c r="P25" s="6">
        <v>23</v>
      </c>
      <c r="Q25" s="6">
        <v>1676</v>
      </c>
      <c r="R25" s="6">
        <v>491</v>
      </c>
      <c r="S25" s="6">
        <v>127729</v>
      </c>
      <c r="T25" s="6">
        <v>25568</v>
      </c>
      <c r="U25" s="6">
        <v>187</v>
      </c>
      <c r="V25" s="6">
        <v>101974</v>
      </c>
      <c r="W25" s="6">
        <v>20637</v>
      </c>
      <c r="X25" s="6">
        <v>4366</v>
      </c>
      <c r="Y25" s="6">
        <v>2983</v>
      </c>
      <c r="Z25" s="6">
        <v>1020</v>
      </c>
      <c r="AA25" s="6">
        <v>15</v>
      </c>
      <c r="AB25" s="6">
        <v>348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96</v>
      </c>
      <c r="I26" s="9" t="s">
        <v>6</v>
      </c>
      <c r="J26" s="9" t="s">
        <v>45</v>
      </c>
      <c r="K26" s="6">
        <v>100254</v>
      </c>
      <c r="L26" s="6">
        <v>3953</v>
      </c>
      <c r="M26" s="6">
        <v>3776</v>
      </c>
      <c r="N26" s="6">
        <v>2194</v>
      </c>
      <c r="O26" s="6">
        <v>973</v>
      </c>
      <c r="P26" s="6">
        <v>8</v>
      </c>
      <c r="Q26" s="6">
        <v>601</v>
      </c>
      <c r="R26" s="6">
        <v>177</v>
      </c>
      <c r="S26" s="6">
        <v>83377</v>
      </c>
      <c r="T26" s="6">
        <v>13264</v>
      </c>
      <c r="U26" s="6">
        <v>31</v>
      </c>
      <c r="V26" s="6">
        <v>70082</v>
      </c>
      <c r="W26" s="6">
        <v>12924</v>
      </c>
      <c r="X26" s="6">
        <v>1537</v>
      </c>
      <c r="Y26" s="6">
        <v>1151</v>
      </c>
      <c r="Z26" s="6">
        <v>270</v>
      </c>
      <c r="AA26" s="6">
        <v>3</v>
      </c>
      <c r="AB26" s="6">
        <v>113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96</v>
      </c>
      <c r="I27" s="9" t="s">
        <v>6</v>
      </c>
      <c r="J27" s="9" t="s">
        <v>46</v>
      </c>
      <c r="K27" s="6">
        <v>49324</v>
      </c>
      <c r="L27" s="6">
        <v>1347</v>
      </c>
      <c r="M27" s="6">
        <v>1285</v>
      </c>
      <c r="N27" s="6">
        <v>799</v>
      </c>
      <c r="O27" s="6">
        <v>288</v>
      </c>
      <c r="P27" s="6">
        <v>6</v>
      </c>
      <c r="Q27" s="6">
        <v>192</v>
      </c>
      <c r="R27" s="6">
        <v>62</v>
      </c>
      <c r="S27" s="6">
        <v>43427</v>
      </c>
      <c r="T27" s="6">
        <v>4387</v>
      </c>
      <c r="U27" s="6">
        <v>8</v>
      </c>
      <c r="V27" s="6">
        <v>39032</v>
      </c>
      <c r="W27" s="6">
        <v>4550</v>
      </c>
      <c r="X27" s="6">
        <v>621</v>
      </c>
      <c r="Y27" s="6">
        <v>502</v>
      </c>
      <c r="Z27" s="6">
        <v>81</v>
      </c>
      <c r="AA27" s="6">
        <v>4</v>
      </c>
      <c r="AB27" s="6">
        <v>34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96</v>
      </c>
      <c r="I28" s="9" t="s">
        <v>6</v>
      </c>
      <c r="J28" s="9" t="s">
        <v>47</v>
      </c>
      <c r="K28" s="6">
        <v>14416</v>
      </c>
      <c r="L28" s="6">
        <v>119</v>
      </c>
      <c r="M28" s="6">
        <v>110</v>
      </c>
      <c r="N28" s="6">
        <v>57</v>
      </c>
      <c r="O28" s="6">
        <v>35</v>
      </c>
      <c r="P28" s="10" t="s">
        <v>55</v>
      </c>
      <c r="Q28" s="6">
        <v>18</v>
      </c>
      <c r="R28" s="6">
        <v>9</v>
      </c>
      <c r="S28" s="6">
        <v>13425</v>
      </c>
      <c r="T28" s="6">
        <v>588</v>
      </c>
      <c r="U28" s="6">
        <v>1</v>
      </c>
      <c r="V28" s="6">
        <v>12836</v>
      </c>
      <c r="W28" s="6">
        <v>872</v>
      </c>
      <c r="X28" s="6">
        <v>50</v>
      </c>
      <c r="Y28" s="6">
        <v>31</v>
      </c>
      <c r="Z28" s="6">
        <v>13</v>
      </c>
      <c r="AA28" s="10" t="s">
        <v>55</v>
      </c>
      <c r="AB28" s="6">
        <v>6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96</v>
      </c>
      <c r="I29" s="9" t="s">
        <v>6</v>
      </c>
      <c r="J29" s="9" t="s">
        <v>48</v>
      </c>
      <c r="K29" s="6">
        <v>26617954</v>
      </c>
      <c r="L29" s="6">
        <v>17374158</v>
      </c>
      <c r="M29" s="6">
        <v>16039682</v>
      </c>
      <c r="N29" s="6">
        <v>14314925</v>
      </c>
      <c r="O29" s="6">
        <v>337344</v>
      </c>
      <c r="P29" s="6">
        <v>1079033</v>
      </c>
      <c r="Q29" s="6">
        <v>308380</v>
      </c>
      <c r="R29" s="6">
        <v>1334476</v>
      </c>
      <c r="S29" s="6">
        <v>6995344</v>
      </c>
      <c r="T29" s="6">
        <v>695490</v>
      </c>
      <c r="U29" s="6">
        <v>5237659</v>
      </c>
      <c r="V29" s="6">
        <v>1062195</v>
      </c>
      <c r="W29" s="6">
        <v>2248452</v>
      </c>
      <c r="X29" s="6">
        <v>14857572</v>
      </c>
      <c r="Y29" s="6">
        <v>13312004</v>
      </c>
      <c r="Z29" s="6">
        <v>244887</v>
      </c>
      <c r="AA29" s="6">
        <v>1067330</v>
      </c>
      <c r="AB29" s="6">
        <v>233351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96</v>
      </c>
      <c r="I30" s="9" t="s">
        <v>6</v>
      </c>
      <c r="J30" s="9" t="s">
        <v>49</v>
      </c>
      <c r="K30" s="6">
        <v>1868689</v>
      </c>
      <c r="L30" s="6">
        <v>467303</v>
      </c>
      <c r="M30" s="6">
        <v>429001</v>
      </c>
      <c r="N30" s="6">
        <v>327865</v>
      </c>
      <c r="O30" s="6">
        <v>62683</v>
      </c>
      <c r="P30" s="6">
        <v>246</v>
      </c>
      <c r="Q30" s="6">
        <v>38207</v>
      </c>
      <c r="R30" s="6">
        <v>38302</v>
      </c>
      <c r="S30" s="6">
        <v>1240671</v>
      </c>
      <c r="T30" s="6">
        <v>274423</v>
      </c>
      <c r="U30" s="6">
        <v>829</v>
      </c>
      <c r="V30" s="6">
        <v>965419</v>
      </c>
      <c r="W30" s="6">
        <v>160715</v>
      </c>
      <c r="X30" s="6">
        <v>290999</v>
      </c>
      <c r="Y30" s="6">
        <v>237719</v>
      </c>
      <c r="Z30" s="6">
        <v>37330</v>
      </c>
      <c r="AA30" s="6">
        <v>149</v>
      </c>
      <c r="AB30" s="6">
        <v>15801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96</v>
      </c>
      <c r="I31" s="9" t="s">
        <v>6</v>
      </c>
      <c r="J31" s="9" t="s">
        <v>50</v>
      </c>
      <c r="K31" s="6">
        <v>601826</v>
      </c>
      <c r="L31" s="6">
        <v>53208</v>
      </c>
      <c r="M31" s="6">
        <v>50351</v>
      </c>
      <c r="N31" s="6">
        <v>31665</v>
      </c>
      <c r="O31" s="6">
        <v>11434</v>
      </c>
      <c r="P31" s="6">
        <v>74</v>
      </c>
      <c r="Q31" s="6">
        <v>7178</v>
      </c>
      <c r="R31" s="6">
        <v>2857</v>
      </c>
      <c r="S31" s="6">
        <v>479481</v>
      </c>
      <c r="T31" s="6">
        <v>90975</v>
      </c>
      <c r="U31" s="6">
        <v>508</v>
      </c>
      <c r="V31" s="6">
        <v>387998</v>
      </c>
      <c r="W31" s="6">
        <v>69137</v>
      </c>
      <c r="X31" s="6">
        <v>25423</v>
      </c>
      <c r="Y31" s="6">
        <v>18190</v>
      </c>
      <c r="Z31" s="6">
        <v>5271</v>
      </c>
      <c r="AA31" s="6">
        <v>44</v>
      </c>
      <c r="AB31" s="6">
        <v>1918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96</v>
      </c>
      <c r="I32" s="9" t="s">
        <v>6</v>
      </c>
      <c r="J32" s="9" t="s">
        <v>51</v>
      </c>
      <c r="K32" s="6">
        <v>163994</v>
      </c>
      <c r="L32" s="6">
        <v>5419</v>
      </c>
      <c r="M32" s="6">
        <v>5171</v>
      </c>
      <c r="N32" s="6">
        <v>3050</v>
      </c>
      <c r="O32" s="6">
        <v>1296</v>
      </c>
      <c r="P32" s="6">
        <v>14</v>
      </c>
      <c r="Q32" s="6">
        <v>811</v>
      </c>
      <c r="R32" s="6">
        <v>248</v>
      </c>
      <c r="S32" s="6">
        <v>140229</v>
      </c>
      <c r="T32" s="6">
        <v>18239</v>
      </c>
      <c r="U32" s="6">
        <v>40</v>
      </c>
      <c r="V32" s="6">
        <v>121950</v>
      </c>
      <c r="W32" s="6">
        <v>18346</v>
      </c>
      <c r="X32" s="6">
        <v>2208</v>
      </c>
      <c r="Y32" s="6">
        <v>1684</v>
      </c>
      <c r="Z32" s="6">
        <v>364</v>
      </c>
      <c r="AA32" s="6">
        <v>7</v>
      </c>
      <c r="AB32" s="6">
        <v>153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96</v>
      </c>
      <c r="I33" s="9" t="s">
        <v>6</v>
      </c>
      <c r="J33" s="9" t="s">
        <v>52</v>
      </c>
      <c r="K33" s="6">
        <v>21753094</v>
      </c>
      <c r="L33" s="6">
        <v>16816804</v>
      </c>
      <c r="M33" s="6">
        <v>15511859</v>
      </c>
      <c r="N33" s="6">
        <v>14197306</v>
      </c>
      <c r="O33" s="6">
        <v>348810</v>
      </c>
      <c r="P33" s="6">
        <v>656841</v>
      </c>
      <c r="Q33" s="6">
        <v>308902</v>
      </c>
      <c r="R33" s="6">
        <v>1304945</v>
      </c>
      <c r="S33" s="6">
        <v>3202375</v>
      </c>
      <c r="T33" s="6">
        <v>766702</v>
      </c>
      <c r="U33" s="6">
        <v>1166987</v>
      </c>
      <c r="V33" s="6">
        <v>1268686</v>
      </c>
      <c r="W33" s="6">
        <v>1733915</v>
      </c>
      <c r="X33" s="6">
        <v>14285681</v>
      </c>
      <c r="Y33" s="6">
        <v>13163699</v>
      </c>
      <c r="Z33" s="6">
        <v>247044</v>
      </c>
      <c r="AA33" s="6">
        <v>648920</v>
      </c>
      <c r="AB33" s="6">
        <v>226018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96</v>
      </c>
      <c r="I34" s="9" t="s">
        <v>53</v>
      </c>
      <c r="J34" s="9" t="s">
        <v>30</v>
      </c>
      <c r="K34" s="6">
        <v>15835922</v>
      </c>
      <c r="L34" s="6">
        <v>10183289</v>
      </c>
      <c r="M34" s="6">
        <v>9274694</v>
      </c>
      <c r="N34" s="6">
        <v>8399456</v>
      </c>
      <c r="O34" s="6">
        <v>133366</v>
      </c>
      <c r="P34" s="6">
        <v>530341</v>
      </c>
      <c r="Q34" s="6">
        <v>211531</v>
      </c>
      <c r="R34" s="6">
        <v>908595</v>
      </c>
      <c r="S34" s="6">
        <v>4277810</v>
      </c>
      <c r="T34" s="6">
        <v>288682</v>
      </c>
      <c r="U34" s="6">
        <v>2717734</v>
      </c>
      <c r="V34" s="6">
        <v>1271394</v>
      </c>
      <c r="W34" s="6">
        <v>1374823</v>
      </c>
      <c r="X34" s="6">
        <v>8364223</v>
      </c>
      <c r="Y34" s="6">
        <v>7620261</v>
      </c>
      <c r="Z34" s="6">
        <v>81840</v>
      </c>
      <c r="AA34" s="6">
        <v>522982</v>
      </c>
      <c r="AB34" s="6">
        <v>139140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96</v>
      </c>
      <c r="I35" s="9" t="s">
        <v>53</v>
      </c>
      <c r="J35" s="9" t="s">
        <v>31</v>
      </c>
      <c r="K35" s="6">
        <v>2855096</v>
      </c>
      <c r="L35" s="6">
        <v>425584</v>
      </c>
      <c r="M35" s="6">
        <v>393104</v>
      </c>
      <c r="N35" s="6">
        <v>193601</v>
      </c>
      <c r="O35" s="6">
        <v>6887</v>
      </c>
      <c r="P35" s="6">
        <v>184013</v>
      </c>
      <c r="Q35" s="6">
        <v>8603</v>
      </c>
      <c r="R35" s="6">
        <v>32480</v>
      </c>
      <c r="S35" s="6">
        <v>2143636</v>
      </c>
      <c r="T35" s="6">
        <v>9583</v>
      </c>
      <c r="U35" s="6">
        <v>2086572</v>
      </c>
      <c r="V35" s="6">
        <v>47481</v>
      </c>
      <c r="W35" s="6">
        <v>285876</v>
      </c>
      <c r="X35" s="6">
        <v>378427</v>
      </c>
      <c r="Y35" s="6">
        <v>182608</v>
      </c>
      <c r="Z35" s="6">
        <v>6201</v>
      </c>
      <c r="AA35" s="6">
        <v>181846</v>
      </c>
      <c r="AB35" s="6">
        <v>7772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96</v>
      </c>
      <c r="I36" s="9" t="s">
        <v>53</v>
      </c>
      <c r="J36" s="9" t="s">
        <v>32</v>
      </c>
      <c r="K36" s="6">
        <v>2669610</v>
      </c>
      <c r="L36" s="6">
        <v>1746695</v>
      </c>
      <c r="M36" s="6">
        <v>1627751</v>
      </c>
      <c r="N36" s="6">
        <v>1256161</v>
      </c>
      <c r="O36" s="6">
        <v>20417</v>
      </c>
      <c r="P36" s="6">
        <v>321294</v>
      </c>
      <c r="Q36" s="6">
        <v>29879</v>
      </c>
      <c r="R36" s="6">
        <v>118944</v>
      </c>
      <c r="S36" s="6">
        <v>654598</v>
      </c>
      <c r="T36" s="6">
        <v>17687</v>
      </c>
      <c r="U36" s="6">
        <v>572689</v>
      </c>
      <c r="V36" s="6">
        <v>64222</v>
      </c>
      <c r="W36" s="6">
        <v>268317</v>
      </c>
      <c r="X36" s="6">
        <v>1563364</v>
      </c>
      <c r="Y36" s="6">
        <v>1200726</v>
      </c>
      <c r="Z36" s="6">
        <v>17918</v>
      </c>
      <c r="AA36" s="6">
        <v>317612</v>
      </c>
      <c r="AB36" s="6">
        <v>27108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96</v>
      </c>
      <c r="I37" s="9" t="s">
        <v>53</v>
      </c>
      <c r="J37" s="9" t="s">
        <v>33</v>
      </c>
      <c r="K37" s="6">
        <v>2009359</v>
      </c>
      <c r="L37" s="6">
        <v>1719353</v>
      </c>
      <c r="M37" s="6">
        <v>1600264</v>
      </c>
      <c r="N37" s="6">
        <v>1550386</v>
      </c>
      <c r="O37" s="6">
        <v>12475</v>
      </c>
      <c r="P37" s="6">
        <v>17832</v>
      </c>
      <c r="Q37" s="6">
        <v>19571</v>
      </c>
      <c r="R37" s="6">
        <v>119089</v>
      </c>
      <c r="S37" s="6">
        <v>108444</v>
      </c>
      <c r="T37" s="6">
        <v>14241</v>
      </c>
      <c r="U37" s="6">
        <v>44056</v>
      </c>
      <c r="V37" s="6">
        <v>50147</v>
      </c>
      <c r="W37" s="6">
        <v>181562</v>
      </c>
      <c r="X37" s="6">
        <v>1517865</v>
      </c>
      <c r="Y37" s="6">
        <v>1474886</v>
      </c>
      <c r="Z37" s="6">
        <v>9275</v>
      </c>
      <c r="AA37" s="6">
        <v>17217</v>
      </c>
      <c r="AB37" s="6">
        <v>16487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96</v>
      </c>
      <c r="I38" s="9" t="s">
        <v>53</v>
      </c>
      <c r="J38" s="9" t="s">
        <v>34</v>
      </c>
      <c r="K38" s="6">
        <v>1440358</v>
      </c>
      <c r="L38" s="6">
        <v>1248340</v>
      </c>
      <c r="M38" s="6">
        <v>1143630</v>
      </c>
      <c r="N38" s="6">
        <v>1112919</v>
      </c>
      <c r="O38" s="6">
        <v>10026</v>
      </c>
      <c r="P38" s="6">
        <v>4051</v>
      </c>
      <c r="Q38" s="6">
        <v>16634</v>
      </c>
      <c r="R38" s="6">
        <v>104710</v>
      </c>
      <c r="S38" s="6">
        <v>77580</v>
      </c>
      <c r="T38" s="6">
        <v>16363</v>
      </c>
      <c r="U38" s="6">
        <v>8285</v>
      </c>
      <c r="V38" s="6">
        <v>52932</v>
      </c>
      <c r="W38" s="6">
        <v>114438</v>
      </c>
      <c r="X38" s="6">
        <v>1055846</v>
      </c>
      <c r="Y38" s="6">
        <v>1033118</v>
      </c>
      <c r="Z38" s="6">
        <v>6209</v>
      </c>
      <c r="AA38" s="6">
        <v>3772</v>
      </c>
      <c r="AB38" s="6">
        <v>12747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96</v>
      </c>
      <c r="I39" s="9" t="s">
        <v>53</v>
      </c>
      <c r="J39" s="9" t="s">
        <v>35</v>
      </c>
      <c r="K39" s="6">
        <v>1197991</v>
      </c>
      <c r="L39" s="6">
        <v>1028411</v>
      </c>
      <c r="M39" s="6">
        <v>927353</v>
      </c>
      <c r="N39" s="6">
        <v>901276</v>
      </c>
      <c r="O39" s="6">
        <v>9017</v>
      </c>
      <c r="P39" s="6">
        <v>1278</v>
      </c>
      <c r="Q39" s="6">
        <v>15782</v>
      </c>
      <c r="R39" s="6">
        <v>101058</v>
      </c>
      <c r="S39" s="6">
        <v>80656</v>
      </c>
      <c r="T39" s="6">
        <v>18418</v>
      </c>
      <c r="U39" s="6">
        <v>2565</v>
      </c>
      <c r="V39" s="6">
        <v>59673</v>
      </c>
      <c r="W39" s="6">
        <v>88924</v>
      </c>
      <c r="X39" s="6">
        <v>831176</v>
      </c>
      <c r="Y39" s="6">
        <v>814248</v>
      </c>
      <c r="Z39" s="6">
        <v>5060</v>
      </c>
      <c r="AA39" s="6">
        <v>1143</v>
      </c>
      <c r="AB39" s="6">
        <v>10725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96</v>
      </c>
      <c r="I40" s="9" t="s">
        <v>53</v>
      </c>
      <c r="J40" s="9" t="s">
        <v>36</v>
      </c>
      <c r="K40" s="6">
        <v>1154540</v>
      </c>
      <c r="L40" s="6">
        <v>978869</v>
      </c>
      <c r="M40" s="6">
        <v>878517</v>
      </c>
      <c r="N40" s="6">
        <v>850926</v>
      </c>
      <c r="O40" s="6">
        <v>9381</v>
      </c>
      <c r="P40" s="6">
        <v>652</v>
      </c>
      <c r="Q40" s="6">
        <v>17558</v>
      </c>
      <c r="R40" s="6">
        <v>100352</v>
      </c>
      <c r="S40" s="6">
        <v>92166</v>
      </c>
      <c r="T40" s="6">
        <v>21038</v>
      </c>
      <c r="U40" s="6">
        <v>1284</v>
      </c>
      <c r="V40" s="6">
        <v>69844</v>
      </c>
      <c r="W40" s="6">
        <v>83505</v>
      </c>
      <c r="X40" s="6">
        <v>769969</v>
      </c>
      <c r="Y40" s="6">
        <v>753794</v>
      </c>
      <c r="Z40" s="6">
        <v>4828</v>
      </c>
      <c r="AA40" s="6">
        <v>514</v>
      </c>
      <c r="AB40" s="6">
        <v>10833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96</v>
      </c>
      <c r="I41" s="9" t="s">
        <v>53</v>
      </c>
      <c r="J41" s="9" t="s">
        <v>37</v>
      </c>
      <c r="K41" s="6">
        <v>1254286</v>
      </c>
      <c r="L41" s="6">
        <v>1044690</v>
      </c>
      <c r="M41" s="6">
        <v>936359</v>
      </c>
      <c r="N41" s="6">
        <v>902989</v>
      </c>
      <c r="O41" s="6">
        <v>10615</v>
      </c>
      <c r="P41" s="6">
        <v>508</v>
      </c>
      <c r="Q41" s="6">
        <v>22247</v>
      </c>
      <c r="R41" s="6">
        <v>108331</v>
      </c>
      <c r="S41" s="6">
        <v>114956</v>
      </c>
      <c r="T41" s="6">
        <v>27264</v>
      </c>
      <c r="U41" s="6">
        <v>920</v>
      </c>
      <c r="V41" s="6">
        <v>86772</v>
      </c>
      <c r="W41" s="6">
        <v>94640</v>
      </c>
      <c r="X41" s="6">
        <v>813056</v>
      </c>
      <c r="Y41" s="6">
        <v>794030</v>
      </c>
      <c r="Z41" s="6">
        <v>5412</v>
      </c>
      <c r="AA41" s="6">
        <v>378</v>
      </c>
      <c r="AB41" s="6">
        <v>13236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96</v>
      </c>
      <c r="I42" s="9" t="s">
        <v>53</v>
      </c>
      <c r="J42" s="9" t="s">
        <v>38</v>
      </c>
      <c r="K42" s="6">
        <v>984378</v>
      </c>
      <c r="L42" s="6">
        <v>791809</v>
      </c>
      <c r="M42" s="6">
        <v>703796</v>
      </c>
      <c r="N42" s="6">
        <v>672651</v>
      </c>
      <c r="O42" s="6">
        <v>10464</v>
      </c>
      <c r="P42" s="6">
        <v>272</v>
      </c>
      <c r="Q42" s="6">
        <v>20409</v>
      </c>
      <c r="R42" s="6">
        <v>88013</v>
      </c>
      <c r="S42" s="6">
        <v>110892</v>
      </c>
      <c r="T42" s="6">
        <v>28985</v>
      </c>
      <c r="U42" s="6">
        <v>483</v>
      </c>
      <c r="V42" s="6">
        <v>81424</v>
      </c>
      <c r="W42" s="6">
        <v>81677</v>
      </c>
      <c r="X42" s="6">
        <v>602664</v>
      </c>
      <c r="Y42" s="6">
        <v>585515</v>
      </c>
      <c r="Z42" s="6">
        <v>5230</v>
      </c>
      <c r="AA42" s="6">
        <v>207</v>
      </c>
      <c r="AB42" s="6">
        <v>11712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96</v>
      </c>
      <c r="I43" s="9" t="s">
        <v>53</v>
      </c>
      <c r="J43" s="9" t="s">
        <v>39</v>
      </c>
      <c r="K43" s="6">
        <v>725910</v>
      </c>
      <c r="L43" s="6">
        <v>554701</v>
      </c>
      <c r="M43" s="6">
        <v>491105</v>
      </c>
      <c r="N43" s="6">
        <v>463188</v>
      </c>
      <c r="O43" s="6">
        <v>10335</v>
      </c>
      <c r="P43" s="6">
        <v>189</v>
      </c>
      <c r="Q43" s="6">
        <v>17393</v>
      </c>
      <c r="R43" s="6">
        <v>63596</v>
      </c>
      <c r="S43" s="6">
        <v>114495</v>
      </c>
      <c r="T43" s="6">
        <v>31299</v>
      </c>
      <c r="U43" s="6">
        <v>306</v>
      </c>
      <c r="V43" s="6">
        <v>82890</v>
      </c>
      <c r="W43" s="6">
        <v>56714</v>
      </c>
      <c r="X43" s="6">
        <v>414711</v>
      </c>
      <c r="Y43" s="6">
        <v>399599</v>
      </c>
      <c r="Z43" s="6">
        <v>5036</v>
      </c>
      <c r="AA43" s="6">
        <v>139</v>
      </c>
      <c r="AB43" s="6">
        <v>9937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96</v>
      </c>
      <c r="I44" s="9" t="s">
        <v>53</v>
      </c>
      <c r="J44" s="9" t="s">
        <v>40</v>
      </c>
      <c r="K44" s="6">
        <v>535989</v>
      </c>
      <c r="L44" s="6">
        <v>339280</v>
      </c>
      <c r="M44" s="6">
        <v>297591</v>
      </c>
      <c r="N44" s="6">
        <v>271647</v>
      </c>
      <c r="O44" s="6">
        <v>11284</v>
      </c>
      <c r="P44" s="6">
        <v>115</v>
      </c>
      <c r="Q44" s="6">
        <v>14545</v>
      </c>
      <c r="R44" s="6">
        <v>41689</v>
      </c>
      <c r="S44" s="6">
        <v>160358</v>
      </c>
      <c r="T44" s="6">
        <v>35215</v>
      </c>
      <c r="U44" s="6">
        <v>156</v>
      </c>
      <c r="V44" s="6">
        <v>124987</v>
      </c>
      <c r="W44" s="6">
        <v>36351</v>
      </c>
      <c r="X44" s="6">
        <v>237430</v>
      </c>
      <c r="Y44" s="6">
        <v>224020</v>
      </c>
      <c r="Z44" s="6">
        <v>5750</v>
      </c>
      <c r="AA44" s="6">
        <v>77</v>
      </c>
      <c r="AB44" s="6">
        <v>7583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96</v>
      </c>
      <c r="I45" s="9" t="s">
        <v>53</v>
      </c>
      <c r="J45" s="9" t="s">
        <v>41</v>
      </c>
      <c r="K45" s="6">
        <v>465528</v>
      </c>
      <c r="L45" s="6">
        <v>191489</v>
      </c>
      <c r="M45" s="6">
        <v>170892</v>
      </c>
      <c r="N45" s="6">
        <v>144222</v>
      </c>
      <c r="O45" s="6">
        <v>12300</v>
      </c>
      <c r="P45" s="6">
        <v>67</v>
      </c>
      <c r="Q45" s="6">
        <v>14303</v>
      </c>
      <c r="R45" s="6">
        <v>20597</v>
      </c>
      <c r="S45" s="6">
        <v>243111</v>
      </c>
      <c r="T45" s="6">
        <v>34390</v>
      </c>
      <c r="U45" s="6">
        <v>92</v>
      </c>
      <c r="V45" s="6">
        <v>208629</v>
      </c>
      <c r="W45" s="6">
        <v>30928</v>
      </c>
      <c r="X45" s="6">
        <v>119221</v>
      </c>
      <c r="Y45" s="6">
        <v>106654</v>
      </c>
      <c r="Z45" s="6">
        <v>6281</v>
      </c>
      <c r="AA45" s="6">
        <v>45</v>
      </c>
      <c r="AB45" s="6">
        <v>6241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96</v>
      </c>
      <c r="I46" s="9" t="s">
        <v>53</v>
      </c>
      <c r="J46" s="9" t="s">
        <v>42</v>
      </c>
      <c r="K46" s="6">
        <v>333926</v>
      </c>
      <c r="L46" s="6">
        <v>88337</v>
      </c>
      <c r="M46" s="6">
        <v>80648</v>
      </c>
      <c r="N46" s="6">
        <v>62984</v>
      </c>
      <c r="O46" s="6">
        <v>7533</v>
      </c>
      <c r="P46" s="6">
        <v>41</v>
      </c>
      <c r="Q46" s="6">
        <v>10090</v>
      </c>
      <c r="R46" s="6">
        <v>7689</v>
      </c>
      <c r="S46" s="6">
        <v>217507</v>
      </c>
      <c r="T46" s="6">
        <v>22512</v>
      </c>
      <c r="U46" s="6">
        <v>87</v>
      </c>
      <c r="V46" s="6">
        <v>194908</v>
      </c>
      <c r="W46" s="6">
        <v>28082</v>
      </c>
      <c r="X46" s="6">
        <v>49152</v>
      </c>
      <c r="Y46" s="6">
        <v>41779</v>
      </c>
      <c r="Z46" s="6">
        <v>3678</v>
      </c>
      <c r="AA46" s="6">
        <v>15</v>
      </c>
      <c r="AB46" s="6">
        <v>3680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96</v>
      </c>
      <c r="I47" s="9" t="s">
        <v>53</v>
      </c>
      <c r="J47" s="9" t="s">
        <v>43</v>
      </c>
      <c r="K47" s="6">
        <v>128977</v>
      </c>
      <c r="L47" s="6">
        <v>19305</v>
      </c>
      <c r="M47" s="6">
        <v>17709</v>
      </c>
      <c r="N47" s="6">
        <v>12467</v>
      </c>
      <c r="O47" s="6">
        <v>1961</v>
      </c>
      <c r="P47" s="6">
        <v>19</v>
      </c>
      <c r="Q47" s="6">
        <v>3262</v>
      </c>
      <c r="R47" s="6">
        <v>1596</v>
      </c>
      <c r="S47" s="6">
        <v>95794</v>
      </c>
      <c r="T47" s="6">
        <v>7872</v>
      </c>
      <c r="U47" s="6">
        <v>135</v>
      </c>
      <c r="V47" s="6">
        <v>87787</v>
      </c>
      <c r="W47" s="6">
        <v>13878</v>
      </c>
      <c r="X47" s="6">
        <v>8840</v>
      </c>
      <c r="Y47" s="6">
        <v>7205</v>
      </c>
      <c r="Z47" s="6">
        <v>767</v>
      </c>
      <c r="AA47" s="6">
        <v>11</v>
      </c>
      <c r="AB47" s="6">
        <v>857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96</v>
      </c>
      <c r="I48" s="9" t="s">
        <v>53</v>
      </c>
      <c r="J48" s="9" t="s">
        <v>44</v>
      </c>
      <c r="K48" s="6">
        <v>53308</v>
      </c>
      <c r="L48" s="6">
        <v>4507</v>
      </c>
      <c r="M48" s="6">
        <v>4200</v>
      </c>
      <c r="N48" s="6">
        <v>2750</v>
      </c>
      <c r="O48" s="6">
        <v>506</v>
      </c>
      <c r="P48" s="6">
        <v>9</v>
      </c>
      <c r="Q48" s="6">
        <v>935</v>
      </c>
      <c r="R48" s="6">
        <v>307</v>
      </c>
      <c r="S48" s="6">
        <v>42312</v>
      </c>
      <c r="T48" s="6">
        <v>2793</v>
      </c>
      <c r="U48" s="6">
        <v>93</v>
      </c>
      <c r="V48" s="6">
        <v>39426</v>
      </c>
      <c r="W48" s="6">
        <v>6489</v>
      </c>
      <c r="X48" s="6">
        <v>1608</v>
      </c>
      <c r="Y48" s="6">
        <v>1281</v>
      </c>
      <c r="Z48" s="6">
        <v>163</v>
      </c>
      <c r="AA48" s="6">
        <v>5</v>
      </c>
      <c r="AB48" s="6">
        <v>159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96</v>
      </c>
      <c r="I49" s="9" t="s">
        <v>53</v>
      </c>
      <c r="J49" s="9" t="s">
        <v>45</v>
      </c>
      <c r="K49" s="6">
        <v>20196</v>
      </c>
      <c r="L49" s="6">
        <v>1394</v>
      </c>
      <c r="M49" s="6">
        <v>1297</v>
      </c>
      <c r="N49" s="6">
        <v>908</v>
      </c>
      <c r="O49" s="6">
        <v>132</v>
      </c>
      <c r="P49" s="6">
        <v>1</v>
      </c>
      <c r="Q49" s="6">
        <v>256</v>
      </c>
      <c r="R49" s="6">
        <v>97</v>
      </c>
      <c r="S49" s="6">
        <v>16105</v>
      </c>
      <c r="T49" s="6">
        <v>856</v>
      </c>
      <c r="U49" s="6">
        <v>11</v>
      </c>
      <c r="V49" s="6">
        <v>15238</v>
      </c>
      <c r="W49" s="6">
        <v>2697</v>
      </c>
      <c r="X49" s="6">
        <v>601</v>
      </c>
      <c r="Y49" s="6">
        <v>527</v>
      </c>
      <c r="Z49" s="6">
        <v>27</v>
      </c>
      <c r="AA49" s="6">
        <v>1</v>
      </c>
      <c r="AB49" s="6">
        <v>46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96</v>
      </c>
      <c r="I50" s="9" t="s">
        <v>53</v>
      </c>
      <c r="J50" s="9" t="s">
        <v>46</v>
      </c>
      <c r="K50" s="6">
        <v>5491</v>
      </c>
      <c r="L50" s="6">
        <v>489</v>
      </c>
      <c r="M50" s="6">
        <v>448</v>
      </c>
      <c r="N50" s="6">
        <v>356</v>
      </c>
      <c r="O50" s="6">
        <v>32</v>
      </c>
      <c r="P50" s="10" t="s">
        <v>55</v>
      </c>
      <c r="Q50" s="6">
        <v>60</v>
      </c>
      <c r="R50" s="6">
        <v>41</v>
      </c>
      <c r="S50" s="6">
        <v>4390</v>
      </c>
      <c r="T50" s="6">
        <v>146</v>
      </c>
      <c r="U50" s="10" t="s">
        <v>55</v>
      </c>
      <c r="V50" s="6">
        <v>4244</v>
      </c>
      <c r="W50" s="6">
        <v>612</v>
      </c>
      <c r="X50" s="6">
        <v>274</v>
      </c>
      <c r="Y50" s="6">
        <v>255</v>
      </c>
      <c r="Z50" s="6">
        <v>4</v>
      </c>
      <c r="AA50" s="10" t="s">
        <v>55</v>
      </c>
      <c r="AB50" s="6">
        <v>15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96</v>
      </c>
      <c r="I51" s="9" t="s">
        <v>53</v>
      </c>
      <c r="J51" s="9" t="s">
        <v>47</v>
      </c>
      <c r="K51" s="6">
        <v>979</v>
      </c>
      <c r="L51" s="6">
        <v>36</v>
      </c>
      <c r="M51" s="6">
        <v>30</v>
      </c>
      <c r="N51" s="6">
        <v>25</v>
      </c>
      <c r="O51" s="6">
        <v>1</v>
      </c>
      <c r="P51" s="10" t="s">
        <v>55</v>
      </c>
      <c r="Q51" s="6">
        <v>4</v>
      </c>
      <c r="R51" s="6">
        <v>6</v>
      </c>
      <c r="S51" s="6">
        <v>810</v>
      </c>
      <c r="T51" s="6">
        <v>20</v>
      </c>
      <c r="U51" s="10" t="s">
        <v>55</v>
      </c>
      <c r="V51" s="6">
        <v>790</v>
      </c>
      <c r="W51" s="6">
        <v>133</v>
      </c>
      <c r="X51" s="6">
        <v>19</v>
      </c>
      <c r="Y51" s="6">
        <v>16</v>
      </c>
      <c r="Z51" s="6">
        <v>1</v>
      </c>
      <c r="AA51" s="10" t="s">
        <v>55</v>
      </c>
      <c r="AB51" s="6">
        <v>2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96</v>
      </c>
      <c r="I52" s="9" t="s">
        <v>53</v>
      </c>
      <c r="J52" s="9" t="s">
        <v>48</v>
      </c>
      <c r="K52" s="6">
        <v>14827517</v>
      </c>
      <c r="L52" s="6">
        <v>9877732</v>
      </c>
      <c r="M52" s="6">
        <v>8999470</v>
      </c>
      <c r="N52" s="6">
        <v>8175744</v>
      </c>
      <c r="O52" s="6">
        <v>110901</v>
      </c>
      <c r="P52" s="6">
        <v>530204</v>
      </c>
      <c r="Q52" s="6">
        <v>182621</v>
      </c>
      <c r="R52" s="6">
        <v>878262</v>
      </c>
      <c r="S52" s="6">
        <v>3657781</v>
      </c>
      <c r="T52" s="6">
        <v>220093</v>
      </c>
      <c r="U52" s="6">
        <v>2717316</v>
      </c>
      <c r="V52" s="6">
        <v>720372</v>
      </c>
      <c r="W52" s="6">
        <v>1292004</v>
      </c>
      <c r="X52" s="6">
        <v>8184508</v>
      </c>
      <c r="Y52" s="6">
        <v>7462544</v>
      </c>
      <c r="Z52" s="6">
        <v>70919</v>
      </c>
      <c r="AA52" s="6">
        <v>522905</v>
      </c>
      <c r="AB52" s="6">
        <v>128140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96</v>
      </c>
      <c r="I53" s="9" t="s">
        <v>53</v>
      </c>
      <c r="J53" s="9" t="s">
        <v>49</v>
      </c>
      <c r="K53" s="6">
        <v>1008405</v>
      </c>
      <c r="L53" s="6">
        <v>305557</v>
      </c>
      <c r="M53" s="6">
        <v>275224</v>
      </c>
      <c r="N53" s="6">
        <v>223712</v>
      </c>
      <c r="O53" s="6">
        <v>22465</v>
      </c>
      <c r="P53" s="6">
        <v>137</v>
      </c>
      <c r="Q53" s="6">
        <v>28910</v>
      </c>
      <c r="R53" s="6">
        <v>30333</v>
      </c>
      <c r="S53" s="6">
        <v>620029</v>
      </c>
      <c r="T53" s="6">
        <v>68589</v>
      </c>
      <c r="U53" s="6">
        <v>418</v>
      </c>
      <c r="V53" s="6">
        <v>551022</v>
      </c>
      <c r="W53" s="6">
        <v>82819</v>
      </c>
      <c r="X53" s="6">
        <v>179715</v>
      </c>
      <c r="Y53" s="6">
        <v>157717</v>
      </c>
      <c r="Z53" s="6">
        <v>10921</v>
      </c>
      <c r="AA53" s="6">
        <v>77</v>
      </c>
      <c r="AB53" s="6">
        <v>11000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96</v>
      </c>
      <c r="I54" s="9" t="s">
        <v>53</v>
      </c>
      <c r="J54" s="9" t="s">
        <v>50</v>
      </c>
      <c r="K54" s="6">
        <v>208951</v>
      </c>
      <c r="L54" s="6">
        <v>25731</v>
      </c>
      <c r="M54" s="6">
        <v>23684</v>
      </c>
      <c r="N54" s="6">
        <v>16506</v>
      </c>
      <c r="O54" s="6">
        <v>2632</v>
      </c>
      <c r="P54" s="6">
        <v>29</v>
      </c>
      <c r="Q54" s="6">
        <v>4517</v>
      </c>
      <c r="R54" s="6">
        <v>2047</v>
      </c>
      <c r="S54" s="6">
        <v>159411</v>
      </c>
      <c r="T54" s="6">
        <v>11687</v>
      </c>
      <c r="U54" s="6">
        <v>239</v>
      </c>
      <c r="V54" s="6">
        <v>147485</v>
      </c>
      <c r="W54" s="6">
        <v>23809</v>
      </c>
      <c r="X54" s="6">
        <v>11342</v>
      </c>
      <c r="Y54" s="6">
        <v>9284</v>
      </c>
      <c r="Z54" s="6">
        <v>962</v>
      </c>
      <c r="AA54" s="6">
        <v>17</v>
      </c>
      <c r="AB54" s="6">
        <v>1079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96</v>
      </c>
      <c r="I55" s="9" t="s">
        <v>53</v>
      </c>
      <c r="J55" s="9" t="s">
        <v>51</v>
      </c>
      <c r="K55" s="6">
        <v>26666</v>
      </c>
      <c r="L55" s="6">
        <v>1919</v>
      </c>
      <c r="M55" s="6">
        <v>1775</v>
      </c>
      <c r="N55" s="6">
        <v>1289</v>
      </c>
      <c r="O55" s="6">
        <v>165</v>
      </c>
      <c r="P55" s="6">
        <v>1</v>
      </c>
      <c r="Q55" s="6">
        <v>320</v>
      </c>
      <c r="R55" s="6">
        <v>144</v>
      </c>
      <c r="S55" s="6">
        <v>21305</v>
      </c>
      <c r="T55" s="6">
        <v>1022</v>
      </c>
      <c r="U55" s="6">
        <v>11</v>
      </c>
      <c r="V55" s="6">
        <v>20272</v>
      </c>
      <c r="W55" s="6">
        <v>3442</v>
      </c>
      <c r="X55" s="6">
        <v>894</v>
      </c>
      <c r="Y55" s="6">
        <v>798</v>
      </c>
      <c r="Z55" s="6">
        <v>32</v>
      </c>
      <c r="AA55" s="6">
        <v>1</v>
      </c>
      <c r="AB55" s="6">
        <v>63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96</v>
      </c>
      <c r="I56" s="9" t="s">
        <v>53</v>
      </c>
      <c r="J56" s="9" t="s">
        <v>52</v>
      </c>
      <c r="K56" s="6">
        <v>12437949</v>
      </c>
      <c r="L56" s="6">
        <v>9643637</v>
      </c>
      <c r="M56" s="6">
        <v>8777258</v>
      </c>
      <c r="N56" s="6">
        <v>8126365</v>
      </c>
      <c r="O56" s="6">
        <v>116314</v>
      </c>
      <c r="P56" s="6">
        <v>346258</v>
      </c>
      <c r="Q56" s="6">
        <v>188321</v>
      </c>
      <c r="R56" s="6">
        <v>866379</v>
      </c>
      <c r="S56" s="6">
        <v>1757256</v>
      </c>
      <c r="T56" s="6">
        <v>244900</v>
      </c>
      <c r="U56" s="6">
        <v>630836</v>
      </c>
      <c r="V56" s="6">
        <v>881520</v>
      </c>
      <c r="W56" s="6">
        <v>1037056</v>
      </c>
      <c r="X56" s="6">
        <v>7925302</v>
      </c>
      <c r="Y56" s="6">
        <v>7386590</v>
      </c>
      <c r="Z56" s="6">
        <v>70999</v>
      </c>
      <c r="AA56" s="6">
        <v>341104</v>
      </c>
      <c r="AB56" s="6">
        <v>126609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96</v>
      </c>
      <c r="I57" s="9" t="s">
        <v>54</v>
      </c>
      <c r="J57" s="9" t="s">
        <v>30</v>
      </c>
      <c r="K57" s="6">
        <v>12650721</v>
      </c>
      <c r="L57" s="6">
        <v>7658172</v>
      </c>
      <c r="M57" s="6">
        <v>7193989</v>
      </c>
      <c r="N57" s="6">
        <v>6243334</v>
      </c>
      <c r="O57" s="6">
        <v>266661</v>
      </c>
      <c r="P57" s="6">
        <v>548938</v>
      </c>
      <c r="Q57" s="6">
        <v>135056</v>
      </c>
      <c r="R57" s="6">
        <v>464183</v>
      </c>
      <c r="S57" s="6">
        <v>3958205</v>
      </c>
      <c r="T57" s="6">
        <v>681231</v>
      </c>
      <c r="U57" s="6">
        <v>2520754</v>
      </c>
      <c r="V57" s="6">
        <v>756220</v>
      </c>
      <c r="W57" s="6">
        <v>1034344</v>
      </c>
      <c r="X57" s="6">
        <v>6784348</v>
      </c>
      <c r="Y57" s="6">
        <v>5929462</v>
      </c>
      <c r="Z57" s="6">
        <v>200377</v>
      </c>
      <c r="AA57" s="6">
        <v>544497</v>
      </c>
      <c r="AB57" s="6">
        <v>110012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96</v>
      </c>
      <c r="I58" s="9" t="s">
        <v>54</v>
      </c>
      <c r="J58" s="9" t="s">
        <v>31</v>
      </c>
      <c r="K58" s="6">
        <v>2713902</v>
      </c>
      <c r="L58" s="6">
        <v>406865</v>
      </c>
      <c r="M58" s="6">
        <v>384014</v>
      </c>
      <c r="N58" s="6">
        <v>125431</v>
      </c>
      <c r="O58" s="6">
        <v>11587</v>
      </c>
      <c r="P58" s="6">
        <v>238278</v>
      </c>
      <c r="Q58" s="6">
        <v>8718</v>
      </c>
      <c r="R58" s="6">
        <v>22851</v>
      </c>
      <c r="S58" s="6">
        <v>2032833</v>
      </c>
      <c r="T58" s="6">
        <v>17117</v>
      </c>
      <c r="U58" s="6">
        <v>1984280</v>
      </c>
      <c r="V58" s="6">
        <v>31436</v>
      </c>
      <c r="W58" s="6">
        <v>274204</v>
      </c>
      <c r="X58" s="6">
        <v>375484</v>
      </c>
      <c r="Y58" s="6">
        <v>119946</v>
      </c>
      <c r="Z58" s="6">
        <v>10781</v>
      </c>
      <c r="AA58" s="6">
        <v>236631</v>
      </c>
      <c r="AB58" s="6">
        <v>8126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96</v>
      </c>
      <c r="I59" s="9" t="s">
        <v>54</v>
      </c>
      <c r="J59" s="9" t="s">
        <v>32</v>
      </c>
      <c r="K59" s="6">
        <v>2537761</v>
      </c>
      <c r="L59" s="6">
        <v>1713212</v>
      </c>
      <c r="M59" s="6">
        <v>1621552</v>
      </c>
      <c r="N59" s="6">
        <v>1260084</v>
      </c>
      <c r="O59" s="6">
        <v>38543</v>
      </c>
      <c r="P59" s="6">
        <v>291989</v>
      </c>
      <c r="Q59" s="6">
        <v>30936</v>
      </c>
      <c r="R59" s="6">
        <v>91660</v>
      </c>
      <c r="S59" s="6">
        <v>581800</v>
      </c>
      <c r="T59" s="6">
        <v>45567</v>
      </c>
      <c r="U59" s="6">
        <v>497256</v>
      </c>
      <c r="V59" s="6">
        <v>38977</v>
      </c>
      <c r="W59" s="6">
        <v>242749</v>
      </c>
      <c r="X59" s="6">
        <v>1582152</v>
      </c>
      <c r="Y59" s="6">
        <v>1228182</v>
      </c>
      <c r="Z59" s="6">
        <v>34905</v>
      </c>
      <c r="AA59" s="6">
        <v>290079</v>
      </c>
      <c r="AB59" s="6">
        <v>28986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96</v>
      </c>
      <c r="I60" s="9" t="s">
        <v>54</v>
      </c>
      <c r="J60" s="9" t="s">
        <v>33</v>
      </c>
      <c r="K60" s="6">
        <v>1720868</v>
      </c>
      <c r="L60" s="6">
        <v>1481570</v>
      </c>
      <c r="M60" s="6">
        <v>1398189</v>
      </c>
      <c r="N60" s="6">
        <v>1337476</v>
      </c>
      <c r="O60" s="6">
        <v>28991</v>
      </c>
      <c r="P60" s="6">
        <v>12061</v>
      </c>
      <c r="Q60" s="6">
        <v>19661</v>
      </c>
      <c r="R60" s="6">
        <v>83381</v>
      </c>
      <c r="S60" s="6">
        <v>100753</v>
      </c>
      <c r="T60" s="6">
        <v>46833</v>
      </c>
      <c r="U60" s="6">
        <v>27215</v>
      </c>
      <c r="V60" s="6">
        <v>26705</v>
      </c>
      <c r="W60" s="6">
        <v>138545</v>
      </c>
      <c r="X60" s="6">
        <v>1350768</v>
      </c>
      <c r="Y60" s="6">
        <v>1297926</v>
      </c>
      <c r="Z60" s="6">
        <v>23657</v>
      </c>
      <c r="AA60" s="6">
        <v>11748</v>
      </c>
      <c r="AB60" s="6">
        <v>17437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96</v>
      </c>
      <c r="I61" s="9" t="s">
        <v>54</v>
      </c>
      <c r="J61" s="9" t="s">
        <v>34</v>
      </c>
      <c r="K61" s="6">
        <v>1070318</v>
      </c>
      <c r="L61" s="6">
        <v>916674</v>
      </c>
      <c r="M61" s="6">
        <v>856992</v>
      </c>
      <c r="N61" s="6">
        <v>816835</v>
      </c>
      <c r="O61" s="6">
        <v>22994</v>
      </c>
      <c r="P61" s="6">
        <v>3521</v>
      </c>
      <c r="Q61" s="6">
        <v>13642</v>
      </c>
      <c r="R61" s="6">
        <v>59682</v>
      </c>
      <c r="S61" s="6">
        <v>81698</v>
      </c>
      <c r="T61" s="6">
        <v>47932</v>
      </c>
      <c r="U61" s="6">
        <v>6544</v>
      </c>
      <c r="V61" s="6">
        <v>27222</v>
      </c>
      <c r="W61" s="6">
        <v>71946</v>
      </c>
      <c r="X61" s="6">
        <v>810552</v>
      </c>
      <c r="Y61" s="6">
        <v>778857</v>
      </c>
      <c r="Z61" s="6">
        <v>16991</v>
      </c>
      <c r="AA61" s="6">
        <v>3338</v>
      </c>
      <c r="AB61" s="6">
        <v>11366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96</v>
      </c>
      <c r="I62" s="9" t="s">
        <v>54</v>
      </c>
      <c r="J62" s="9" t="s">
        <v>35</v>
      </c>
      <c r="K62" s="6">
        <v>822942</v>
      </c>
      <c r="L62" s="6">
        <v>695128</v>
      </c>
      <c r="M62" s="6">
        <v>648526</v>
      </c>
      <c r="N62" s="6">
        <v>617058</v>
      </c>
      <c r="O62" s="6">
        <v>19488</v>
      </c>
      <c r="P62" s="6">
        <v>1266</v>
      </c>
      <c r="Q62" s="6">
        <v>10714</v>
      </c>
      <c r="R62" s="6">
        <v>46602</v>
      </c>
      <c r="S62" s="6">
        <v>78740</v>
      </c>
      <c r="T62" s="6">
        <v>46675</v>
      </c>
      <c r="U62" s="6">
        <v>2230</v>
      </c>
      <c r="V62" s="6">
        <v>29835</v>
      </c>
      <c r="W62" s="6">
        <v>49074</v>
      </c>
      <c r="X62" s="6">
        <v>604823</v>
      </c>
      <c r="Y62" s="6">
        <v>581568</v>
      </c>
      <c r="Z62" s="6">
        <v>13634</v>
      </c>
      <c r="AA62" s="6">
        <v>1158</v>
      </c>
      <c r="AB62" s="6">
        <v>8463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96</v>
      </c>
      <c r="I63" s="9" t="s">
        <v>54</v>
      </c>
      <c r="J63" s="9" t="s">
        <v>36</v>
      </c>
      <c r="K63" s="6">
        <v>769440</v>
      </c>
      <c r="L63" s="6">
        <v>641973</v>
      </c>
      <c r="M63" s="6">
        <v>599440</v>
      </c>
      <c r="N63" s="6">
        <v>568583</v>
      </c>
      <c r="O63" s="6">
        <v>19699</v>
      </c>
      <c r="P63" s="6">
        <v>721</v>
      </c>
      <c r="Q63" s="6">
        <v>10437</v>
      </c>
      <c r="R63" s="6">
        <v>42533</v>
      </c>
      <c r="S63" s="6">
        <v>83496</v>
      </c>
      <c r="T63" s="6">
        <v>48948</v>
      </c>
      <c r="U63" s="6">
        <v>1224</v>
      </c>
      <c r="V63" s="6">
        <v>33324</v>
      </c>
      <c r="W63" s="6">
        <v>43971</v>
      </c>
      <c r="X63" s="6">
        <v>554453</v>
      </c>
      <c r="Y63" s="6">
        <v>532325</v>
      </c>
      <c r="Z63" s="6">
        <v>13554</v>
      </c>
      <c r="AA63" s="6">
        <v>645</v>
      </c>
      <c r="AB63" s="6">
        <v>7929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96</v>
      </c>
      <c r="I64" s="9" t="s">
        <v>54</v>
      </c>
      <c r="J64" s="9" t="s">
        <v>37</v>
      </c>
      <c r="K64" s="6">
        <v>813608</v>
      </c>
      <c r="L64" s="6">
        <v>662531</v>
      </c>
      <c r="M64" s="6">
        <v>618632</v>
      </c>
      <c r="N64" s="6">
        <v>582904</v>
      </c>
      <c r="O64" s="6">
        <v>23878</v>
      </c>
      <c r="P64" s="6">
        <v>526</v>
      </c>
      <c r="Q64" s="6">
        <v>11324</v>
      </c>
      <c r="R64" s="6">
        <v>43899</v>
      </c>
      <c r="S64" s="6">
        <v>101086</v>
      </c>
      <c r="T64" s="6">
        <v>59296</v>
      </c>
      <c r="U64" s="6">
        <v>824</v>
      </c>
      <c r="V64" s="6">
        <v>40966</v>
      </c>
      <c r="W64" s="6">
        <v>49991</v>
      </c>
      <c r="X64" s="6">
        <v>569336</v>
      </c>
      <c r="Y64" s="6">
        <v>543885</v>
      </c>
      <c r="Z64" s="6">
        <v>16701</v>
      </c>
      <c r="AA64" s="6">
        <v>447</v>
      </c>
      <c r="AB64" s="6">
        <v>8303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96</v>
      </c>
      <c r="I65" s="9" t="s">
        <v>54</v>
      </c>
      <c r="J65" s="9" t="s">
        <v>38</v>
      </c>
      <c r="K65" s="6">
        <v>626024</v>
      </c>
      <c r="L65" s="6">
        <v>491196</v>
      </c>
      <c r="M65" s="6">
        <v>458755</v>
      </c>
      <c r="N65" s="6">
        <v>426472</v>
      </c>
      <c r="O65" s="6">
        <v>22658</v>
      </c>
      <c r="P65" s="6">
        <v>279</v>
      </c>
      <c r="Q65" s="6">
        <v>9346</v>
      </c>
      <c r="R65" s="6">
        <v>32441</v>
      </c>
      <c r="S65" s="6">
        <v>93541</v>
      </c>
      <c r="T65" s="6">
        <v>56372</v>
      </c>
      <c r="U65" s="6">
        <v>441</v>
      </c>
      <c r="V65" s="6">
        <v>36728</v>
      </c>
      <c r="W65" s="6">
        <v>41287</v>
      </c>
      <c r="X65" s="6">
        <v>419401</v>
      </c>
      <c r="Y65" s="6">
        <v>396348</v>
      </c>
      <c r="Z65" s="6">
        <v>16015</v>
      </c>
      <c r="AA65" s="6">
        <v>237</v>
      </c>
      <c r="AB65" s="6">
        <v>6801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96</v>
      </c>
      <c r="I66" s="9" t="s">
        <v>54</v>
      </c>
      <c r="J66" s="9" t="s">
        <v>39</v>
      </c>
      <c r="K66" s="6">
        <v>430090</v>
      </c>
      <c r="L66" s="6">
        <v>317680</v>
      </c>
      <c r="M66" s="6">
        <v>296918</v>
      </c>
      <c r="N66" s="6">
        <v>270347</v>
      </c>
      <c r="O66" s="6">
        <v>19825</v>
      </c>
      <c r="P66" s="6">
        <v>125</v>
      </c>
      <c r="Q66" s="6">
        <v>6621</v>
      </c>
      <c r="R66" s="6">
        <v>20762</v>
      </c>
      <c r="S66" s="6">
        <v>84522</v>
      </c>
      <c r="T66" s="6">
        <v>50724</v>
      </c>
      <c r="U66" s="6">
        <v>200</v>
      </c>
      <c r="V66" s="6">
        <v>33598</v>
      </c>
      <c r="W66" s="6">
        <v>27888</v>
      </c>
      <c r="X66" s="6">
        <v>268760</v>
      </c>
      <c r="Y66" s="6">
        <v>249778</v>
      </c>
      <c r="Z66" s="6">
        <v>14075</v>
      </c>
      <c r="AA66" s="6">
        <v>96</v>
      </c>
      <c r="AB66" s="6">
        <v>4811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96</v>
      </c>
      <c r="I67" s="9" t="s">
        <v>54</v>
      </c>
      <c r="J67" s="9" t="s">
        <v>40</v>
      </c>
      <c r="K67" s="6">
        <v>285484</v>
      </c>
      <c r="L67" s="6">
        <v>169597</v>
      </c>
      <c r="M67" s="6">
        <v>157194</v>
      </c>
      <c r="N67" s="6">
        <v>133991</v>
      </c>
      <c r="O67" s="6">
        <v>18780</v>
      </c>
      <c r="P67" s="6">
        <v>63</v>
      </c>
      <c r="Q67" s="6">
        <v>4360</v>
      </c>
      <c r="R67" s="6">
        <v>12403</v>
      </c>
      <c r="S67" s="6">
        <v>99094</v>
      </c>
      <c r="T67" s="6">
        <v>55933</v>
      </c>
      <c r="U67" s="6">
        <v>129</v>
      </c>
      <c r="V67" s="6">
        <v>43032</v>
      </c>
      <c r="W67" s="6">
        <v>16793</v>
      </c>
      <c r="X67" s="6">
        <v>137335</v>
      </c>
      <c r="Y67" s="6">
        <v>120645</v>
      </c>
      <c r="Z67" s="6">
        <v>13655</v>
      </c>
      <c r="AA67" s="6">
        <v>46</v>
      </c>
      <c r="AB67" s="6">
        <v>2989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96</v>
      </c>
      <c r="I68" s="9" t="s">
        <v>54</v>
      </c>
      <c r="J68" s="9" t="s">
        <v>41</v>
      </c>
      <c r="K68" s="6">
        <v>238610</v>
      </c>
      <c r="L68" s="6">
        <v>83606</v>
      </c>
      <c r="M68" s="6">
        <v>78403</v>
      </c>
      <c r="N68" s="6">
        <v>57191</v>
      </c>
      <c r="O68" s="6">
        <v>17640</v>
      </c>
      <c r="P68" s="6">
        <v>32</v>
      </c>
      <c r="Q68" s="6">
        <v>3540</v>
      </c>
      <c r="R68" s="6">
        <v>5203</v>
      </c>
      <c r="S68" s="6">
        <v>140389</v>
      </c>
      <c r="T68" s="6">
        <v>63522</v>
      </c>
      <c r="U68" s="6">
        <v>88</v>
      </c>
      <c r="V68" s="6">
        <v>76779</v>
      </c>
      <c r="W68" s="6">
        <v>14615</v>
      </c>
      <c r="X68" s="6">
        <v>62799</v>
      </c>
      <c r="Y68" s="6">
        <v>47595</v>
      </c>
      <c r="Z68" s="6">
        <v>12858</v>
      </c>
      <c r="AA68" s="6">
        <v>22</v>
      </c>
      <c r="AB68" s="6">
        <v>2324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96</v>
      </c>
      <c r="I69" s="9" t="s">
        <v>54</v>
      </c>
      <c r="J69" s="9" t="s">
        <v>42</v>
      </c>
      <c r="K69" s="6">
        <v>228799</v>
      </c>
      <c r="L69" s="6">
        <v>50663</v>
      </c>
      <c r="M69" s="6">
        <v>48707</v>
      </c>
      <c r="N69" s="6">
        <v>31803</v>
      </c>
      <c r="O69" s="6">
        <v>13776</v>
      </c>
      <c r="P69" s="6">
        <v>32</v>
      </c>
      <c r="Q69" s="6">
        <v>3096</v>
      </c>
      <c r="R69" s="6">
        <v>1956</v>
      </c>
      <c r="S69" s="6">
        <v>160183</v>
      </c>
      <c r="T69" s="6">
        <v>63024</v>
      </c>
      <c r="U69" s="6">
        <v>54</v>
      </c>
      <c r="V69" s="6">
        <v>97105</v>
      </c>
      <c r="W69" s="6">
        <v>17953</v>
      </c>
      <c r="X69" s="6">
        <v>34404</v>
      </c>
      <c r="Y69" s="6">
        <v>23501</v>
      </c>
      <c r="Z69" s="6">
        <v>9242</v>
      </c>
      <c r="AA69" s="6">
        <v>23</v>
      </c>
      <c r="AB69" s="6">
        <v>1638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96</v>
      </c>
      <c r="I70" s="9" t="s">
        <v>54</v>
      </c>
      <c r="J70" s="9" t="s">
        <v>43</v>
      </c>
      <c r="K70" s="6">
        <v>149577</v>
      </c>
      <c r="L70" s="6">
        <v>17572</v>
      </c>
      <c r="M70" s="6">
        <v>17050</v>
      </c>
      <c r="N70" s="6">
        <v>10065</v>
      </c>
      <c r="O70" s="6">
        <v>5538</v>
      </c>
      <c r="P70" s="6">
        <v>18</v>
      </c>
      <c r="Q70" s="6">
        <v>1429</v>
      </c>
      <c r="R70" s="6">
        <v>522</v>
      </c>
      <c r="S70" s="6">
        <v>115729</v>
      </c>
      <c r="T70" s="6">
        <v>39296</v>
      </c>
      <c r="U70" s="6">
        <v>146</v>
      </c>
      <c r="V70" s="6">
        <v>76287</v>
      </c>
      <c r="W70" s="6">
        <v>16276</v>
      </c>
      <c r="X70" s="6">
        <v>10009</v>
      </c>
      <c r="Y70" s="6">
        <v>6318</v>
      </c>
      <c r="Z70" s="6">
        <v>3120</v>
      </c>
      <c r="AA70" s="6">
        <v>11</v>
      </c>
      <c r="AB70" s="6">
        <v>560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96</v>
      </c>
      <c r="I71" s="9" t="s">
        <v>54</v>
      </c>
      <c r="J71" s="9" t="s">
        <v>44</v>
      </c>
      <c r="K71" s="6">
        <v>105970</v>
      </c>
      <c r="L71" s="6">
        <v>6405</v>
      </c>
      <c r="M71" s="6">
        <v>6221</v>
      </c>
      <c r="N71" s="6">
        <v>3333</v>
      </c>
      <c r="O71" s="6">
        <v>2133</v>
      </c>
      <c r="P71" s="6">
        <v>14</v>
      </c>
      <c r="Q71" s="6">
        <v>741</v>
      </c>
      <c r="R71" s="6">
        <v>184</v>
      </c>
      <c r="S71" s="6">
        <v>85417</v>
      </c>
      <c r="T71" s="6">
        <v>22775</v>
      </c>
      <c r="U71" s="6">
        <v>94</v>
      </c>
      <c r="V71" s="6">
        <v>62548</v>
      </c>
      <c r="W71" s="6">
        <v>14148</v>
      </c>
      <c r="X71" s="6">
        <v>2758</v>
      </c>
      <c r="Y71" s="6">
        <v>1702</v>
      </c>
      <c r="Z71" s="6">
        <v>857</v>
      </c>
      <c r="AA71" s="6">
        <v>10</v>
      </c>
      <c r="AB71" s="6">
        <v>189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96</v>
      </c>
      <c r="I72" s="9" t="s">
        <v>54</v>
      </c>
      <c r="J72" s="9" t="s">
        <v>45</v>
      </c>
      <c r="K72" s="6">
        <v>80058</v>
      </c>
      <c r="L72" s="6">
        <v>2559</v>
      </c>
      <c r="M72" s="6">
        <v>2479</v>
      </c>
      <c r="N72" s="6">
        <v>1286</v>
      </c>
      <c r="O72" s="6">
        <v>841</v>
      </c>
      <c r="P72" s="6">
        <v>7</v>
      </c>
      <c r="Q72" s="6">
        <v>345</v>
      </c>
      <c r="R72" s="6">
        <v>80</v>
      </c>
      <c r="S72" s="6">
        <v>67272</v>
      </c>
      <c r="T72" s="6">
        <v>12408</v>
      </c>
      <c r="U72" s="6">
        <v>20</v>
      </c>
      <c r="V72" s="6">
        <v>54844</v>
      </c>
      <c r="W72" s="6">
        <v>10227</v>
      </c>
      <c r="X72" s="6">
        <v>936</v>
      </c>
      <c r="Y72" s="6">
        <v>624</v>
      </c>
      <c r="Z72" s="6">
        <v>243</v>
      </c>
      <c r="AA72" s="6">
        <v>2</v>
      </c>
      <c r="AB72" s="6">
        <v>67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96</v>
      </c>
      <c r="I73" s="9" t="s">
        <v>54</v>
      </c>
      <c r="J73" s="9" t="s">
        <v>46</v>
      </c>
      <c r="K73" s="6">
        <v>43833</v>
      </c>
      <c r="L73" s="6">
        <v>858</v>
      </c>
      <c r="M73" s="6">
        <v>837</v>
      </c>
      <c r="N73" s="6">
        <v>443</v>
      </c>
      <c r="O73" s="6">
        <v>256</v>
      </c>
      <c r="P73" s="6">
        <v>6</v>
      </c>
      <c r="Q73" s="6">
        <v>132</v>
      </c>
      <c r="R73" s="6">
        <v>21</v>
      </c>
      <c r="S73" s="6">
        <v>39037</v>
      </c>
      <c r="T73" s="6">
        <v>4241</v>
      </c>
      <c r="U73" s="6">
        <v>8</v>
      </c>
      <c r="V73" s="6">
        <v>34788</v>
      </c>
      <c r="W73" s="6">
        <v>3938</v>
      </c>
      <c r="X73" s="6">
        <v>347</v>
      </c>
      <c r="Y73" s="6">
        <v>247</v>
      </c>
      <c r="Z73" s="6">
        <v>77</v>
      </c>
      <c r="AA73" s="6">
        <v>4</v>
      </c>
      <c r="AB73" s="6">
        <v>19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96</v>
      </c>
      <c r="I74" s="9" t="s">
        <v>54</v>
      </c>
      <c r="J74" s="9" t="s">
        <v>47</v>
      </c>
      <c r="K74" s="6">
        <v>13437</v>
      </c>
      <c r="L74" s="6">
        <v>83</v>
      </c>
      <c r="M74" s="6">
        <v>80</v>
      </c>
      <c r="N74" s="6">
        <v>32</v>
      </c>
      <c r="O74" s="6">
        <v>34</v>
      </c>
      <c r="P74" s="10" t="s">
        <v>55</v>
      </c>
      <c r="Q74" s="6">
        <v>14</v>
      </c>
      <c r="R74" s="6">
        <v>3</v>
      </c>
      <c r="S74" s="6">
        <v>12615</v>
      </c>
      <c r="T74" s="6">
        <v>568</v>
      </c>
      <c r="U74" s="6">
        <v>1</v>
      </c>
      <c r="V74" s="6">
        <v>12046</v>
      </c>
      <c r="W74" s="6">
        <v>739</v>
      </c>
      <c r="X74" s="6">
        <v>31</v>
      </c>
      <c r="Y74" s="6">
        <v>15</v>
      </c>
      <c r="Z74" s="6">
        <v>12</v>
      </c>
      <c r="AA74" s="10" t="s">
        <v>55</v>
      </c>
      <c r="AB74" s="6">
        <v>4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96</v>
      </c>
      <c r="I75" s="9" t="s">
        <v>54</v>
      </c>
      <c r="J75" s="9" t="s">
        <v>48</v>
      </c>
      <c r="K75" s="6">
        <v>11790437</v>
      </c>
      <c r="L75" s="6">
        <v>7496426</v>
      </c>
      <c r="M75" s="6">
        <v>7040212</v>
      </c>
      <c r="N75" s="6">
        <v>6139181</v>
      </c>
      <c r="O75" s="6">
        <v>226443</v>
      </c>
      <c r="P75" s="6">
        <v>548829</v>
      </c>
      <c r="Q75" s="6">
        <v>125759</v>
      </c>
      <c r="R75" s="6">
        <v>456214</v>
      </c>
      <c r="S75" s="6">
        <v>3337563</v>
      </c>
      <c r="T75" s="6">
        <v>475397</v>
      </c>
      <c r="U75" s="6">
        <v>2520343</v>
      </c>
      <c r="V75" s="6">
        <v>341823</v>
      </c>
      <c r="W75" s="6">
        <v>956448</v>
      </c>
      <c r="X75" s="6">
        <v>6673064</v>
      </c>
      <c r="Y75" s="6">
        <v>5849460</v>
      </c>
      <c r="Z75" s="6">
        <v>173968</v>
      </c>
      <c r="AA75" s="6">
        <v>544425</v>
      </c>
      <c r="AB75" s="6">
        <v>105211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96</v>
      </c>
      <c r="I76" s="9" t="s">
        <v>54</v>
      </c>
      <c r="J76" s="9" t="s">
        <v>49</v>
      </c>
      <c r="K76" s="6">
        <v>860284</v>
      </c>
      <c r="L76" s="6">
        <v>161746</v>
      </c>
      <c r="M76" s="6">
        <v>153777</v>
      </c>
      <c r="N76" s="6">
        <v>104153</v>
      </c>
      <c r="O76" s="6">
        <v>40218</v>
      </c>
      <c r="P76" s="6">
        <v>109</v>
      </c>
      <c r="Q76" s="6">
        <v>9297</v>
      </c>
      <c r="R76" s="6">
        <v>7969</v>
      </c>
      <c r="S76" s="6">
        <v>620642</v>
      </c>
      <c r="T76" s="6">
        <v>205834</v>
      </c>
      <c r="U76" s="6">
        <v>411</v>
      </c>
      <c r="V76" s="6">
        <v>414397</v>
      </c>
      <c r="W76" s="6">
        <v>77896</v>
      </c>
      <c r="X76" s="6">
        <v>111284</v>
      </c>
      <c r="Y76" s="6">
        <v>80002</v>
      </c>
      <c r="Z76" s="6">
        <v>26409</v>
      </c>
      <c r="AA76" s="6">
        <v>72</v>
      </c>
      <c r="AB76" s="6">
        <v>4801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96</v>
      </c>
      <c r="I77" s="9" t="s">
        <v>54</v>
      </c>
      <c r="J77" s="9" t="s">
        <v>50</v>
      </c>
      <c r="K77" s="6">
        <v>392875</v>
      </c>
      <c r="L77" s="6">
        <v>27477</v>
      </c>
      <c r="M77" s="6">
        <v>26667</v>
      </c>
      <c r="N77" s="6">
        <v>15159</v>
      </c>
      <c r="O77" s="6">
        <v>8802</v>
      </c>
      <c r="P77" s="6">
        <v>45</v>
      </c>
      <c r="Q77" s="6">
        <v>2661</v>
      </c>
      <c r="R77" s="6">
        <v>810</v>
      </c>
      <c r="S77" s="6">
        <v>320070</v>
      </c>
      <c r="T77" s="6">
        <v>79288</v>
      </c>
      <c r="U77" s="6">
        <v>269</v>
      </c>
      <c r="V77" s="6">
        <v>240513</v>
      </c>
      <c r="W77" s="6">
        <v>45328</v>
      </c>
      <c r="X77" s="6">
        <v>14081</v>
      </c>
      <c r="Y77" s="6">
        <v>8906</v>
      </c>
      <c r="Z77" s="6">
        <v>4309</v>
      </c>
      <c r="AA77" s="6">
        <v>27</v>
      </c>
      <c r="AB77" s="6">
        <v>839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96</v>
      </c>
      <c r="I78" s="9" t="s">
        <v>54</v>
      </c>
      <c r="J78" s="9" t="s">
        <v>51</v>
      </c>
      <c r="K78" s="6">
        <v>137328</v>
      </c>
      <c r="L78" s="6">
        <v>3500</v>
      </c>
      <c r="M78" s="6">
        <v>3396</v>
      </c>
      <c r="N78" s="6">
        <v>1761</v>
      </c>
      <c r="O78" s="6">
        <v>1131</v>
      </c>
      <c r="P78" s="6">
        <v>13</v>
      </c>
      <c r="Q78" s="6">
        <v>491</v>
      </c>
      <c r="R78" s="6">
        <v>104</v>
      </c>
      <c r="S78" s="6">
        <v>118924</v>
      </c>
      <c r="T78" s="6">
        <v>17217</v>
      </c>
      <c r="U78" s="6">
        <v>29</v>
      </c>
      <c r="V78" s="6">
        <v>101678</v>
      </c>
      <c r="W78" s="6">
        <v>14904</v>
      </c>
      <c r="X78" s="6">
        <v>1314</v>
      </c>
      <c r="Y78" s="6">
        <v>886</v>
      </c>
      <c r="Z78" s="6">
        <v>332</v>
      </c>
      <c r="AA78" s="6">
        <v>6</v>
      </c>
      <c r="AB78" s="6">
        <v>90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96</v>
      </c>
      <c r="I79" s="9" t="s">
        <v>54</v>
      </c>
      <c r="J79" s="9" t="s">
        <v>52</v>
      </c>
      <c r="K79" s="6">
        <v>9315145</v>
      </c>
      <c r="L79" s="6">
        <v>7173167</v>
      </c>
      <c r="M79" s="6">
        <v>6734601</v>
      </c>
      <c r="N79" s="6">
        <v>6070941</v>
      </c>
      <c r="O79" s="6">
        <v>232496</v>
      </c>
      <c r="P79" s="6">
        <v>310583</v>
      </c>
      <c r="Q79" s="6">
        <v>120581</v>
      </c>
      <c r="R79" s="6">
        <v>438566</v>
      </c>
      <c r="S79" s="6">
        <v>1445119</v>
      </c>
      <c r="T79" s="6">
        <v>521802</v>
      </c>
      <c r="U79" s="6">
        <v>536151</v>
      </c>
      <c r="V79" s="6">
        <v>387166</v>
      </c>
      <c r="W79" s="6">
        <v>696859</v>
      </c>
      <c r="X79" s="6">
        <v>6360379</v>
      </c>
      <c r="Y79" s="6">
        <v>5777109</v>
      </c>
      <c r="Z79" s="6">
        <v>176045</v>
      </c>
      <c r="AA79" s="6">
        <v>307816</v>
      </c>
      <c r="AB79" s="6">
        <v>99409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96</v>
      </c>
      <c r="I80" s="9" t="s">
        <v>6</v>
      </c>
      <c r="J80" s="9" t="s">
        <v>30</v>
      </c>
      <c r="K80" s="6">
        <v>367065</v>
      </c>
      <c r="L80" s="6">
        <v>226085</v>
      </c>
      <c r="M80" s="6">
        <v>207626</v>
      </c>
      <c r="N80" s="6">
        <v>187159</v>
      </c>
      <c r="O80" s="6">
        <v>5049</v>
      </c>
      <c r="P80" s="6">
        <v>11269</v>
      </c>
      <c r="Q80" s="6">
        <v>4149</v>
      </c>
      <c r="R80" s="6">
        <v>18459</v>
      </c>
      <c r="S80" s="6">
        <v>122314</v>
      </c>
      <c r="T80" s="6">
        <v>13814</v>
      </c>
      <c r="U80" s="6">
        <v>75639</v>
      </c>
      <c r="V80" s="6">
        <v>32861</v>
      </c>
      <c r="W80" s="6">
        <v>18666</v>
      </c>
      <c r="X80" s="6">
        <v>187425</v>
      </c>
      <c r="Y80" s="6">
        <v>169935</v>
      </c>
      <c r="Z80" s="6">
        <v>3322</v>
      </c>
      <c r="AA80" s="6">
        <v>11152</v>
      </c>
      <c r="AB80" s="6">
        <v>3016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96</v>
      </c>
      <c r="I81" s="9" t="s">
        <v>6</v>
      </c>
      <c r="J81" s="9" t="s">
        <v>31</v>
      </c>
      <c r="K81" s="6">
        <v>78864</v>
      </c>
      <c r="L81" s="6">
        <v>10849</v>
      </c>
      <c r="M81" s="6">
        <v>10009</v>
      </c>
      <c r="N81" s="6">
        <v>5151</v>
      </c>
      <c r="O81" s="6">
        <v>207</v>
      </c>
      <c r="P81" s="6">
        <v>4434</v>
      </c>
      <c r="Q81" s="6">
        <v>217</v>
      </c>
      <c r="R81" s="6">
        <v>840</v>
      </c>
      <c r="S81" s="6">
        <v>63397</v>
      </c>
      <c r="T81" s="6">
        <v>338</v>
      </c>
      <c r="U81" s="6">
        <v>62060</v>
      </c>
      <c r="V81" s="6">
        <v>999</v>
      </c>
      <c r="W81" s="6">
        <v>4618</v>
      </c>
      <c r="X81" s="6">
        <v>9709</v>
      </c>
      <c r="Y81" s="6">
        <v>4920</v>
      </c>
      <c r="Z81" s="6">
        <v>188</v>
      </c>
      <c r="AA81" s="6">
        <v>4398</v>
      </c>
      <c r="AB81" s="6">
        <v>203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96</v>
      </c>
      <c r="I82" s="9" t="s">
        <v>6</v>
      </c>
      <c r="J82" s="9" t="s">
        <v>32</v>
      </c>
      <c r="K82" s="6">
        <v>62014</v>
      </c>
      <c r="L82" s="6">
        <v>43711</v>
      </c>
      <c r="M82" s="6">
        <v>40818</v>
      </c>
      <c r="N82" s="6">
        <v>33143</v>
      </c>
      <c r="O82" s="6">
        <v>626</v>
      </c>
      <c r="P82" s="6">
        <v>6353</v>
      </c>
      <c r="Q82" s="6">
        <v>696</v>
      </c>
      <c r="R82" s="6">
        <v>2893</v>
      </c>
      <c r="S82" s="6">
        <v>14518</v>
      </c>
      <c r="T82" s="6">
        <v>791</v>
      </c>
      <c r="U82" s="6">
        <v>12538</v>
      </c>
      <c r="V82" s="6">
        <v>1189</v>
      </c>
      <c r="W82" s="6">
        <v>3785</v>
      </c>
      <c r="X82" s="6">
        <v>39284</v>
      </c>
      <c r="Y82" s="6">
        <v>31803</v>
      </c>
      <c r="Z82" s="6">
        <v>530</v>
      </c>
      <c r="AA82" s="6">
        <v>6300</v>
      </c>
      <c r="AB82" s="6">
        <v>651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96</v>
      </c>
      <c r="I83" s="9" t="s">
        <v>6</v>
      </c>
      <c r="J83" s="9" t="s">
        <v>33</v>
      </c>
      <c r="K83" s="6">
        <v>43571</v>
      </c>
      <c r="L83" s="6">
        <v>38633</v>
      </c>
      <c r="M83" s="6">
        <v>35961</v>
      </c>
      <c r="N83" s="6">
        <v>34736</v>
      </c>
      <c r="O83" s="6">
        <v>481</v>
      </c>
      <c r="P83" s="6">
        <v>306</v>
      </c>
      <c r="Q83" s="6">
        <v>438</v>
      </c>
      <c r="R83" s="6">
        <v>2672</v>
      </c>
      <c r="S83" s="6">
        <v>2527</v>
      </c>
      <c r="T83" s="6">
        <v>778</v>
      </c>
      <c r="U83" s="6">
        <v>717</v>
      </c>
      <c r="V83" s="6">
        <v>1032</v>
      </c>
      <c r="W83" s="6">
        <v>2411</v>
      </c>
      <c r="X83" s="6">
        <v>34101</v>
      </c>
      <c r="Y83" s="6">
        <v>33064</v>
      </c>
      <c r="Z83" s="6">
        <v>376</v>
      </c>
      <c r="AA83" s="6">
        <v>299</v>
      </c>
      <c r="AB83" s="6">
        <v>362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96</v>
      </c>
      <c r="I84" s="9" t="s">
        <v>6</v>
      </c>
      <c r="J84" s="9" t="s">
        <v>34</v>
      </c>
      <c r="K84" s="6">
        <v>30665</v>
      </c>
      <c r="L84" s="6">
        <v>27058</v>
      </c>
      <c r="M84" s="6">
        <v>24817</v>
      </c>
      <c r="N84" s="6">
        <v>23975</v>
      </c>
      <c r="O84" s="6">
        <v>384</v>
      </c>
      <c r="P84" s="6">
        <v>88</v>
      </c>
      <c r="Q84" s="6">
        <v>370</v>
      </c>
      <c r="R84" s="6">
        <v>2241</v>
      </c>
      <c r="S84" s="6">
        <v>2135</v>
      </c>
      <c r="T84" s="6">
        <v>853</v>
      </c>
      <c r="U84" s="6">
        <v>177</v>
      </c>
      <c r="V84" s="6">
        <v>1105</v>
      </c>
      <c r="W84" s="6">
        <v>1472</v>
      </c>
      <c r="X84" s="6">
        <v>22824</v>
      </c>
      <c r="Y84" s="6">
        <v>22171</v>
      </c>
      <c r="Z84" s="6">
        <v>264</v>
      </c>
      <c r="AA84" s="6">
        <v>83</v>
      </c>
      <c r="AB84" s="6">
        <v>306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96</v>
      </c>
      <c r="I85" s="9" t="s">
        <v>6</v>
      </c>
      <c r="J85" s="9" t="s">
        <v>35</v>
      </c>
      <c r="K85" s="6">
        <v>25970</v>
      </c>
      <c r="L85" s="6">
        <v>22605</v>
      </c>
      <c r="M85" s="6">
        <v>20532</v>
      </c>
      <c r="N85" s="6">
        <v>19814</v>
      </c>
      <c r="O85" s="6">
        <v>351</v>
      </c>
      <c r="P85" s="6">
        <v>41</v>
      </c>
      <c r="Q85" s="6">
        <v>326</v>
      </c>
      <c r="R85" s="6">
        <v>2073</v>
      </c>
      <c r="S85" s="6">
        <v>2260</v>
      </c>
      <c r="T85" s="6">
        <v>880</v>
      </c>
      <c r="U85" s="6">
        <v>66</v>
      </c>
      <c r="V85" s="6">
        <v>1314</v>
      </c>
      <c r="W85" s="6">
        <v>1105</v>
      </c>
      <c r="X85" s="6">
        <v>18297</v>
      </c>
      <c r="Y85" s="6">
        <v>17816</v>
      </c>
      <c r="Z85" s="6">
        <v>204</v>
      </c>
      <c r="AA85" s="6">
        <v>38</v>
      </c>
      <c r="AB85" s="6">
        <v>239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96</v>
      </c>
      <c r="I86" s="9" t="s">
        <v>6</v>
      </c>
      <c r="J86" s="9" t="s">
        <v>36</v>
      </c>
      <c r="K86" s="6">
        <v>23843</v>
      </c>
      <c r="L86" s="6">
        <v>20526</v>
      </c>
      <c r="M86" s="6">
        <v>18631</v>
      </c>
      <c r="N86" s="6">
        <v>17916</v>
      </c>
      <c r="O86" s="6">
        <v>379</v>
      </c>
      <c r="P86" s="6">
        <v>14</v>
      </c>
      <c r="Q86" s="6">
        <v>322</v>
      </c>
      <c r="R86" s="6">
        <v>1895</v>
      </c>
      <c r="S86" s="6">
        <v>2326</v>
      </c>
      <c r="T86" s="6">
        <v>874</v>
      </c>
      <c r="U86" s="6">
        <v>31</v>
      </c>
      <c r="V86" s="6">
        <v>1421</v>
      </c>
      <c r="W86" s="6">
        <v>991</v>
      </c>
      <c r="X86" s="6">
        <v>16324</v>
      </c>
      <c r="Y86" s="6">
        <v>15865</v>
      </c>
      <c r="Z86" s="6">
        <v>225</v>
      </c>
      <c r="AA86" s="6">
        <v>13</v>
      </c>
      <c r="AB86" s="6">
        <v>221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96</v>
      </c>
      <c r="I87" s="9" t="s">
        <v>6</v>
      </c>
      <c r="J87" s="9" t="s">
        <v>37</v>
      </c>
      <c r="K87" s="6">
        <v>23477</v>
      </c>
      <c r="L87" s="6">
        <v>19732</v>
      </c>
      <c r="M87" s="6">
        <v>17934</v>
      </c>
      <c r="N87" s="6">
        <v>17158</v>
      </c>
      <c r="O87" s="6">
        <v>397</v>
      </c>
      <c r="P87" s="6">
        <v>12</v>
      </c>
      <c r="Q87" s="6">
        <v>367</v>
      </c>
      <c r="R87" s="6">
        <v>1798</v>
      </c>
      <c r="S87" s="6">
        <v>2740</v>
      </c>
      <c r="T87" s="6">
        <v>1008</v>
      </c>
      <c r="U87" s="6">
        <v>24</v>
      </c>
      <c r="V87" s="6">
        <v>1708</v>
      </c>
      <c r="W87" s="6">
        <v>1005</v>
      </c>
      <c r="X87" s="6">
        <v>15645</v>
      </c>
      <c r="Y87" s="6">
        <v>15152</v>
      </c>
      <c r="Z87" s="6">
        <v>232</v>
      </c>
      <c r="AA87" s="6">
        <v>11</v>
      </c>
      <c r="AB87" s="6">
        <v>250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96</v>
      </c>
      <c r="I88" s="9" t="s">
        <v>6</v>
      </c>
      <c r="J88" s="9" t="s">
        <v>38</v>
      </c>
      <c r="K88" s="6">
        <v>19142</v>
      </c>
      <c r="L88" s="6">
        <v>15547</v>
      </c>
      <c r="M88" s="6">
        <v>14090</v>
      </c>
      <c r="N88" s="6">
        <v>13335</v>
      </c>
      <c r="O88" s="6">
        <v>406</v>
      </c>
      <c r="P88" s="6">
        <v>6</v>
      </c>
      <c r="Q88" s="6">
        <v>343</v>
      </c>
      <c r="R88" s="6">
        <v>1457</v>
      </c>
      <c r="S88" s="6">
        <v>2763</v>
      </c>
      <c r="T88" s="6">
        <v>1064</v>
      </c>
      <c r="U88" s="6">
        <v>11</v>
      </c>
      <c r="V88" s="6">
        <v>1688</v>
      </c>
      <c r="W88" s="6">
        <v>832</v>
      </c>
      <c r="X88" s="6">
        <v>12071</v>
      </c>
      <c r="Y88" s="6">
        <v>11603</v>
      </c>
      <c r="Z88" s="6">
        <v>235</v>
      </c>
      <c r="AA88" s="6">
        <v>3</v>
      </c>
      <c r="AB88" s="6">
        <v>230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96</v>
      </c>
      <c r="I89" s="9" t="s">
        <v>6</v>
      </c>
      <c r="J89" s="9" t="s">
        <v>39</v>
      </c>
      <c r="K89" s="6">
        <v>15908</v>
      </c>
      <c r="L89" s="6">
        <v>12166</v>
      </c>
      <c r="M89" s="6">
        <v>11020</v>
      </c>
      <c r="N89" s="6">
        <v>10324</v>
      </c>
      <c r="O89" s="6">
        <v>399</v>
      </c>
      <c r="P89" s="6">
        <v>5</v>
      </c>
      <c r="Q89" s="6">
        <v>292</v>
      </c>
      <c r="R89" s="6">
        <v>1146</v>
      </c>
      <c r="S89" s="6">
        <v>3131</v>
      </c>
      <c r="T89" s="6">
        <v>1183</v>
      </c>
      <c r="U89" s="6">
        <v>5</v>
      </c>
      <c r="V89" s="6">
        <v>1943</v>
      </c>
      <c r="W89" s="6">
        <v>611</v>
      </c>
      <c r="X89" s="6">
        <v>9251</v>
      </c>
      <c r="Y89" s="6">
        <v>8843</v>
      </c>
      <c r="Z89" s="6">
        <v>236</v>
      </c>
      <c r="AA89" s="6">
        <v>3</v>
      </c>
      <c r="AB89" s="6">
        <v>169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96</v>
      </c>
      <c r="I90" s="9" t="s">
        <v>6</v>
      </c>
      <c r="J90" s="9" t="s">
        <v>40</v>
      </c>
      <c r="K90" s="6">
        <v>13451</v>
      </c>
      <c r="L90" s="6">
        <v>8382</v>
      </c>
      <c r="M90" s="6">
        <v>7452</v>
      </c>
      <c r="N90" s="6">
        <v>6660</v>
      </c>
      <c r="O90" s="6">
        <v>498</v>
      </c>
      <c r="P90" s="6">
        <v>4</v>
      </c>
      <c r="Q90" s="6">
        <v>290</v>
      </c>
      <c r="R90" s="6">
        <v>930</v>
      </c>
      <c r="S90" s="6">
        <v>4574</v>
      </c>
      <c r="T90" s="6">
        <v>1523</v>
      </c>
      <c r="U90" s="6">
        <v>4</v>
      </c>
      <c r="V90" s="6">
        <v>3047</v>
      </c>
      <c r="W90" s="6">
        <v>495</v>
      </c>
      <c r="X90" s="6">
        <v>5867</v>
      </c>
      <c r="Y90" s="6">
        <v>5397</v>
      </c>
      <c r="Z90" s="6">
        <v>301</v>
      </c>
      <c r="AA90" s="6">
        <v>2</v>
      </c>
      <c r="AB90" s="6">
        <v>167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96</v>
      </c>
      <c r="I91" s="9" t="s">
        <v>6</v>
      </c>
      <c r="J91" s="9" t="s">
        <v>41</v>
      </c>
      <c r="K91" s="6">
        <v>11678</v>
      </c>
      <c r="L91" s="6">
        <v>4354</v>
      </c>
      <c r="M91" s="6">
        <v>3985</v>
      </c>
      <c r="N91" s="6">
        <v>3249</v>
      </c>
      <c r="O91" s="6">
        <v>465</v>
      </c>
      <c r="P91" s="6">
        <v>3</v>
      </c>
      <c r="Q91" s="6">
        <v>268</v>
      </c>
      <c r="R91" s="6">
        <v>369</v>
      </c>
      <c r="S91" s="6">
        <v>6914</v>
      </c>
      <c r="T91" s="6">
        <v>1755</v>
      </c>
      <c r="U91" s="6">
        <v>1</v>
      </c>
      <c r="V91" s="6">
        <v>5158</v>
      </c>
      <c r="W91" s="6">
        <v>410</v>
      </c>
      <c r="X91" s="6">
        <v>2696</v>
      </c>
      <c r="Y91" s="6">
        <v>2277</v>
      </c>
      <c r="Z91" s="6">
        <v>277</v>
      </c>
      <c r="AA91" s="6">
        <v>2</v>
      </c>
      <c r="AB91" s="6">
        <v>140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96</v>
      </c>
      <c r="I92" s="9" t="s">
        <v>6</v>
      </c>
      <c r="J92" s="9" t="s">
        <v>42</v>
      </c>
      <c r="K92" s="6">
        <v>8324</v>
      </c>
      <c r="L92" s="6">
        <v>1874</v>
      </c>
      <c r="M92" s="6">
        <v>1758</v>
      </c>
      <c r="N92" s="6">
        <v>1289</v>
      </c>
      <c r="O92" s="6">
        <v>312</v>
      </c>
      <c r="P92" s="6">
        <v>3</v>
      </c>
      <c r="Q92" s="6">
        <v>154</v>
      </c>
      <c r="R92" s="6">
        <v>116</v>
      </c>
      <c r="S92" s="6">
        <v>6101</v>
      </c>
      <c r="T92" s="6">
        <v>1379</v>
      </c>
      <c r="U92" s="6">
        <v>2</v>
      </c>
      <c r="V92" s="6">
        <v>4720</v>
      </c>
      <c r="W92" s="6">
        <v>349</v>
      </c>
      <c r="X92" s="6">
        <v>1070</v>
      </c>
      <c r="Y92" s="6">
        <v>820</v>
      </c>
      <c r="Z92" s="6">
        <v>190</v>
      </c>
      <c r="AA92" s="10" t="s">
        <v>55</v>
      </c>
      <c r="AB92" s="6">
        <v>60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96</v>
      </c>
      <c r="I93" s="9" t="s">
        <v>6</v>
      </c>
      <c r="J93" s="9" t="s">
        <v>43</v>
      </c>
      <c r="K93" s="6">
        <v>4129</v>
      </c>
      <c r="L93" s="6">
        <v>434</v>
      </c>
      <c r="M93" s="6">
        <v>411</v>
      </c>
      <c r="N93" s="6">
        <v>281</v>
      </c>
      <c r="O93" s="6">
        <v>96</v>
      </c>
      <c r="P93" s="10" t="s">
        <v>55</v>
      </c>
      <c r="Q93" s="6">
        <v>34</v>
      </c>
      <c r="R93" s="6">
        <v>23</v>
      </c>
      <c r="S93" s="6">
        <v>3459</v>
      </c>
      <c r="T93" s="6">
        <v>715</v>
      </c>
      <c r="U93" s="6">
        <v>1</v>
      </c>
      <c r="V93" s="6">
        <v>2743</v>
      </c>
      <c r="W93" s="6">
        <v>236</v>
      </c>
      <c r="X93" s="6">
        <v>199</v>
      </c>
      <c r="Y93" s="6">
        <v>138</v>
      </c>
      <c r="Z93" s="6">
        <v>49</v>
      </c>
      <c r="AA93" s="10" t="s">
        <v>55</v>
      </c>
      <c r="AB93" s="6">
        <v>12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96</v>
      </c>
      <c r="I94" s="9" t="s">
        <v>6</v>
      </c>
      <c r="J94" s="9" t="s">
        <v>44</v>
      </c>
      <c r="K94" s="6">
        <v>2755</v>
      </c>
      <c r="L94" s="6">
        <v>138</v>
      </c>
      <c r="M94" s="6">
        <v>135</v>
      </c>
      <c r="N94" s="6">
        <v>85</v>
      </c>
      <c r="O94" s="6">
        <v>29</v>
      </c>
      <c r="P94" s="10" t="s">
        <v>55</v>
      </c>
      <c r="Q94" s="6">
        <v>21</v>
      </c>
      <c r="R94" s="6">
        <v>3</v>
      </c>
      <c r="S94" s="6">
        <v>2429</v>
      </c>
      <c r="T94" s="6">
        <v>380</v>
      </c>
      <c r="U94" s="6">
        <v>2</v>
      </c>
      <c r="V94" s="6">
        <v>2047</v>
      </c>
      <c r="W94" s="6">
        <v>188</v>
      </c>
      <c r="X94" s="6">
        <v>58</v>
      </c>
      <c r="Y94" s="6">
        <v>43</v>
      </c>
      <c r="Z94" s="6">
        <v>9</v>
      </c>
      <c r="AA94" s="10" t="s">
        <v>55</v>
      </c>
      <c r="AB94" s="6">
        <v>6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96</v>
      </c>
      <c r="I95" s="9" t="s">
        <v>6</v>
      </c>
      <c r="J95" s="9" t="s">
        <v>45</v>
      </c>
      <c r="K95" s="6">
        <v>1834</v>
      </c>
      <c r="L95" s="6">
        <v>53</v>
      </c>
      <c r="M95" s="6">
        <v>50</v>
      </c>
      <c r="N95" s="6">
        <v>28</v>
      </c>
      <c r="O95" s="6">
        <v>13</v>
      </c>
      <c r="P95" s="10" t="s">
        <v>55</v>
      </c>
      <c r="Q95" s="6">
        <v>9</v>
      </c>
      <c r="R95" s="6">
        <v>3</v>
      </c>
      <c r="S95" s="6">
        <v>1678</v>
      </c>
      <c r="T95" s="6">
        <v>214</v>
      </c>
      <c r="U95" s="10" t="s">
        <v>55</v>
      </c>
      <c r="V95" s="6">
        <v>1464</v>
      </c>
      <c r="W95" s="6">
        <v>103</v>
      </c>
      <c r="X95" s="6">
        <v>20</v>
      </c>
      <c r="Y95" s="6">
        <v>16</v>
      </c>
      <c r="Z95" s="6">
        <v>4</v>
      </c>
      <c r="AA95" s="10" t="s">
        <v>55</v>
      </c>
      <c r="AB95" s="10" t="s">
        <v>55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96</v>
      </c>
      <c r="I96" s="9" t="s">
        <v>6</v>
      </c>
      <c r="J96" s="9" t="s">
        <v>46</v>
      </c>
      <c r="K96" s="6">
        <v>1041</v>
      </c>
      <c r="L96" s="6">
        <v>21</v>
      </c>
      <c r="M96" s="6">
        <v>21</v>
      </c>
      <c r="N96" s="6">
        <v>13</v>
      </c>
      <c r="O96" s="6">
        <v>6</v>
      </c>
      <c r="P96" s="10" t="s">
        <v>55</v>
      </c>
      <c r="Q96" s="6">
        <v>2</v>
      </c>
      <c r="R96" s="10" t="s">
        <v>55</v>
      </c>
      <c r="S96" s="6">
        <v>973</v>
      </c>
      <c r="T96" s="6">
        <v>64</v>
      </c>
      <c r="U96" s="10" t="s">
        <v>55</v>
      </c>
      <c r="V96" s="6">
        <v>909</v>
      </c>
      <c r="W96" s="6">
        <v>47</v>
      </c>
      <c r="X96" s="6">
        <v>8</v>
      </c>
      <c r="Y96" s="6">
        <v>6</v>
      </c>
      <c r="Z96" s="6">
        <v>2</v>
      </c>
      <c r="AA96" s="10" t="s">
        <v>55</v>
      </c>
      <c r="AB96" s="10" t="s">
        <v>55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96</v>
      </c>
      <c r="I97" s="9" t="s">
        <v>6</v>
      </c>
      <c r="J97" s="9" t="s">
        <v>47</v>
      </c>
      <c r="K97" s="6">
        <v>399</v>
      </c>
      <c r="L97" s="6">
        <v>2</v>
      </c>
      <c r="M97" s="6">
        <v>2</v>
      </c>
      <c r="N97" s="6">
        <v>2</v>
      </c>
      <c r="O97" s="10" t="s">
        <v>55</v>
      </c>
      <c r="P97" s="10" t="s">
        <v>55</v>
      </c>
      <c r="Q97" s="10" t="s">
        <v>55</v>
      </c>
      <c r="R97" s="10" t="s">
        <v>55</v>
      </c>
      <c r="S97" s="6">
        <v>389</v>
      </c>
      <c r="T97" s="6">
        <v>15</v>
      </c>
      <c r="U97" s="10" t="s">
        <v>55</v>
      </c>
      <c r="V97" s="6">
        <v>374</v>
      </c>
      <c r="W97" s="6">
        <v>8</v>
      </c>
      <c r="X97" s="6">
        <v>1</v>
      </c>
      <c r="Y97" s="6">
        <v>1</v>
      </c>
      <c r="Z97" s="10" t="s">
        <v>55</v>
      </c>
      <c r="AA97" s="10" t="s">
        <v>55</v>
      </c>
      <c r="AB97" s="10" t="s">
        <v>55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96</v>
      </c>
      <c r="I98" s="9" t="s">
        <v>6</v>
      </c>
      <c r="J98" s="9" t="s">
        <v>48</v>
      </c>
      <c r="K98" s="6">
        <v>336905</v>
      </c>
      <c r="L98" s="6">
        <v>219209</v>
      </c>
      <c r="M98" s="6">
        <v>201264</v>
      </c>
      <c r="N98" s="6">
        <v>182212</v>
      </c>
      <c r="O98" s="6">
        <v>4128</v>
      </c>
      <c r="P98" s="6">
        <v>11263</v>
      </c>
      <c r="Q98" s="6">
        <v>3661</v>
      </c>
      <c r="R98" s="6">
        <v>17945</v>
      </c>
      <c r="S98" s="6">
        <v>100371</v>
      </c>
      <c r="T98" s="6">
        <v>9292</v>
      </c>
      <c r="U98" s="6">
        <v>75633</v>
      </c>
      <c r="V98" s="6">
        <v>15446</v>
      </c>
      <c r="W98" s="6">
        <v>17325</v>
      </c>
      <c r="X98" s="6">
        <v>183373</v>
      </c>
      <c r="Y98" s="6">
        <v>166634</v>
      </c>
      <c r="Z98" s="6">
        <v>2791</v>
      </c>
      <c r="AA98" s="6">
        <v>11150</v>
      </c>
      <c r="AB98" s="6">
        <v>2798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96</v>
      </c>
      <c r="I99" s="9" t="s">
        <v>6</v>
      </c>
      <c r="J99" s="9" t="s">
        <v>49</v>
      </c>
      <c r="K99" s="6">
        <v>30160</v>
      </c>
      <c r="L99" s="6">
        <v>6876</v>
      </c>
      <c r="M99" s="6">
        <v>6362</v>
      </c>
      <c r="N99" s="6">
        <v>4947</v>
      </c>
      <c r="O99" s="6">
        <v>921</v>
      </c>
      <c r="P99" s="6">
        <v>6</v>
      </c>
      <c r="Q99" s="6">
        <v>488</v>
      </c>
      <c r="R99" s="6">
        <v>514</v>
      </c>
      <c r="S99" s="6">
        <v>21943</v>
      </c>
      <c r="T99" s="6">
        <v>4522</v>
      </c>
      <c r="U99" s="6">
        <v>6</v>
      </c>
      <c r="V99" s="6">
        <v>17415</v>
      </c>
      <c r="W99" s="6">
        <v>1341</v>
      </c>
      <c r="X99" s="6">
        <v>4052</v>
      </c>
      <c r="Y99" s="6">
        <v>3301</v>
      </c>
      <c r="Z99" s="6">
        <v>531</v>
      </c>
      <c r="AA99" s="6">
        <v>2</v>
      </c>
      <c r="AB99" s="6">
        <v>218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96</v>
      </c>
      <c r="I100" s="9" t="s">
        <v>6</v>
      </c>
      <c r="J100" s="9" t="s">
        <v>50</v>
      </c>
      <c r="K100" s="6">
        <v>10158</v>
      </c>
      <c r="L100" s="6">
        <v>648</v>
      </c>
      <c r="M100" s="6">
        <v>619</v>
      </c>
      <c r="N100" s="6">
        <v>409</v>
      </c>
      <c r="O100" s="6">
        <v>144</v>
      </c>
      <c r="P100" s="10" t="s">
        <v>55</v>
      </c>
      <c r="Q100" s="6">
        <v>66</v>
      </c>
      <c r="R100" s="6">
        <v>29</v>
      </c>
      <c r="S100" s="6">
        <v>8928</v>
      </c>
      <c r="T100" s="6">
        <v>1388</v>
      </c>
      <c r="U100" s="6">
        <v>3</v>
      </c>
      <c r="V100" s="6">
        <v>7537</v>
      </c>
      <c r="W100" s="6">
        <v>582</v>
      </c>
      <c r="X100" s="6">
        <v>286</v>
      </c>
      <c r="Y100" s="6">
        <v>204</v>
      </c>
      <c r="Z100" s="6">
        <v>64</v>
      </c>
      <c r="AA100" s="10" t="s">
        <v>55</v>
      </c>
      <c r="AB100" s="6">
        <v>18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96</v>
      </c>
      <c r="I101" s="9" t="s">
        <v>6</v>
      </c>
      <c r="J101" s="9" t="s">
        <v>51</v>
      </c>
      <c r="K101" s="6">
        <v>3274</v>
      </c>
      <c r="L101" s="6">
        <v>76</v>
      </c>
      <c r="M101" s="6">
        <v>73</v>
      </c>
      <c r="N101" s="6">
        <v>43</v>
      </c>
      <c r="O101" s="6">
        <v>19</v>
      </c>
      <c r="P101" s="10" t="s">
        <v>55</v>
      </c>
      <c r="Q101" s="6">
        <v>11</v>
      </c>
      <c r="R101" s="6">
        <v>3</v>
      </c>
      <c r="S101" s="6">
        <v>3040</v>
      </c>
      <c r="T101" s="6">
        <v>293</v>
      </c>
      <c r="U101" s="10" t="s">
        <v>55</v>
      </c>
      <c r="V101" s="6">
        <v>2747</v>
      </c>
      <c r="W101" s="6">
        <v>158</v>
      </c>
      <c r="X101" s="6">
        <v>29</v>
      </c>
      <c r="Y101" s="6">
        <v>23</v>
      </c>
      <c r="Z101" s="6">
        <v>6</v>
      </c>
      <c r="AA101" s="10" t="s">
        <v>55</v>
      </c>
      <c r="AB101" s="10" t="s">
        <v>55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96</v>
      </c>
      <c r="I102" s="9" t="s">
        <v>6</v>
      </c>
      <c r="J102" s="9" t="s">
        <v>52</v>
      </c>
      <c r="K102" s="6">
        <v>269719</v>
      </c>
      <c r="L102" s="6">
        <v>212714</v>
      </c>
      <c r="M102" s="6">
        <v>195240</v>
      </c>
      <c r="N102" s="6">
        <v>180310</v>
      </c>
      <c r="O102" s="6">
        <v>4386</v>
      </c>
      <c r="P102" s="6">
        <v>6832</v>
      </c>
      <c r="Q102" s="6">
        <v>3712</v>
      </c>
      <c r="R102" s="6">
        <v>17474</v>
      </c>
      <c r="S102" s="6">
        <v>43888</v>
      </c>
      <c r="T102" s="6">
        <v>10709</v>
      </c>
      <c r="U102" s="6">
        <v>13574</v>
      </c>
      <c r="V102" s="6">
        <v>19605</v>
      </c>
      <c r="W102" s="6">
        <v>13117</v>
      </c>
      <c r="X102" s="6">
        <v>176360</v>
      </c>
      <c r="Y102" s="6">
        <v>163991</v>
      </c>
      <c r="Z102" s="6">
        <v>2880</v>
      </c>
      <c r="AA102" s="6">
        <v>6754</v>
      </c>
      <c r="AB102" s="6">
        <v>2735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96</v>
      </c>
      <c r="I103" s="9" t="s">
        <v>53</v>
      </c>
      <c r="J103" s="9" t="s">
        <v>30</v>
      </c>
      <c r="K103" s="6">
        <v>196207</v>
      </c>
      <c r="L103" s="6">
        <v>124053</v>
      </c>
      <c r="M103" s="6">
        <v>111679</v>
      </c>
      <c r="N103" s="6">
        <v>102000</v>
      </c>
      <c r="O103" s="6">
        <v>1658</v>
      </c>
      <c r="P103" s="6">
        <v>5546</v>
      </c>
      <c r="Q103" s="6">
        <v>2475</v>
      </c>
      <c r="R103" s="6">
        <v>12374</v>
      </c>
      <c r="S103" s="6">
        <v>61495</v>
      </c>
      <c r="T103" s="6">
        <v>3746</v>
      </c>
      <c r="U103" s="6">
        <v>38957</v>
      </c>
      <c r="V103" s="6">
        <v>18792</v>
      </c>
      <c r="W103" s="6">
        <v>10659</v>
      </c>
      <c r="X103" s="6">
        <v>97349</v>
      </c>
      <c r="Y103" s="6">
        <v>89284</v>
      </c>
      <c r="Z103" s="6">
        <v>929</v>
      </c>
      <c r="AA103" s="6">
        <v>5471</v>
      </c>
      <c r="AB103" s="6">
        <v>1665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96</v>
      </c>
      <c r="I104" s="9" t="s">
        <v>53</v>
      </c>
      <c r="J104" s="9" t="s">
        <v>31</v>
      </c>
      <c r="K104" s="6">
        <v>40594</v>
      </c>
      <c r="L104" s="6">
        <v>5517</v>
      </c>
      <c r="M104" s="6">
        <v>5004</v>
      </c>
      <c r="N104" s="6">
        <v>2921</v>
      </c>
      <c r="O104" s="6">
        <v>84</v>
      </c>
      <c r="P104" s="6">
        <v>1897</v>
      </c>
      <c r="Q104" s="6">
        <v>102</v>
      </c>
      <c r="R104" s="6">
        <v>513</v>
      </c>
      <c r="S104" s="6">
        <v>32704</v>
      </c>
      <c r="T104" s="6">
        <v>104</v>
      </c>
      <c r="U104" s="6">
        <v>31987</v>
      </c>
      <c r="V104" s="6">
        <v>613</v>
      </c>
      <c r="W104" s="6">
        <v>2373</v>
      </c>
      <c r="X104" s="6">
        <v>4813</v>
      </c>
      <c r="Y104" s="6">
        <v>2771</v>
      </c>
      <c r="Z104" s="6">
        <v>75</v>
      </c>
      <c r="AA104" s="6">
        <v>1872</v>
      </c>
      <c r="AB104" s="6">
        <v>95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96</v>
      </c>
      <c r="I105" s="9" t="s">
        <v>53</v>
      </c>
      <c r="J105" s="9" t="s">
        <v>32</v>
      </c>
      <c r="K105" s="6">
        <v>31184</v>
      </c>
      <c r="L105" s="6">
        <v>21913</v>
      </c>
      <c r="M105" s="6">
        <v>20171</v>
      </c>
      <c r="N105" s="6">
        <v>16273</v>
      </c>
      <c r="O105" s="6">
        <v>208</v>
      </c>
      <c r="P105" s="6">
        <v>3366</v>
      </c>
      <c r="Q105" s="6">
        <v>324</v>
      </c>
      <c r="R105" s="6">
        <v>1742</v>
      </c>
      <c r="S105" s="6">
        <v>7236</v>
      </c>
      <c r="T105" s="6">
        <v>195</v>
      </c>
      <c r="U105" s="6">
        <v>6337</v>
      </c>
      <c r="V105" s="6">
        <v>704</v>
      </c>
      <c r="W105" s="6">
        <v>2035</v>
      </c>
      <c r="X105" s="6">
        <v>19160</v>
      </c>
      <c r="Y105" s="6">
        <v>15343</v>
      </c>
      <c r="Z105" s="6">
        <v>180</v>
      </c>
      <c r="AA105" s="6">
        <v>3334</v>
      </c>
      <c r="AB105" s="6">
        <v>303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96</v>
      </c>
      <c r="I106" s="9" t="s">
        <v>53</v>
      </c>
      <c r="J106" s="9" t="s">
        <v>33</v>
      </c>
      <c r="K106" s="6">
        <v>22875</v>
      </c>
      <c r="L106" s="6">
        <v>20170</v>
      </c>
      <c r="M106" s="6">
        <v>18552</v>
      </c>
      <c r="N106" s="6">
        <v>17976</v>
      </c>
      <c r="O106" s="6">
        <v>143</v>
      </c>
      <c r="P106" s="6">
        <v>200</v>
      </c>
      <c r="Q106" s="6">
        <v>233</v>
      </c>
      <c r="R106" s="6">
        <v>1618</v>
      </c>
      <c r="S106" s="6">
        <v>1279</v>
      </c>
      <c r="T106" s="6">
        <v>171</v>
      </c>
      <c r="U106" s="6">
        <v>462</v>
      </c>
      <c r="V106" s="6">
        <v>646</v>
      </c>
      <c r="W106" s="6">
        <v>1426</v>
      </c>
      <c r="X106" s="6">
        <v>17272</v>
      </c>
      <c r="Y106" s="6">
        <v>16788</v>
      </c>
      <c r="Z106" s="6">
        <v>99</v>
      </c>
      <c r="AA106" s="6">
        <v>198</v>
      </c>
      <c r="AB106" s="6">
        <v>187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96</v>
      </c>
      <c r="I107" s="9" t="s">
        <v>53</v>
      </c>
      <c r="J107" s="9" t="s">
        <v>34</v>
      </c>
      <c r="K107" s="6">
        <v>17098</v>
      </c>
      <c r="L107" s="6">
        <v>15127</v>
      </c>
      <c r="M107" s="6">
        <v>13675</v>
      </c>
      <c r="N107" s="6">
        <v>13316</v>
      </c>
      <c r="O107" s="6">
        <v>118</v>
      </c>
      <c r="P107" s="6">
        <v>45</v>
      </c>
      <c r="Q107" s="6">
        <v>196</v>
      </c>
      <c r="R107" s="6">
        <v>1452</v>
      </c>
      <c r="S107" s="6">
        <v>1033</v>
      </c>
      <c r="T107" s="6">
        <v>229</v>
      </c>
      <c r="U107" s="6">
        <v>89</v>
      </c>
      <c r="V107" s="6">
        <v>715</v>
      </c>
      <c r="W107" s="6">
        <v>938</v>
      </c>
      <c r="X107" s="6">
        <v>12299</v>
      </c>
      <c r="Y107" s="6">
        <v>12027</v>
      </c>
      <c r="Z107" s="6">
        <v>72</v>
      </c>
      <c r="AA107" s="6">
        <v>41</v>
      </c>
      <c r="AB107" s="6">
        <v>159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96</v>
      </c>
      <c r="I108" s="9" t="s">
        <v>53</v>
      </c>
      <c r="J108" s="9" t="s">
        <v>35</v>
      </c>
      <c r="K108" s="6">
        <v>14837</v>
      </c>
      <c r="L108" s="6">
        <v>12971</v>
      </c>
      <c r="M108" s="6">
        <v>11512</v>
      </c>
      <c r="N108" s="6">
        <v>11204</v>
      </c>
      <c r="O108" s="6">
        <v>103</v>
      </c>
      <c r="P108" s="6">
        <v>18</v>
      </c>
      <c r="Q108" s="6">
        <v>187</v>
      </c>
      <c r="R108" s="6">
        <v>1459</v>
      </c>
      <c r="S108" s="6">
        <v>1143</v>
      </c>
      <c r="T108" s="6">
        <v>250</v>
      </c>
      <c r="U108" s="6">
        <v>42</v>
      </c>
      <c r="V108" s="6">
        <v>851</v>
      </c>
      <c r="W108" s="6">
        <v>723</v>
      </c>
      <c r="X108" s="6">
        <v>9930</v>
      </c>
      <c r="Y108" s="6">
        <v>9730</v>
      </c>
      <c r="Z108" s="6">
        <v>55</v>
      </c>
      <c r="AA108" s="6">
        <v>15</v>
      </c>
      <c r="AB108" s="6">
        <v>130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96</v>
      </c>
      <c r="I109" s="9" t="s">
        <v>53</v>
      </c>
      <c r="J109" s="9" t="s">
        <v>36</v>
      </c>
      <c r="K109" s="6">
        <v>13630</v>
      </c>
      <c r="L109" s="6">
        <v>11776</v>
      </c>
      <c r="M109" s="6">
        <v>10449</v>
      </c>
      <c r="N109" s="6">
        <v>10135</v>
      </c>
      <c r="O109" s="6">
        <v>123</v>
      </c>
      <c r="P109" s="6">
        <v>5</v>
      </c>
      <c r="Q109" s="6">
        <v>186</v>
      </c>
      <c r="R109" s="6">
        <v>1327</v>
      </c>
      <c r="S109" s="6">
        <v>1227</v>
      </c>
      <c r="T109" s="6">
        <v>264</v>
      </c>
      <c r="U109" s="6">
        <v>17</v>
      </c>
      <c r="V109" s="6">
        <v>946</v>
      </c>
      <c r="W109" s="6">
        <v>627</v>
      </c>
      <c r="X109" s="6">
        <v>8777</v>
      </c>
      <c r="Y109" s="6">
        <v>8589</v>
      </c>
      <c r="Z109" s="6">
        <v>64</v>
      </c>
      <c r="AA109" s="6">
        <v>4</v>
      </c>
      <c r="AB109" s="6">
        <v>120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96</v>
      </c>
      <c r="I110" s="9" t="s">
        <v>53</v>
      </c>
      <c r="J110" s="9" t="s">
        <v>37</v>
      </c>
      <c r="K110" s="6">
        <v>13358</v>
      </c>
      <c r="L110" s="6">
        <v>11206</v>
      </c>
      <c r="M110" s="6">
        <v>9921</v>
      </c>
      <c r="N110" s="6">
        <v>9546</v>
      </c>
      <c r="O110" s="6">
        <v>124</v>
      </c>
      <c r="P110" s="6">
        <v>1</v>
      </c>
      <c r="Q110" s="6">
        <v>250</v>
      </c>
      <c r="R110" s="6">
        <v>1285</v>
      </c>
      <c r="S110" s="6">
        <v>1478</v>
      </c>
      <c r="T110" s="6">
        <v>316</v>
      </c>
      <c r="U110" s="6">
        <v>13</v>
      </c>
      <c r="V110" s="6">
        <v>1149</v>
      </c>
      <c r="W110" s="6">
        <v>674</v>
      </c>
      <c r="X110" s="6">
        <v>8272</v>
      </c>
      <c r="Y110" s="6">
        <v>8054</v>
      </c>
      <c r="Z110" s="6">
        <v>59</v>
      </c>
      <c r="AA110" s="6">
        <v>1</v>
      </c>
      <c r="AB110" s="6">
        <v>158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96</v>
      </c>
      <c r="I111" s="9" t="s">
        <v>53</v>
      </c>
      <c r="J111" s="9" t="s">
        <v>38</v>
      </c>
      <c r="K111" s="6">
        <v>10805</v>
      </c>
      <c r="L111" s="6">
        <v>8784</v>
      </c>
      <c r="M111" s="6">
        <v>7718</v>
      </c>
      <c r="N111" s="6">
        <v>7351</v>
      </c>
      <c r="O111" s="6">
        <v>123</v>
      </c>
      <c r="P111" s="6">
        <v>3</v>
      </c>
      <c r="Q111" s="6">
        <v>241</v>
      </c>
      <c r="R111" s="6">
        <v>1066</v>
      </c>
      <c r="S111" s="6">
        <v>1468</v>
      </c>
      <c r="T111" s="6">
        <v>322</v>
      </c>
      <c r="U111" s="6">
        <v>4</v>
      </c>
      <c r="V111" s="6">
        <v>1142</v>
      </c>
      <c r="W111" s="6">
        <v>553</v>
      </c>
      <c r="X111" s="6">
        <v>6259</v>
      </c>
      <c r="Y111" s="6">
        <v>6051</v>
      </c>
      <c r="Z111" s="6">
        <v>55</v>
      </c>
      <c r="AA111" s="6">
        <v>1</v>
      </c>
      <c r="AB111" s="6">
        <v>152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96</v>
      </c>
      <c r="I112" s="9" t="s">
        <v>53</v>
      </c>
      <c r="J112" s="9" t="s">
        <v>39</v>
      </c>
      <c r="K112" s="6">
        <v>9305</v>
      </c>
      <c r="L112" s="6">
        <v>7139</v>
      </c>
      <c r="M112" s="6">
        <v>6305</v>
      </c>
      <c r="N112" s="6">
        <v>5948</v>
      </c>
      <c r="O112" s="6">
        <v>144</v>
      </c>
      <c r="P112" s="6">
        <v>4</v>
      </c>
      <c r="Q112" s="6">
        <v>209</v>
      </c>
      <c r="R112" s="6">
        <v>834</v>
      </c>
      <c r="S112" s="6">
        <v>1751</v>
      </c>
      <c r="T112" s="6">
        <v>406</v>
      </c>
      <c r="U112" s="6">
        <v>3</v>
      </c>
      <c r="V112" s="6">
        <v>1342</v>
      </c>
      <c r="W112" s="6">
        <v>415</v>
      </c>
      <c r="X112" s="6">
        <v>4994</v>
      </c>
      <c r="Y112" s="6">
        <v>4817</v>
      </c>
      <c r="Z112" s="6">
        <v>61</v>
      </c>
      <c r="AA112" s="6">
        <v>2</v>
      </c>
      <c r="AB112" s="6">
        <v>114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96</v>
      </c>
      <c r="I113" s="9" t="s">
        <v>53</v>
      </c>
      <c r="J113" s="9" t="s">
        <v>40</v>
      </c>
      <c r="K113" s="6">
        <v>8382</v>
      </c>
      <c r="L113" s="6">
        <v>5328</v>
      </c>
      <c r="M113" s="6">
        <v>4638</v>
      </c>
      <c r="N113" s="6">
        <v>4228</v>
      </c>
      <c r="O113" s="6">
        <v>189</v>
      </c>
      <c r="P113" s="6">
        <v>3</v>
      </c>
      <c r="Q113" s="6">
        <v>218</v>
      </c>
      <c r="R113" s="6">
        <v>690</v>
      </c>
      <c r="S113" s="6">
        <v>2728</v>
      </c>
      <c r="T113" s="6">
        <v>543</v>
      </c>
      <c r="U113" s="6">
        <v>1</v>
      </c>
      <c r="V113" s="6">
        <v>2184</v>
      </c>
      <c r="W113" s="6">
        <v>326</v>
      </c>
      <c r="X113" s="6">
        <v>3429</v>
      </c>
      <c r="Y113" s="6">
        <v>3232</v>
      </c>
      <c r="Z113" s="6">
        <v>83</v>
      </c>
      <c r="AA113" s="6">
        <v>1</v>
      </c>
      <c r="AB113" s="6">
        <v>113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96</v>
      </c>
      <c r="I114" s="9" t="s">
        <v>53</v>
      </c>
      <c r="J114" s="9" t="s">
        <v>41</v>
      </c>
      <c r="K114" s="6">
        <v>7140</v>
      </c>
      <c r="L114" s="6">
        <v>2861</v>
      </c>
      <c r="M114" s="6">
        <v>2579</v>
      </c>
      <c r="N114" s="6">
        <v>2191</v>
      </c>
      <c r="O114" s="6">
        <v>183</v>
      </c>
      <c r="P114" s="6">
        <v>2</v>
      </c>
      <c r="Q114" s="6">
        <v>203</v>
      </c>
      <c r="R114" s="6">
        <v>282</v>
      </c>
      <c r="S114" s="6">
        <v>4031</v>
      </c>
      <c r="T114" s="6">
        <v>532</v>
      </c>
      <c r="U114" s="10" t="s">
        <v>55</v>
      </c>
      <c r="V114" s="6">
        <v>3499</v>
      </c>
      <c r="W114" s="6">
        <v>248</v>
      </c>
      <c r="X114" s="6">
        <v>1585</v>
      </c>
      <c r="Y114" s="6">
        <v>1405</v>
      </c>
      <c r="Z114" s="6">
        <v>83</v>
      </c>
      <c r="AA114" s="6">
        <v>2</v>
      </c>
      <c r="AB114" s="6">
        <v>95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96</v>
      </c>
      <c r="I115" s="9" t="s">
        <v>53</v>
      </c>
      <c r="J115" s="9" t="s">
        <v>42</v>
      </c>
      <c r="K115" s="6">
        <v>4312</v>
      </c>
      <c r="L115" s="6">
        <v>1013</v>
      </c>
      <c r="M115" s="6">
        <v>927</v>
      </c>
      <c r="N115" s="6">
        <v>735</v>
      </c>
      <c r="O115" s="6">
        <v>91</v>
      </c>
      <c r="P115" s="6">
        <v>2</v>
      </c>
      <c r="Q115" s="6">
        <v>99</v>
      </c>
      <c r="R115" s="6">
        <v>86</v>
      </c>
      <c r="S115" s="6">
        <v>3123</v>
      </c>
      <c r="T115" s="6">
        <v>287</v>
      </c>
      <c r="U115" s="10" t="s">
        <v>55</v>
      </c>
      <c r="V115" s="6">
        <v>2836</v>
      </c>
      <c r="W115" s="6">
        <v>176</v>
      </c>
      <c r="X115" s="6">
        <v>478</v>
      </c>
      <c r="Y115" s="6">
        <v>408</v>
      </c>
      <c r="Z115" s="6">
        <v>35</v>
      </c>
      <c r="AA115" s="10" t="s">
        <v>55</v>
      </c>
      <c r="AB115" s="6">
        <v>35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96</v>
      </c>
      <c r="I116" s="9" t="s">
        <v>53</v>
      </c>
      <c r="J116" s="9" t="s">
        <v>43</v>
      </c>
      <c r="K116" s="6">
        <v>1574</v>
      </c>
      <c r="L116" s="6">
        <v>176</v>
      </c>
      <c r="M116" s="6">
        <v>160</v>
      </c>
      <c r="N116" s="6">
        <v>127</v>
      </c>
      <c r="O116" s="6">
        <v>17</v>
      </c>
      <c r="P116" s="10" t="s">
        <v>55</v>
      </c>
      <c r="Q116" s="6">
        <v>16</v>
      </c>
      <c r="R116" s="6">
        <v>16</v>
      </c>
      <c r="S116" s="6">
        <v>1315</v>
      </c>
      <c r="T116" s="6">
        <v>93</v>
      </c>
      <c r="U116" s="6">
        <v>1</v>
      </c>
      <c r="V116" s="6">
        <v>1221</v>
      </c>
      <c r="W116" s="6">
        <v>83</v>
      </c>
      <c r="X116" s="6">
        <v>54</v>
      </c>
      <c r="Y116" s="6">
        <v>46</v>
      </c>
      <c r="Z116" s="6">
        <v>5</v>
      </c>
      <c r="AA116" s="10" t="s">
        <v>55</v>
      </c>
      <c r="AB116" s="6">
        <v>3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96</v>
      </c>
      <c r="I117" s="9" t="s">
        <v>53</v>
      </c>
      <c r="J117" s="9" t="s">
        <v>44</v>
      </c>
      <c r="K117" s="6">
        <v>726</v>
      </c>
      <c r="L117" s="6">
        <v>52</v>
      </c>
      <c r="M117" s="6">
        <v>50</v>
      </c>
      <c r="N117" s="6">
        <v>35</v>
      </c>
      <c r="O117" s="6">
        <v>6</v>
      </c>
      <c r="P117" s="10" t="s">
        <v>55</v>
      </c>
      <c r="Q117" s="6">
        <v>9</v>
      </c>
      <c r="R117" s="6">
        <v>2</v>
      </c>
      <c r="S117" s="6">
        <v>632</v>
      </c>
      <c r="T117" s="6">
        <v>24</v>
      </c>
      <c r="U117" s="6">
        <v>1</v>
      </c>
      <c r="V117" s="6">
        <v>607</v>
      </c>
      <c r="W117" s="6">
        <v>42</v>
      </c>
      <c r="X117" s="6">
        <v>16</v>
      </c>
      <c r="Y117" s="6">
        <v>13</v>
      </c>
      <c r="Z117" s="6">
        <v>2</v>
      </c>
      <c r="AA117" s="10" t="s">
        <v>55</v>
      </c>
      <c r="AB117" s="6">
        <v>1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96</v>
      </c>
      <c r="I118" s="9" t="s">
        <v>53</v>
      </c>
      <c r="J118" s="9" t="s">
        <v>45</v>
      </c>
      <c r="K118" s="6">
        <v>285</v>
      </c>
      <c r="L118" s="6">
        <v>15</v>
      </c>
      <c r="M118" s="6">
        <v>13</v>
      </c>
      <c r="N118" s="6">
        <v>11</v>
      </c>
      <c r="O118" s="10" t="s">
        <v>55</v>
      </c>
      <c r="P118" s="10" t="s">
        <v>55</v>
      </c>
      <c r="Q118" s="6">
        <v>2</v>
      </c>
      <c r="R118" s="6">
        <v>2</v>
      </c>
      <c r="S118" s="6">
        <v>256</v>
      </c>
      <c r="T118" s="6">
        <v>8</v>
      </c>
      <c r="U118" s="10" t="s">
        <v>55</v>
      </c>
      <c r="V118" s="6">
        <v>248</v>
      </c>
      <c r="W118" s="6">
        <v>14</v>
      </c>
      <c r="X118" s="6">
        <v>7</v>
      </c>
      <c r="Y118" s="6">
        <v>7</v>
      </c>
      <c r="Z118" s="10" t="s">
        <v>55</v>
      </c>
      <c r="AA118" s="10" t="s">
        <v>55</v>
      </c>
      <c r="AB118" s="10" t="s">
        <v>55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96</v>
      </c>
      <c r="I119" s="9" t="s">
        <v>53</v>
      </c>
      <c r="J119" s="9" t="s">
        <v>46</v>
      </c>
      <c r="K119" s="6">
        <v>84</v>
      </c>
      <c r="L119" s="6">
        <v>5</v>
      </c>
      <c r="M119" s="6">
        <v>5</v>
      </c>
      <c r="N119" s="6">
        <v>3</v>
      </c>
      <c r="O119" s="6">
        <v>2</v>
      </c>
      <c r="P119" s="10" t="s">
        <v>55</v>
      </c>
      <c r="Q119" s="10" t="s">
        <v>55</v>
      </c>
      <c r="R119" s="10" t="s">
        <v>55</v>
      </c>
      <c r="S119" s="6">
        <v>74</v>
      </c>
      <c r="T119" s="6">
        <v>1</v>
      </c>
      <c r="U119" s="10" t="s">
        <v>55</v>
      </c>
      <c r="V119" s="6">
        <v>73</v>
      </c>
      <c r="W119" s="6">
        <v>5</v>
      </c>
      <c r="X119" s="6">
        <v>4</v>
      </c>
      <c r="Y119" s="6">
        <v>3</v>
      </c>
      <c r="Z119" s="6">
        <v>1</v>
      </c>
      <c r="AA119" s="10" t="s">
        <v>55</v>
      </c>
      <c r="AB119" s="10" t="s">
        <v>55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96</v>
      </c>
      <c r="I120" s="9" t="s">
        <v>53</v>
      </c>
      <c r="J120" s="9" t="s">
        <v>47</v>
      </c>
      <c r="K120" s="6">
        <v>18</v>
      </c>
      <c r="L120" s="10" t="s">
        <v>55</v>
      </c>
      <c r="M120" s="10" t="s">
        <v>55</v>
      </c>
      <c r="N120" s="10" t="s">
        <v>55</v>
      </c>
      <c r="O120" s="10" t="s">
        <v>55</v>
      </c>
      <c r="P120" s="10" t="s">
        <v>55</v>
      </c>
      <c r="Q120" s="10" t="s">
        <v>55</v>
      </c>
      <c r="R120" s="10" t="s">
        <v>55</v>
      </c>
      <c r="S120" s="6">
        <v>17</v>
      </c>
      <c r="T120" s="6">
        <v>1</v>
      </c>
      <c r="U120" s="10" t="s">
        <v>55</v>
      </c>
      <c r="V120" s="6">
        <v>16</v>
      </c>
      <c r="W120" s="6">
        <v>1</v>
      </c>
      <c r="X120" s="10" t="s">
        <v>55</v>
      </c>
      <c r="Y120" s="10" t="s">
        <v>55</v>
      </c>
      <c r="Z120" s="10" t="s">
        <v>55</v>
      </c>
      <c r="AA120" s="10" t="s">
        <v>55</v>
      </c>
      <c r="AB120" s="10" t="s">
        <v>55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96</v>
      </c>
      <c r="I121" s="9" t="s">
        <v>53</v>
      </c>
      <c r="J121" s="9" t="s">
        <v>48</v>
      </c>
      <c r="K121" s="6">
        <v>182068</v>
      </c>
      <c r="L121" s="6">
        <v>119931</v>
      </c>
      <c r="M121" s="6">
        <v>107945</v>
      </c>
      <c r="N121" s="6">
        <v>98898</v>
      </c>
      <c r="O121" s="6">
        <v>1359</v>
      </c>
      <c r="P121" s="6">
        <v>5542</v>
      </c>
      <c r="Q121" s="6">
        <v>2146</v>
      </c>
      <c r="R121" s="6">
        <v>11986</v>
      </c>
      <c r="S121" s="6">
        <v>52047</v>
      </c>
      <c r="T121" s="6">
        <v>2800</v>
      </c>
      <c r="U121" s="6">
        <v>38955</v>
      </c>
      <c r="V121" s="6">
        <v>10292</v>
      </c>
      <c r="W121" s="6">
        <v>10090</v>
      </c>
      <c r="X121" s="6">
        <v>95205</v>
      </c>
      <c r="Y121" s="6">
        <v>87402</v>
      </c>
      <c r="Z121" s="6">
        <v>803</v>
      </c>
      <c r="AA121" s="6">
        <v>5469</v>
      </c>
      <c r="AB121" s="6">
        <v>1531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96</v>
      </c>
      <c r="I122" s="9" t="s">
        <v>53</v>
      </c>
      <c r="J122" s="9" t="s">
        <v>49</v>
      </c>
      <c r="K122" s="6">
        <v>14139</v>
      </c>
      <c r="L122" s="6">
        <v>4122</v>
      </c>
      <c r="M122" s="6">
        <v>3734</v>
      </c>
      <c r="N122" s="6">
        <v>3102</v>
      </c>
      <c r="O122" s="6">
        <v>299</v>
      </c>
      <c r="P122" s="6">
        <v>4</v>
      </c>
      <c r="Q122" s="6">
        <v>329</v>
      </c>
      <c r="R122" s="6">
        <v>388</v>
      </c>
      <c r="S122" s="6">
        <v>9448</v>
      </c>
      <c r="T122" s="6">
        <v>946</v>
      </c>
      <c r="U122" s="6">
        <v>2</v>
      </c>
      <c r="V122" s="6">
        <v>8500</v>
      </c>
      <c r="W122" s="6">
        <v>569</v>
      </c>
      <c r="X122" s="6">
        <v>2144</v>
      </c>
      <c r="Y122" s="6">
        <v>1882</v>
      </c>
      <c r="Z122" s="6">
        <v>126</v>
      </c>
      <c r="AA122" s="6">
        <v>2</v>
      </c>
      <c r="AB122" s="6">
        <v>134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96</v>
      </c>
      <c r="I123" s="9" t="s">
        <v>53</v>
      </c>
      <c r="J123" s="9" t="s">
        <v>50</v>
      </c>
      <c r="K123" s="6">
        <v>2687</v>
      </c>
      <c r="L123" s="6">
        <v>248</v>
      </c>
      <c r="M123" s="6">
        <v>228</v>
      </c>
      <c r="N123" s="6">
        <v>176</v>
      </c>
      <c r="O123" s="6">
        <v>25</v>
      </c>
      <c r="P123" s="10" t="s">
        <v>55</v>
      </c>
      <c r="Q123" s="6">
        <v>27</v>
      </c>
      <c r="R123" s="6">
        <v>20</v>
      </c>
      <c r="S123" s="6">
        <v>2294</v>
      </c>
      <c r="T123" s="6">
        <v>127</v>
      </c>
      <c r="U123" s="6">
        <v>2</v>
      </c>
      <c r="V123" s="6">
        <v>2165</v>
      </c>
      <c r="W123" s="6">
        <v>145</v>
      </c>
      <c r="X123" s="6">
        <v>81</v>
      </c>
      <c r="Y123" s="6">
        <v>69</v>
      </c>
      <c r="Z123" s="6">
        <v>8</v>
      </c>
      <c r="AA123" s="10" t="s">
        <v>55</v>
      </c>
      <c r="AB123" s="6">
        <v>4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96</v>
      </c>
      <c r="I124" s="9" t="s">
        <v>53</v>
      </c>
      <c r="J124" s="9" t="s">
        <v>51</v>
      </c>
      <c r="K124" s="6">
        <v>387</v>
      </c>
      <c r="L124" s="6">
        <v>20</v>
      </c>
      <c r="M124" s="6">
        <v>18</v>
      </c>
      <c r="N124" s="6">
        <v>14</v>
      </c>
      <c r="O124" s="6">
        <v>2</v>
      </c>
      <c r="P124" s="10" t="s">
        <v>55</v>
      </c>
      <c r="Q124" s="6">
        <v>2</v>
      </c>
      <c r="R124" s="6">
        <v>2</v>
      </c>
      <c r="S124" s="6">
        <v>347</v>
      </c>
      <c r="T124" s="6">
        <v>10</v>
      </c>
      <c r="U124" s="10" t="s">
        <v>55</v>
      </c>
      <c r="V124" s="6">
        <v>337</v>
      </c>
      <c r="W124" s="6">
        <v>20</v>
      </c>
      <c r="X124" s="6">
        <v>11</v>
      </c>
      <c r="Y124" s="6">
        <v>10</v>
      </c>
      <c r="Z124" s="6">
        <v>1</v>
      </c>
      <c r="AA124" s="10" t="s">
        <v>55</v>
      </c>
      <c r="AB124" s="10" t="s">
        <v>55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96</v>
      </c>
      <c r="I125" s="9" t="s">
        <v>53</v>
      </c>
      <c r="J125" s="9" t="s">
        <v>52</v>
      </c>
      <c r="K125" s="6">
        <v>148614</v>
      </c>
      <c r="L125" s="6">
        <v>117275</v>
      </c>
      <c r="M125" s="6">
        <v>105520</v>
      </c>
      <c r="N125" s="6">
        <v>98168</v>
      </c>
      <c r="O125" s="6">
        <v>1458</v>
      </c>
      <c r="P125" s="6">
        <v>3647</v>
      </c>
      <c r="Q125" s="6">
        <v>2247</v>
      </c>
      <c r="R125" s="6">
        <v>11755</v>
      </c>
      <c r="S125" s="6">
        <v>23374</v>
      </c>
      <c r="T125" s="6">
        <v>3228</v>
      </c>
      <c r="U125" s="6">
        <v>6968</v>
      </c>
      <c r="V125" s="6">
        <v>13178</v>
      </c>
      <c r="W125" s="6">
        <v>7965</v>
      </c>
      <c r="X125" s="6">
        <v>91977</v>
      </c>
      <c r="Y125" s="6">
        <v>86036</v>
      </c>
      <c r="Z125" s="6">
        <v>811</v>
      </c>
      <c r="AA125" s="6">
        <v>3599</v>
      </c>
      <c r="AB125" s="6">
        <v>1531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96</v>
      </c>
      <c r="I126" s="9" t="s">
        <v>54</v>
      </c>
      <c r="J126" s="9" t="s">
        <v>30</v>
      </c>
      <c r="K126" s="6">
        <v>170858</v>
      </c>
      <c r="L126" s="6">
        <v>102032</v>
      </c>
      <c r="M126" s="6">
        <v>95947</v>
      </c>
      <c r="N126" s="6">
        <v>85159</v>
      </c>
      <c r="O126" s="6">
        <v>3391</v>
      </c>
      <c r="P126" s="6">
        <v>5723</v>
      </c>
      <c r="Q126" s="6">
        <v>1674</v>
      </c>
      <c r="R126" s="6">
        <v>6085</v>
      </c>
      <c r="S126" s="6">
        <v>60819</v>
      </c>
      <c r="T126" s="6">
        <v>10068</v>
      </c>
      <c r="U126" s="6">
        <v>36682</v>
      </c>
      <c r="V126" s="6">
        <v>14069</v>
      </c>
      <c r="W126" s="6">
        <v>8007</v>
      </c>
      <c r="X126" s="6">
        <v>90076</v>
      </c>
      <c r="Y126" s="6">
        <v>80651</v>
      </c>
      <c r="Z126" s="6">
        <v>2393</v>
      </c>
      <c r="AA126" s="6">
        <v>5681</v>
      </c>
      <c r="AB126" s="6">
        <v>1351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96</v>
      </c>
      <c r="I127" s="9" t="s">
        <v>54</v>
      </c>
      <c r="J127" s="9" t="s">
        <v>31</v>
      </c>
      <c r="K127" s="6">
        <v>38270</v>
      </c>
      <c r="L127" s="6">
        <v>5332</v>
      </c>
      <c r="M127" s="6">
        <v>5005</v>
      </c>
      <c r="N127" s="6">
        <v>2230</v>
      </c>
      <c r="O127" s="6">
        <v>123</v>
      </c>
      <c r="P127" s="6">
        <v>2537</v>
      </c>
      <c r="Q127" s="6">
        <v>115</v>
      </c>
      <c r="R127" s="6">
        <v>327</v>
      </c>
      <c r="S127" s="6">
        <v>30693</v>
      </c>
      <c r="T127" s="6">
        <v>234</v>
      </c>
      <c r="U127" s="6">
        <v>30073</v>
      </c>
      <c r="V127" s="6">
        <v>386</v>
      </c>
      <c r="W127" s="6">
        <v>2245</v>
      </c>
      <c r="X127" s="6">
        <v>4896</v>
      </c>
      <c r="Y127" s="6">
        <v>2149</v>
      </c>
      <c r="Z127" s="6">
        <v>113</v>
      </c>
      <c r="AA127" s="6">
        <v>2526</v>
      </c>
      <c r="AB127" s="6">
        <v>108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96</v>
      </c>
      <c r="I128" s="9" t="s">
        <v>54</v>
      </c>
      <c r="J128" s="9" t="s">
        <v>32</v>
      </c>
      <c r="K128" s="6">
        <v>30830</v>
      </c>
      <c r="L128" s="6">
        <v>21798</v>
      </c>
      <c r="M128" s="6">
        <v>20647</v>
      </c>
      <c r="N128" s="6">
        <v>16870</v>
      </c>
      <c r="O128" s="6">
        <v>418</v>
      </c>
      <c r="P128" s="6">
        <v>2987</v>
      </c>
      <c r="Q128" s="6">
        <v>372</v>
      </c>
      <c r="R128" s="6">
        <v>1151</v>
      </c>
      <c r="S128" s="6">
        <v>7282</v>
      </c>
      <c r="T128" s="6">
        <v>596</v>
      </c>
      <c r="U128" s="6">
        <v>6201</v>
      </c>
      <c r="V128" s="6">
        <v>485</v>
      </c>
      <c r="W128" s="6">
        <v>1750</v>
      </c>
      <c r="X128" s="6">
        <v>20124</v>
      </c>
      <c r="Y128" s="6">
        <v>16460</v>
      </c>
      <c r="Z128" s="6">
        <v>350</v>
      </c>
      <c r="AA128" s="6">
        <v>2966</v>
      </c>
      <c r="AB128" s="6">
        <v>348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96</v>
      </c>
      <c r="I129" s="9" t="s">
        <v>54</v>
      </c>
      <c r="J129" s="9" t="s">
        <v>33</v>
      </c>
      <c r="K129" s="6">
        <v>20696</v>
      </c>
      <c r="L129" s="6">
        <v>18463</v>
      </c>
      <c r="M129" s="6">
        <v>17409</v>
      </c>
      <c r="N129" s="6">
        <v>16760</v>
      </c>
      <c r="O129" s="6">
        <v>338</v>
      </c>
      <c r="P129" s="6">
        <v>106</v>
      </c>
      <c r="Q129" s="6">
        <v>205</v>
      </c>
      <c r="R129" s="6">
        <v>1054</v>
      </c>
      <c r="S129" s="6">
        <v>1248</v>
      </c>
      <c r="T129" s="6">
        <v>607</v>
      </c>
      <c r="U129" s="6">
        <v>255</v>
      </c>
      <c r="V129" s="6">
        <v>386</v>
      </c>
      <c r="W129" s="6">
        <v>985</v>
      </c>
      <c r="X129" s="6">
        <v>16829</v>
      </c>
      <c r="Y129" s="6">
        <v>16276</v>
      </c>
      <c r="Z129" s="6">
        <v>277</v>
      </c>
      <c r="AA129" s="6">
        <v>101</v>
      </c>
      <c r="AB129" s="6">
        <v>175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96</v>
      </c>
      <c r="I130" s="9" t="s">
        <v>54</v>
      </c>
      <c r="J130" s="9" t="s">
        <v>34</v>
      </c>
      <c r="K130" s="6">
        <v>13567</v>
      </c>
      <c r="L130" s="6">
        <v>11931</v>
      </c>
      <c r="M130" s="6">
        <v>11142</v>
      </c>
      <c r="N130" s="6">
        <v>10659</v>
      </c>
      <c r="O130" s="6">
        <v>266</v>
      </c>
      <c r="P130" s="6">
        <v>43</v>
      </c>
      <c r="Q130" s="6">
        <v>174</v>
      </c>
      <c r="R130" s="6">
        <v>789</v>
      </c>
      <c r="S130" s="6">
        <v>1102</v>
      </c>
      <c r="T130" s="6">
        <v>624</v>
      </c>
      <c r="U130" s="6">
        <v>88</v>
      </c>
      <c r="V130" s="6">
        <v>390</v>
      </c>
      <c r="W130" s="6">
        <v>534</v>
      </c>
      <c r="X130" s="6">
        <v>10525</v>
      </c>
      <c r="Y130" s="6">
        <v>10144</v>
      </c>
      <c r="Z130" s="6">
        <v>192</v>
      </c>
      <c r="AA130" s="6">
        <v>42</v>
      </c>
      <c r="AB130" s="6">
        <v>147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96</v>
      </c>
      <c r="I131" s="9" t="s">
        <v>54</v>
      </c>
      <c r="J131" s="9" t="s">
        <v>35</v>
      </c>
      <c r="K131" s="6">
        <v>11133</v>
      </c>
      <c r="L131" s="6">
        <v>9634</v>
      </c>
      <c r="M131" s="6">
        <v>9020</v>
      </c>
      <c r="N131" s="6">
        <v>8610</v>
      </c>
      <c r="O131" s="6">
        <v>248</v>
      </c>
      <c r="P131" s="6">
        <v>23</v>
      </c>
      <c r="Q131" s="6">
        <v>139</v>
      </c>
      <c r="R131" s="6">
        <v>614</v>
      </c>
      <c r="S131" s="6">
        <v>1117</v>
      </c>
      <c r="T131" s="6">
        <v>630</v>
      </c>
      <c r="U131" s="6">
        <v>24</v>
      </c>
      <c r="V131" s="6">
        <v>463</v>
      </c>
      <c r="W131" s="6">
        <v>382</v>
      </c>
      <c r="X131" s="6">
        <v>8367</v>
      </c>
      <c r="Y131" s="6">
        <v>8086</v>
      </c>
      <c r="Z131" s="6">
        <v>149</v>
      </c>
      <c r="AA131" s="6">
        <v>23</v>
      </c>
      <c r="AB131" s="6">
        <v>109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96</v>
      </c>
      <c r="I132" s="9" t="s">
        <v>54</v>
      </c>
      <c r="J132" s="9" t="s">
        <v>36</v>
      </c>
      <c r="K132" s="6">
        <v>10213</v>
      </c>
      <c r="L132" s="6">
        <v>8750</v>
      </c>
      <c r="M132" s="6">
        <v>8182</v>
      </c>
      <c r="N132" s="6">
        <v>7781</v>
      </c>
      <c r="O132" s="6">
        <v>256</v>
      </c>
      <c r="P132" s="6">
        <v>9</v>
      </c>
      <c r="Q132" s="6">
        <v>136</v>
      </c>
      <c r="R132" s="6">
        <v>568</v>
      </c>
      <c r="S132" s="6">
        <v>1099</v>
      </c>
      <c r="T132" s="6">
        <v>610</v>
      </c>
      <c r="U132" s="6">
        <v>14</v>
      </c>
      <c r="V132" s="6">
        <v>475</v>
      </c>
      <c r="W132" s="6">
        <v>364</v>
      </c>
      <c r="X132" s="6">
        <v>7547</v>
      </c>
      <c r="Y132" s="6">
        <v>7276</v>
      </c>
      <c r="Z132" s="6">
        <v>161</v>
      </c>
      <c r="AA132" s="6">
        <v>9</v>
      </c>
      <c r="AB132" s="6">
        <v>101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96</v>
      </c>
      <c r="I133" s="9" t="s">
        <v>54</v>
      </c>
      <c r="J133" s="9" t="s">
        <v>37</v>
      </c>
      <c r="K133" s="6">
        <v>10119</v>
      </c>
      <c r="L133" s="6">
        <v>8526</v>
      </c>
      <c r="M133" s="6">
        <v>8013</v>
      </c>
      <c r="N133" s="6">
        <v>7612</v>
      </c>
      <c r="O133" s="6">
        <v>273</v>
      </c>
      <c r="P133" s="6">
        <v>11</v>
      </c>
      <c r="Q133" s="6">
        <v>117</v>
      </c>
      <c r="R133" s="6">
        <v>513</v>
      </c>
      <c r="S133" s="6">
        <v>1262</v>
      </c>
      <c r="T133" s="6">
        <v>692</v>
      </c>
      <c r="U133" s="6">
        <v>11</v>
      </c>
      <c r="V133" s="6">
        <v>559</v>
      </c>
      <c r="W133" s="6">
        <v>331</v>
      </c>
      <c r="X133" s="6">
        <v>7373</v>
      </c>
      <c r="Y133" s="6">
        <v>7098</v>
      </c>
      <c r="Z133" s="6">
        <v>173</v>
      </c>
      <c r="AA133" s="6">
        <v>10</v>
      </c>
      <c r="AB133" s="6">
        <v>92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96</v>
      </c>
      <c r="I134" s="9" t="s">
        <v>54</v>
      </c>
      <c r="J134" s="9" t="s">
        <v>38</v>
      </c>
      <c r="K134" s="6">
        <v>8337</v>
      </c>
      <c r="L134" s="6">
        <v>6763</v>
      </c>
      <c r="M134" s="6">
        <v>6372</v>
      </c>
      <c r="N134" s="6">
        <v>5984</v>
      </c>
      <c r="O134" s="6">
        <v>283</v>
      </c>
      <c r="P134" s="6">
        <v>3</v>
      </c>
      <c r="Q134" s="6">
        <v>102</v>
      </c>
      <c r="R134" s="6">
        <v>391</v>
      </c>
      <c r="S134" s="6">
        <v>1295</v>
      </c>
      <c r="T134" s="6">
        <v>742</v>
      </c>
      <c r="U134" s="6">
        <v>7</v>
      </c>
      <c r="V134" s="6">
        <v>546</v>
      </c>
      <c r="W134" s="6">
        <v>279</v>
      </c>
      <c r="X134" s="6">
        <v>5812</v>
      </c>
      <c r="Y134" s="6">
        <v>5552</v>
      </c>
      <c r="Z134" s="6">
        <v>180</v>
      </c>
      <c r="AA134" s="6">
        <v>2</v>
      </c>
      <c r="AB134" s="6">
        <v>78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96</v>
      </c>
      <c r="I135" s="9" t="s">
        <v>54</v>
      </c>
      <c r="J135" s="9" t="s">
        <v>39</v>
      </c>
      <c r="K135" s="6">
        <v>6603</v>
      </c>
      <c r="L135" s="6">
        <v>5027</v>
      </c>
      <c r="M135" s="6">
        <v>4715</v>
      </c>
      <c r="N135" s="6">
        <v>4376</v>
      </c>
      <c r="O135" s="6">
        <v>255</v>
      </c>
      <c r="P135" s="6">
        <v>1</v>
      </c>
      <c r="Q135" s="6">
        <v>83</v>
      </c>
      <c r="R135" s="6">
        <v>312</v>
      </c>
      <c r="S135" s="6">
        <v>1380</v>
      </c>
      <c r="T135" s="6">
        <v>777</v>
      </c>
      <c r="U135" s="6">
        <v>2</v>
      </c>
      <c r="V135" s="6">
        <v>601</v>
      </c>
      <c r="W135" s="6">
        <v>196</v>
      </c>
      <c r="X135" s="6">
        <v>4257</v>
      </c>
      <c r="Y135" s="6">
        <v>4026</v>
      </c>
      <c r="Z135" s="6">
        <v>175</v>
      </c>
      <c r="AA135" s="6">
        <v>1</v>
      </c>
      <c r="AB135" s="6">
        <v>55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96</v>
      </c>
      <c r="I136" s="9" t="s">
        <v>54</v>
      </c>
      <c r="J136" s="9" t="s">
        <v>40</v>
      </c>
      <c r="K136" s="6">
        <v>5069</v>
      </c>
      <c r="L136" s="6">
        <v>3054</v>
      </c>
      <c r="M136" s="6">
        <v>2814</v>
      </c>
      <c r="N136" s="6">
        <v>2432</v>
      </c>
      <c r="O136" s="6">
        <v>309</v>
      </c>
      <c r="P136" s="6">
        <v>1</v>
      </c>
      <c r="Q136" s="6">
        <v>72</v>
      </c>
      <c r="R136" s="6">
        <v>240</v>
      </c>
      <c r="S136" s="6">
        <v>1846</v>
      </c>
      <c r="T136" s="6">
        <v>980</v>
      </c>
      <c r="U136" s="6">
        <v>3</v>
      </c>
      <c r="V136" s="6">
        <v>863</v>
      </c>
      <c r="W136" s="6">
        <v>169</v>
      </c>
      <c r="X136" s="6">
        <v>2438</v>
      </c>
      <c r="Y136" s="6">
        <v>2165</v>
      </c>
      <c r="Z136" s="6">
        <v>218</v>
      </c>
      <c r="AA136" s="6">
        <v>1</v>
      </c>
      <c r="AB136" s="6">
        <v>54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96</v>
      </c>
      <c r="I137" s="9" t="s">
        <v>54</v>
      </c>
      <c r="J137" s="9" t="s">
        <v>41</v>
      </c>
      <c r="K137" s="6">
        <v>4538</v>
      </c>
      <c r="L137" s="6">
        <v>1493</v>
      </c>
      <c r="M137" s="6">
        <v>1406</v>
      </c>
      <c r="N137" s="6">
        <v>1058</v>
      </c>
      <c r="O137" s="6">
        <v>282</v>
      </c>
      <c r="P137" s="6">
        <v>1</v>
      </c>
      <c r="Q137" s="6">
        <v>65</v>
      </c>
      <c r="R137" s="6">
        <v>87</v>
      </c>
      <c r="S137" s="6">
        <v>2883</v>
      </c>
      <c r="T137" s="6">
        <v>1223</v>
      </c>
      <c r="U137" s="6">
        <v>1</v>
      </c>
      <c r="V137" s="6">
        <v>1659</v>
      </c>
      <c r="W137" s="6">
        <v>162</v>
      </c>
      <c r="X137" s="6">
        <v>1111</v>
      </c>
      <c r="Y137" s="6">
        <v>872</v>
      </c>
      <c r="Z137" s="6">
        <v>194</v>
      </c>
      <c r="AA137" s="10" t="s">
        <v>55</v>
      </c>
      <c r="AB137" s="6">
        <v>45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96</v>
      </c>
      <c r="I138" s="9" t="s">
        <v>54</v>
      </c>
      <c r="J138" s="9" t="s">
        <v>42</v>
      </c>
      <c r="K138" s="6">
        <v>4012</v>
      </c>
      <c r="L138" s="6">
        <v>861</v>
      </c>
      <c r="M138" s="6">
        <v>831</v>
      </c>
      <c r="N138" s="6">
        <v>554</v>
      </c>
      <c r="O138" s="6">
        <v>221</v>
      </c>
      <c r="P138" s="6">
        <v>1</v>
      </c>
      <c r="Q138" s="6">
        <v>55</v>
      </c>
      <c r="R138" s="6">
        <v>30</v>
      </c>
      <c r="S138" s="6">
        <v>2978</v>
      </c>
      <c r="T138" s="6">
        <v>1092</v>
      </c>
      <c r="U138" s="6">
        <v>2</v>
      </c>
      <c r="V138" s="6">
        <v>1884</v>
      </c>
      <c r="W138" s="6">
        <v>173</v>
      </c>
      <c r="X138" s="6">
        <v>592</v>
      </c>
      <c r="Y138" s="6">
        <v>412</v>
      </c>
      <c r="Z138" s="6">
        <v>155</v>
      </c>
      <c r="AA138" s="10" t="s">
        <v>55</v>
      </c>
      <c r="AB138" s="6">
        <v>25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96</v>
      </c>
      <c r="I139" s="9" t="s">
        <v>54</v>
      </c>
      <c r="J139" s="9" t="s">
        <v>43</v>
      </c>
      <c r="K139" s="6">
        <v>2555</v>
      </c>
      <c r="L139" s="6">
        <v>258</v>
      </c>
      <c r="M139" s="6">
        <v>251</v>
      </c>
      <c r="N139" s="6">
        <v>154</v>
      </c>
      <c r="O139" s="6">
        <v>79</v>
      </c>
      <c r="P139" s="10" t="s">
        <v>55</v>
      </c>
      <c r="Q139" s="6">
        <v>18</v>
      </c>
      <c r="R139" s="6">
        <v>7</v>
      </c>
      <c r="S139" s="6">
        <v>2144</v>
      </c>
      <c r="T139" s="6">
        <v>622</v>
      </c>
      <c r="U139" s="10" t="s">
        <v>55</v>
      </c>
      <c r="V139" s="6">
        <v>1522</v>
      </c>
      <c r="W139" s="6">
        <v>153</v>
      </c>
      <c r="X139" s="6">
        <v>145</v>
      </c>
      <c r="Y139" s="6">
        <v>92</v>
      </c>
      <c r="Z139" s="6">
        <v>44</v>
      </c>
      <c r="AA139" s="10" t="s">
        <v>55</v>
      </c>
      <c r="AB139" s="6">
        <v>9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96</v>
      </c>
      <c r="I140" s="9" t="s">
        <v>54</v>
      </c>
      <c r="J140" s="9" t="s">
        <v>44</v>
      </c>
      <c r="K140" s="6">
        <v>2029</v>
      </c>
      <c r="L140" s="6">
        <v>86</v>
      </c>
      <c r="M140" s="6">
        <v>85</v>
      </c>
      <c r="N140" s="6">
        <v>50</v>
      </c>
      <c r="O140" s="6">
        <v>23</v>
      </c>
      <c r="P140" s="10" t="s">
        <v>55</v>
      </c>
      <c r="Q140" s="6">
        <v>12</v>
      </c>
      <c r="R140" s="6">
        <v>1</v>
      </c>
      <c r="S140" s="6">
        <v>1797</v>
      </c>
      <c r="T140" s="6">
        <v>356</v>
      </c>
      <c r="U140" s="6">
        <v>1</v>
      </c>
      <c r="V140" s="6">
        <v>1440</v>
      </c>
      <c r="W140" s="6">
        <v>146</v>
      </c>
      <c r="X140" s="6">
        <v>42</v>
      </c>
      <c r="Y140" s="6">
        <v>30</v>
      </c>
      <c r="Z140" s="6">
        <v>7</v>
      </c>
      <c r="AA140" s="10" t="s">
        <v>55</v>
      </c>
      <c r="AB140" s="6">
        <v>5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96</v>
      </c>
      <c r="I141" s="9" t="s">
        <v>54</v>
      </c>
      <c r="J141" s="9" t="s">
        <v>45</v>
      </c>
      <c r="K141" s="6">
        <v>1549</v>
      </c>
      <c r="L141" s="6">
        <v>38</v>
      </c>
      <c r="M141" s="6">
        <v>37</v>
      </c>
      <c r="N141" s="6">
        <v>17</v>
      </c>
      <c r="O141" s="6">
        <v>13</v>
      </c>
      <c r="P141" s="10" t="s">
        <v>55</v>
      </c>
      <c r="Q141" s="6">
        <v>7</v>
      </c>
      <c r="R141" s="6">
        <v>1</v>
      </c>
      <c r="S141" s="6">
        <v>1422</v>
      </c>
      <c r="T141" s="6">
        <v>206</v>
      </c>
      <c r="U141" s="10" t="s">
        <v>55</v>
      </c>
      <c r="V141" s="6">
        <v>1216</v>
      </c>
      <c r="W141" s="6">
        <v>89</v>
      </c>
      <c r="X141" s="6">
        <v>13</v>
      </c>
      <c r="Y141" s="6">
        <v>9</v>
      </c>
      <c r="Z141" s="6">
        <v>4</v>
      </c>
      <c r="AA141" s="10" t="s">
        <v>55</v>
      </c>
      <c r="AB141" s="10" t="s">
        <v>55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96</v>
      </c>
      <c r="I142" s="9" t="s">
        <v>54</v>
      </c>
      <c r="J142" s="9" t="s">
        <v>46</v>
      </c>
      <c r="K142" s="6">
        <v>957</v>
      </c>
      <c r="L142" s="6">
        <v>16</v>
      </c>
      <c r="M142" s="6">
        <v>16</v>
      </c>
      <c r="N142" s="6">
        <v>10</v>
      </c>
      <c r="O142" s="6">
        <v>4</v>
      </c>
      <c r="P142" s="10" t="s">
        <v>55</v>
      </c>
      <c r="Q142" s="6">
        <v>2</v>
      </c>
      <c r="R142" s="10" t="s">
        <v>55</v>
      </c>
      <c r="S142" s="6">
        <v>899</v>
      </c>
      <c r="T142" s="6">
        <v>63</v>
      </c>
      <c r="U142" s="10" t="s">
        <v>55</v>
      </c>
      <c r="V142" s="6">
        <v>836</v>
      </c>
      <c r="W142" s="6">
        <v>42</v>
      </c>
      <c r="X142" s="6">
        <v>4</v>
      </c>
      <c r="Y142" s="6">
        <v>3</v>
      </c>
      <c r="Z142" s="6">
        <v>1</v>
      </c>
      <c r="AA142" s="10" t="s">
        <v>55</v>
      </c>
      <c r="AB142" s="10" t="s">
        <v>55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96</v>
      </c>
      <c r="I143" s="9" t="s">
        <v>54</v>
      </c>
      <c r="J143" s="9" t="s">
        <v>47</v>
      </c>
      <c r="K143" s="6">
        <v>381</v>
      </c>
      <c r="L143" s="6">
        <v>2</v>
      </c>
      <c r="M143" s="6">
        <v>2</v>
      </c>
      <c r="N143" s="6">
        <v>2</v>
      </c>
      <c r="O143" s="10" t="s">
        <v>55</v>
      </c>
      <c r="P143" s="10" t="s">
        <v>55</v>
      </c>
      <c r="Q143" s="10" t="s">
        <v>55</v>
      </c>
      <c r="R143" s="10" t="s">
        <v>55</v>
      </c>
      <c r="S143" s="6">
        <v>372</v>
      </c>
      <c r="T143" s="6">
        <v>14</v>
      </c>
      <c r="U143" s="10" t="s">
        <v>55</v>
      </c>
      <c r="V143" s="6">
        <v>358</v>
      </c>
      <c r="W143" s="6">
        <v>7</v>
      </c>
      <c r="X143" s="6">
        <v>1</v>
      </c>
      <c r="Y143" s="6">
        <v>1</v>
      </c>
      <c r="Z143" s="10" t="s">
        <v>55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96</v>
      </c>
      <c r="I144" s="9" t="s">
        <v>54</v>
      </c>
      <c r="J144" s="9" t="s">
        <v>48</v>
      </c>
      <c r="K144" s="6">
        <v>154837</v>
      </c>
      <c r="L144" s="6">
        <v>99278</v>
      </c>
      <c r="M144" s="6">
        <v>93319</v>
      </c>
      <c r="N144" s="6">
        <v>83314</v>
      </c>
      <c r="O144" s="6">
        <v>2769</v>
      </c>
      <c r="P144" s="6">
        <v>5721</v>
      </c>
      <c r="Q144" s="6">
        <v>1515</v>
      </c>
      <c r="R144" s="6">
        <v>5959</v>
      </c>
      <c r="S144" s="6">
        <v>48324</v>
      </c>
      <c r="T144" s="6">
        <v>6492</v>
      </c>
      <c r="U144" s="6">
        <v>36678</v>
      </c>
      <c r="V144" s="6">
        <v>5154</v>
      </c>
      <c r="W144" s="6">
        <v>7235</v>
      </c>
      <c r="X144" s="6">
        <v>88168</v>
      </c>
      <c r="Y144" s="6">
        <v>79232</v>
      </c>
      <c r="Z144" s="6">
        <v>1988</v>
      </c>
      <c r="AA144" s="6">
        <v>5681</v>
      </c>
      <c r="AB144" s="6">
        <v>1267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96</v>
      </c>
      <c r="I145" s="9" t="s">
        <v>54</v>
      </c>
      <c r="J145" s="9" t="s">
        <v>49</v>
      </c>
      <c r="K145" s="6">
        <v>16021</v>
      </c>
      <c r="L145" s="6">
        <v>2754</v>
      </c>
      <c r="M145" s="6">
        <v>2628</v>
      </c>
      <c r="N145" s="6">
        <v>1845</v>
      </c>
      <c r="O145" s="6">
        <v>622</v>
      </c>
      <c r="P145" s="6">
        <v>2</v>
      </c>
      <c r="Q145" s="6">
        <v>159</v>
      </c>
      <c r="R145" s="6">
        <v>126</v>
      </c>
      <c r="S145" s="6">
        <v>12495</v>
      </c>
      <c r="T145" s="6">
        <v>3576</v>
      </c>
      <c r="U145" s="6">
        <v>4</v>
      </c>
      <c r="V145" s="6">
        <v>8915</v>
      </c>
      <c r="W145" s="6">
        <v>772</v>
      </c>
      <c r="X145" s="6">
        <v>1908</v>
      </c>
      <c r="Y145" s="6">
        <v>1419</v>
      </c>
      <c r="Z145" s="6">
        <v>405</v>
      </c>
      <c r="AA145" s="10" t="s">
        <v>55</v>
      </c>
      <c r="AB145" s="6">
        <v>84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96</v>
      </c>
      <c r="I146" s="9" t="s">
        <v>54</v>
      </c>
      <c r="J146" s="9" t="s">
        <v>50</v>
      </c>
      <c r="K146" s="6">
        <v>7471</v>
      </c>
      <c r="L146" s="6">
        <v>400</v>
      </c>
      <c r="M146" s="6">
        <v>391</v>
      </c>
      <c r="N146" s="6">
        <v>233</v>
      </c>
      <c r="O146" s="6">
        <v>119</v>
      </c>
      <c r="P146" s="10" t="s">
        <v>55</v>
      </c>
      <c r="Q146" s="6">
        <v>39</v>
      </c>
      <c r="R146" s="6">
        <v>9</v>
      </c>
      <c r="S146" s="6">
        <v>6634</v>
      </c>
      <c r="T146" s="6">
        <v>1261</v>
      </c>
      <c r="U146" s="6">
        <v>1</v>
      </c>
      <c r="V146" s="6">
        <v>5372</v>
      </c>
      <c r="W146" s="6">
        <v>437</v>
      </c>
      <c r="X146" s="6">
        <v>205</v>
      </c>
      <c r="Y146" s="6">
        <v>135</v>
      </c>
      <c r="Z146" s="6">
        <v>56</v>
      </c>
      <c r="AA146" s="10" t="s">
        <v>55</v>
      </c>
      <c r="AB146" s="6">
        <v>14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96</v>
      </c>
      <c r="I147" s="9" t="s">
        <v>54</v>
      </c>
      <c r="J147" s="9" t="s">
        <v>51</v>
      </c>
      <c r="K147" s="6">
        <v>2887</v>
      </c>
      <c r="L147" s="6">
        <v>56</v>
      </c>
      <c r="M147" s="6">
        <v>55</v>
      </c>
      <c r="N147" s="6">
        <v>29</v>
      </c>
      <c r="O147" s="6">
        <v>17</v>
      </c>
      <c r="P147" s="10" t="s">
        <v>55</v>
      </c>
      <c r="Q147" s="6">
        <v>9</v>
      </c>
      <c r="R147" s="6">
        <v>1</v>
      </c>
      <c r="S147" s="6">
        <v>2693</v>
      </c>
      <c r="T147" s="6">
        <v>283</v>
      </c>
      <c r="U147" s="10" t="s">
        <v>55</v>
      </c>
      <c r="V147" s="6">
        <v>2410</v>
      </c>
      <c r="W147" s="6">
        <v>138</v>
      </c>
      <c r="X147" s="6">
        <v>18</v>
      </c>
      <c r="Y147" s="6">
        <v>13</v>
      </c>
      <c r="Z147" s="6">
        <v>5</v>
      </c>
      <c r="AA147" s="10" t="s">
        <v>55</v>
      </c>
      <c r="AB147" s="10" t="s">
        <v>55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96</v>
      </c>
      <c r="I148" s="9" t="s">
        <v>54</v>
      </c>
      <c r="J148" s="9" t="s">
        <v>52</v>
      </c>
      <c r="K148" s="6">
        <v>121105</v>
      </c>
      <c r="L148" s="6">
        <v>95439</v>
      </c>
      <c r="M148" s="6">
        <v>89720</v>
      </c>
      <c r="N148" s="6">
        <v>82142</v>
      </c>
      <c r="O148" s="6">
        <v>2928</v>
      </c>
      <c r="P148" s="6">
        <v>3185</v>
      </c>
      <c r="Q148" s="6">
        <v>1465</v>
      </c>
      <c r="R148" s="6">
        <v>5719</v>
      </c>
      <c r="S148" s="6">
        <v>20514</v>
      </c>
      <c r="T148" s="6">
        <v>7481</v>
      </c>
      <c r="U148" s="6">
        <v>6606</v>
      </c>
      <c r="V148" s="6">
        <v>6427</v>
      </c>
      <c r="W148" s="6">
        <v>5152</v>
      </c>
      <c r="X148" s="6">
        <v>84383</v>
      </c>
      <c r="Y148" s="6">
        <v>77955</v>
      </c>
      <c r="Z148" s="6">
        <v>2069</v>
      </c>
      <c r="AA148" s="6">
        <v>3155</v>
      </c>
      <c r="AB148" s="6">
        <v>1204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96</v>
      </c>
      <c r="I149" s="9" t="s">
        <v>6</v>
      </c>
      <c r="J149" s="9" t="s">
        <v>30</v>
      </c>
      <c r="K149" s="6">
        <v>25424</v>
      </c>
      <c r="L149" s="6">
        <v>15589</v>
      </c>
      <c r="M149" s="6">
        <v>14202</v>
      </c>
      <c r="N149" s="6">
        <v>13305</v>
      </c>
      <c r="O149" s="6">
        <v>331</v>
      </c>
      <c r="P149" s="6">
        <v>348</v>
      </c>
      <c r="Q149" s="6">
        <v>218</v>
      </c>
      <c r="R149" s="6">
        <v>1387</v>
      </c>
      <c r="S149" s="6">
        <v>8775</v>
      </c>
      <c r="T149" s="6">
        <v>1048</v>
      </c>
      <c r="U149" s="6">
        <v>5311</v>
      </c>
      <c r="V149" s="6">
        <v>2416</v>
      </c>
      <c r="W149" s="6">
        <v>1060</v>
      </c>
      <c r="X149" s="6">
        <v>12785</v>
      </c>
      <c r="Y149" s="6">
        <v>12050</v>
      </c>
      <c r="Z149" s="6">
        <v>218</v>
      </c>
      <c r="AA149" s="6">
        <v>347</v>
      </c>
      <c r="AB149" s="6">
        <v>170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96</v>
      </c>
      <c r="I150" s="9" t="s">
        <v>6</v>
      </c>
      <c r="J150" s="9" t="s">
        <v>31</v>
      </c>
      <c r="K150" s="6">
        <v>5732</v>
      </c>
      <c r="L150" s="6">
        <v>641</v>
      </c>
      <c r="M150" s="6">
        <v>588</v>
      </c>
      <c r="N150" s="6">
        <v>393</v>
      </c>
      <c r="O150" s="6">
        <v>11</v>
      </c>
      <c r="P150" s="6">
        <v>176</v>
      </c>
      <c r="Q150" s="6">
        <v>8</v>
      </c>
      <c r="R150" s="6">
        <v>53</v>
      </c>
      <c r="S150" s="6">
        <v>4754</v>
      </c>
      <c r="T150" s="6">
        <v>19</v>
      </c>
      <c r="U150" s="6">
        <v>4684</v>
      </c>
      <c r="V150" s="6">
        <v>51</v>
      </c>
      <c r="W150" s="6">
        <v>337</v>
      </c>
      <c r="X150" s="6">
        <v>573</v>
      </c>
      <c r="Y150" s="6">
        <v>379</v>
      </c>
      <c r="Z150" s="6">
        <v>11</v>
      </c>
      <c r="AA150" s="6">
        <v>176</v>
      </c>
      <c r="AB150" s="6">
        <v>7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96</v>
      </c>
      <c r="I151" s="9" t="s">
        <v>6</v>
      </c>
      <c r="J151" s="9" t="s">
        <v>32</v>
      </c>
      <c r="K151" s="6">
        <v>3826</v>
      </c>
      <c r="L151" s="6">
        <v>2888</v>
      </c>
      <c r="M151" s="6">
        <v>2688</v>
      </c>
      <c r="N151" s="6">
        <v>2471</v>
      </c>
      <c r="O151" s="6">
        <v>38</v>
      </c>
      <c r="P151" s="6">
        <v>149</v>
      </c>
      <c r="Q151" s="6">
        <v>30</v>
      </c>
      <c r="R151" s="6">
        <v>200</v>
      </c>
      <c r="S151" s="6">
        <v>723</v>
      </c>
      <c r="T151" s="6">
        <v>50</v>
      </c>
      <c r="U151" s="6">
        <v>596</v>
      </c>
      <c r="V151" s="6">
        <v>77</v>
      </c>
      <c r="W151" s="6">
        <v>215</v>
      </c>
      <c r="X151" s="6">
        <v>2565</v>
      </c>
      <c r="Y151" s="6">
        <v>2357</v>
      </c>
      <c r="Z151" s="6">
        <v>32</v>
      </c>
      <c r="AA151" s="6">
        <v>148</v>
      </c>
      <c r="AB151" s="6">
        <v>28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96</v>
      </c>
      <c r="I152" s="9" t="s">
        <v>6</v>
      </c>
      <c r="J152" s="9" t="s">
        <v>33</v>
      </c>
      <c r="K152" s="6">
        <v>2880</v>
      </c>
      <c r="L152" s="6">
        <v>2640</v>
      </c>
      <c r="M152" s="6">
        <v>2456</v>
      </c>
      <c r="N152" s="6">
        <v>2386</v>
      </c>
      <c r="O152" s="6">
        <v>36</v>
      </c>
      <c r="P152" s="6">
        <v>11</v>
      </c>
      <c r="Q152" s="6">
        <v>23</v>
      </c>
      <c r="R152" s="6">
        <v>184</v>
      </c>
      <c r="S152" s="6">
        <v>124</v>
      </c>
      <c r="T152" s="6">
        <v>46</v>
      </c>
      <c r="U152" s="6">
        <v>16</v>
      </c>
      <c r="V152" s="6">
        <v>62</v>
      </c>
      <c r="W152" s="6">
        <v>116</v>
      </c>
      <c r="X152" s="6">
        <v>2311</v>
      </c>
      <c r="Y152" s="6">
        <v>2253</v>
      </c>
      <c r="Z152" s="6">
        <v>28</v>
      </c>
      <c r="AA152" s="6">
        <v>11</v>
      </c>
      <c r="AB152" s="6">
        <v>19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96</v>
      </c>
      <c r="I153" s="9" t="s">
        <v>6</v>
      </c>
      <c r="J153" s="9" t="s">
        <v>34</v>
      </c>
      <c r="K153" s="6">
        <v>2125</v>
      </c>
      <c r="L153" s="6">
        <v>1898</v>
      </c>
      <c r="M153" s="6">
        <v>1748</v>
      </c>
      <c r="N153" s="6">
        <v>1693</v>
      </c>
      <c r="O153" s="6">
        <v>27</v>
      </c>
      <c r="P153" s="6">
        <v>7</v>
      </c>
      <c r="Q153" s="6">
        <v>21</v>
      </c>
      <c r="R153" s="6">
        <v>150</v>
      </c>
      <c r="S153" s="6">
        <v>150</v>
      </c>
      <c r="T153" s="6">
        <v>68</v>
      </c>
      <c r="U153" s="6">
        <v>7</v>
      </c>
      <c r="V153" s="6">
        <v>75</v>
      </c>
      <c r="W153" s="6">
        <v>77</v>
      </c>
      <c r="X153" s="6">
        <v>1594</v>
      </c>
      <c r="Y153" s="6">
        <v>1552</v>
      </c>
      <c r="Z153" s="6">
        <v>16</v>
      </c>
      <c r="AA153" s="6">
        <v>7</v>
      </c>
      <c r="AB153" s="6">
        <v>19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96</v>
      </c>
      <c r="I154" s="9" t="s">
        <v>6</v>
      </c>
      <c r="J154" s="9" t="s">
        <v>35</v>
      </c>
      <c r="K154" s="6">
        <v>1798</v>
      </c>
      <c r="L154" s="6">
        <v>1597</v>
      </c>
      <c r="M154" s="6">
        <v>1435</v>
      </c>
      <c r="N154" s="6">
        <v>1390</v>
      </c>
      <c r="O154" s="6">
        <v>22</v>
      </c>
      <c r="P154" s="6">
        <v>3</v>
      </c>
      <c r="Q154" s="6">
        <v>20</v>
      </c>
      <c r="R154" s="6">
        <v>162</v>
      </c>
      <c r="S154" s="6">
        <v>148</v>
      </c>
      <c r="T154" s="6">
        <v>76</v>
      </c>
      <c r="U154" s="6">
        <v>2</v>
      </c>
      <c r="V154" s="6">
        <v>70</v>
      </c>
      <c r="W154" s="6">
        <v>53</v>
      </c>
      <c r="X154" s="6">
        <v>1277</v>
      </c>
      <c r="Y154" s="6">
        <v>1245</v>
      </c>
      <c r="Z154" s="6">
        <v>11</v>
      </c>
      <c r="AA154" s="6">
        <v>3</v>
      </c>
      <c r="AB154" s="6">
        <v>18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96</v>
      </c>
      <c r="I155" s="9" t="s">
        <v>6</v>
      </c>
      <c r="J155" s="9" t="s">
        <v>36</v>
      </c>
      <c r="K155" s="6">
        <v>1589</v>
      </c>
      <c r="L155" s="6">
        <v>1382</v>
      </c>
      <c r="M155" s="6">
        <v>1247</v>
      </c>
      <c r="N155" s="6">
        <v>1208</v>
      </c>
      <c r="O155" s="6">
        <v>25</v>
      </c>
      <c r="P155" s="6">
        <v>1</v>
      </c>
      <c r="Q155" s="6">
        <v>13</v>
      </c>
      <c r="R155" s="6">
        <v>135</v>
      </c>
      <c r="S155" s="6">
        <v>149</v>
      </c>
      <c r="T155" s="6">
        <v>61</v>
      </c>
      <c r="U155" s="6">
        <v>1</v>
      </c>
      <c r="V155" s="6">
        <v>87</v>
      </c>
      <c r="W155" s="6">
        <v>58</v>
      </c>
      <c r="X155" s="6">
        <v>1110</v>
      </c>
      <c r="Y155" s="6">
        <v>1078</v>
      </c>
      <c r="Z155" s="6">
        <v>19</v>
      </c>
      <c r="AA155" s="6">
        <v>1</v>
      </c>
      <c r="AB155" s="6">
        <v>12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96</v>
      </c>
      <c r="I156" s="9" t="s">
        <v>6</v>
      </c>
      <c r="J156" s="9" t="s">
        <v>37</v>
      </c>
      <c r="K156" s="6">
        <v>1675</v>
      </c>
      <c r="L156" s="6">
        <v>1409</v>
      </c>
      <c r="M156" s="6">
        <v>1266</v>
      </c>
      <c r="N156" s="6">
        <v>1225</v>
      </c>
      <c r="O156" s="6">
        <v>28</v>
      </c>
      <c r="P156" s="10" t="s">
        <v>55</v>
      </c>
      <c r="Q156" s="6">
        <v>13</v>
      </c>
      <c r="R156" s="6">
        <v>143</v>
      </c>
      <c r="S156" s="6">
        <v>217</v>
      </c>
      <c r="T156" s="6">
        <v>88</v>
      </c>
      <c r="U156" s="6">
        <v>3</v>
      </c>
      <c r="V156" s="6">
        <v>126</v>
      </c>
      <c r="W156" s="6">
        <v>49</v>
      </c>
      <c r="X156" s="6">
        <v>1096</v>
      </c>
      <c r="Y156" s="6">
        <v>1067</v>
      </c>
      <c r="Z156" s="6">
        <v>17</v>
      </c>
      <c r="AA156" s="10" t="s">
        <v>55</v>
      </c>
      <c r="AB156" s="6">
        <v>12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96</v>
      </c>
      <c r="I157" s="9" t="s">
        <v>6</v>
      </c>
      <c r="J157" s="9" t="s">
        <v>38</v>
      </c>
      <c r="K157" s="6">
        <v>1402</v>
      </c>
      <c r="L157" s="6">
        <v>1129</v>
      </c>
      <c r="M157" s="6">
        <v>1008</v>
      </c>
      <c r="N157" s="6">
        <v>958</v>
      </c>
      <c r="O157" s="6">
        <v>29</v>
      </c>
      <c r="P157" s="10" t="s">
        <v>55</v>
      </c>
      <c r="Q157" s="6">
        <v>21</v>
      </c>
      <c r="R157" s="6">
        <v>121</v>
      </c>
      <c r="S157" s="6">
        <v>231</v>
      </c>
      <c r="T157" s="6">
        <v>95</v>
      </c>
      <c r="U157" s="10" t="s">
        <v>55</v>
      </c>
      <c r="V157" s="6">
        <v>136</v>
      </c>
      <c r="W157" s="6">
        <v>42</v>
      </c>
      <c r="X157" s="6">
        <v>873</v>
      </c>
      <c r="Y157" s="6">
        <v>842</v>
      </c>
      <c r="Z157" s="6">
        <v>17</v>
      </c>
      <c r="AA157" s="10" t="s">
        <v>55</v>
      </c>
      <c r="AB157" s="6">
        <v>14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96</v>
      </c>
      <c r="I158" s="9" t="s">
        <v>6</v>
      </c>
      <c r="J158" s="9" t="s">
        <v>39</v>
      </c>
      <c r="K158" s="6">
        <v>1214</v>
      </c>
      <c r="L158" s="6">
        <v>924</v>
      </c>
      <c r="M158" s="6">
        <v>819</v>
      </c>
      <c r="N158" s="6">
        <v>770</v>
      </c>
      <c r="O158" s="6">
        <v>27</v>
      </c>
      <c r="P158" s="6">
        <v>1</v>
      </c>
      <c r="Q158" s="6">
        <v>21</v>
      </c>
      <c r="R158" s="6">
        <v>105</v>
      </c>
      <c r="S158" s="6">
        <v>253</v>
      </c>
      <c r="T158" s="6">
        <v>105</v>
      </c>
      <c r="U158" s="6">
        <v>2</v>
      </c>
      <c r="V158" s="6">
        <v>146</v>
      </c>
      <c r="W158" s="6">
        <v>37</v>
      </c>
      <c r="X158" s="6">
        <v>683</v>
      </c>
      <c r="Y158" s="6">
        <v>657</v>
      </c>
      <c r="Z158" s="6">
        <v>13</v>
      </c>
      <c r="AA158" s="6">
        <v>1</v>
      </c>
      <c r="AB158" s="6">
        <v>12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96</v>
      </c>
      <c r="I159" s="9" t="s">
        <v>6</v>
      </c>
      <c r="J159" s="9" t="s">
        <v>40</v>
      </c>
      <c r="K159" s="6">
        <v>1004</v>
      </c>
      <c r="L159" s="6">
        <v>622</v>
      </c>
      <c r="M159" s="6">
        <v>538</v>
      </c>
      <c r="N159" s="6">
        <v>497</v>
      </c>
      <c r="O159" s="6">
        <v>30</v>
      </c>
      <c r="P159" s="10" t="s">
        <v>55</v>
      </c>
      <c r="Q159" s="6">
        <v>11</v>
      </c>
      <c r="R159" s="6">
        <v>84</v>
      </c>
      <c r="S159" s="6">
        <v>350</v>
      </c>
      <c r="T159" s="6">
        <v>105</v>
      </c>
      <c r="U159" s="10" t="s">
        <v>55</v>
      </c>
      <c r="V159" s="6">
        <v>245</v>
      </c>
      <c r="W159" s="6">
        <v>32</v>
      </c>
      <c r="X159" s="6">
        <v>422</v>
      </c>
      <c r="Y159" s="6">
        <v>397</v>
      </c>
      <c r="Z159" s="6">
        <v>20</v>
      </c>
      <c r="AA159" s="10" t="s">
        <v>55</v>
      </c>
      <c r="AB159" s="6">
        <v>5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96</v>
      </c>
      <c r="I160" s="9" t="s">
        <v>6</v>
      </c>
      <c r="J160" s="9" t="s">
        <v>41</v>
      </c>
      <c r="K160" s="6">
        <v>842</v>
      </c>
      <c r="L160" s="6">
        <v>290</v>
      </c>
      <c r="M160" s="6">
        <v>256</v>
      </c>
      <c r="N160" s="6">
        <v>203</v>
      </c>
      <c r="O160" s="6">
        <v>30</v>
      </c>
      <c r="P160" s="10" t="s">
        <v>55</v>
      </c>
      <c r="Q160" s="6">
        <v>23</v>
      </c>
      <c r="R160" s="6">
        <v>34</v>
      </c>
      <c r="S160" s="6">
        <v>535</v>
      </c>
      <c r="T160" s="6">
        <v>127</v>
      </c>
      <c r="U160" s="10" t="s">
        <v>55</v>
      </c>
      <c r="V160" s="6">
        <v>408</v>
      </c>
      <c r="W160" s="6">
        <v>17</v>
      </c>
      <c r="X160" s="6">
        <v>184</v>
      </c>
      <c r="Y160" s="6">
        <v>152</v>
      </c>
      <c r="Z160" s="6">
        <v>19</v>
      </c>
      <c r="AA160" s="10" t="s">
        <v>55</v>
      </c>
      <c r="AB160" s="6">
        <v>13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96</v>
      </c>
      <c r="I161" s="9" t="s">
        <v>6</v>
      </c>
      <c r="J161" s="9" t="s">
        <v>42</v>
      </c>
      <c r="K161" s="6">
        <v>591</v>
      </c>
      <c r="L161" s="6">
        <v>126</v>
      </c>
      <c r="M161" s="6">
        <v>112</v>
      </c>
      <c r="N161" s="6">
        <v>85</v>
      </c>
      <c r="O161" s="6">
        <v>16</v>
      </c>
      <c r="P161" s="10" t="s">
        <v>55</v>
      </c>
      <c r="Q161" s="6">
        <v>11</v>
      </c>
      <c r="R161" s="6">
        <v>14</v>
      </c>
      <c r="S161" s="6">
        <v>451</v>
      </c>
      <c r="T161" s="6">
        <v>100</v>
      </c>
      <c r="U161" s="10" t="s">
        <v>55</v>
      </c>
      <c r="V161" s="6">
        <v>351</v>
      </c>
      <c r="W161" s="6">
        <v>14</v>
      </c>
      <c r="X161" s="6">
        <v>77</v>
      </c>
      <c r="Y161" s="6">
        <v>58</v>
      </c>
      <c r="Z161" s="6">
        <v>10</v>
      </c>
      <c r="AA161" s="10" t="s">
        <v>55</v>
      </c>
      <c r="AB161" s="6">
        <v>9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96</v>
      </c>
      <c r="I162" s="9" t="s">
        <v>6</v>
      </c>
      <c r="J162" s="9" t="s">
        <v>43</v>
      </c>
      <c r="K162" s="6">
        <v>339</v>
      </c>
      <c r="L162" s="6">
        <v>31</v>
      </c>
      <c r="M162" s="6">
        <v>29</v>
      </c>
      <c r="N162" s="6">
        <v>16</v>
      </c>
      <c r="O162" s="6">
        <v>10</v>
      </c>
      <c r="P162" s="10" t="s">
        <v>55</v>
      </c>
      <c r="Q162" s="6">
        <v>3</v>
      </c>
      <c r="R162" s="6">
        <v>2</v>
      </c>
      <c r="S162" s="6">
        <v>300</v>
      </c>
      <c r="T162" s="6">
        <v>56</v>
      </c>
      <c r="U162" s="10" t="s">
        <v>55</v>
      </c>
      <c r="V162" s="6">
        <v>244</v>
      </c>
      <c r="W162" s="6">
        <v>8</v>
      </c>
      <c r="X162" s="6">
        <v>15</v>
      </c>
      <c r="Y162" s="6">
        <v>8</v>
      </c>
      <c r="Z162" s="6">
        <v>5</v>
      </c>
      <c r="AA162" s="10" t="s">
        <v>55</v>
      </c>
      <c r="AB162" s="6">
        <v>2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96</v>
      </c>
      <c r="I163" s="9" t="s">
        <v>6</v>
      </c>
      <c r="J163" s="9" t="s">
        <v>44</v>
      </c>
      <c r="K163" s="6">
        <v>177</v>
      </c>
      <c r="L163" s="6">
        <v>2</v>
      </c>
      <c r="M163" s="6">
        <v>2</v>
      </c>
      <c r="N163" s="6">
        <v>2</v>
      </c>
      <c r="O163" s="10" t="s">
        <v>55</v>
      </c>
      <c r="P163" s="10" t="s">
        <v>55</v>
      </c>
      <c r="Q163" s="10" t="s">
        <v>55</v>
      </c>
      <c r="R163" s="10" t="s">
        <v>55</v>
      </c>
      <c r="S163" s="6">
        <v>173</v>
      </c>
      <c r="T163" s="6">
        <v>26</v>
      </c>
      <c r="U163" s="10" t="s">
        <v>55</v>
      </c>
      <c r="V163" s="6">
        <v>147</v>
      </c>
      <c r="W163" s="6">
        <v>2</v>
      </c>
      <c r="X163" s="10" t="s">
        <v>55</v>
      </c>
      <c r="Y163" s="10" t="s">
        <v>55</v>
      </c>
      <c r="Z163" s="10" t="s">
        <v>55</v>
      </c>
      <c r="AA163" s="10" t="s">
        <v>55</v>
      </c>
      <c r="AB163" s="10" t="s">
        <v>55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96</v>
      </c>
      <c r="I164" s="9" t="s">
        <v>6</v>
      </c>
      <c r="J164" s="9" t="s">
        <v>45</v>
      </c>
      <c r="K164" s="6">
        <v>137</v>
      </c>
      <c r="L164" s="6">
        <v>5</v>
      </c>
      <c r="M164" s="6">
        <v>5</v>
      </c>
      <c r="N164" s="6">
        <v>5</v>
      </c>
      <c r="O164" s="10" t="s">
        <v>55</v>
      </c>
      <c r="P164" s="10" t="s">
        <v>55</v>
      </c>
      <c r="Q164" s="10" t="s">
        <v>55</v>
      </c>
      <c r="R164" s="10" t="s">
        <v>55</v>
      </c>
      <c r="S164" s="6">
        <v>130</v>
      </c>
      <c r="T164" s="6">
        <v>19</v>
      </c>
      <c r="U164" s="10" t="s">
        <v>55</v>
      </c>
      <c r="V164" s="6">
        <v>111</v>
      </c>
      <c r="W164" s="6">
        <v>2</v>
      </c>
      <c r="X164" s="6">
        <v>4</v>
      </c>
      <c r="Y164" s="6">
        <v>4</v>
      </c>
      <c r="Z164" s="10" t="s">
        <v>55</v>
      </c>
      <c r="AA164" s="10" t="s">
        <v>55</v>
      </c>
      <c r="AB164" s="10" t="s">
        <v>55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96</v>
      </c>
      <c r="I165" s="9" t="s">
        <v>6</v>
      </c>
      <c r="J165" s="9" t="s">
        <v>46</v>
      </c>
      <c r="K165" s="6">
        <v>70</v>
      </c>
      <c r="L165" s="6">
        <v>5</v>
      </c>
      <c r="M165" s="6">
        <v>5</v>
      </c>
      <c r="N165" s="6">
        <v>3</v>
      </c>
      <c r="O165" s="6">
        <v>2</v>
      </c>
      <c r="P165" s="10" t="s">
        <v>55</v>
      </c>
      <c r="Q165" s="10" t="s">
        <v>55</v>
      </c>
      <c r="R165" s="10" t="s">
        <v>55</v>
      </c>
      <c r="S165" s="6">
        <v>64</v>
      </c>
      <c r="T165" s="6">
        <v>7</v>
      </c>
      <c r="U165" s="10" t="s">
        <v>55</v>
      </c>
      <c r="V165" s="6">
        <v>57</v>
      </c>
      <c r="W165" s="6">
        <v>1</v>
      </c>
      <c r="X165" s="6">
        <v>1</v>
      </c>
      <c r="Y165" s="6">
        <v>1</v>
      </c>
      <c r="Z165" s="10" t="s">
        <v>55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96</v>
      </c>
      <c r="I166" s="9" t="s">
        <v>6</v>
      </c>
      <c r="J166" s="9" t="s">
        <v>47</v>
      </c>
      <c r="K166" s="6">
        <v>23</v>
      </c>
      <c r="L166" s="10" t="s">
        <v>55</v>
      </c>
      <c r="M166" s="10" t="s">
        <v>55</v>
      </c>
      <c r="N166" s="10" t="s">
        <v>55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23</v>
      </c>
      <c r="T166" s="10" t="s">
        <v>55</v>
      </c>
      <c r="U166" s="10" t="s">
        <v>55</v>
      </c>
      <c r="V166" s="6">
        <v>23</v>
      </c>
      <c r="W166" s="10" t="s">
        <v>55</v>
      </c>
      <c r="X166" s="10" t="s">
        <v>55</v>
      </c>
      <c r="Y166" s="10" t="s">
        <v>55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96</v>
      </c>
      <c r="I167" s="9" t="s">
        <v>6</v>
      </c>
      <c r="J167" s="9" t="s">
        <v>48</v>
      </c>
      <c r="K167" s="6">
        <v>23245</v>
      </c>
      <c r="L167" s="6">
        <v>15130</v>
      </c>
      <c r="M167" s="6">
        <v>13793</v>
      </c>
      <c r="N167" s="6">
        <v>12991</v>
      </c>
      <c r="O167" s="6">
        <v>273</v>
      </c>
      <c r="P167" s="6">
        <v>348</v>
      </c>
      <c r="Q167" s="6">
        <v>181</v>
      </c>
      <c r="R167" s="6">
        <v>1337</v>
      </c>
      <c r="S167" s="6">
        <v>7099</v>
      </c>
      <c r="T167" s="6">
        <v>713</v>
      </c>
      <c r="U167" s="6">
        <v>5311</v>
      </c>
      <c r="V167" s="6">
        <v>1075</v>
      </c>
      <c r="W167" s="6">
        <v>1016</v>
      </c>
      <c r="X167" s="6">
        <v>12504</v>
      </c>
      <c r="Y167" s="6">
        <v>11827</v>
      </c>
      <c r="Z167" s="6">
        <v>184</v>
      </c>
      <c r="AA167" s="6">
        <v>347</v>
      </c>
      <c r="AB167" s="6">
        <v>146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96</v>
      </c>
      <c r="I168" s="9" t="s">
        <v>6</v>
      </c>
      <c r="J168" s="9" t="s">
        <v>49</v>
      </c>
      <c r="K168" s="6">
        <v>2179</v>
      </c>
      <c r="L168" s="6">
        <v>459</v>
      </c>
      <c r="M168" s="6">
        <v>409</v>
      </c>
      <c r="N168" s="6">
        <v>314</v>
      </c>
      <c r="O168" s="6">
        <v>58</v>
      </c>
      <c r="P168" s="10" t="s">
        <v>55</v>
      </c>
      <c r="Q168" s="6">
        <v>37</v>
      </c>
      <c r="R168" s="6">
        <v>50</v>
      </c>
      <c r="S168" s="6">
        <v>1676</v>
      </c>
      <c r="T168" s="6">
        <v>335</v>
      </c>
      <c r="U168" s="10" t="s">
        <v>55</v>
      </c>
      <c r="V168" s="6">
        <v>1341</v>
      </c>
      <c r="W168" s="6">
        <v>44</v>
      </c>
      <c r="X168" s="6">
        <v>281</v>
      </c>
      <c r="Y168" s="6">
        <v>223</v>
      </c>
      <c r="Z168" s="6">
        <v>34</v>
      </c>
      <c r="AA168" s="10" t="s">
        <v>55</v>
      </c>
      <c r="AB168" s="6">
        <v>24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96</v>
      </c>
      <c r="I169" s="9" t="s">
        <v>6</v>
      </c>
      <c r="J169" s="9" t="s">
        <v>50</v>
      </c>
      <c r="K169" s="6">
        <v>746</v>
      </c>
      <c r="L169" s="6">
        <v>43</v>
      </c>
      <c r="M169" s="6">
        <v>41</v>
      </c>
      <c r="N169" s="6">
        <v>26</v>
      </c>
      <c r="O169" s="6">
        <v>12</v>
      </c>
      <c r="P169" s="10" t="s">
        <v>55</v>
      </c>
      <c r="Q169" s="6">
        <v>3</v>
      </c>
      <c r="R169" s="6">
        <v>2</v>
      </c>
      <c r="S169" s="6">
        <v>690</v>
      </c>
      <c r="T169" s="6">
        <v>108</v>
      </c>
      <c r="U169" s="10" t="s">
        <v>55</v>
      </c>
      <c r="V169" s="6">
        <v>582</v>
      </c>
      <c r="W169" s="6">
        <v>13</v>
      </c>
      <c r="X169" s="6">
        <v>20</v>
      </c>
      <c r="Y169" s="6">
        <v>13</v>
      </c>
      <c r="Z169" s="6">
        <v>5</v>
      </c>
      <c r="AA169" s="10" t="s">
        <v>55</v>
      </c>
      <c r="AB169" s="6">
        <v>2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96</v>
      </c>
      <c r="I170" s="9" t="s">
        <v>6</v>
      </c>
      <c r="J170" s="9" t="s">
        <v>51</v>
      </c>
      <c r="K170" s="6">
        <v>230</v>
      </c>
      <c r="L170" s="6">
        <v>10</v>
      </c>
      <c r="M170" s="6">
        <v>10</v>
      </c>
      <c r="N170" s="6">
        <v>8</v>
      </c>
      <c r="O170" s="6">
        <v>2</v>
      </c>
      <c r="P170" s="10" t="s">
        <v>55</v>
      </c>
      <c r="Q170" s="10" t="s">
        <v>55</v>
      </c>
      <c r="R170" s="10" t="s">
        <v>55</v>
      </c>
      <c r="S170" s="6">
        <v>217</v>
      </c>
      <c r="T170" s="6">
        <v>26</v>
      </c>
      <c r="U170" s="10" t="s">
        <v>55</v>
      </c>
      <c r="V170" s="6">
        <v>191</v>
      </c>
      <c r="W170" s="6">
        <v>3</v>
      </c>
      <c r="X170" s="6">
        <v>5</v>
      </c>
      <c r="Y170" s="6">
        <v>5</v>
      </c>
      <c r="Z170" s="10" t="s">
        <v>55</v>
      </c>
      <c r="AA170" s="10" t="s">
        <v>55</v>
      </c>
      <c r="AB170" s="10" t="s">
        <v>55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96</v>
      </c>
      <c r="I171" s="9" t="s">
        <v>6</v>
      </c>
      <c r="J171" s="9" t="s">
        <v>52</v>
      </c>
      <c r="K171" s="6">
        <v>18355</v>
      </c>
      <c r="L171" s="6">
        <v>14779</v>
      </c>
      <c r="M171" s="6">
        <v>13461</v>
      </c>
      <c r="N171" s="6">
        <v>12801</v>
      </c>
      <c r="O171" s="6">
        <v>292</v>
      </c>
      <c r="P171" s="6">
        <v>172</v>
      </c>
      <c r="Q171" s="6">
        <v>196</v>
      </c>
      <c r="R171" s="6">
        <v>1318</v>
      </c>
      <c r="S171" s="6">
        <v>2880</v>
      </c>
      <c r="T171" s="6">
        <v>821</v>
      </c>
      <c r="U171" s="6">
        <v>627</v>
      </c>
      <c r="V171" s="6">
        <v>1432</v>
      </c>
      <c r="W171" s="6">
        <v>696</v>
      </c>
      <c r="X171" s="6">
        <v>12115</v>
      </c>
      <c r="Y171" s="6">
        <v>11600</v>
      </c>
      <c r="Z171" s="6">
        <v>192</v>
      </c>
      <c r="AA171" s="6">
        <v>171</v>
      </c>
      <c r="AB171" s="6">
        <v>152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96</v>
      </c>
      <c r="I172" s="9" t="s">
        <v>53</v>
      </c>
      <c r="J172" s="9" t="s">
        <v>30</v>
      </c>
      <c r="K172" s="6">
        <v>13733</v>
      </c>
      <c r="L172" s="6">
        <v>8691</v>
      </c>
      <c r="M172" s="6">
        <v>7731</v>
      </c>
      <c r="N172" s="6">
        <v>7351</v>
      </c>
      <c r="O172" s="6">
        <v>102</v>
      </c>
      <c r="P172" s="6">
        <v>142</v>
      </c>
      <c r="Q172" s="6">
        <v>136</v>
      </c>
      <c r="R172" s="6">
        <v>960</v>
      </c>
      <c r="S172" s="6">
        <v>4414</v>
      </c>
      <c r="T172" s="6">
        <v>304</v>
      </c>
      <c r="U172" s="6">
        <v>2686</v>
      </c>
      <c r="V172" s="6">
        <v>1424</v>
      </c>
      <c r="W172" s="6">
        <v>628</v>
      </c>
      <c r="X172" s="6">
        <v>6708</v>
      </c>
      <c r="Y172" s="6">
        <v>6403</v>
      </c>
      <c r="Z172" s="6">
        <v>61</v>
      </c>
      <c r="AA172" s="6">
        <v>141</v>
      </c>
      <c r="AB172" s="6">
        <v>103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96</v>
      </c>
      <c r="I173" s="9" t="s">
        <v>53</v>
      </c>
      <c r="J173" s="9" t="s">
        <v>31</v>
      </c>
      <c r="K173" s="6">
        <v>2962</v>
      </c>
      <c r="L173" s="6">
        <v>352</v>
      </c>
      <c r="M173" s="6">
        <v>320</v>
      </c>
      <c r="N173" s="6">
        <v>248</v>
      </c>
      <c r="O173" s="6">
        <v>3</v>
      </c>
      <c r="P173" s="6">
        <v>67</v>
      </c>
      <c r="Q173" s="6">
        <v>2</v>
      </c>
      <c r="R173" s="6">
        <v>32</v>
      </c>
      <c r="S173" s="6">
        <v>2441</v>
      </c>
      <c r="T173" s="6">
        <v>6</v>
      </c>
      <c r="U173" s="6">
        <v>2407</v>
      </c>
      <c r="V173" s="6">
        <v>28</v>
      </c>
      <c r="W173" s="6">
        <v>169</v>
      </c>
      <c r="X173" s="6">
        <v>308</v>
      </c>
      <c r="Y173" s="6">
        <v>236</v>
      </c>
      <c r="Z173" s="6">
        <v>3</v>
      </c>
      <c r="AA173" s="6">
        <v>67</v>
      </c>
      <c r="AB173" s="6">
        <v>2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96</v>
      </c>
      <c r="I174" s="9" t="s">
        <v>53</v>
      </c>
      <c r="J174" s="9" t="s">
        <v>32</v>
      </c>
      <c r="K174" s="6">
        <v>1790</v>
      </c>
      <c r="L174" s="6">
        <v>1348</v>
      </c>
      <c r="M174" s="6">
        <v>1240</v>
      </c>
      <c r="N174" s="6">
        <v>1150</v>
      </c>
      <c r="O174" s="6">
        <v>9</v>
      </c>
      <c r="P174" s="6">
        <v>65</v>
      </c>
      <c r="Q174" s="6">
        <v>16</v>
      </c>
      <c r="R174" s="6">
        <v>108</v>
      </c>
      <c r="S174" s="6">
        <v>320</v>
      </c>
      <c r="T174" s="6">
        <v>13</v>
      </c>
      <c r="U174" s="6">
        <v>263</v>
      </c>
      <c r="V174" s="6">
        <v>44</v>
      </c>
      <c r="W174" s="6">
        <v>122</v>
      </c>
      <c r="X174" s="6">
        <v>1146</v>
      </c>
      <c r="Y174" s="6">
        <v>1060</v>
      </c>
      <c r="Z174" s="6">
        <v>7</v>
      </c>
      <c r="AA174" s="6">
        <v>64</v>
      </c>
      <c r="AB174" s="6">
        <v>15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96</v>
      </c>
      <c r="I175" s="9" t="s">
        <v>53</v>
      </c>
      <c r="J175" s="9" t="s">
        <v>33</v>
      </c>
      <c r="K175" s="6">
        <v>1450</v>
      </c>
      <c r="L175" s="6">
        <v>1327</v>
      </c>
      <c r="M175" s="6">
        <v>1207</v>
      </c>
      <c r="N175" s="6">
        <v>1176</v>
      </c>
      <c r="O175" s="6">
        <v>14</v>
      </c>
      <c r="P175" s="6">
        <v>4</v>
      </c>
      <c r="Q175" s="6">
        <v>13</v>
      </c>
      <c r="R175" s="6">
        <v>120</v>
      </c>
      <c r="S175" s="6">
        <v>56</v>
      </c>
      <c r="T175" s="6">
        <v>9</v>
      </c>
      <c r="U175" s="6">
        <v>8</v>
      </c>
      <c r="V175" s="6">
        <v>39</v>
      </c>
      <c r="W175" s="6">
        <v>67</v>
      </c>
      <c r="X175" s="6">
        <v>1106</v>
      </c>
      <c r="Y175" s="6">
        <v>1080</v>
      </c>
      <c r="Z175" s="6">
        <v>11</v>
      </c>
      <c r="AA175" s="6">
        <v>4</v>
      </c>
      <c r="AB175" s="6">
        <v>11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96</v>
      </c>
      <c r="I176" s="9" t="s">
        <v>53</v>
      </c>
      <c r="J176" s="9" t="s">
        <v>34</v>
      </c>
      <c r="K176" s="6">
        <v>1181</v>
      </c>
      <c r="L176" s="6">
        <v>1059</v>
      </c>
      <c r="M176" s="6">
        <v>966</v>
      </c>
      <c r="N176" s="6">
        <v>943</v>
      </c>
      <c r="O176" s="6">
        <v>7</v>
      </c>
      <c r="P176" s="6">
        <v>4</v>
      </c>
      <c r="Q176" s="6">
        <v>12</v>
      </c>
      <c r="R176" s="6">
        <v>93</v>
      </c>
      <c r="S176" s="6">
        <v>76</v>
      </c>
      <c r="T176" s="6">
        <v>18</v>
      </c>
      <c r="U176" s="6">
        <v>5</v>
      </c>
      <c r="V176" s="6">
        <v>53</v>
      </c>
      <c r="W176" s="6">
        <v>46</v>
      </c>
      <c r="X176" s="6">
        <v>866</v>
      </c>
      <c r="Y176" s="6">
        <v>847</v>
      </c>
      <c r="Z176" s="6">
        <v>3</v>
      </c>
      <c r="AA176" s="6">
        <v>4</v>
      </c>
      <c r="AB176" s="6">
        <v>12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96</v>
      </c>
      <c r="I177" s="9" t="s">
        <v>53</v>
      </c>
      <c r="J177" s="9" t="s">
        <v>35</v>
      </c>
      <c r="K177" s="6">
        <v>1028</v>
      </c>
      <c r="L177" s="6">
        <v>919</v>
      </c>
      <c r="M177" s="6">
        <v>797</v>
      </c>
      <c r="N177" s="6">
        <v>780</v>
      </c>
      <c r="O177" s="6">
        <v>4</v>
      </c>
      <c r="P177" s="6">
        <v>1</v>
      </c>
      <c r="Q177" s="6">
        <v>12</v>
      </c>
      <c r="R177" s="6">
        <v>122</v>
      </c>
      <c r="S177" s="6">
        <v>66</v>
      </c>
      <c r="T177" s="6">
        <v>20</v>
      </c>
      <c r="U177" s="6">
        <v>1</v>
      </c>
      <c r="V177" s="6">
        <v>45</v>
      </c>
      <c r="W177" s="6">
        <v>43</v>
      </c>
      <c r="X177" s="6">
        <v>686</v>
      </c>
      <c r="Y177" s="6">
        <v>673</v>
      </c>
      <c r="Z177" s="6">
        <v>2</v>
      </c>
      <c r="AA177" s="6">
        <v>1</v>
      </c>
      <c r="AB177" s="6">
        <v>10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96</v>
      </c>
      <c r="I178" s="9" t="s">
        <v>53</v>
      </c>
      <c r="J178" s="9" t="s">
        <v>36</v>
      </c>
      <c r="K178" s="6">
        <v>947</v>
      </c>
      <c r="L178" s="6">
        <v>841</v>
      </c>
      <c r="M178" s="6">
        <v>735</v>
      </c>
      <c r="N178" s="6">
        <v>722</v>
      </c>
      <c r="O178" s="6">
        <v>7</v>
      </c>
      <c r="P178" s="10" t="s">
        <v>55</v>
      </c>
      <c r="Q178" s="6">
        <v>6</v>
      </c>
      <c r="R178" s="6">
        <v>106</v>
      </c>
      <c r="S178" s="6">
        <v>71</v>
      </c>
      <c r="T178" s="6">
        <v>12</v>
      </c>
      <c r="U178" s="6">
        <v>1</v>
      </c>
      <c r="V178" s="6">
        <v>58</v>
      </c>
      <c r="W178" s="6">
        <v>35</v>
      </c>
      <c r="X178" s="6">
        <v>630</v>
      </c>
      <c r="Y178" s="6">
        <v>619</v>
      </c>
      <c r="Z178" s="6">
        <v>6</v>
      </c>
      <c r="AA178" s="10" t="s">
        <v>55</v>
      </c>
      <c r="AB178" s="6">
        <v>5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96</v>
      </c>
      <c r="I179" s="9" t="s">
        <v>53</v>
      </c>
      <c r="J179" s="9" t="s">
        <v>37</v>
      </c>
      <c r="K179" s="6">
        <v>997</v>
      </c>
      <c r="L179" s="6">
        <v>847</v>
      </c>
      <c r="M179" s="6">
        <v>748</v>
      </c>
      <c r="N179" s="6">
        <v>732</v>
      </c>
      <c r="O179" s="6">
        <v>8</v>
      </c>
      <c r="P179" s="10" t="s">
        <v>55</v>
      </c>
      <c r="Q179" s="6">
        <v>8</v>
      </c>
      <c r="R179" s="6">
        <v>99</v>
      </c>
      <c r="S179" s="6">
        <v>115</v>
      </c>
      <c r="T179" s="6">
        <v>29</v>
      </c>
      <c r="U179" s="10" t="s">
        <v>55</v>
      </c>
      <c r="V179" s="6">
        <v>86</v>
      </c>
      <c r="W179" s="6">
        <v>35</v>
      </c>
      <c r="X179" s="6">
        <v>617</v>
      </c>
      <c r="Y179" s="6">
        <v>605</v>
      </c>
      <c r="Z179" s="6">
        <v>4</v>
      </c>
      <c r="AA179" s="10" t="s">
        <v>55</v>
      </c>
      <c r="AB179" s="6">
        <v>8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96</v>
      </c>
      <c r="I180" s="9" t="s">
        <v>53</v>
      </c>
      <c r="J180" s="9" t="s">
        <v>38</v>
      </c>
      <c r="K180" s="6">
        <v>863</v>
      </c>
      <c r="L180" s="6">
        <v>710</v>
      </c>
      <c r="M180" s="6">
        <v>609</v>
      </c>
      <c r="N180" s="6">
        <v>584</v>
      </c>
      <c r="O180" s="6">
        <v>10</v>
      </c>
      <c r="P180" s="10" t="s">
        <v>55</v>
      </c>
      <c r="Q180" s="6">
        <v>15</v>
      </c>
      <c r="R180" s="6">
        <v>101</v>
      </c>
      <c r="S180" s="6">
        <v>123</v>
      </c>
      <c r="T180" s="6">
        <v>27</v>
      </c>
      <c r="U180" s="10" t="s">
        <v>55</v>
      </c>
      <c r="V180" s="6">
        <v>96</v>
      </c>
      <c r="W180" s="6">
        <v>30</v>
      </c>
      <c r="X180" s="6">
        <v>508</v>
      </c>
      <c r="Y180" s="6">
        <v>495</v>
      </c>
      <c r="Z180" s="6">
        <v>4</v>
      </c>
      <c r="AA180" s="10" t="s">
        <v>55</v>
      </c>
      <c r="AB180" s="6">
        <v>9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96</v>
      </c>
      <c r="I181" s="9" t="s">
        <v>53</v>
      </c>
      <c r="J181" s="9" t="s">
        <v>39</v>
      </c>
      <c r="K181" s="6">
        <v>760</v>
      </c>
      <c r="L181" s="6">
        <v>585</v>
      </c>
      <c r="M181" s="6">
        <v>507</v>
      </c>
      <c r="N181" s="6">
        <v>478</v>
      </c>
      <c r="O181" s="6">
        <v>10</v>
      </c>
      <c r="P181" s="6">
        <v>1</v>
      </c>
      <c r="Q181" s="6">
        <v>18</v>
      </c>
      <c r="R181" s="6">
        <v>78</v>
      </c>
      <c r="S181" s="6">
        <v>147</v>
      </c>
      <c r="T181" s="6">
        <v>40</v>
      </c>
      <c r="U181" s="6">
        <v>1</v>
      </c>
      <c r="V181" s="6">
        <v>106</v>
      </c>
      <c r="W181" s="6">
        <v>28</v>
      </c>
      <c r="X181" s="6">
        <v>405</v>
      </c>
      <c r="Y181" s="6">
        <v>390</v>
      </c>
      <c r="Z181" s="6">
        <v>3</v>
      </c>
      <c r="AA181" s="6">
        <v>1</v>
      </c>
      <c r="AB181" s="6">
        <v>11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96</v>
      </c>
      <c r="I182" s="9" t="s">
        <v>53</v>
      </c>
      <c r="J182" s="9" t="s">
        <v>40</v>
      </c>
      <c r="K182" s="6">
        <v>687</v>
      </c>
      <c r="L182" s="6">
        <v>430</v>
      </c>
      <c r="M182" s="6">
        <v>370</v>
      </c>
      <c r="N182" s="6">
        <v>347</v>
      </c>
      <c r="O182" s="6">
        <v>14</v>
      </c>
      <c r="P182" s="10" t="s">
        <v>55</v>
      </c>
      <c r="Q182" s="6">
        <v>9</v>
      </c>
      <c r="R182" s="6">
        <v>60</v>
      </c>
      <c r="S182" s="6">
        <v>236</v>
      </c>
      <c r="T182" s="6">
        <v>47</v>
      </c>
      <c r="U182" s="10" t="s">
        <v>55</v>
      </c>
      <c r="V182" s="6">
        <v>189</v>
      </c>
      <c r="W182" s="6">
        <v>21</v>
      </c>
      <c r="X182" s="6">
        <v>283</v>
      </c>
      <c r="Y182" s="6">
        <v>271</v>
      </c>
      <c r="Z182" s="6">
        <v>8</v>
      </c>
      <c r="AA182" s="10" t="s">
        <v>55</v>
      </c>
      <c r="AB182" s="6">
        <v>4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96</v>
      </c>
      <c r="I183" s="9" t="s">
        <v>53</v>
      </c>
      <c r="J183" s="9" t="s">
        <v>41</v>
      </c>
      <c r="K183" s="6">
        <v>545</v>
      </c>
      <c r="L183" s="6">
        <v>187</v>
      </c>
      <c r="M183" s="6">
        <v>156</v>
      </c>
      <c r="N183" s="6">
        <v>129</v>
      </c>
      <c r="O183" s="6">
        <v>11</v>
      </c>
      <c r="P183" s="10" t="s">
        <v>55</v>
      </c>
      <c r="Q183" s="6">
        <v>16</v>
      </c>
      <c r="R183" s="6">
        <v>31</v>
      </c>
      <c r="S183" s="6">
        <v>343</v>
      </c>
      <c r="T183" s="6">
        <v>45</v>
      </c>
      <c r="U183" s="10" t="s">
        <v>55</v>
      </c>
      <c r="V183" s="6">
        <v>298</v>
      </c>
      <c r="W183" s="6">
        <v>15</v>
      </c>
      <c r="X183" s="6">
        <v>104</v>
      </c>
      <c r="Y183" s="6">
        <v>88</v>
      </c>
      <c r="Z183" s="6">
        <v>7</v>
      </c>
      <c r="AA183" s="10" t="s">
        <v>55</v>
      </c>
      <c r="AB183" s="6">
        <v>9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96</v>
      </c>
      <c r="I184" s="9" t="s">
        <v>53</v>
      </c>
      <c r="J184" s="9" t="s">
        <v>42</v>
      </c>
      <c r="K184" s="6">
        <v>336</v>
      </c>
      <c r="L184" s="6">
        <v>72</v>
      </c>
      <c r="M184" s="6">
        <v>63</v>
      </c>
      <c r="N184" s="6">
        <v>51</v>
      </c>
      <c r="O184" s="6">
        <v>4</v>
      </c>
      <c r="P184" s="10" t="s">
        <v>55</v>
      </c>
      <c r="Q184" s="6">
        <v>8</v>
      </c>
      <c r="R184" s="6">
        <v>9</v>
      </c>
      <c r="S184" s="6">
        <v>253</v>
      </c>
      <c r="T184" s="6">
        <v>31</v>
      </c>
      <c r="U184" s="10" t="s">
        <v>55</v>
      </c>
      <c r="V184" s="6">
        <v>222</v>
      </c>
      <c r="W184" s="6">
        <v>11</v>
      </c>
      <c r="X184" s="6">
        <v>41</v>
      </c>
      <c r="Y184" s="6">
        <v>31</v>
      </c>
      <c r="Z184" s="6">
        <v>3</v>
      </c>
      <c r="AA184" s="10" t="s">
        <v>55</v>
      </c>
      <c r="AB184" s="6">
        <v>7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96</v>
      </c>
      <c r="I185" s="9" t="s">
        <v>53</v>
      </c>
      <c r="J185" s="9" t="s">
        <v>43</v>
      </c>
      <c r="K185" s="6">
        <v>131</v>
      </c>
      <c r="L185" s="6">
        <v>11</v>
      </c>
      <c r="M185" s="6">
        <v>10</v>
      </c>
      <c r="N185" s="6">
        <v>8</v>
      </c>
      <c r="O185" s="6">
        <v>1</v>
      </c>
      <c r="P185" s="10" t="s">
        <v>55</v>
      </c>
      <c r="Q185" s="6">
        <v>1</v>
      </c>
      <c r="R185" s="6">
        <v>1</v>
      </c>
      <c r="S185" s="6">
        <v>115</v>
      </c>
      <c r="T185" s="6">
        <v>6</v>
      </c>
      <c r="U185" s="10" t="s">
        <v>55</v>
      </c>
      <c r="V185" s="6">
        <v>109</v>
      </c>
      <c r="W185" s="6">
        <v>5</v>
      </c>
      <c r="X185" s="6">
        <v>5</v>
      </c>
      <c r="Y185" s="6">
        <v>5</v>
      </c>
      <c r="Z185" s="10" t="s">
        <v>55</v>
      </c>
      <c r="AA185" s="10" t="s">
        <v>55</v>
      </c>
      <c r="AB185" s="10" t="s">
        <v>55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96</v>
      </c>
      <c r="I186" s="9" t="s">
        <v>53</v>
      </c>
      <c r="J186" s="9" t="s">
        <v>44</v>
      </c>
      <c r="K186" s="6">
        <v>34</v>
      </c>
      <c r="L186" s="10" t="s">
        <v>55</v>
      </c>
      <c r="M186" s="10" t="s">
        <v>55</v>
      </c>
      <c r="N186" s="10" t="s">
        <v>55</v>
      </c>
      <c r="O186" s="10" t="s">
        <v>55</v>
      </c>
      <c r="P186" s="10" t="s">
        <v>55</v>
      </c>
      <c r="Q186" s="10" t="s">
        <v>55</v>
      </c>
      <c r="R186" s="10" t="s">
        <v>55</v>
      </c>
      <c r="S186" s="6">
        <v>33</v>
      </c>
      <c r="T186" s="10" t="s">
        <v>55</v>
      </c>
      <c r="U186" s="10" t="s">
        <v>55</v>
      </c>
      <c r="V186" s="6">
        <v>33</v>
      </c>
      <c r="W186" s="6">
        <v>1</v>
      </c>
      <c r="X186" s="10" t="s">
        <v>55</v>
      </c>
      <c r="Y186" s="10" t="s">
        <v>55</v>
      </c>
      <c r="Z186" s="10" t="s">
        <v>55</v>
      </c>
      <c r="AA186" s="10" t="s">
        <v>55</v>
      </c>
      <c r="AB186" s="10" t="s">
        <v>55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96</v>
      </c>
      <c r="I187" s="9" t="s">
        <v>53</v>
      </c>
      <c r="J187" s="9" t="s">
        <v>45</v>
      </c>
      <c r="K187" s="6">
        <v>19</v>
      </c>
      <c r="L187" s="6">
        <v>2</v>
      </c>
      <c r="M187" s="6">
        <v>2</v>
      </c>
      <c r="N187" s="6">
        <v>2</v>
      </c>
      <c r="O187" s="10" t="s">
        <v>55</v>
      </c>
      <c r="P187" s="10" t="s">
        <v>55</v>
      </c>
      <c r="Q187" s="10" t="s">
        <v>55</v>
      </c>
      <c r="R187" s="10" t="s">
        <v>55</v>
      </c>
      <c r="S187" s="6">
        <v>17</v>
      </c>
      <c r="T187" s="6">
        <v>1</v>
      </c>
      <c r="U187" s="10" t="s">
        <v>55</v>
      </c>
      <c r="V187" s="6">
        <v>16</v>
      </c>
      <c r="W187" s="10" t="s">
        <v>55</v>
      </c>
      <c r="X187" s="6">
        <v>2</v>
      </c>
      <c r="Y187" s="6">
        <v>2</v>
      </c>
      <c r="Z187" s="10" t="s">
        <v>55</v>
      </c>
      <c r="AA187" s="10" t="s">
        <v>55</v>
      </c>
      <c r="AB187" s="10" t="s">
        <v>55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96</v>
      </c>
      <c r="I188" s="9" t="s">
        <v>53</v>
      </c>
      <c r="J188" s="9" t="s">
        <v>46</v>
      </c>
      <c r="K188" s="6">
        <v>3</v>
      </c>
      <c r="L188" s="6">
        <v>1</v>
      </c>
      <c r="M188" s="6">
        <v>1</v>
      </c>
      <c r="N188" s="6">
        <v>1</v>
      </c>
      <c r="O188" s="10" t="s">
        <v>55</v>
      </c>
      <c r="P188" s="10" t="s">
        <v>55</v>
      </c>
      <c r="Q188" s="10" t="s">
        <v>55</v>
      </c>
      <c r="R188" s="10" t="s">
        <v>55</v>
      </c>
      <c r="S188" s="6">
        <v>2</v>
      </c>
      <c r="T188" s="10" t="s">
        <v>55</v>
      </c>
      <c r="U188" s="10" t="s">
        <v>55</v>
      </c>
      <c r="V188" s="6">
        <v>2</v>
      </c>
      <c r="W188" s="10" t="s">
        <v>55</v>
      </c>
      <c r="X188" s="6">
        <v>1</v>
      </c>
      <c r="Y188" s="6">
        <v>1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96</v>
      </c>
      <c r="I189" s="9" t="s">
        <v>53</v>
      </c>
      <c r="J189" s="9" t="s">
        <v>47</v>
      </c>
      <c r="K189" s="10" t="s">
        <v>55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10" t="s">
        <v>55</v>
      </c>
      <c r="T189" s="10" t="s">
        <v>55</v>
      </c>
      <c r="U189" s="10" t="s">
        <v>55</v>
      </c>
      <c r="V189" s="10" t="s">
        <v>55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96</v>
      </c>
      <c r="I190" s="9" t="s">
        <v>53</v>
      </c>
      <c r="J190" s="9" t="s">
        <v>48</v>
      </c>
      <c r="K190" s="6">
        <v>12665</v>
      </c>
      <c r="L190" s="6">
        <v>8418</v>
      </c>
      <c r="M190" s="6">
        <v>7499</v>
      </c>
      <c r="N190" s="6">
        <v>7160</v>
      </c>
      <c r="O190" s="6">
        <v>86</v>
      </c>
      <c r="P190" s="6">
        <v>142</v>
      </c>
      <c r="Q190" s="6">
        <v>111</v>
      </c>
      <c r="R190" s="6">
        <v>919</v>
      </c>
      <c r="S190" s="6">
        <v>3651</v>
      </c>
      <c r="T190" s="6">
        <v>221</v>
      </c>
      <c r="U190" s="6">
        <v>2686</v>
      </c>
      <c r="V190" s="6">
        <v>744</v>
      </c>
      <c r="W190" s="6">
        <v>596</v>
      </c>
      <c r="X190" s="6">
        <v>6555</v>
      </c>
      <c r="Y190" s="6">
        <v>6276</v>
      </c>
      <c r="Z190" s="6">
        <v>51</v>
      </c>
      <c r="AA190" s="6">
        <v>141</v>
      </c>
      <c r="AB190" s="6">
        <v>87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96</v>
      </c>
      <c r="I191" s="9" t="s">
        <v>53</v>
      </c>
      <c r="J191" s="9" t="s">
        <v>49</v>
      </c>
      <c r="K191" s="6">
        <v>1068</v>
      </c>
      <c r="L191" s="6">
        <v>273</v>
      </c>
      <c r="M191" s="6">
        <v>232</v>
      </c>
      <c r="N191" s="6">
        <v>191</v>
      </c>
      <c r="O191" s="6">
        <v>16</v>
      </c>
      <c r="P191" s="10" t="s">
        <v>55</v>
      </c>
      <c r="Q191" s="6">
        <v>25</v>
      </c>
      <c r="R191" s="6">
        <v>41</v>
      </c>
      <c r="S191" s="6">
        <v>763</v>
      </c>
      <c r="T191" s="6">
        <v>83</v>
      </c>
      <c r="U191" s="10" t="s">
        <v>55</v>
      </c>
      <c r="V191" s="6">
        <v>680</v>
      </c>
      <c r="W191" s="6">
        <v>32</v>
      </c>
      <c r="X191" s="6">
        <v>153</v>
      </c>
      <c r="Y191" s="6">
        <v>127</v>
      </c>
      <c r="Z191" s="6">
        <v>10</v>
      </c>
      <c r="AA191" s="10" t="s">
        <v>55</v>
      </c>
      <c r="AB191" s="6">
        <v>16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96</v>
      </c>
      <c r="I192" s="9" t="s">
        <v>53</v>
      </c>
      <c r="J192" s="9" t="s">
        <v>50</v>
      </c>
      <c r="K192" s="6">
        <v>187</v>
      </c>
      <c r="L192" s="6">
        <v>14</v>
      </c>
      <c r="M192" s="6">
        <v>13</v>
      </c>
      <c r="N192" s="6">
        <v>11</v>
      </c>
      <c r="O192" s="6">
        <v>1</v>
      </c>
      <c r="P192" s="10" t="s">
        <v>55</v>
      </c>
      <c r="Q192" s="6">
        <v>1</v>
      </c>
      <c r="R192" s="6">
        <v>1</v>
      </c>
      <c r="S192" s="6">
        <v>167</v>
      </c>
      <c r="T192" s="6">
        <v>7</v>
      </c>
      <c r="U192" s="10" t="s">
        <v>55</v>
      </c>
      <c r="V192" s="6">
        <v>160</v>
      </c>
      <c r="W192" s="6">
        <v>6</v>
      </c>
      <c r="X192" s="6">
        <v>8</v>
      </c>
      <c r="Y192" s="6">
        <v>8</v>
      </c>
      <c r="Z192" s="10" t="s">
        <v>55</v>
      </c>
      <c r="AA192" s="10" t="s">
        <v>55</v>
      </c>
      <c r="AB192" s="10" t="s">
        <v>55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96</v>
      </c>
      <c r="I193" s="9" t="s">
        <v>53</v>
      </c>
      <c r="J193" s="9" t="s">
        <v>51</v>
      </c>
      <c r="K193" s="6">
        <v>22</v>
      </c>
      <c r="L193" s="6">
        <v>3</v>
      </c>
      <c r="M193" s="6">
        <v>3</v>
      </c>
      <c r="N193" s="6">
        <v>3</v>
      </c>
      <c r="O193" s="10" t="s">
        <v>55</v>
      </c>
      <c r="P193" s="10" t="s">
        <v>55</v>
      </c>
      <c r="Q193" s="10" t="s">
        <v>55</v>
      </c>
      <c r="R193" s="10" t="s">
        <v>55</v>
      </c>
      <c r="S193" s="6">
        <v>19</v>
      </c>
      <c r="T193" s="6">
        <v>1</v>
      </c>
      <c r="U193" s="10" t="s">
        <v>55</v>
      </c>
      <c r="V193" s="6">
        <v>18</v>
      </c>
      <c r="W193" s="10" t="s">
        <v>55</v>
      </c>
      <c r="X193" s="6">
        <v>3</v>
      </c>
      <c r="Y193" s="6">
        <v>3</v>
      </c>
      <c r="Z193" s="10" t="s">
        <v>55</v>
      </c>
      <c r="AA193" s="10" t="s">
        <v>55</v>
      </c>
      <c r="AB193" s="10" t="s">
        <v>55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96</v>
      </c>
      <c r="I194" s="9" t="s">
        <v>53</v>
      </c>
      <c r="J194" s="9" t="s">
        <v>52</v>
      </c>
      <c r="K194" s="6">
        <v>10248</v>
      </c>
      <c r="L194" s="6">
        <v>8253</v>
      </c>
      <c r="M194" s="6">
        <v>7335</v>
      </c>
      <c r="N194" s="6">
        <v>7041</v>
      </c>
      <c r="O194" s="6">
        <v>94</v>
      </c>
      <c r="P194" s="6">
        <v>75</v>
      </c>
      <c r="Q194" s="6">
        <v>125</v>
      </c>
      <c r="R194" s="6">
        <v>918</v>
      </c>
      <c r="S194" s="6">
        <v>1553</v>
      </c>
      <c r="T194" s="6">
        <v>260</v>
      </c>
      <c r="U194" s="6">
        <v>279</v>
      </c>
      <c r="V194" s="6">
        <v>1014</v>
      </c>
      <c r="W194" s="6">
        <v>442</v>
      </c>
      <c r="X194" s="6">
        <v>6351</v>
      </c>
      <c r="Y194" s="6">
        <v>6128</v>
      </c>
      <c r="Z194" s="6">
        <v>55</v>
      </c>
      <c r="AA194" s="6">
        <v>74</v>
      </c>
      <c r="AB194" s="6">
        <v>94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96</v>
      </c>
      <c r="I195" s="9" t="s">
        <v>54</v>
      </c>
      <c r="J195" s="9" t="s">
        <v>30</v>
      </c>
      <c r="K195" s="6">
        <v>11691</v>
      </c>
      <c r="L195" s="6">
        <v>6898</v>
      </c>
      <c r="M195" s="6">
        <v>6471</v>
      </c>
      <c r="N195" s="6">
        <v>5954</v>
      </c>
      <c r="O195" s="6">
        <v>229</v>
      </c>
      <c r="P195" s="6">
        <v>206</v>
      </c>
      <c r="Q195" s="6">
        <v>82</v>
      </c>
      <c r="R195" s="6">
        <v>427</v>
      </c>
      <c r="S195" s="6">
        <v>4361</v>
      </c>
      <c r="T195" s="6">
        <v>744</v>
      </c>
      <c r="U195" s="6">
        <v>2625</v>
      </c>
      <c r="V195" s="6">
        <v>992</v>
      </c>
      <c r="W195" s="6">
        <v>432</v>
      </c>
      <c r="X195" s="6">
        <v>6077</v>
      </c>
      <c r="Y195" s="6">
        <v>5647</v>
      </c>
      <c r="Z195" s="6">
        <v>157</v>
      </c>
      <c r="AA195" s="6">
        <v>206</v>
      </c>
      <c r="AB195" s="6">
        <v>67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96</v>
      </c>
      <c r="I196" s="9" t="s">
        <v>54</v>
      </c>
      <c r="J196" s="9" t="s">
        <v>31</v>
      </c>
      <c r="K196" s="6">
        <v>2770</v>
      </c>
      <c r="L196" s="6">
        <v>289</v>
      </c>
      <c r="M196" s="6">
        <v>268</v>
      </c>
      <c r="N196" s="6">
        <v>145</v>
      </c>
      <c r="O196" s="6">
        <v>8</v>
      </c>
      <c r="P196" s="6">
        <v>109</v>
      </c>
      <c r="Q196" s="6">
        <v>6</v>
      </c>
      <c r="R196" s="6">
        <v>21</v>
      </c>
      <c r="S196" s="6">
        <v>2313</v>
      </c>
      <c r="T196" s="6">
        <v>13</v>
      </c>
      <c r="U196" s="6">
        <v>2277</v>
      </c>
      <c r="V196" s="6">
        <v>23</v>
      </c>
      <c r="W196" s="6">
        <v>168</v>
      </c>
      <c r="X196" s="6">
        <v>265</v>
      </c>
      <c r="Y196" s="6">
        <v>143</v>
      </c>
      <c r="Z196" s="6">
        <v>8</v>
      </c>
      <c r="AA196" s="6">
        <v>109</v>
      </c>
      <c r="AB196" s="6">
        <v>5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96</v>
      </c>
      <c r="I197" s="9" t="s">
        <v>54</v>
      </c>
      <c r="J197" s="9" t="s">
        <v>32</v>
      </c>
      <c r="K197" s="6">
        <v>2036</v>
      </c>
      <c r="L197" s="6">
        <v>1540</v>
      </c>
      <c r="M197" s="6">
        <v>1448</v>
      </c>
      <c r="N197" s="6">
        <v>1321</v>
      </c>
      <c r="O197" s="6">
        <v>29</v>
      </c>
      <c r="P197" s="6">
        <v>84</v>
      </c>
      <c r="Q197" s="6">
        <v>14</v>
      </c>
      <c r="R197" s="6">
        <v>92</v>
      </c>
      <c r="S197" s="6">
        <v>403</v>
      </c>
      <c r="T197" s="6">
        <v>37</v>
      </c>
      <c r="U197" s="6">
        <v>333</v>
      </c>
      <c r="V197" s="6">
        <v>33</v>
      </c>
      <c r="W197" s="6">
        <v>93</v>
      </c>
      <c r="X197" s="6">
        <v>1419</v>
      </c>
      <c r="Y197" s="6">
        <v>1297</v>
      </c>
      <c r="Z197" s="6">
        <v>25</v>
      </c>
      <c r="AA197" s="6">
        <v>84</v>
      </c>
      <c r="AB197" s="6">
        <v>13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96</v>
      </c>
      <c r="I198" s="9" t="s">
        <v>54</v>
      </c>
      <c r="J198" s="9" t="s">
        <v>33</v>
      </c>
      <c r="K198" s="6">
        <v>1430</v>
      </c>
      <c r="L198" s="6">
        <v>1313</v>
      </c>
      <c r="M198" s="6">
        <v>1249</v>
      </c>
      <c r="N198" s="6">
        <v>1210</v>
      </c>
      <c r="O198" s="6">
        <v>22</v>
      </c>
      <c r="P198" s="6">
        <v>7</v>
      </c>
      <c r="Q198" s="6">
        <v>10</v>
      </c>
      <c r="R198" s="6">
        <v>64</v>
      </c>
      <c r="S198" s="6">
        <v>68</v>
      </c>
      <c r="T198" s="6">
        <v>37</v>
      </c>
      <c r="U198" s="6">
        <v>8</v>
      </c>
      <c r="V198" s="6">
        <v>23</v>
      </c>
      <c r="W198" s="6">
        <v>49</v>
      </c>
      <c r="X198" s="6">
        <v>1205</v>
      </c>
      <c r="Y198" s="6">
        <v>1173</v>
      </c>
      <c r="Z198" s="6">
        <v>17</v>
      </c>
      <c r="AA198" s="6">
        <v>7</v>
      </c>
      <c r="AB198" s="6">
        <v>8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96</v>
      </c>
      <c r="I199" s="9" t="s">
        <v>54</v>
      </c>
      <c r="J199" s="9" t="s">
        <v>34</v>
      </c>
      <c r="K199" s="6">
        <v>944</v>
      </c>
      <c r="L199" s="6">
        <v>839</v>
      </c>
      <c r="M199" s="6">
        <v>782</v>
      </c>
      <c r="N199" s="6">
        <v>750</v>
      </c>
      <c r="O199" s="6">
        <v>20</v>
      </c>
      <c r="P199" s="6">
        <v>3</v>
      </c>
      <c r="Q199" s="6">
        <v>9</v>
      </c>
      <c r="R199" s="6">
        <v>57</v>
      </c>
      <c r="S199" s="6">
        <v>74</v>
      </c>
      <c r="T199" s="6">
        <v>50</v>
      </c>
      <c r="U199" s="6">
        <v>2</v>
      </c>
      <c r="V199" s="6">
        <v>22</v>
      </c>
      <c r="W199" s="6">
        <v>31</v>
      </c>
      <c r="X199" s="6">
        <v>728</v>
      </c>
      <c r="Y199" s="6">
        <v>705</v>
      </c>
      <c r="Z199" s="6">
        <v>13</v>
      </c>
      <c r="AA199" s="6">
        <v>3</v>
      </c>
      <c r="AB199" s="6">
        <v>7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96</v>
      </c>
      <c r="I200" s="9" t="s">
        <v>54</v>
      </c>
      <c r="J200" s="9" t="s">
        <v>35</v>
      </c>
      <c r="K200" s="6">
        <v>770</v>
      </c>
      <c r="L200" s="6">
        <v>678</v>
      </c>
      <c r="M200" s="6">
        <v>638</v>
      </c>
      <c r="N200" s="6">
        <v>610</v>
      </c>
      <c r="O200" s="6">
        <v>18</v>
      </c>
      <c r="P200" s="6">
        <v>2</v>
      </c>
      <c r="Q200" s="6">
        <v>8</v>
      </c>
      <c r="R200" s="6">
        <v>40</v>
      </c>
      <c r="S200" s="6">
        <v>82</v>
      </c>
      <c r="T200" s="6">
        <v>56</v>
      </c>
      <c r="U200" s="6">
        <v>1</v>
      </c>
      <c r="V200" s="6">
        <v>25</v>
      </c>
      <c r="W200" s="6">
        <v>10</v>
      </c>
      <c r="X200" s="6">
        <v>591</v>
      </c>
      <c r="Y200" s="6">
        <v>572</v>
      </c>
      <c r="Z200" s="6">
        <v>9</v>
      </c>
      <c r="AA200" s="6">
        <v>2</v>
      </c>
      <c r="AB200" s="6">
        <v>8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96</v>
      </c>
      <c r="I201" s="9" t="s">
        <v>54</v>
      </c>
      <c r="J201" s="9" t="s">
        <v>36</v>
      </c>
      <c r="K201" s="6">
        <v>642</v>
      </c>
      <c r="L201" s="6">
        <v>541</v>
      </c>
      <c r="M201" s="6">
        <v>512</v>
      </c>
      <c r="N201" s="6">
        <v>486</v>
      </c>
      <c r="O201" s="6">
        <v>18</v>
      </c>
      <c r="P201" s="6">
        <v>1</v>
      </c>
      <c r="Q201" s="6">
        <v>7</v>
      </c>
      <c r="R201" s="6">
        <v>29</v>
      </c>
      <c r="S201" s="6">
        <v>78</v>
      </c>
      <c r="T201" s="6">
        <v>49</v>
      </c>
      <c r="U201" s="10" t="s">
        <v>55</v>
      </c>
      <c r="V201" s="6">
        <v>29</v>
      </c>
      <c r="W201" s="6">
        <v>23</v>
      </c>
      <c r="X201" s="6">
        <v>480</v>
      </c>
      <c r="Y201" s="6">
        <v>459</v>
      </c>
      <c r="Z201" s="6">
        <v>13</v>
      </c>
      <c r="AA201" s="6">
        <v>1</v>
      </c>
      <c r="AB201" s="6">
        <v>7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96</v>
      </c>
      <c r="I202" s="9" t="s">
        <v>54</v>
      </c>
      <c r="J202" s="9" t="s">
        <v>37</v>
      </c>
      <c r="K202" s="6">
        <v>678</v>
      </c>
      <c r="L202" s="6">
        <v>562</v>
      </c>
      <c r="M202" s="6">
        <v>518</v>
      </c>
      <c r="N202" s="6">
        <v>493</v>
      </c>
      <c r="O202" s="6">
        <v>20</v>
      </c>
      <c r="P202" s="10" t="s">
        <v>55</v>
      </c>
      <c r="Q202" s="6">
        <v>5</v>
      </c>
      <c r="R202" s="6">
        <v>44</v>
      </c>
      <c r="S202" s="6">
        <v>102</v>
      </c>
      <c r="T202" s="6">
        <v>59</v>
      </c>
      <c r="U202" s="6">
        <v>3</v>
      </c>
      <c r="V202" s="6">
        <v>40</v>
      </c>
      <c r="W202" s="6">
        <v>14</v>
      </c>
      <c r="X202" s="6">
        <v>479</v>
      </c>
      <c r="Y202" s="6">
        <v>462</v>
      </c>
      <c r="Z202" s="6">
        <v>13</v>
      </c>
      <c r="AA202" s="10" t="s">
        <v>55</v>
      </c>
      <c r="AB202" s="6">
        <v>4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96</v>
      </c>
      <c r="I203" s="9" t="s">
        <v>54</v>
      </c>
      <c r="J203" s="9" t="s">
        <v>38</v>
      </c>
      <c r="K203" s="6">
        <v>539</v>
      </c>
      <c r="L203" s="6">
        <v>419</v>
      </c>
      <c r="M203" s="6">
        <v>399</v>
      </c>
      <c r="N203" s="6">
        <v>374</v>
      </c>
      <c r="O203" s="6">
        <v>19</v>
      </c>
      <c r="P203" s="10" t="s">
        <v>55</v>
      </c>
      <c r="Q203" s="6">
        <v>6</v>
      </c>
      <c r="R203" s="6">
        <v>20</v>
      </c>
      <c r="S203" s="6">
        <v>108</v>
      </c>
      <c r="T203" s="6">
        <v>68</v>
      </c>
      <c r="U203" s="10" t="s">
        <v>55</v>
      </c>
      <c r="V203" s="6">
        <v>40</v>
      </c>
      <c r="W203" s="6">
        <v>12</v>
      </c>
      <c r="X203" s="6">
        <v>365</v>
      </c>
      <c r="Y203" s="6">
        <v>347</v>
      </c>
      <c r="Z203" s="6">
        <v>13</v>
      </c>
      <c r="AA203" s="10" t="s">
        <v>55</v>
      </c>
      <c r="AB203" s="6">
        <v>5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96</v>
      </c>
      <c r="I204" s="9" t="s">
        <v>54</v>
      </c>
      <c r="J204" s="9" t="s">
        <v>39</v>
      </c>
      <c r="K204" s="6">
        <v>454</v>
      </c>
      <c r="L204" s="6">
        <v>339</v>
      </c>
      <c r="M204" s="6">
        <v>312</v>
      </c>
      <c r="N204" s="6">
        <v>292</v>
      </c>
      <c r="O204" s="6">
        <v>17</v>
      </c>
      <c r="P204" s="10" t="s">
        <v>55</v>
      </c>
      <c r="Q204" s="6">
        <v>3</v>
      </c>
      <c r="R204" s="6">
        <v>27</v>
      </c>
      <c r="S204" s="6">
        <v>106</v>
      </c>
      <c r="T204" s="6">
        <v>65</v>
      </c>
      <c r="U204" s="6">
        <v>1</v>
      </c>
      <c r="V204" s="6">
        <v>40</v>
      </c>
      <c r="W204" s="6">
        <v>9</v>
      </c>
      <c r="X204" s="6">
        <v>278</v>
      </c>
      <c r="Y204" s="6">
        <v>267</v>
      </c>
      <c r="Z204" s="6">
        <v>10</v>
      </c>
      <c r="AA204" s="10" t="s">
        <v>55</v>
      </c>
      <c r="AB204" s="6">
        <v>1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96</v>
      </c>
      <c r="I205" s="9" t="s">
        <v>54</v>
      </c>
      <c r="J205" s="9" t="s">
        <v>40</v>
      </c>
      <c r="K205" s="6">
        <v>317</v>
      </c>
      <c r="L205" s="6">
        <v>192</v>
      </c>
      <c r="M205" s="6">
        <v>168</v>
      </c>
      <c r="N205" s="6">
        <v>150</v>
      </c>
      <c r="O205" s="6">
        <v>16</v>
      </c>
      <c r="P205" s="10" t="s">
        <v>55</v>
      </c>
      <c r="Q205" s="6">
        <v>2</v>
      </c>
      <c r="R205" s="6">
        <v>24</v>
      </c>
      <c r="S205" s="6">
        <v>114</v>
      </c>
      <c r="T205" s="6">
        <v>58</v>
      </c>
      <c r="U205" s="10" t="s">
        <v>55</v>
      </c>
      <c r="V205" s="6">
        <v>56</v>
      </c>
      <c r="W205" s="6">
        <v>11</v>
      </c>
      <c r="X205" s="6">
        <v>139</v>
      </c>
      <c r="Y205" s="6">
        <v>126</v>
      </c>
      <c r="Z205" s="6">
        <v>12</v>
      </c>
      <c r="AA205" s="10" t="s">
        <v>55</v>
      </c>
      <c r="AB205" s="6">
        <v>1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96</v>
      </c>
      <c r="I206" s="9" t="s">
        <v>54</v>
      </c>
      <c r="J206" s="9" t="s">
        <v>41</v>
      </c>
      <c r="K206" s="6">
        <v>297</v>
      </c>
      <c r="L206" s="6">
        <v>103</v>
      </c>
      <c r="M206" s="6">
        <v>100</v>
      </c>
      <c r="N206" s="6">
        <v>74</v>
      </c>
      <c r="O206" s="6">
        <v>19</v>
      </c>
      <c r="P206" s="10" t="s">
        <v>55</v>
      </c>
      <c r="Q206" s="6">
        <v>7</v>
      </c>
      <c r="R206" s="6">
        <v>3</v>
      </c>
      <c r="S206" s="6">
        <v>192</v>
      </c>
      <c r="T206" s="6">
        <v>82</v>
      </c>
      <c r="U206" s="10" t="s">
        <v>55</v>
      </c>
      <c r="V206" s="6">
        <v>110</v>
      </c>
      <c r="W206" s="6">
        <v>2</v>
      </c>
      <c r="X206" s="6">
        <v>80</v>
      </c>
      <c r="Y206" s="6">
        <v>64</v>
      </c>
      <c r="Z206" s="6">
        <v>12</v>
      </c>
      <c r="AA206" s="10" t="s">
        <v>55</v>
      </c>
      <c r="AB206" s="6">
        <v>4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96</v>
      </c>
      <c r="I207" s="9" t="s">
        <v>54</v>
      </c>
      <c r="J207" s="9" t="s">
        <v>42</v>
      </c>
      <c r="K207" s="6">
        <v>255</v>
      </c>
      <c r="L207" s="6">
        <v>54</v>
      </c>
      <c r="M207" s="6">
        <v>49</v>
      </c>
      <c r="N207" s="6">
        <v>34</v>
      </c>
      <c r="O207" s="6">
        <v>12</v>
      </c>
      <c r="P207" s="10" t="s">
        <v>55</v>
      </c>
      <c r="Q207" s="6">
        <v>3</v>
      </c>
      <c r="R207" s="6">
        <v>5</v>
      </c>
      <c r="S207" s="6">
        <v>198</v>
      </c>
      <c r="T207" s="6">
        <v>69</v>
      </c>
      <c r="U207" s="10" t="s">
        <v>55</v>
      </c>
      <c r="V207" s="6">
        <v>129</v>
      </c>
      <c r="W207" s="6">
        <v>3</v>
      </c>
      <c r="X207" s="6">
        <v>36</v>
      </c>
      <c r="Y207" s="6">
        <v>27</v>
      </c>
      <c r="Z207" s="6">
        <v>7</v>
      </c>
      <c r="AA207" s="10" t="s">
        <v>55</v>
      </c>
      <c r="AB207" s="6">
        <v>2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96</v>
      </c>
      <c r="I208" s="9" t="s">
        <v>54</v>
      </c>
      <c r="J208" s="9" t="s">
        <v>43</v>
      </c>
      <c r="K208" s="6">
        <v>208</v>
      </c>
      <c r="L208" s="6">
        <v>20</v>
      </c>
      <c r="M208" s="6">
        <v>19</v>
      </c>
      <c r="N208" s="6">
        <v>8</v>
      </c>
      <c r="O208" s="6">
        <v>9</v>
      </c>
      <c r="P208" s="10" t="s">
        <v>55</v>
      </c>
      <c r="Q208" s="6">
        <v>2</v>
      </c>
      <c r="R208" s="6">
        <v>1</v>
      </c>
      <c r="S208" s="6">
        <v>185</v>
      </c>
      <c r="T208" s="6">
        <v>50</v>
      </c>
      <c r="U208" s="10" t="s">
        <v>55</v>
      </c>
      <c r="V208" s="6">
        <v>135</v>
      </c>
      <c r="W208" s="6">
        <v>3</v>
      </c>
      <c r="X208" s="6">
        <v>10</v>
      </c>
      <c r="Y208" s="6">
        <v>3</v>
      </c>
      <c r="Z208" s="6">
        <v>5</v>
      </c>
      <c r="AA208" s="10" t="s">
        <v>55</v>
      </c>
      <c r="AB208" s="6">
        <v>2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96</v>
      </c>
      <c r="I209" s="9" t="s">
        <v>54</v>
      </c>
      <c r="J209" s="9" t="s">
        <v>44</v>
      </c>
      <c r="K209" s="6">
        <v>143</v>
      </c>
      <c r="L209" s="6">
        <v>2</v>
      </c>
      <c r="M209" s="6">
        <v>2</v>
      </c>
      <c r="N209" s="6">
        <v>2</v>
      </c>
      <c r="O209" s="10" t="s">
        <v>55</v>
      </c>
      <c r="P209" s="10" t="s">
        <v>55</v>
      </c>
      <c r="Q209" s="10" t="s">
        <v>55</v>
      </c>
      <c r="R209" s="10" t="s">
        <v>55</v>
      </c>
      <c r="S209" s="6">
        <v>140</v>
      </c>
      <c r="T209" s="6">
        <v>26</v>
      </c>
      <c r="U209" s="10" t="s">
        <v>55</v>
      </c>
      <c r="V209" s="6">
        <v>114</v>
      </c>
      <c r="W209" s="6">
        <v>1</v>
      </c>
      <c r="X209" s="10" t="s">
        <v>55</v>
      </c>
      <c r="Y209" s="10" t="s">
        <v>55</v>
      </c>
      <c r="Z209" s="10" t="s">
        <v>55</v>
      </c>
      <c r="AA209" s="10" t="s">
        <v>55</v>
      </c>
      <c r="AB209" s="10" t="s">
        <v>55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96</v>
      </c>
      <c r="I210" s="9" t="s">
        <v>54</v>
      </c>
      <c r="J210" s="9" t="s">
        <v>45</v>
      </c>
      <c r="K210" s="6">
        <v>118</v>
      </c>
      <c r="L210" s="6">
        <v>3</v>
      </c>
      <c r="M210" s="6">
        <v>3</v>
      </c>
      <c r="N210" s="6">
        <v>3</v>
      </c>
      <c r="O210" s="10" t="s">
        <v>55</v>
      </c>
      <c r="P210" s="10" t="s">
        <v>55</v>
      </c>
      <c r="Q210" s="10" t="s">
        <v>55</v>
      </c>
      <c r="R210" s="10" t="s">
        <v>55</v>
      </c>
      <c r="S210" s="6">
        <v>113</v>
      </c>
      <c r="T210" s="6">
        <v>18</v>
      </c>
      <c r="U210" s="10" t="s">
        <v>55</v>
      </c>
      <c r="V210" s="6">
        <v>95</v>
      </c>
      <c r="W210" s="6">
        <v>2</v>
      </c>
      <c r="X210" s="6">
        <v>2</v>
      </c>
      <c r="Y210" s="6">
        <v>2</v>
      </c>
      <c r="Z210" s="10" t="s">
        <v>55</v>
      </c>
      <c r="AA210" s="10" t="s">
        <v>55</v>
      </c>
      <c r="AB210" s="10" t="s">
        <v>55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96</v>
      </c>
      <c r="I211" s="9" t="s">
        <v>54</v>
      </c>
      <c r="J211" s="9" t="s">
        <v>46</v>
      </c>
      <c r="K211" s="6">
        <v>67</v>
      </c>
      <c r="L211" s="6">
        <v>4</v>
      </c>
      <c r="M211" s="6">
        <v>4</v>
      </c>
      <c r="N211" s="6">
        <v>2</v>
      </c>
      <c r="O211" s="6">
        <v>2</v>
      </c>
      <c r="P211" s="10" t="s">
        <v>55</v>
      </c>
      <c r="Q211" s="10" t="s">
        <v>55</v>
      </c>
      <c r="R211" s="10" t="s">
        <v>55</v>
      </c>
      <c r="S211" s="6">
        <v>62</v>
      </c>
      <c r="T211" s="6">
        <v>7</v>
      </c>
      <c r="U211" s="10" t="s">
        <v>55</v>
      </c>
      <c r="V211" s="6">
        <v>55</v>
      </c>
      <c r="W211" s="6">
        <v>1</v>
      </c>
      <c r="X211" s="10" t="s">
        <v>55</v>
      </c>
      <c r="Y211" s="10" t="s">
        <v>55</v>
      </c>
      <c r="Z211" s="10" t="s">
        <v>55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96</v>
      </c>
      <c r="I212" s="9" t="s">
        <v>54</v>
      </c>
      <c r="J212" s="9" t="s">
        <v>47</v>
      </c>
      <c r="K212" s="6">
        <v>23</v>
      </c>
      <c r="L212" s="10" t="s">
        <v>55</v>
      </c>
      <c r="M212" s="10" t="s">
        <v>55</v>
      </c>
      <c r="N212" s="10" t="s">
        <v>55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23</v>
      </c>
      <c r="T212" s="10" t="s">
        <v>55</v>
      </c>
      <c r="U212" s="10" t="s">
        <v>55</v>
      </c>
      <c r="V212" s="6">
        <v>23</v>
      </c>
      <c r="W212" s="10" t="s">
        <v>55</v>
      </c>
      <c r="X212" s="10" t="s">
        <v>55</v>
      </c>
      <c r="Y212" s="10" t="s">
        <v>55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96</v>
      </c>
      <c r="I213" s="9" t="s">
        <v>54</v>
      </c>
      <c r="J213" s="9" t="s">
        <v>48</v>
      </c>
      <c r="K213" s="6">
        <v>10580</v>
      </c>
      <c r="L213" s="6">
        <v>6712</v>
      </c>
      <c r="M213" s="6">
        <v>6294</v>
      </c>
      <c r="N213" s="6">
        <v>5831</v>
      </c>
      <c r="O213" s="6">
        <v>187</v>
      </c>
      <c r="P213" s="6">
        <v>206</v>
      </c>
      <c r="Q213" s="6">
        <v>70</v>
      </c>
      <c r="R213" s="6">
        <v>418</v>
      </c>
      <c r="S213" s="6">
        <v>3448</v>
      </c>
      <c r="T213" s="6">
        <v>492</v>
      </c>
      <c r="U213" s="6">
        <v>2625</v>
      </c>
      <c r="V213" s="6">
        <v>331</v>
      </c>
      <c r="W213" s="6">
        <v>420</v>
      </c>
      <c r="X213" s="6">
        <v>5949</v>
      </c>
      <c r="Y213" s="6">
        <v>5551</v>
      </c>
      <c r="Z213" s="6">
        <v>133</v>
      </c>
      <c r="AA213" s="6">
        <v>206</v>
      </c>
      <c r="AB213" s="6">
        <v>59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96</v>
      </c>
      <c r="I214" s="9" t="s">
        <v>54</v>
      </c>
      <c r="J214" s="9" t="s">
        <v>49</v>
      </c>
      <c r="K214" s="6">
        <v>1111</v>
      </c>
      <c r="L214" s="6">
        <v>186</v>
      </c>
      <c r="M214" s="6">
        <v>177</v>
      </c>
      <c r="N214" s="6">
        <v>123</v>
      </c>
      <c r="O214" s="6">
        <v>42</v>
      </c>
      <c r="P214" s="10" t="s">
        <v>55</v>
      </c>
      <c r="Q214" s="6">
        <v>12</v>
      </c>
      <c r="R214" s="6">
        <v>9</v>
      </c>
      <c r="S214" s="6">
        <v>913</v>
      </c>
      <c r="T214" s="6">
        <v>252</v>
      </c>
      <c r="U214" s="10" t="s">
        <v>55</v>
      </c>
      <c r="V214" s="6">
        <v>661</v>
      </c>
      <c r="W214" s="6">
        <v>12</v>
      </c>
      <c r="X214" s="6">
        <v>128</v>
      </c>
      <c r="Y214" s="6">
        <v>96</v>
      </c>
      <c r="Z214" s="6">
        <v>24</v>
      </c>
      <c r="AA214" s="10" t="s">
        <v>55</v>
      </c>
      <c r="AB214" s="6">
        <v>8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96</v>
      </c>
      <c r="I215" s="9" t="s">
        <v>54</v>
      </c>
      <c r="J215" s="9" t="s">
        <v>50</v>
      </c>
      <c r="K215" s="6">
        <v>559</v>
      </c>
      <c r="L215" s="6">
        <v>29</v>
      </c>
      <c r="M215" s="6">
        <v>28</v>
      </c>
      <c r="N215" s="6">
        <v>15</v>
      </c>
      <c r="O215" s="6">
        <v>11</v>
      </c>
      <c r="P215" s="10" t="s">
        <v>55</v>
      </c>
      <c r="Q215" s="6">
        <v>2</v>
      </c>
      <c r="R215" s="6">
        <v>1</v>
      </c>
      <c r="S215" s="6">
        <v>523</v>
      </c>
      <c r="T215" s="6">
        <v>101</v>
      </c>
      <c r="U215" s="10" t="s">
        <v>55</v>
      </c>
      <c r="V215" s="6">
        <v>422</v>
      </c>
      <c r="W215" s="6">
        <v>7</v>
      </c>
      <c r="X215" s="6">
        <v>12</v>
      </c>
      <c r="Y215" s="6">
        <v>5</v>
      </c>
      <c r="Z215" s="6">
        <v>5</v>
      </c>
      <c r="AA215" s="10" t="s">
        <v>55</v>
      </c>
      <c r="AB215" s="6">
        <v>2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96</v>
      </c>
      <c r="I216" s="9" t="s">
        <v>54</v>
      </c>
      <c r="J216" s="9" t="s">
        <v>51</v>
      </c>
      <c r="K216" s="6">
        <v>208</v>
      </c>
      <c r="L216" s="6">
        <v>7</v>
      </c>
      <c r="M216" s="6">
        <v>7</v>
      </c>
      <c r="N216" s="6">
        <v>5</v>
      </c>
      <c r="O216" s="6">
        <v>2</v>
      </c>
      <c r="P216" s="10" t="s">
        <v>55</v>
      </c>
      <c r="Q216" s="10" t="s">
        <v>55</v>
      </c>
      <c r="R216" s="10" t="s">
        <v>55</v>
      </c>
      <c r="S216" s="6">
        <v>198</v>
      </c>
      <c r="T216" s="6">
        <v>25</v>
      </c>
      <c r="U216" s="10" t="s">
        <v>55</v>
      </c>
      <c r="V216" s="6">
        <v>173</v>
      </c>
      <c r="W216" s="6">
        <v>3</v>
      </c>
      <c r="X216" s="6">
        <v>2</v>
      </c>
      <c r="Y216" s="6">
        <v>2</v>
      </c>
      <c r="Z216" s="10" t="s">
        <v>55</v>
      </c>
      <c r="AA216" s="10" t="s">
        <v>55</v>
      </c>
      <c r="AB216" s="10" t="s">
        <v>55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96</v>
      </c>
      <c r="I217" s="9" t="s">
        <v>54</v>
      </c>
      <c r="J217" s="9" t="s">
        <v>52</v>
      </c>
      <c r="K217" s="6">
        <v>8107</v>
      </c>
      <c r="L217" s="6">
        <v>6526</v>
      </c>
      <c r="M217" s="6">
        <v>6126</v>
      </c>
      <c r="N217" s="6">
        <v>5760</v>
      </c>
      <c r="O217" s="6">
        <v>198</v>
      </c>
      <c r="P217" s="6">
        <v>97</v>
      </c>
      <c r="Q217" s="6">
        <v>71</v>
      </c>
      <c r="R217" s="6">
        <v>400</v>
      </c>
      <c r="S217" s="6">
        <v>1327</v>
      </c>
      <c r="T217" s="6">
        <v>561</v>
      </c>
      <c r="U217" s="6">
        <v>348</v>
      </c>
      <c r="V217" s="6">
        <v>418</v>
      </c>
      <c r="W217" s="6">
        <v>254</v>
      </c>
      <c r="X217" s="6">
        <v>5764</v>
      </c>
      <c r="Y217" s="6">
        <v>5472</v>
      </c>
      <c r="Z217" s="6">
        <v>137</v>
      </c>
      <c r="AA217" s="6">
        <v>97</v>
      </c>
      <c r="AB217" s="6">
        <v>58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96</v>
      </c>
      <c r="I218" s="9" t="s">
        <v>6</v>
      </c>
      <c r="J218" s="9" t="s">
        <v>30</v>
      </c>
      <c r="K218" s="6">
        <v>20352</v>
      </c>
      <c r="L218" s="6">
        <v>12279</v>
      </c>
      <c r="M218" s="6">
        <v>11190</v>
      </c>
      <c r="N218" s="6">
        <v>10456</v>
      </c>
      <c r="O218" s="6">
        <v>260</v>
      </c>
      <c r="P218" s="6">
        <v>298</v>
      </c>
      <c r="Q218" s="6">
        <v>176</v>
      </c>
      <c r="R218" s="6">
        <v>1089</v>
      </c>
      <c r="S218" s="6">
        <v>7164</v>
      </c>
      <c r="T218" s="6">
        <v>803</v>
      </c>
      <c r="U218" s="6">
        <v>4400</v>
      </c>
      <c r="V218" s="6">
        <v>1961</v>
      </c>
      <c r="W218" s="6">
        <v>909</v>
      </c>
      <c r="X218" s="6">
        <v>10144</v>
      </c>
      <c r="Y218" s="6">
        <v>9530</v>
      </c>
      <c r="Z218" s="6">
        <v>178</v>
      </c>
      <c r="AA218" s="6">
        <v>297</v>
      </c>
      <c r="AB218" s="6">
        <v>139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96</v>
      </c>
      <c r="I219" s="9" t="s">
        <v>6</v>
      </c>
      <c r="J219" s="9" t="s">
        <v>31</v>
      </c>
      <c r="K219" s="6">
        <v>4744</v>
      </c>
      <c r="L219" s="6">
        <v>525</v>
      </c>
      <c r="M219" s="6">
        <v>481</v>
      </c>
      <c r="N219" s="6">
        <v>311</v>
      </c>
      <c r="O219" s="6">
        <v>11</v>
      </c>
      <c r="P219" s="6">
        <v>153</v>
      </c>
      <c r="Q219" s="6">
        <v>6</v>
      </c>
      <c r="R219" s="6">
        <v>44</v>
      </c>
      <c r="S219" s="6">
        <v>3928</v>
      </c>
      <c r="T219" s="6">
        <v>15</v>
      </c>
      <c r="U219" s="6">
        <v>3868</v>
      </c>
      <c r="V219" s="6">
        <v>45</v>
      </c>
      <c r="W219" s="6">
        <v>291</v>
      </c>
      <c r="X219" s="6">
        <v>469</v>
      </c>
      <c r="Y219" s="6">
        <v>300</v>
      </c>
      <c r="Z219" s="6">
        <v>11</v>
      </c>
      <c r="AA219" s="6">
        <v>153</v>
      </c>
      <c r="AB219" s="6">
        <v>5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96</v>
      </c>
      <c r="I220" s="9" t="s">
        <v>6</v>
      </c>
      <c r="J220" s="9" t="s">
        <v>32</v>
      </c>
      <c r="K220" s="6">
        <v>3089</v>
      </c>
      <c r="L220" s="6">
        <v>2285</v>
      </c>
      <c r="M220" s="6">
        <v>2131</v>
      </c>
      <c r="N220" s="6">
        <v>1948</v>
      </c>
      <c r="O220" s="6">
        <v>32</v>
      </c>
      <c r="P220" s="6">
        <v>124</v>
      </c>
      <c r="Q220" s="6">
        <v>27</v>
      </c>
      <c r="R220" s="6">
        <v>154</v>
      </c>
      <c r="S220" s="6">
        <v>617</v>
      </c>
      <c r="T220" s="6">
        <v>43</v>
      </c>
      <c r="U220" s="6">
        <v>505</v>
      </c>
      <c r="V220" s="6">
        <v>69</v>
      </c>
      <c r="W220" s="6">
        <v>187</v>
      </c>
      <c r="X220" s="6">
        <v>2037</v>
      </c>
      <c r="Y220" s="6">
        <v>1860</v>
      </c>
      <c r="Z220" s="6">
        <v>28</v>
      </c>
      <c r="AA220" s="6">
        <v>123</v>
      </c>
      <c r="AB220" s="6">
        <v>26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96</v>
      </c>
      <c r="I221" s="9" t="s">
        <v>6</v>
      </c>
      <c r="J221" s="9" t="s">
        <v>33</v>
      </c>
      <c r="K221" s="6">
        <v>2353</v>
      </c>
      <c r="L221" s="6">
        <v>2151</v>
      </c>
      <c r="M221" s="6">
        <v>2001</v>
      </c>
      <c r="N221" s="6">
        <v>1938</v>
      </c>
      <c r="O221" s="6">
        <v>32</v>
      </c>
      <c r="P221" s="6">
        <v>9</v>
      </c>
      <c r="Q221" s="6">
        <v>22</v>
      </c>
      <c r="R221" s="6">
        <v>150</v>
      </c>
      <c r="S221" s="6">
        <v>102</v>
      </c>
      <c r="T221" s="6">
        <v>38</v>
      </c>
      <c r="U221" s="6">
        <v>13</v>
      </c>
      <c r="V221" s="6">
        <v>51</v>
      </c>
      <c r="W221" s="6">
        <v>100</v>
      </c>
      <c r="X221" s="6">
        <v>1890</v>
      </c>
      <c r="Y221" s="6">
        <v>1839</v>
      </c>
      <c r="Z221" s="6">
        <v>24</v>
      </c>
      <c r="AA221" s="6">
        <v>9</v>
      </c>
      <c r="AB221" s="6">
        <v>18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96</v>
      </c>
      <c r="I222" s="9" t="s">
        <v>6</v>
      </c>
      <c r="J222" s="9" t="s">
        <v>34</v>
      </c>
      <c r="K222" s="6">
        <v>1702</v>
      </c>
      <c r="L222" s="6">
        <v>1505</v>
      </c>
      <c r="M222" s="6">
        <v>1381</v>
      </c>
      <c r="N222" s="6">
        <v>1334</v>
      </c>
      <c r="O222" s="6">
        <v>24</v>
      </c>
      <c r="P222" s="6">
        <v>7</v>
      </c>
      <c r="Q222" s="6">
        <v>16</v>
      </c>
      <c r="R222" s="6">
        <v>124</v>
      </c>
      <c r="S222" s="6">
        <v>129</v>
      </c>
      <c r="T222" s="6">
        <v>60</v>
      </c>
      <c r="U222" s="6">
        <v>7</v>
      </c>
      <c r="V222" s="6">
        <v>62</v>
      </c>
      <c r="W222" s="6">
        <v>68</v>
      </c>
      <c r="X222" s="6">
        <v>1255</v>
      </c>
      <c r="Y222" s="6">
        <v>1220</v>
      </c>
      <c r="Z222" s="6">
        <v>14</v>
      </c>
      <c r="AA222" s="6">
        <v>7</v>
      </c>
      <c r="AB222" s="6">
        <v>14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96</v>
      </c>
      <c r="I223" s="9" t="s">
        <v>6</v>
      </c>
      <c r="J223" s="9" t="s">
        <v>35</v>
      </c>
      <c r="K223" s="6">
        <v>1418</v>
      </c>
      <c r="L223" s="6">
        <v>1256</v>
      </c>
      <c r="M223" s="6">
        <v>1133</v>
      </c>
      <c r="N223" s="6">
        <v>1096</v>
      </c>
      <c r="O223" s="6">
        <v>19</v>
      </c>
      <c r="P223" s="6">
        <v>3</v>
      </c>
      <c r="Q223" s="6">
        <v>15</v>
      </c>
      <c r="R223" s="6">
        <v>123</v>
      </c>
      <c r="S223" s="6">
        <v>118</v>
      </c>
      <c r="T223" s="6">
        <v>54</v>
      </c>
      <c r="U223" s="6">
        <v>1</v>
      </c>
      <c r="V223" s="6">
        <v>63</v>
      </c>
      <c r="W223" s="6">
        <v>44</v>
      </c>
      <c r="X223" s="6">
        <v>1021</v>
      </c>
      <c r="Y223" s="6">
        <v>993</v>
      </c>
      <c r="Z223" s="6">
        <v>11</v>
      </c>
      <c r="AA223" s="6">
        <v>3</v>
      </c>
      <c r="AB223" s="6">
        <v>14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96</v>
      </c>
      <c r="I224" s="9" t="s">
        <v>6</v>
      </c>
      <c r="J224" s="9" t="s">
        <v>36</v>
      </c>
      <c r="K224" s="6">
        <v>1249</v>
      </c>
      <c r="L224" s="6">
        <v>1081</v>
      </c>
      <c r="M224" s="6">
        <v>970</v>
      </c>
      <c r="N224" s="6">
        <v>940</v>
      </c>
      <c r="O224" s="6">
        <v>18</v>
      </c>
      <c r="P224" s="6">
        <v>1</v>
      </c>
      <c r="Q224" s="6">
        <v>11</v>
      </c>
      <c r="R224" s="6">
        <v>111</v>
      </c>
      <c r="S224" s="6">
        <v>118</v>
      </c>
      <c r="T224" s="6">
        <v>47</v>
      </c>
      <c r="U224" s="6">
        <v>1</v>
      </c>
      <c r="V224" s="6">
        <v>70</v>
      </c>
      <c r="W224" s="6">
        <v>50</v>
      </c>
      <c r="X224" s="6">
        <v>868</v>
      </c>
      <c r="Y224" s="6">
        <v>842</v>
      </c>
      <c r="Z224" s="6">
        <v>14</v>
      </c>
      <c r="AA224" s="6">
        <v>1</v>
      </c>
      <c r="AB224" s="6">
        <v>11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96</v>
      </c>
      <c r="I225" s="9" t="s">
        <v>6</v>
      </c>
      <c r="J225" s="9" t="s">
        <v>37</v>
      </c>
      <c r="K225" s="6">
        <v>1318</v>
      </c>
      <c r="L225" s="6">
        <v>1105</v>
      </c>
      <c r="M225" s="6">
        <v>998</v>
      </c>
      <c r="N225" s="6">
        <v>966</v>
      </c>
      <c r="O225" s="6">
        <v>23</v>
      </c>
      <c r="P225" s="10" t="s">
        <v>55</v>
      </c>
      <c r="Q225" s="6">
        <v>9</v>
      </c>
      <c r="R225" s="6">
        <v>107</v>
      </c>
      <c r="S225" s="6">
        <v>172</v>
      </c>
      <c r="T225" s="6">
        <v>66</v>
      </c>
      <c r="U225" s="6">
        <v>3</v>
      </c>
      <c r="V225" s="6">
        <v>103</v>
      </c>
      <c r="W225" s="6">
        <v>41</v>
      </c>
      <c r="X225" s="6">
        <v>876</v>
      </c>
      <c r="Y225" s="6">
        <v>854</v>
      </c>
      <c r="Z225" s="6">
        <v>14</v>
      </c>
      <c r="AA225" s="10" t="s">
        <v>55</v>
      </c>
      <c r="AB225" s="6">
        <v>8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96</v>
      </c>
      <c r="I226" s="9" t="s">
        <v>6</v>
      </c>
      <c r="J226" s="9" t="s">
        <v>38</v>
      </c>
      <c r="K226" s="6">
        <v>1095</v>
      </c>
      <c r="L226" s="6">
        <v>874</v>
      </c>
      <c r="M226" s="6">
        <v>780</v>
      </c>
      <c r="N226" s="6">
        <v>740</v>
      </c>
      <c r="O226" s="6">
        <v>22</v>
      </c>
      <c r="P226" s="10" t="s">
        <v>55</v>
      </c>
      <c r="Q226" s="6">
        <v>18</v>
      </c>
      <c r="R226" s="6">
        <v>94</v>
      </c>
      <c r="S226" s="6">
        <v>187</v>
      </c>
      <c r="T226" s="6">
        <v>69</v>
      </c>
      <c r="U226" s="10" t="s">
        <v>55</v>
      </c>
      <c r="V226" s="6">
        <v>118</v>
      </c>
      <c r="W226" s="6">
        <v>34</v>
      </c>
      <c r="X226" s="6">
        <v>679</v>
      </c>
      <c r="Y226" s="6">
        <v>654</v>
      </c>
      <c r="Z226" s="6">
        <v>12</v>
      </c>
      <c r="AA226" s="10" t="s">
        <v>55</v>
      </c>
      <c r="AB226" s="6">
        <v>13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96</v>
      </c>
      <c r="I227" s="9" t="s">
        <v>6</v>
      </c>
      <c r="J227" s="9" t="s">
        <v>39</v>
      </c>
      <c r="K227" s="6">
        <v>920</v>
      </c>
      <c r="L227" s="6">
        <v>682</v>
      </c>
      <c r="M227" s="6">
        <v>600</v>
      </c>
      <c r="N227" s="6">
        <v>569</v>
      </c>
      <c r="O227" s="6">
        <v>14</v>
      </c>
      <c r="P227" s="6">
        <v>1</v>
      </c>
      <c r="Q227" s="6">
        <v>16</v>
      </c>
      <c r="R227" s="6">
        <v>82</v>
      </c>
      <c r="S227" s="6">
        <v>205</v>
      </c>
      <c r="T227" s="6">
        <v>86</v>
      </c>
      <c r="U227" s="6">
        <v>2</v>
      </c>
      <c r="V227" s="6">
        <v>117</v>
      </c>
      <c r="W227" s="6">
        <v>33</v>
      </c>
      <c r="X227" s="6">
        <v>512</v>
      </c>
      <c r="Y227" s="6">
        <v>493</v>
      </c>
      <c r="Z227" s="6">
        <v>9</v>
      </c>
      <c r="AA227" s="6">
        <v>1</v>
      </c>
      <c r="AB227" s="6">
        <v>9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96</v>
      </c>
      <c r="I228" s="9" t="s">
        <v>6</v>
      </c>
      <c r="J228" s="9" t="s">
        <v>40</v>
      </c>
      <c r="K228" s="6">
        <v>756</v>
      </c>
      <c r="L228" s="6">
        <v>460</v>
      </c>
      <c r="M228" s="6">
        <v>399</v>
      </c>
      <c r="N228" s="6">
        <v>365</v>
      </c>
      <c r="O228" s="6">
        <v>26</v>
      </c>
      <c r="P228" s="10" t="s">
        <v>55</v>
      </c>
      <c r="Q228" s="6">
        <v>8</v>
      </c>
      <c r="R228" s="6">
        <v>61</v>
      </c>
      <c r="S228" s="6">
        <v>268</v>
      </c>
      <c r="T228" s="6">
        <v>75</v>
      </c>
      <c r="U228" s="10" t="s">
        <v>55</v>
      </c>
      <c r="V228" s="6">
        <v>193</v>
      </c>
      <c r="W228" s="6">
        <v>28</v>
      </c>
      <c r="X228" s="6">
        <v>316</v>
      </c>
      <c r="Y228" s="6">
        <v>294</v>
      </c>
      <c r="Z228" s="6">
        <v>18</v>
      </c>
      <c r="AA228" s="10" t="s">
        <v>55</v>
      </c>
      <c r="AB228" s="6">
        <v>4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96</v>
      </c>
      <c r="I229" s="9" t="s">
        <v>6</v>
      </c>
      <c r="J229" s="9" t="s">
        <v>41</v>
      </c>
      <c r="K229" s="6">
        <v>636</v>
      </c>
      <c r="L229" s="6">
        <v>215</v>
      </c>
      <c r="M229" s="6">
        <v>188</v>
      </c>
      <c r="N229" s="6">
        <v>154</v>
      </c>
      <c r="O229" s="6">
        <v>18</v>
      </c>
      <c r="P229" s="10" t="s">
        <v>55</v>
      </c>
      <c r="Q229" s="6">
        <v>16</v>
      </c>
      <c r="R229" s="6">
        <v>27</v>
      </c>
      <c r="S229" s="6">
        <v>410</v>
      </c>
      <c r="T229" s="6">
        <v>89</v>
      </c>
      <c r="U229" s="10" t="s">
        <v>55</v>
      </c>
      <c r="V229" s="6">
        <v>321</v>
      </c>
      <c r="W229" s="6">
        <v>11</v>
      </c>
      <c r="X229" s="6">
        <v>138</v>
      </c>
      <c r="Y229" s="6">
        <v>119</v>
      </c>
      <c r="Z229" s="6">
        <v>11</v>
      </c>
      <c r="AA229" s="10" t="s">
        <v>55</v>
      </c>
      <c r="AB229" s="6">
        <v>8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96</v>
      </c>
      <c r="I230" s="9" t="s">
        <v>6</v>
      </c>
      <c r="J230" s="9" t="s">
        <v>42</v>
      </c>
      <c r="K230" s="6">
        <v>479</v>
      </c>
      <c r="L230" s="6">
        <v>104</v>
      </c>
      <c r="M230" s="6">
        <v>93</v>
      </c>
      <c r="N230" s="6">
        <v>72</v>
      </c>
      <c r="O230" s="6">
        <v>12</v>
      </c>
      <c r="P230" s="10" t="s">
        <v>55</v>
      </c>
      <c r="Q230" s="6">
        <v>9</v>
      </c>
      <c r="R230" s="6">
        <v>11</v>
      </c>
      <c r="S230" s="6">
        <v>361</v>
      </c>
      <c r="T230" s="6">
        <v>82</v>
      </c>
      <c r="U230" s="10" t="s">
        <v>55</v>
      </c>
      <c r="V230" s="6">
        <v>279</v>
      </c>
      <c r="W230" s="6">
        <v>14</v>
      </c>
      <c r="X230" s="6">
        <v>64</v>
      </c>
      <c r="Y230" s="6">
        <v>49</v>
      </c>
      <c r="Z230" s="6">
        <v>8</v>
      </c>
      <c r="AA230" s="10" t="s">
        <v>55</v>
      </c>
      <c r="AB230" s="6">
        <v>7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96</v>
      </c>
      <c r="I231" s="9" t="s">
        <v>6</v>
      </c>
      <c r="J231" s="9" t="s">
        <v>43</v>
      </c>
      <c r="K231" s="6">
        <v>257</v>
      </c>
      <c r="L231" s="6">
        <v>26</v>
      </c>
      <c r="M231" s="6">
        <v>25</v>
      </c>
      <c r="N231" s="6">
        <v>15</v>
      </c>
      <c r="O231" s="6">
        <v>7</v>
      </c>
      <c r="P231" s="10" t="s">
        <v>55</v>
      </c>
      <c r="Q231" s="6">
        <v>3</v>
      </c>
      <c r="R231" s="6">
        <v>1</v>
      </c>
      <c r="S231" s="6">
        <v>226</v>
      </c>
      <c r="T231" s="6">
        <v>40</v>
      </c>
      <c r="U231" s="10" t="s">
        <v>55</v>
      </c>
      <c r="V231" s="6">
        <v>186</v>
      </c>
      <c r="W231" s="6">
        <v>5</v>
      </c>
      <c r="X231" s="6">
        <v>14</v>
      </c>
      <c r="Y231" s="6">
        <v>8</v>
      </c>
      <c r="Z231" s="6">
        <v>4</v>
      </c>
      <c r="AA231" s="10" t="s">
        <v>55</v>
      </c>
      <c r="AB231" s="6">
        <v>2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96</v>
      </c>
      <c r="I232" s="9" t="s">
        <v>6</v>
      </c>
      <c r="J232" s="9" t="s">
        <v>44</v>
      </c>
      <c r="K232" s="6">
        <v>143</v>
      </c>
      <c r="L232" s="6">
        <v>1</v>
      </c>
      <c r="M232" s="6">
        <v>1</v>
      </c>
      <c r="N232" s="6">
        <v>1</v>
      </c>
      <c r="O232" s="10" t="s">
        <v>55</v>
      </c>
      <c r="P232" s="10" t="s">
        <v>55</v>
      </c>
      <c r="Q232" s="10" t="s">
        <v>55</v>
      </c>
      <c r="R232" s="10" t="s">
        <v>55</v>
      </c>
      <c r="S232" s="6">
        <v>141</v>
      </c>
      <c r="T232" s="6">
        <v>18</v>
      </c>
      <c r="U232" s="10" t="s">
        <v>55</v>
      </c>
      <c r="V232" s="6">
        <v>123</v>
      </c>
      <c r="W232" s="6">
        <v>1</v>
      </c>
      <c r="X232" s="10" t="s">
        <v>55</v>
      </c>
      <c r="Y232" s="10" t="s">
        <v>55</v>
      </c>
      <c r="Z232" s="10" t="s">
        <v>55</v>
      </c>
      <c r="AA232" s="10" t="s">
        <v>55</v>
      </c>
      <c r="AB232" s="10" t="s">
        <v>55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96</v>
      </c>
      <c r="I233" s="9" t="s">
        <v>6</v>
      </c>
      <c r="J233" s="9" t="s">
        <v>45</v>
      </c>
      <c r="K233" s="6">
        <v>115</v>
      </c>
      <c r="L233" s="6">
        <v>4</v>
      </c>
      <c r="M233" s="6">
        <v>4</v>
      </c>
      <c r="N233" s="6">
        <v>4</v>
      </c>
      <c r="O233" s="10" t="s">
        <v>55</v>
      </c>
      <c r="P233" s="10" t="s">
        <v>55</v>
      </c>
      <c r="Q233" s="10" t="s">
        <v>55</v>
      </c>
      <c r="R233" s="10" t="s">
        <v>55</v>
      </c>
      <c r="S233" s="6">
        <v>110</v>
      </c>
      <c r="T233" s="6">
        <v>15</v>
      </c>
      <c r="U233" s="10" t="s">
        <v>55</v>
      </c>
      <c r="V233" s="6">
        <v>95</v>
      </c>
      <c r="W233" s="6">
        <v>1</v>
      </c>
      <c r="X233" s="6">
        <v>4</v>
      </c>
      <c r="Y233" s="6">
        <v>4</v>
      </c>
      <c r="Z233" s="10" t="s">
        <v>55</v>
      </c>
      <c r="AA233" s="10" t="s">
        <v>55</v>
      </c>
      <c r="AB233" s="10" t="s">
        <v>55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96</v>
      </c>
      <c r="I234" s="9" t="s">
        <v>6</v>
      </c>
      <c r="J234" s="9" t="s">
        <v>46</v>
      </c>
      <c r="K234" s="6">
        <v>60</v>
      </c>
      <c r="L234" s="6">
        <v>5</v>
      </c>
      <c r="M234" s="6">
        <v>5</v>
      </c>
      <c r="N234" s="6">
        <v>3</v>
      </c>
      <c r="O234" s="6">
        <v>2</v>
      </c>
      <c r="P234" s="10" t="s">
        <v>55</v>
      </c>
      <c r="Q234" s="10" t="s">
        <v>55</v>
      </c>
      <c r="R234" s="10" t="s">
        <v>55</v>
      </c>
      <c r="S234" s="6">
        <v>54</v>
      </c>
      <c r="T234" s="6">
        <v>6</v>
      </c>
      <c r="U234" s="10" t="s">
        <v>55</v>
      </c>
      <c r="V234" s="6">
        <v>48</v>
      </c>
      <c r="W234" s="6">
        <v>1</v>
      </c>
      <c r="X234" s="6">
        <v>1</v>
      </c>
      <c r="Y234" s="6">
        <v>1</v>
      </c>
      <c r="Z234" s="10" t="s">
        <v>55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96</v>
      </c>
      <c r="I235" s="9" t="s">
        <v>6</v>
      </c>
      <c r="J235" s="9" t="s">
        <v>47</v>
      </c>
      <c r="K235" s="6">
        <v>18</v>
      </c>
      <c r="L235" s="10" t="s">
        <v>55</v>
      </c>
      <c r="M235" s="10" t="s">
        <v>55</v>
      </c>
      <c r="N235" s="10" t="s">
        <v>55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18</v>
      </c>
      <c r="T235" s="10" t="s">
        <v>55</v>
      </c>
      <c r="U235" s="10" t="s">
        <v>55</v>
      </c>
      <c r="V235" s="6">
        <v>18</v>
      </c>
      <c r="W235" s="10" t="s">
        <v>55</v>
      </c>
      <c r="X235" s="10" t="s">
        <v>55</v>
      </c>
      <c r="Y235" s="10" t="s">
        <v>55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96</v>
      </c>
      <c r="I236" s="9" t="s">
        <v>6</v>
      </c>
      <c r="J236" s="9" t="s">
        <v>48</v>
      </c>
      <c r="K236" s="6">
        <v>18644</v>
      </c>
      <c r="L236" s="6">
        <v>11924</v>
      </c>
      <c r="M236" s="6">
        <v>10874</v>
      </c>
      <c r="N236" s="6">
        <v>10207</v>
      </c>
      <c r="O236" s="6">
        <v>221</v>
      </c>
      <c r="P236" s="6">
        <v>298</v>
      </c>
      <c r="Q236" s="6">
        <v>148</v>
      </c>
      <c r="R236" s="6">
        <v>1050</v>
      </c>
      <c r="S236" s="6">
        <v>5844</v>
      </c>
      <c r="T236" s="6">
        <v>553</v>
      </c>
      <c r="U236" s="6">
        <v>4400</v>
      </c>
      <c r="V236" s="6">
        <v>891</v>
      </c>
      <c r="W236" s="6">
        <v>876</v>
      </c>
      <c r="X236" s="6">
        <v>9923</v>
      </c>
      <c r="Y236" s="6">
        <v>9349</v>
      </c>
      <c r="Z236" s="6">
        <v>155</v>
      </c>
      <c r="AA236" s="6">
        <v>297</v>
      </c>
      <c r="AB236" s="6">
        <v>122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96</v>
      </c>
      <c r="I237" s="9" t="s">
        <v>6</v>
      </c>
      <c r="J237" s="9" t="s">
        <v>49</v>
      </c>
      <c r="K237" s="6">
        <v>1708</v>
      </c>
      <c r="L237" s="6">
        <v>355</v>
      </c>
      <c r="M237" s="6">
        <v>316</v>
      </c>
      <c r="N237" s="6">
        <v>249</v>
      </c>
      <c r="O237" s="6">
        <v>39</v>
      </c>
      <c r="P237" s="10" t="s">
        <v>55</v>
      </c>
      <c r="Q237" s="6">
        <v>28</v>
      </c>
      <c r="R237" s="6">
        <v>39</v>
      </c>
      <c r="S237" s="6">
        <v>1320</v>
      </c>
      <c r="T237" s="6">
        <v>250</v>
      </c>
      <c r="U237" s="10" t="s">
        <v>55</v>
      </c>
      <c r="V237" s="6">
        <v>1070</v>
      </c>
      <c r="W237" s="6">
        <v>33</v>
      </c>
      <c r="X237" s="6">
        <v>221</v>
      </c>
      <c r="Y237" s="6">
        <v>181</v>
      </c>
      <c r="Z237" s="6">
        <v>23</v>
      </c>
      <c r="AA237" s="10" t="s">
        <v>55</v>
      </c>
      <c r="AB237" s="6">
        <v>17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96</v>
      </c>
      <c r="I238" s="9" t="s">
        <v>6</v>
      </c>
      <c r="J238" s="9" t="s">
        <v>50</v>
      </c>
      <c r="K238" s="6">
        <v>593</v>
      </c>
      <c r="L238" s="6">
        <v>36</v>
      </c>
      <c r="M238" s="6">
        <v>35</v>
      </c>
      <c r="N238" s="6">
        <v>23</v>
      </c>
      <c r="O238" s="6">
        <v>9</v>
      </c>
      <c r="P238" s="10" t="s">
        <v>55</v>
      </c>
      <c r="Q238" s="6">
        <v>3</v>
      </c>
      <c r="R238" s="6">
        <v>1</v>
      </c>
      <c r="S238" s="6">
        <v>549</v>
      </c>
      <c r="T238" s="6">
        <v>79</v>
      </c>
      <c r="U238" s="10" t="s">
        <v>55</v>
      </c>
      <c r="V238" s="6">
        <v>470</v>
      </c>
      <c r="W238" s="6">
        <v>8</v>
      </c>
      <c r="X238" s="6">
        <v>19</v>
      </c>
      <c r="Y238" s="6">
        <v>13</v>
      </c>
      <c r="Z238" s="6">
        <v>4</v>
      </c>
      <c r="AA238" s="10" t="s">
        <v>55</v>
      </c>
      <c r="AB238" s="6">
        <v>2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96</v>
      </c>
      <c r="I239" s="9" t="s">
        <v>6</v>
      </c>
      <c r="J239" s="9" t="s">
        <v>51</v>
      </c>
      <c r="K239" s="6">
        <v>193</v>
      </c>
      <c r="L239" s="6">
        <v>9</v>
      </c>
      <c r="M239" s="6">
        <v>9</v>
      </c>
      <c r="N239" s="6">
        <v>7</v>
      </c>
      <c r="O239" s="6">
        <v>2</v>
      </c>
      <c r="P239" s="10" t="s">
        <v>55</v>
      </c>
      <c r="Q239" s="10" t="s">
        <v>55</v>
      </c>
      <c r="R239" s="10" t="s">
        <v>55</v>
      </c>
      <c r="S239" s="6">
        <v>182</v>
      </c>
      <c r="T239" s="6">
        <v>21</v>
      </c>
      <c r="U239" s="10" t="s">
        <v>55</v>
      </c>
      <c r="V239" s="6">
        <v>161</v>
      </c>
      <c r="W239" s="6">
        <v>2</v>
      </c>
      <c r="X239" s="6">
        <v>5</v>
      </c>
      <c r="Y239" s="6">
        <v>5</v>
      </c>
      <c r="Z239" s="10" t="s">
        <v>55</v>
      </c>
      <c r="AA239" s="10" t="s">
        <v>55</v>
      </c>
      <c r="AB239" s="10" t="s">
        <v>55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96</v>
      </c>
      <c r="I240" s="9" t="s">
        <v>6</v>
      </c>
      <c r="J240" s="9" t="s">
        <v>52</v>
      </c>
      <c r="K240" s="6">
        <v>14536</v>
      </c>
      <c r="L240" s="6">
        <v>11614</v>
      </c>
      <c r="M240" s="6">
        <v>10581</v>
      </c>
      <c r="N240" s="6">
        <v>10050</v>
      </c>
      <c r="O240" s="6">
        <v>228</v>
      </c>
      <c r="P240" s="6">
        <v>145</v>
      </c>
      <c r="Q240" s="6">
        <v>158</v>
      </c>
      <c r="R240" s="6">
        <v>1033</v>
      </c>
      <c r="S240" s="6">
        <v>2326</v>
      </c>
      <c r="T240" s="6">
        <v>627</v>
      </c>
      <c r="U240" s="6">
        <v>532</v>
      </c>
      <c r="V240" s="6">
        <v>1167</v>
      </c>
      <c r="W240" s="6">
        <v>596</v>
      </c>
      <c r="X240" s="6">
        <v>9592</v>
      </c>
      <c r="Y240" s="6">
        <v>9168</v>
      </c>
      <c r="Z240" s="6">
        <v>155</v>
      </c>
      <c r="AA240" s="6">
        <v>144</v>
      </c>
      <c r="AB240" s="6">
        <v>125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96</v>
      </c>
      <c r="I241" s="9" t="s">
        <v>53</v>
      </c>
      <c r="J241" s="9" t="s">
        <v>30</v>
      </c>
      <c r="K241" s="6">
        <v>10904</v>
      </c>
      <c r="L241" s="6">
        <v>6779</v>
      </c>
      <c r="M241" s="6">
        <v>6029</v>
      </c>
      <c r="N241" s="6">
        <v>5734</v>
      </c>
      <c r="O241" s="6">
        <v>71</v>
      </c>
      <c r="P241" s="6">
        <v>120</v>
      </c>
      <c r="Q241" s="6">
        <v>104</v>
      </c>
      <c r="R241" s="6">
        <v>750</v>
      </c>
      <c r="S241" s="6">
        <v>3586</v>
      </c>
      <c r="T241" s="6">
        <v>216</v>
      </c>
      <c r="U241" s="6">
        <v>2240</v>
      </c>
      <c r="V241" s="6">
        <v>1130</v>
      </c>
      <c r="W241" s="6">
        <v>539</v>
      </c>
      <c r="X241" s="6">
        <v>5297</v>
      </c>
      <c r="Y241" s="6">
        <v>5051</v>
      </c>
      <c r="Z241" s="6">
        <v>45</v>
      </c>
      <c r="AA241" s="6">
        <v>119</v>
      </c>
      <c r="AB241" s="6">
        <v>82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96</v>
      </c>
      <c r="I242" s="9" t="s">
        <v>53</v>
      </c>
      <c r="J242" s="9" t="s">
        <v>31</v>
      </c>
      <c r="K242" s="6">
        <v>2455</v>
      </c>
      <c r="L242" s="6">
        <v>285</v>
      </c>
      <c r="M242" s="6">
        <v>259</v>
      </c>
      <c r="N242" s="6">
        <v>195</v>
      </c>
      <c r="O242" s="6">
        <v>3</v>
      </c>
      <c r="P242" s="6">
        <v>59</v>
      </c>
      <c r="Q242" s="6">
        <v>2</v>
      </c>
      <c r="R242" s="6">
        <v>26</v>
      </c>
      <c r="S242" s="6">
        <v>2026</v>
      </c>
      <c r="T242" s="6">
        <v>4</v>
      </c>
      <c r="U242" s="6">
        <v>2000</v>
      </c>
      <c r="V242" s="6">
        <v>22</v>
      </c>
      <c r="W242" s="6">
        <v>144</v>
      </c>
      <c r="X242" s="6">
        <v>249</v>
      </c>
      <c r="Y242" s="6">
        <v>185</v>
      </c>
      <c r="Z242" s="6">
        <v>3</v>
      </c>
      <c r="AA242" s="6">
        <v>59</v>
      </c>
      <c r="AB242" s="6">
        <v>2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96</v>
      </c>
      <c r="I243" s="9" t="s">
        <v>53</v>
      </c>
      <c r="J243" s="9" t="s">
        <v>32</v>
      </c>
      <c r="K243" s="6">
        <v>1466</v>
      </c>
      <c r="L243" s="6">
        <v>1082</v>
      </c>
      <c r="M243" s="6">
        <v>999</v>
      </c>
      <c r="N243" s="6">
        <v>927</v>
      </c>
      <c r="O243" s="6">
        <v>6</v>
      </c>
      <c r="P243" s="6">
        <v>52</v>
      </c>
      <c r="Q243" s="6">
        <v>14</v>
      </c>
      <c r="R243" s="6">
        <v>83</v>
      </c>
      <c r="S243" s="6">
        <v>277</v>
      </c>
      <c r="T243" s="6">
        <v>12</v>
      </c>
      <c r="U243" s="6">
        <v>225</v>
      </c>
      <c r="V243" s="6">
        <v>40</v>
      </c>
      <c r="W243" s="6">
        <v>107</v>
      </c>
      <c r="X243" s="6">
        <v>925</v>
      </c>
      <c r="Y243" s="6">
        <v>855</v>
      </c>
      <c r="Z243" s="6">
        <v>5</v>
      </c>
      <c r="AA243" s="6">
        <v>51</v>
      </c>
      <c r="AB243" s="6">
        <v>14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96</v>
      </c>
      <c r="I244" s="9" t="s">
        <v>53</v>
      </c>
      <c r="J244" s="9" t="s">
        <v>33</v>
      </c>
      <c r="K244" s="6">
        <v>1177</v>
      </c>
      <c r="L244" s="6">
        <v>1072</v>
      </c>
      <c r="M244" s="6">
        <v>974</v>
      </c>
      <c r="N244" s="6">
        <v>948</v>
      </c>
      <c r="O244" s="6">
        <v>11</v>
      </c>
      <c r="P244" s="6">
        <v>3</v>
      </c>
      <c r="Q244" s="6">
        <v>12</v>
      </c>
      <c r="R244" s="6">
        <v>98</v>
      </c>
      <c r="S244" s="6">
        <v>46</v>
      </c>
      <c r="T244" s="6">
        <v>6</v>
      </c>
      <c r="U244" s="6">
        <v>7</v>
      </c>
      <c r="V244" s="6">
        <v>33</v>
      </c>
      <c r="W244" s="6">
        <v>59</v>
      </c>
      <c r="X244" s="6">
        <v>896</v>
      </c>
      <c r="Y244" s="6">
        <v>875</v>
      </c>
      <c r="Z244" s="6">
        <v>8</v>
      </c>
      <c r="AA244" s="6">
        <v>3</v>
      </c>
      <c r="AB244" s="6">
        <v>10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96</v>
      </c>
      <c r="I245" s="9" t="s">
        <v>53</v>
      </c>
      <c r="J245" s="9" t="s">
        <v>34</v>
      </c>
      <c r="K245" s="6">
        <v>947</v>
      </c>
      <c r="L245" s="6">
        <v>839</v>
      </c>
      <c r="M245" s="6">
        <v>764</v>
      </c>
      <c r="N245" s="6">
        <v>745</v>
      </c>
      <c r="O245" s="6">
        <v>6</v>
      </c>
      <c r="P245" s="6">
        <v>4</v>
      </c>
      <c r="Q245" s="6">
        <v>9</v>
      </c>
      <c r="R245" s="6">
        <v>75</v>
      </c>
      <c r="S245" s="6">
        <v>65</v>
      </c>
      <c r="T245" s="6">
        <v>15</v>
      </c>
      <c r="U245" s="6">
        <v>5</v>
      </c>
      <c r="V245" s="6">
        <v>45</v>
      </c>
      <c r="W245" s="6">
        <v>43</v>
      </c>
      <c r="X245" s="6">
        <v>684</v>
      </c>
      <c r="Y245" s="6">
        <v>669</v>
      </c>
      <c r="Z245" s="6">
        <v>2</v>
      </c>
      <c r="AA245" s="6">
        <v>4</v>
      </c>
      <c r="AB245" s="6">
        <v>9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96</v>
      </c>
      <c r="I246" s="9" t="s">
        <v>53</v>
      </c>
      <c r="J246" s="9" t="s">
        <v>35</v>
      </c>
      <c r="K246" s="6">
        <v>808</v>
      </c>
      <c r="L246" s="6">
        <v>716</v>
      </c>
      <c r="M246" s="6">
        <v>627</v>
      </c>
      <c r="N246" s="6">
        <v>613</v>
      </c>
      <c r="O246" s="6">
        <v>3</v>
      </c>
      <c r="P246" s="6">
        <v>1</v>
      </c>
      <c r="Q246" s="6">
        <v>10</v>
      </c>
      <c r="R246" s="6">
        <v>89</v>
      </c>
      <c r="S246" s="6">
        <v>55</v>
      </c>
      <c r="T246" s="6">
        <v>13</v>
      </c>
      <c r="U246" s="6">
        <v>1</v>
      </c>
      <c r="V246" s="6">
        <v>41</v>
      </c>
      <c r="W246" s="6">
        <v>37</v>
      </c>
      <c r="X246" s="6">
        <v>552</v>
      </c>
      <c r="Y246" s="6">
        <v>540</v>
      </c>
      <c r="Z246" s="6">
        <v>2</v>
      </c>
      <c r="AA246" s="6">
        <v>1</v>
      </c>
      <c r="AB246" s="6">
        <v>9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96</v>
      </c>
      <c r="I247" s="9" t="s">
        <v>53</v>
      </c>
      <c r="J247" s="9" t="s">
        <v>36</v>
      </c>
      <c r="K247" s="6">
        <v>746</v>
      </c>
      <c r="L247" s="6">
        <v>657</v>
      </c>
      <c r="M247" s="6">
        <v>571</v>
      </c>
      <c r="N247" s="6">
        <v>562</v>
      </c>
      <c r="O247" s="6">
        <v>5</v>
      </c>
      <c r="P247" s="10" t="s">
        <v>55</v>
      </c>
      <c r="Q247" s="6">
        <v>4</v>
      </c>
      <c r="R247" s="6">
        <v>86</v>
      </c>
      <c r="S247" s="6">
        <v>58</v>
      </c>
      <c r="T247" s="6">
        <v>9</v>
      </c>
      <c r="U247" s="6">
        <v>1</v>
      </c>
      <c r="V247" s="6">
        <v>48</v>
      </c>
      <c r="W247" s="6">
        <v>31</v>
      </c>
      <c r="X247" s="6">
        <v>494</v>
      </c>
      <c r="Y247" s="6">
        <v>486</v>
      </c>
      <c r="Z247" s="6">
        <v>4</v>
      </c>
      <c r="AA247" s="10" t="s">
        <v>55</v>
      </c>
      <c r="AB247" s="6">
        <v>4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96</v>
      </c>
      <c r="I248" s="9" t="s">
        <v>53</v>
      </c>
      <c r="J248" s="9" t="s">
        <v>37</v>
      </c>
      <c r="K248" s="6">
        <v>783</v>
      </c>
      <c r="L248" s="6">
        <v>666</v>
      </c>
      <c r="M248" s="6">
        <v>592</v>
      </c>
      <c r="N248" s="6">
        <v>583</v>
      </c>
      <c r="O248" s="6">
        <v>5</v>
      </c>
      <c r="P248" s="10" t="s">
        <v>55</v>
      </c>
      <c r="Q248" s="6">
        <v>4</v>
      </c>
      <c r="R248" s="6">
        <v>74</v>
      </c>
      <c r="S248" s="6">
        <v>88</v>
      </c>
      <c r="T248" s="6">
        <v>23</v>
      </c>
      <c r="U248" s="10" t="s">
        <v>55</v>
      </c>
      <c r="V248" s="6">
        <v>65</v>
      </c>
      <c r="W248" s="6">
        <v>29</v>
      </c>
      <c r="X248" s="6">
        <v>504</v>
      </c>
      <c r="Y248" s="6">
        <v>497</v>
      </c>
      <c r="Z248" s="6">
        <v>3</v>
      </c>
      <c r="AA248" s="10" t="s">
        <v>55</v>
      </c>
      <c r="AB248" s="6">
        <v>4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96</v>
      </c>
      <c r="I249" s="9" t="s">
        <v>53</v>
      </c>
      <c r="J249" s="9" t="s">
        <v>38</v>
      </c>
      <c r="K249" s="6">
        <v>654</v>
      </c>
      <c r="L249" s="6">
        <v>531</v>
      </c>
      <c r="M249" s="6">
        <v>453</v>
      </c>
      <c r="N249" s="6">
        <v>435</v>
      </c>
      <c r="O249" s="6">
        <v>6</v>
      </c>
      <c r="P249" s="10" t="s">
        <v>55</v>
      </c>
      <c r="Q249" s="6">
        <v>12</v>
      </c>
      <c r="R249" s="6">
        <v>78</v>
      </c>
      <c r="S249" s="6">
        <v>99</v>
      </c>
      <c r="T249" s="6">
        <v>18</v>
      </c>
      <c r="U249" s="10" t="s">
        <v>55</v>
      </c>
      <c r="V249" s="6">
        <v>81</v>
      </c>
      <c r="W249" s="6">
        <v>24</v>
      </c>
      <c r="X249" s="6">
        <v>380</v>
      </c>
      <c r="Y249" s="6">
        <v>370</v>
      </c>
      <c r="Z249" s="6">
        <v>2</v>
      </c>
      <c r="AA249" s="10" t="s">
        <v>55</v>
      </c>
      <c r="AB249" s="6">
        <v>8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96</v>
      </c>
      <c r="I250" s="9" t="s">
        <v>53</v>
      </c>
      <c r="J250" s="9" t="s">
        <v>39</v>
      </c>
      <c r="K250" s="6">
        <v>552</v>
      </c>
      <c r="L250" s="6">
        <v>416</v>
      </c>
      <c r="M250" s="6">
        <v>355</v>
      </c>
      <c r="N250" s="6">
        <v>337</v>
      </c>
      <c r="O250" s="6">
        <v>4</v>
      </c>
      <c r="P250" s="6">
        <v>1</v>
      </c>
      <c r="Q250" s="6">
        <v>13</v>
      </c>
      <c r="R250" s="6">
        <v>61</v>
      </c>
      <c r="S250" s="6">
        <v>112</v>
      </c>
      <c r="T250" s="6">
        <v>30</v>
      </c>
      <c r="U250" s="6">
        <v>1</v>
      </c>
      <c r="V250" s="6">
        <v>81</v>
      </c>
      <c r="W250" s="6">
        <v>24</v>
      </c>
      <c r="X250" s="6">
        <v>293</v>
      </c>
      <c r="Y250" s="6">
        <v>282</v>
      </c>
      <c r="Z250" s="6">
        <v>2</v>
      </c>
      <c r="AA250" s="6">
        <v>1</v>
      </c>
      <c r="AB250" s="6">
        <v>8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96</v>
      </c>
      <c r="I251" s="9" t="s">
        <v>53</v>
      </c>
      <c r="J251" s="9" t="s">
        <v>40</v>
      </c>
      <c r="K251" s="6">
        <v>498</v>
      </c>
      <c r="L251" s="6">
        <v>308</v>
      </c>
      <c r="M251" s="6">
        <v>260</v>
      </c>
      <c r="N251" s="6">
        <v>242</v>
      </c>
      <c r="O251" s="6">
        <v>12</v>
      </c>
      <c r="P251" s="10" t="s">
        <v>55</v>
      </c>
      <c r="Q251" s="6">
        <v>6</v>
      </c>
      <c r="R251" s="6">
        <v>48</v>
      </c>
      <c r="S251" s="6">
        <v>173</v>
      </c>
      <c r="T251" s="6">
        <v>29</v>
      </c>
      <c r="U251" s="10" t="s">
        <v>55</v>
      </c>
      <c r="V251" s="6">
        <v>144</v>
      </c>
      <c r="W251" s="6">
        <v>17</v>
      </c>
      <c r="X251" s="6">
        <v>202</v>
      </c>
      <c r="Y251" s="6">
        <v>192</v>
      </c>
      <c r="Z251" s="6">
        <v>7</v>
      </c>
      <c r="AA251" s="10" t="s">
        <v>55</v>
      </c>
      <c r="AB251" s="6">
        <v>3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96</v>
      </c>
      <c r="I252" s="9" t="s">
        <v>53</v>
      </c>
      <c r="J252" s="9" t="s">
        <v>41</v>
      </c>
      <c r="K252" s="6">
        <v>407</v>
      </c>
      <c r="L252" s="6">
        <v>135</v>
      </c>
      <c r="M252" s="6">
        <v>110</v>
      </c>
      <c r="N252" s="6">
        <v>92</v>
      </c>
      <c r="O252" s="6">
        <v>8</v>
      </c>
      <c r="P252" s="10" t="s">
        <v>55</v>
      </c>
      <c r="Q252" s="6">
        <v>10</v>
      </c>
      <c r="R252" s="6">
        <v>25</v>
      </c>
      <c r="S252" s="6">
        <v>262</v>
      </c>
      <c r="T252" s="6">
        <v>31</v>
      </c>
      <c r="U252" s="10" t="s">
        <v>55</v>
      </c>
      <c r="V252" s="6">
        <v>231</v>
      </c>
      <c r="W252" s="6">
        <v>10</v>
      </c>
      <c r="X252" s="6">
        <v>75</v>
      </c>
      <c r="Y252" s="6">
        <v>65</v>
      </c>
      <c r="Z252" s="6">
        <v>5</v>
      </c>
      <c r="AA252" s="10" t="s">
        <v>55</v>
      </c>
      <c r="AB252" s="6">
        <v>5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96</v>
      </c>
      <c r="I253" s="9" t="s">
        <v>53</v>
      </c>
      <c r="J253" s="9" t="s">
        <v>42</v>
      </c>
      <c r="K253" s="6">
        <v>265</v>
      </c>
      <c r="L253" s="6">
        <v>59</v>
      </c>
      <c r="M253" s="6">
        <v>53</v>
      </c>
      <c r="N253" s="6">
        <v>44</v>
      </c>
      <c r="O253" s="6">
        <v>2</v>
      </c>
      <c r="P253" s="10" t="s">
        <v>55</v>
      </c>
      <c r="Q253" s="6">
        <v>7</v>
      </c>
      <c r="R253" s="6">
        <v>6</v>
      </c>
      <c r="S253" s="6">
        <v>195</v>
      </c>
      <c r="T253" s="6">
        <v>21</v>
      </c>
      <c r="U253" s="10" t="s">
        <v>55</v>
      </c>
      <c r="V253" s="6">
        <v>174</v>
      </c>
      <c r="W253" s="6">
        <v>11</v>
      </c>
      <c r="X253" s="6">
        <v>35</v>
      </c>
      <c r="Y253" s="6">
        <v>27</v>
      </c>
      <c r="Z253" s="6">
        <v>2</v>
      </c>
      <c r="AA253" s="10" t="s">
        <v>55</v>
      </c>
      <c r="AB253" s="6">
        <v>6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96</v>
      </c>
      <c r="I254" s="9" t="s">
        <v>53</v>
      </c>
      <c r="J254" s="9" t="s">
        <v>43</v>
      </c>
      <c r="K254" s="6">
        <v>98</v>
      </c>
      <c r="L254" s="6">
        <v>10</v>
      </c>
      <c r="M254" s="6">
        <v>9</v>
      </c>
      <c r="N254" s="6">
        <v>8</v>
      </c>
      <c r="O254" s="10" t="s">
        <v>55</v>
      </c>
      <c r="P254" s="10" t="s">
        <v>55</v>
      </c>
      <c r="Q254" s="6">
        <v>1</v>
      </c>
      <c r="R254" s="6">
        <v>1</v>
      </c>
      <c r="S254" s="6">
        <v>85</v>
      </c>
      <c r="T254" s="6">
        <v>4</v>
      </c>
      <c r="U254" s="10" t="s">
        <v>55</v>
      </c>
      <c r="V254" s="6">
        <v>81</v>
      </c>
      <c r="W254" s="6">
        <v>3</v>
      </c>
      <c r="X254" s="6">
        <v>5</v>
      </c>
      <c r="Y254" s="6">
        <v>5</v>
      </c>
      <c r="Z254" s="10" t="s">
        <v>55</v>
      </c>
      <c r="AA254" s="10" t="s">
        <v>55</v>
      </c>
      <c r="AB254" s="10" t="s">
        <v>55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96</v>
      </c>
      <c r="I255" s="9" t="s">
        <v>53</v>
      </c>
      <c r="J255" s="9" t="s">
        <v>44</v>
      </c>
      <c r="K255" s="6">
        <v>29</v>
      </c>
      <c r="L255" s="10" t="s">
        <v>55</v>
      </c>
      <c r="M255" s="10" t="s">
        <v>55</v>
      </c>
      <c r="N255" s="10" t="s">
        <v>55</v>
      </c>
      <c r="O255" s="10" t="s">
        <v>55</v>
      </c>
      <c r="P255" s="10" t="s">
        <v>55</v>
      </c>
      <c r="Q255" s="10" t="s">
        <v>55</v>
      </c>
      <c r="R255" s="10" t="s">
        <v>55</v>
      </c>
      <c r="S255" s="6">
        <v>29</v>
      </c>
      <c r="T255" s="10" t="s">
        <v>55</v>
      </c>
      <c r="U255" s="10" t="s">
        <v>55</v>
      </c>
      <c r="V255" s="6">
        <v>29</v>
      </c>
      <c r="W255" s="10" t="s">
        <v>55</v>
      </c>
      <c r="X255" s="10" t="s">
        <v>55</v>
      </c>
      <c r="Y255" s="10" t="s">
        <v>55</v>
      </c>
      <c r="Z255" s="10" t="s">
        <v>55</v>
      </c>
      <c r="AA255" s="10" t="s">
        <v>55</v>
      </c>
      <c r="AB255" s="10" t="s">
        <v>5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96</v>
      </c>
      <c r="I256" s="9" t="s">
        <v>53</v>
      </c>
      <c r="J256" s="9" t="s">
        <v>45</v>
      </c>
      <c r="K256" s="6">
        <v>17</v>
      </c>
      <c r="L256" s="6">
        <v>2</v>
      </c>
      <c r="M256" s="6">
        <v>2</v>
      </c>
      <c r="N256" s="6">
        <v>2</v>
      </c>
      <c r="O256" s="10" t="s">
        <v>55</v>
      </c>
      <c r="P256" s="10" t="s">
        <v>55</v>
      </c>
      <c r="Q256" s="10" t="s">
        <v>55</v>
      </c>
      <c r="R256" s="10" t="s">
        <v>55</v>
      </c>
      <c r="S256" s="6">
        <v>15</v>
      </c>
      <c r="T256" s="6">
        <v>1</v>
      </c>
      <c r="U256" s="10" t="s">
        <v>55</v>
      </c>
      <c r="V256" s="6">
        <v>14</v>
      </c>
      <c r="W256" s="10" t="s">
        <v>55</v>
      </c>
      <c r="X256" s="6">
        <v>2</v>
      </c>
      <c r="Y256" s="6">
        <v>2</v>
      </c>
      <c r="Z256" s="10" t="s">
        <v>55</v>
      </c>
      <c r="AA256" s="10" t="s">
        <v>55</v>
      </c>
      <c r="AB256" s="10" t="s">
        <v>55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96</v>
      </c>
      <c r="I257" s="9" t="s">
        <v>53</v>
      </c>
      <c r="J257" s="9" t="s">
        <v>46</v>
      </c>
      <c r="K257" s="6">
        <v>2</v>
      </c>
      <c r="L257" s="6">
        <v>1</v>
      </c>
      <c r="M257" s="6">
        <v>1</v>
      </c>
      <c r="N257" s="6">
        <v>1</v>
      </c>
      <c r="O257" s="10" t="s">
        <v>55</v>
      </c>
      <c r="P257" s="10" t="s">
        <v>55</v>
      </c>
      <c r="Q257" s="10" t="s">
        <v>55</v>
      </c>
      <c r="R257" s="10" t="s">
        <v>55</v>
      </c>
      <c r="S257" s="6">
        <v>1</v>
      </c>
      <c r="T257" s="10" t="s">
        <v>55</v>
      </c>
      <c r="U257" s="10" t="s">
        <v>55</v>
      </c>
      <c r="V257" s="6">
        <v>1</v>
      </c>
      <c r="W257" s="10" t="s">
        <v>55</v>
      </c>
      <c r="X257" s="6">
        <v>1</v>
      </c>
      <c r="Y257" s="6">
        <v>1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96</v>
      </c>
      <c r="I258" s="9" t="s">
        <v>53</v>
      </c>
      <c r="J258" s="9" t="s">
        <v>47</v>
      </c>
      <c r="K258" s="10" t="s">
        <v>55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10" t="s">
        <v>55</v>
      </c>
      <c r="T258" s="10" t="s">
        <v>55</v>
      </c>
      <c r="U258" s="10" t="s">
        <v>55</v>
      </c>
      <c r="V258" s="10" t="s">
        <v>55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96</v>
      </c>
      <c r="I259" s="9" t="s">
        <v>53</v>
      </c>
      <c r="J259" s="9" t="s">
        <v>48</v>
      </c>
      <c r="K259" s="6">
        <v>10086</v>
      </c>
      <c r="L259" s="6">
        <v>6572</v>
      </c>
      <c r="M259" s="6">
        <v>5854</v>
      </c>
      <c r="N259" s="6">
        <v>5587</v>
      </c>
      <c r="O259" s="6">
        <v>61</v>
      </c>
      <c r="P259" s="6">
        <v>120</v>
      </c>
      <c r="Q259" s="6">
        <v>86</v>
      </c>
      <c r="R259" s="6">
        <v>718</v>
      </c>
      <c r="S259" s="6">
        <v>2999</v>
      </c>
      <c r="T259" s="6">
        <v>159</v>
      </c>
      <c r="U259" s="6">
        <v>2240</v>
      </c>
      <c r="V259" s="6">
        <v>600</v>
      </c>
      <c r="W259" s="6">
        <v>515</v>
      </c>
      <c r="X259" s="6">
        <v>5179</v>
      </c>
      <c r="Y259" s="6">
        <v>4951</v>
      </c>
      <c r="Z259" s="6">
        <v>38</v>
      </c>
      <c r="AA259" s="6">
        <v>119</v>
      </c>
      <c r="AB259" s="6">
        <v>71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96</v>
      </c>
      <c r="I260" s="9" t="s">
        <v>53</v>
      </c>
      <c r="J260" s="9" t="s">
        <v>49</v>
      </c>
      <c r="K260" s="6">
        <v>818</v>
      </c>
      <c r="L260" s="6">
        <v>207</v>
      </c>
      <c r="M260" s="6">
        <v>175</v>
      </c>
      <c r="N260" s="6">
        <v>147</v>
      </c>
      <c r="O260" s="6">
        <v>10</v>
      </c>
      <c r="P260" s="10" t="s">
        <v>55</v>
      </c>
      <c r="Q260" s="6">
        <v>18</v>
      </c>
      <c r="R260" s="6">
        <v>32</v>
      </c>
      <c r="S260" s="6">
        <v>587</v>
      </c>
      <c r="T260" s="6">
        <v>57</v>
      </c>
      <c r="U260" s="10" t="s">
        <v>55</v>
      </c>
      <c r="V260" s="6">
        <v>530</v>
      </c>
      <c r="W260" s="6">
        <v>24</v>
      </c>
      <c r="X260" s="6">
        <v>118</v>
      </c>
      <c r="Y260" s="6">
        <v>100</v>
      </c>
      <c r="Z260" s="6">
        <v>7</v>
      </c>
      <c r="AA260" s="10" t="s">
        <v>55</v>
      </c>
      <c r="AB260" s="6">
        <v>11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96</v>
      </c>
      <c r="I261" s="9" t="s">
        <v>53</v>
      </c>
      <c r="J261" s="9" t="s">
        <v>50</v>
      </c>
      <c r="K261" s="6">
        <v>146</v>
      </c>
      <c r="L261" s="6">
        <v>13</v>
      </c>
      <c r="M261" s="6">
        <v>12</v>
      </c>
      <c r="N261" s="6">
        <v>11</v>
      </c>
      <c r="O261" s="10" t="s">
        <v>55</v>
      </c>
      <c r="P261" s="10" t="s">
        <v>55</v>
      </c>
      <c r="Q261" s="6">
        <v>1</v>
      </c>
      <c r="R261" s="6">
        <v>1</v>
      </c>
      <c r="S261" s="6">
        <v>130</v>
      </c>
      <c r="T261" s="6">
        <v>5</v>
      </c>
      <c r="U261" s="10" t="s">
        <v>55</v>
      </c>
      <c r="V261" s="6">
        <v>125</v>
      </c>
      <c r="W261" s="6">
        <v>3</v>
      </c>
      <c r="X261" s="6">
        <v>8</v>
      </c>
      <c r="Y261" s="6">
        <v>8</v>
      </c>
      <c r="Z261" s="10" t="s">
        <v>55</v>
      </c>
      <c r="AA261" s="10" t="s">
        <v>55</v>
      </c>
      <c r="AB261" s="10" t="s">
        <v>55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96</v>
      </c>
      <c r="I262" s="9" t="s">
        <v>53</v>
      </c>
      <c r="J262" s="9" t="s">
        <v>51</v>
      </c>
      <c r="K262" s="6">
        <v>19</v>
      </c>
      <c r="L262" s="6">
        <v>3</v>
      </c>
      <c r="M262" s="6">
        <v>3</v>
      </c>
      <c r="N262" s="6">
        <v>3</v>
      </c>
      <c r="O262" s="10" t="s">
        <v>55</v>
      </c>
      <c r="P262" s="10" t="s">
        <v>55</v>
      </c>
      <c r="Q262" s="10" t="s">
        <v>55</v>
      </c>
      <c r="R262" s="10" t="s">
        <v>55</v>
      </c>
      <c r="S262" s="6">
        <v>16</v>
      </c>
      <c r="T262" s="6">
        <v>1</v>
      </c>
      <c r="U262" s="10" t="s">
        <v>55</v>
      </c>
      <c r="V262" s="6">
        <v>15</v>
      </c>
      <c r="W262" s="10" t="s">
        <v>55</v>
      </c>
      <c r="X262" s="6">
        <v>3</v>
      </c>
      <c r="Y262" s="6">
        <v>3</v>
      </c>
      <c r="Z262" s="10" t="s">
        <v>55</v>
      </c>
      <c r="AA262" s="10" t="s">
        <v>55</v>
      </c>
      <c r="AB262" s="10" t="s">
        <v>55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96</v>
      </c>
      <c r="I263" s="9" t="s">
        <v>53</v>
      </c>
      <c r="J263" s="9" t="s">
        <v>52</v>
      </c>
      <c r="K263" s="6">
        <v>8038</v>
      </c>
      <c r="L263" s="6">
        <v>6422</v>
      </c>
      <c r="M263" s="6">
        <v>5705</v>
      </c>
      <c r="N263" s="6">
        <v>5484</v>
      </c>
      <c r="O263" s="6">
        <v>66</v>
      </c>
      <c r="P263" s="6">
        <v>61</v>
      </c>
      <c r="Q263" s="6">
        <v>94</v>
      </c>
      <c r="R263" s="6">
        <v>717</v>
      </c>
      <c r="S263" s="6">
        <v>1235</v>
      </c>
      <c r="T263" s="6">
        <v>186</v>
      </c>
      <c r="U263" s="6">
        <v>240</v>
      </c>
      <c r="V263" s="6">
        <v>809</v>
      </c>
      <c r="W263" s="6">
        <v>381</v>
      </c>
      <c r="X263" s="6">
        <v>5005</v>
      </c>
      <c r="Y263" s="6">
        <v>4831</v>
      </c>
      <c r="Z263" s="6">
        <v>40</v>
      </c>
      <c r="AA263" s="6">
        <v>60</v>
      </c>
      <c r="AB263" s="6">
        <v>74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96</v>
      </c>
      <c r="I264" s="9" t="s">
        <v>54</v>
      </c>
      <c r="J264" s="9" t="s">
        <v>30</v>
      </c>
      <c r="K264" s="6">
        <v>9448</v>
      </c>
      <c r="L264" s="6">
        <v>5500</v>
      </c>
      <c r="M264" s="6">
        <v>5161</v>
      </c>
      <c r="N264" s="6">
        <v>4722</v>
      </c>
      <c r="O264" s="6">
        <v>189</v>
      </c>
      <c r="P264" s="6">
        <v>178</v>
      </c>
      <c r="Q264" s="6">
        <v>72</v>
      </c>
      <c r="R264" s="6">
        <v>339</v>
      </c>
      <c r="S264" s="6">
        <v>3578</v>
      </c>
      <c r="T264" s="6">
        <v>587</v>
      </c>
      <c r="U264" s="6">
        <v>2160</v>
      </c>
      <c r="V264" s="6">
        <v>831</v>
      </c>
      <c r="W264" s="6">
        <v>370</v>
      </c>
      <c r="X264" s="6">
        <v>4847</v>
      </c>
      <c r="Y264" s="6">
        <v>4479</v>
      </c>
      <c r="Z264" s="6">
        <v>133</v>
      </c>
      <c r="AA264" s="6">
        <v>178</v>
      </c>
      <c r="AB264" s="6">
        <v>57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96</v>
      </c>
      <c r="I265" s="9" t="s">
        <v>54</v>
      </c>
      <c r="J265" s="9" t="s">
        <v>31</v>
      </c>
      <c r="K265" s="6">
        <v>2289</v>
      </c>
      <c r="L265" s="6">
        <v>240</v>
      </c>
      <c r="M265" s="6">
        <v>222</v>
      </c>
      <c r="N265" s="6">
        <v>116</v>
      </c>
      <c r="O265" s="6">
        <v>8</v>
      </c>
      <c r="P265" s="6">
        <v>94</v>
      </c>
      <c r="Q265" s="6">
        <v>4</v>
      </c>
      <c r="R265" s="6">
        <v>18</v>
      </c>
      <c r="S265" s="6">
        <v>1902</v>
      </c>
      <c r="T265" s="6">
        <v>11</v>
      </c>
      <c r="U265" s="6">
        <v>1868</v>
      </c>
      <c r="V265" s="6">
        <v>23</v>
      </c>
      <c r="W265" s="6">
        <v>147</v>
      </c>
      <c r="X265" s="6">
        <v>220</v>
      </c>
      <c r="Y265" s="6">
        <v>115</v>
      </c>
      <c r="Z265" s="6">
        <v>8</v>
      </c>
      <c r="AA265" s="6">
        <v>94</v>
      </c>
      <c r="AB265" s="6">
        <v>3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96</v>
      </c>
      <c r="I266" s="9" t="s">
        <v>54</v>
      </c>
      <c r="J266" s="9" t="s">
        <v>32</v>
      </c>
      <c r="K266" s="6">
        <v>1623</v>
      </c>
      <c r="L266" s="6">
        <v>1203</v>
      </c>
      <c r="M266" s="6">
        <v>1132</v>
      </c>
      <c r="N266" s="6">
        <v>1021</v>
      </c>
      <c r="O266" s="6">
        <v>26</v>
      </c>
      <c r="P266" s="6">
        <v>72</v>
      </c>
      <c r="Q266" s="6">
        <v>13</v>
      </c>
      <c r="R266" s="6">
        <v>71</v>
      </c>
      <c r="S266" s="6">
        <v>340</v>
      </c>
      <c r="T266" s="6">
        <v>31</v>
      </c>
      <c r="U266" s="6">
        <v>280</v>
      </c>
      <c r="V266" s="6">
        <v>29</v>
      </c>
      <c r="W266" s="6">
        <v>80</v>
      </c>
      <c r="X266" s="6">
        <v>1112</v>
      </c>
      <c r="Y266" s="6">
        <v>1005</v>
      </c>
      <c r="Z266" s="6">
        <v>23</v>
      </c>
      <c r="AA266" s="6">
        <v>72</v>
      </c>
      <c r="AB266" s="6">
        <v>12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96</v>
      </c>
      <c r="I267" s="9" t="s">
        <v>54</v>
      </c>
      <c r="J267" s="9" t="s">
        <v>33</v>
      </c>
      <c r="K267" s="6">
        <v>1176</v>
      </c>
      <c r="L267" s="6">
        <v>1079</v>
      </c>
      <c r="M267" s="6">
        <v>1027</v>
      </c>
      <c r="N267" s="6">
        <v>990</v>
      </c>
      <c r="O267" s="6">
        <v>21</v>
      </c>
      <c r="P267" s="6">
        <v>6</v>
      </c>
      <c r="Q267" s="6">
        <v>10</v>
      </c>
      <c r="R267" s="6">
        <v>52</v>
      </c>
      <c r="S267" s="6">
        <v>56</v>
      </c>
      <c r="T267" s="6">
        <v>32</v>
      </c>
      <c r="U267" s="6">
        <v>6</v>
      </c>
      <c r="V267" s="6">
        <v>18</v>
      </c>
      <c r="W267" s="6">
        <v>41</v>
      </c>
      <c r="X267" s="6">
        <v>994</v>
      </c>
      <c r="Y267" s="6">
        <v>964</v>
      </c>
      <c r="Z267" s="6">
        <v>16</v>
      </c>
      <c r="AA267" s="6">
        <v>6</v>
      </c>
      <c r="AB267" s="6">
        <v>8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96</v>
      </c>
      <c r="I268" s="9" t="s">
        <v>54</v>
      </c>
      <c r="J268" s="9" t="s">
        <v>34</v>
      </c>
      <c r="K268" s="6">
        <v>755</v>
      </c>
      <c r="L268" s="6">
        <v>666</v>
      </c>
      <c r="M268" s="6">
        <v>617</v>
      </c>
      <c r="N268" s="6">
        <v>589</v>
      </c>
      <c r="O268" s="6">
        <v>18</v>
      </c>
      <c r="P268" s="6">
        <v>3</v>
      </c>
      <c r="Q268" s="6">
        <v>7</v>
      </c>
      <c r="R268" s="6">
        <v>49</v>
      </c>
      <c r="S268" s="6">
        <v>64</v>
      </c>
      <c r="T268" s="6">
        <v>45</v>
      </c>
      <c r="U268" s="6">
        <v>2</v>
      </c>
      <c r="V268" s="6">
        <v>17</v>
      </c>
      <c r="W268" s="6">
        <v>25</v>
      </c>
      <c r="X268" s="6">
        <v>571</v>
      </c>
      <c r="Y268" s="6">
        <v>551</v>
      </c>
      <c r="Z268" s="6">
        <v>12</v>
      </c>
      <c r="AA268" s="6">
        <v>3</v>
      </c>
      <c r="AB268" s="6">
        <v>5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96</v>
      </c>
      <c r="I269" s="9" t="s">
        <v>54</v>
      </c>
      <c r="J269" s="9" t="s">
        <v>35</v>
      </c>
      <c r="K269" s="6">
        <v>610</v>
      </c>
      <c r="L269" s="6">
        <v>540</v>
      </c>
      <c r="M269" s="6">
        <v>506</v>
      </c>
      <c r="N269" s="6">
        <v>483</v>
      </c>
      <c r="O269" s="6">
        <v>16</v>
      </c>
      <c r="P269" s="6">
        <v>2</v>
      </c>
      <c r="Q269" s="6">
        <v>5</v>
      </c>
      <c r="R269" s="6">
        <v>34</v>
      </c>
      <c r="S269" s="6">
        <v>63</v>
      </c>
      <c r="T269" s="6">
        <v>41</v>
      </c>
      <c r="U269" s="10" t="s">
        <v>55</v>
      </c>
      <c r="V269" s="6">
        <v>22</v>
      </c>
      <c r="W269" s="6">
        <v>7</v>
      </c>
      <c r="X269" s="6">
        <v>469</v>
      </c>
      <c r="Y269" s="6">
        <v>453</v>
      </c>
      <c r="Z269" s="6">
        <v>9</v>
      </c>
      <c r="AA269" s="6">
        <v>2</v>
      </c>
      <c r="AB269" s="6">
        <v>5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96</v>
      </c>
      <c r="I270" s="9" t="s">
        <v>54</v>
      </c>
      <c r="J270" s="9" t="s">
        <v>36</v>
      </c>
      <c r="K270" s="6">
        <v>503</v>
      </c>
      <c r="L270" s="6">
        <v>424</v>
      </c>
      <c r="M270" s="6">
        <v>399</v>
      </c>
      <c r="N270" s="6">
        <v>378</v>
      </c>
      <c r="O270" s="6">
        <v>13</v>
      </c>
      <c r="P270" s="6">
        <v>1</v>
      </c>
      <c r="Q270" s="6">
        <v>7</v>
      </c>
      <c r="R270" s="6">
        <v>25</v>
      </c>
      <c r="S270" s="6">
        <v>60</v>
      </c>
      <c r="T270" s="6">
        <v>38</v>
      </c>
      <c r="U270" s="10" t="s">
        <v>55</v>
      </c>
      <c r="V270" s="6">
        <v>22</v>
      </c>
      <c r="W270" s="6">
        <v>19</v>
      </c>
      <c r="X270" s="6">
        <v>374</v>
      </c>
      <c r="Y270" s="6">
        <v>356</v>
      </c>
      <c r="Z270" s="6">
        <v>10</v>
      </c>
      <c r="AA270" s="6">
        <v>1</v>
      </c>
      <c r="AB270" s="6">
        <v>7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96</v>
      </c>
      <c r="I271" s="9" t="s">
        <v>54</v>
      </c>
      <c r="J271" s="9" t="s">
        <v>37</v>
      </c>
      <c r="K271" s="6">
        <v>535</v>
      </c>
      <c r="L271" s="6">
        <v>439</v>
      </c>
      <c r="M271" s="6">
        <v>406</v>
      </c>
      <c r="N271" s="6">
        <v>383</v>
      </c>
      <c r="O271" s="6">
        <v>18</v>
      </c>
      <c r="P271" s="10" t="s">
        <v>55</v>
      </c>
      <c r="Q271" s="6">
        <v>5</v>
      </c>
      <c r="R271" s="6">
        <v>33</v>
      </c>
      <c r="S271" s="6">
        <v>84</v>
      </c>
      <c r="T271" s="6">
        <v>43</v>
      </c>
      <c r="U271" s="6">
        <v>3</v>
      </c>
      <c r="V271" s="6">
        <v>38</v>
      </c>
      <c r="W271" s="6">
        <v>12</v>
      </c>
      <c r="X271" s="6">
        <v>372</v>
      </c>
      <c r="Y271" s="6">
        <v>357</v>
      </c>
      <c r="Z271" s="6">
        <v>11</v>
      </c>
      <c r="AA271" s="10" t="s">
        <v>55</v>
      </c>
      <c r="AB271" s="6">
        <v>4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96</v>
      </c>
      <c r="I272" s="9" t="s">
        <v>54</v>
      </c>
      <c r="J272" s="9" t="s">
        <v>38</v>
      </c>
      <c r="K272" s="6">
        <v>441</v>
      </c>
      <c r="L272" s="6">
        <v>343</v>
      </c>
      <c r="M272" s="6">
        <v>327</v>
      </c>
      <c r="N272" s="6">
        <v>305</v>
      </c>
      <c r="O272" s="6">
        <v>16</v>
      </c>
      <c r="P272" s="10" t="s">
        <v>55</v>
      </c>
      <c r="Q272" s="6">
        <v>6</v>
      </c>
      <c r="R272" s="6">
        <v>16</v>
      </c>
      <c r="S272" s="6">
        <v>88</v>
      </c>
      <c r="T272" s="6">
        <v>51</v>
      </c>
      <c r="U272" s="10" t="s">
        <v>55</v>
      </c>
      <c r="V272" s="6">
        <v>37</v>
      </c>
      <c r="W272" s="6">
        <v>10</v>
      </c>
      <c r="X272" s="6">
        <v>299</v>
      </c>
      <c r="Y272" s="6">
        <v>284</v>
      </c>
      <c r="Z272" s="6">
        <v>10</v>
      </c>
      <c r="AA272" s="10" t="s">
        <v>55</v>
      </c>
      <c r="AB272" s="6">
        <v>5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96</v>
      </c>
      <c r="I273" s="9" t="s">
        <v>54</v>
      </c>
      <c r="J273" s="9" t="s">
        <v>39</v>
      </c>
      <c r="K273" s="6">
        <v>368</v>
      </c>
      <c r="L273" s="6">
        <v>266</v>
      </c>
      <c r="M273" s="6">
        <v>245</v>
      </c>
      <c r="N273" s="6">
        <v>232</v>
      </c>
      <c r="O273" s="6">
        <v>10</v>
      </c>
      <c r="P273" s="10" t="s">
        <v>55</v>
      </c>
      <c r="Q273" s="6">
        <v>3</v>
      </c>
      <c r="R273" s="6">
        <v>21</v>
      </c>
      <c r="S273" s="6">
        <v>93</v>
      </c>
      <c r="T273" s="6">
        <v>56</v>
      </c>
      <c r="U273" s="6">
        <v>1</v>
      </c>
      <c r="V273" s="6">
        <v>36</v>
      </c>
      <c r="W273" s="6">
        <v>9</v>
      </c>
      <c r="X273" s="6">
        <v>219</v>
      </c>
      <c r="Y273" s="6">
        <v>211</v>
      </c>
      <c r="Z273" s="6">
        <v>7</v>
      </c>
      <c r="AA273" s="10" t="s">
        <v>55</v>
      </c>
      <c r="AB273" s="6">
        <v>1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96</v>
      </c>
      <c r="I274" s="9" t="s">
        <v>54</v>
      </c>
      <c r="J274" s="9" t="s">
        <v>40</v>
      </c>
      <c r="K274" s="6">
        <v>258</v>
      </c>
      <c r="L274" s="6">
        <v>152</v>
      </c>
      <c r="M274" s="6">
        <v>139</v>
      </c>
      <c r="N274" s="6">
        <v>123</v>
      </c>
      <c r="O274" s="6">
        <v>14</v>
      </c>
      <c r="P274" s="10" t="s">
        <v>55</v>
      </c>
      <c r="Q274" s="6">
        <v>2</v>
      </c>
      <c r="R274" s="6">
        <v>13</v>
      </c>
      <c r="S274" s="6">
        <v>95</v>
      </c>
      <c r="T274" s="6">
        <v>46</v>
      </c>
      <c r="U274" s="10" t="s">
        <v>55</v>
      </c>
      <c r="V274" s="6">
        <v>49</v>
      </c>
      <c r="W274" s="6">
        <v>11</v>
      </c>
      <c r="X274" s="6">
        <v>114</v>
      </c>
      <c r="Y274" s="6">
        <v>102</v>
      </c>
      <c r="Z274" s="6">
        <v>11</v>
      </c>
      <c r="AA274" s="10" t="s">
        <v>55</v>
      </c>
      <c r="AB274" s="6">
        <v>1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96</v>
      </c>
      <c r="I275" s="9" t="s">
        <v>54</v>
      </c>
      <c r="J275" s="9" t="s">
        <v>41</v>
      </c>
      <c r="K275" s="6">
        <v>229</v>
      </c>
      <c r="L275" s="6">
        <v>80</v>
      </c>
      <c r="M275" s="6">
        <v>78</v>
      </c>
      <c r="N275" s="6">
        <v>62</v>
      </c>
      <c r="O275" s="6">
        <v>10</v>
      </c>
      <c r="P275" s="10" t="s">
        <v>55</v>
      </c>
      <c r="Q275" s="6">
        <v>6</v>
      </c>
      <c r="R275" s="6">
        <v>2</v>
      </c>
      <c r="S275" s="6">
        <v>148</v>
      </c>
      <c r="T275" s="6">
        <v>58</v>
      </c>
      <c r="U275" s="10" t="s">
        <v>55</v>
      </c>
      <c r="V275" s="6">
        <v>90</v>
      </c>
      <c r="W275" s="6">
        <v>1</v>
      </c>
      <c r="X275" s="6">
        <v>63</v>
      </c>
      <c r="Y275" s="6">
        <v>54</v>
      </c>
      <c r="Z275" s="6">
        <v>6</v>
      </c>
      <c r="AA275" s="10" t="s">
        <v>55</v>
      </c>
      <c r="AB275" s="6">
        <v>3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96</v>
      </c>
      <c r="I276" s="9" t="s">
        <v>54</v>
      </c>
      <c r="J276" s="9" t="s">
        <v>42</v>
      </c>
      <c r="K276" s="6">
        <v>214</v>
      </c>
      <c r="L276" s="6">
        <v>45</v>
      </c>
      <c r="M276" s="6">
        <v>40</v>
      </c>
      <c r="N276" s="6">
        <v>28</v>
      </c>
      <c r="O276" s="6">
        <v>10</v>
      </c>
      <c r="P276" s="10" t="s">
        <v>55</v>
      </c>
      <c r="Q276" s="6">
        <v>2</v>
      </c>
      <c r="R276" s="6">
        <v>5</v>
      </c>
      <c r="S276" s="6">
        <v>166</v>
      </c>
      <c r="T276" s="6">
        <v>61</v>
      </c>
      <c r="U276" s="10" t="s">
        <v>55</v>
      </c>
      <c r="V276" s="6">
        <v>105</v>
      </c>
      <c r="W276" s="6">
        <v>3</v>
      </c>
      <c r="X276" s="6">
        <v>29</v>
      </c>
      <c r="Y276" s="6">
        <v>22</v>
      </c>
      <c r="Z276" s="6">
        <v>6</v>
      </c>
      <c r="AA276" s="10" t="s">
        <v>55</v>
      </c>
      <c r="AB276" s="6">
        <v>1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96</v>
      </c>
      <c r="I277" s="9" t="s">
        <v>54</v>
      </c>
      <c r="J277" s="9" t="s">
        <v>43</v>
      </c>
      <c r="K277" s="6">
        <v>159</v>
      </c>
      <c r="L277" s="6">
        <v>16</v>
      </c>
      <c r="M277" s="6">
        <v>16</v>
      </c>
      <c r="N277" s="6">
        <v>7</v>
      </c>
      <c r="O277" s="6">
        <v>7</v>
      </c>
      <c r="P277" s="10" t="s">
        <v>55</v>
      </c>
      <c r="Q277" s="6">
        <v>2</v>
      </c>
      <c r="R277" s="10" t="s">
        <v>55</v>
      </c>
      <c r="S277" s="6">
        <v>141</v>
      </c>
      <c r="T277" s="6">
        <v>36</v>
      </c>
      <c r="U277" s="10" t="s">
        <v>55</v>
      </c>
      <c r="V277" s="6">
        <v>105</v>
      </c>
      <c r="W277" s="6">
        <v>2</v>
      </c>
      <c r="X277" s="6">
        <v>9</v>
      </c>
      <c r="Y277" s="6">
        <v>3</v>
      </c>
      <c r="Z277" s="6">
        <v>4</v>
      </c>
      <c r="AA277" s="10" t="s">
        <v>55</v>
      </c>
      <c r="AB277" s="6">
        <v>2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96</v>
      </c>
      <c r="I278" s="9" t="s">
        <v>54</v>
      </c>
      <c r="J278" s="9" t="s">
        <v>44</v>
      </c>
      <c r="K278" s="6">
        <v>114</v>
      </c>
      <c r="L278" s="6">
        <v>1</v>
      </c>
      <c r="M278" s="6">
        <v>1</v>
      </c>
      <c r="N278" s="6">
        <v>1</v>
      </c>
      <c r="O278" s="10" t="s">
        <v>55</v>
      </c>
      <c r="P278" s="10" t="s">
        <v>55</v>
      </c>
      <c r="Q278" s="10" t="s">
        <v>55</v>
      </c>
      <c r="R278" s="10" t="s">
        <v>55</v>
      </c>
      <c r="S278" s="6">
        <v>112</v>
      </c>
      <c r="T278" s="6">
        <v>18</v>
      </c>
      <c r="U278" s="10" t="s">
        <v>55</v>
      </c>
      <c r="V278" s="6">
        <v>94</v>
      </c>
      <c r="W278" s="6">
        <v>1</v>
      </c>
      <c r="X278" s="10" t="s">
        <v>55</v>
      </c>
      <c r="Y278" s="10" t="s">
        <v>55</v>
      </c>
      <c r="Z278" s="10" t="s">
        <v>55</v>
      </c>
      <c r="AA278" s="10" t="s">
        <v>55</v>
      </c>
      <c r="AB278" s="10" t="s">
        <v>55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96</v>
      </c>
      <c r="I279" s="9" t="s">
        <v>54</v>
      </c>
      <c r="J279" s="9" t="s">
        <v>45</v>
      </c>
      <c r="K279" s="6">
        <v>98</v>
      </c>
      <c r="L279" s="6">
        <v>2</v>
      </c>
      <c r="M279" s="6">
        <v>2</v>
      </c>
      <c r="N279" s="6">
        <v>2</v>
      </c>
      <c r="O279" s="10" t="s">
        <v>55</v>
      </c>
      <c r="P279" s="10" t="s">
        <v>55</v>
      </c>
      <c r="Q279" s="10" t="s">
        <v>55</v>
      </c>
      <c r="R279" s="10" t="s">
        <v>55</v>
      </c>
      <c r="S279" s="6">
        <v>95</v>
      </c>
      <c r="T279" s="6">
        <v>14</v>
      </c>
      <c r="U279" s="10" t="s">
        <v>55</v>
      </c>
      <c r="V279" s="6">
        <v>81</v>
      </c>
      <c r="W279" s="6">
        <v>1</v>
      </c>
      <c r="X279" s="6">
        <v>2</v>
      </c>
      <c r="Y279" s="6">
        <v>2</v>
      </c>
      <c r="Z279" s="10" t="s">
        <v>55</v>
      </c>
      <c r="AA279" s="10" t="s">
        <v>55</v>
      </c>
      <c r="AB279" s="10" t="s">
        <v>55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96</v>
      </c>
      <c r="I280" s="9" t="s">
        <v>54</v>
      </c>
      <c r="J280" s="9" t="s">
        <v>46</v>
      </c>
      <c r="K280" s="6">
        <v>58</v>
      </c>
      <c r="L280" s="6">
        <v>4</v>
      </c>
      <c r="M280" s="6">
        <v>4</v>
      </c>
      <c r="N280" s="6">
        <v>2</v>
      </c>
      <c r="O280" s="6">
        <v>2</v>
      </c>
      <c r="P280" s="10" t="s">
        <v>55</v>
      </c>
      <c r="Q280" s="10" t="s">
        <v>55</v>
      </c>
      <c r="R280" s="10" t="s">
        <v>55</v>
      </c>
      <c r="S280" s="6">
        <v>53</v>
      </c>
      <c r="T280" s="6">
        <v>6</v>
      </c>
      <c r="U280" s="10" t="s">
        <v>55</v>
      </c>
      <c r="V280" s="6">
        <v>47</v>
      </c>
      <c r="W280" s="6">
        <v>1</v>
      </c>
      <c r="X280" s="10" t="s">
        <v>55</v>
      </c>
      <c r="Y280" s="10" t="s">
        <v>55</v>
      </c>
      <c r="Z280" s="10" t="s">
        <v>55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96</v>
      </c>
      <c r="I281" s="9" t="s">
        <v>54</v>
      </c>
      <c r="J281" s="9" t="s">
        <v>47</v>
      </c>
      <c r="K281" s="6">
        <v>18</v>
      </c>
      <c r="L281" s="10" t="s">
        <v>55</v>
      </c>
      <c r="M281" s="10" t="s">
        <v>55</v>
      </c>
      <c r="N281" s="10" t="s">
        <v>55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18</v>
      </c>
      <c r="T281" s="10" t="s">
        <v>55</v>
      </c>
      <c r="U281" s="10" t="s">
        <v>55</v>
      </c>
      <c r="V281" s="6">
        <v>18</v>
      </c>
      <c r="W281" s="10" t="s">
        <v>55</v>
      </c>
      <c r="X281" s="10" t="s">
        <v>55</v>
      </c>
      <c r="Y281" s="10" t="s">
        <v>55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96</v>
      </c>
      <c r="I282" s="9" t="s">
        <v>54</v>
      </c>
      <c r="J282" s="9" t="s">
        <v>48</v>
      </c>
      <c r="K282" s="6">
        <v>8558</v>
      </c>
      <c r="L282" s="6">
        <v>5352</v>
      </c>
      <c r="M282" s="6">
        <v>5020</v>
      </c>
      <c r="N282" s="6">
        <v>4620</v>
      </c>
      <c r="O282" s="6">
        <v>160</v>
      </c>
      <c r="P282" s="6">
        <v>178</v>
      </c>
      <c r="Q282" s="6">
        <v>62</v>
      </c>
      <c r="R282" s="6">
        <v>332</v>
      </c>
      <c r="S282" s="6">
        <v>2845</v>
      </c>
      <c r="T282" s="6">
        <v>394</v>
      </c>
      <c r="U282" s="6">
        <v>2160</v>
      </c>
      <c r="V282" s="6">
        <v>291</v>
      </c>
      <c r="W282" s="6">
        <v>361</v>
      </c>
      <c r="X282" s="6">
        <v>4744</v>
      </c>
      <c r="Y282" s="6">
        <v>4398</v>
      </c>
      <c r="Z282" s="6">
        <v>117</v>
      </c>
      <c r="AA282" s="6">
        <v>178</v>
      </c>
      <c r="AB282" s="6">
        <v>51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96</v>
      </c>
      <c r="I283" s="9" t="s">
        <v>54</v>
      </c>
      <c r="J283" s="9" t="s">
        <v>49</v>
      </c>
      <c r="K283" s="6">
        <v>890</v>
      </c>
      <c r="L283" s="6">
        <v>148</v>
      </c>
      <c r="M283" s="6">
        <v>141</v>
      </c>
      <c r="N283" s="6">
        <v>102</v>
      </c>
      <c r="O283" s="6">
        <v>29</v>
      </c>
      <c r="P283" s="10" t="s">
        <v>55</v>
      </c>
      <c r="Q283" s="6">
        <v>10</v>
      </c>
      <c r="R283" s="6">
        <v>7</v>
      </c>
      <c r="S283" s="6">
        <v>733</v>
      </c>
      <c r="T283" s="6">
        <v>193</v>
      </c>
      <c r="U283" s="10" t="s">
        <v>55</v>
      </c>
      <c r="V283" s="6">
        <v>540</v>
      </c>
      <c r="W283" s="6">
        <v>9</v>
      </c>
      <c r="X283" s="6">
        <v>103</v>
      </c>
      <c r="Y283" s="6">
        <v>81</v>
      </c>
      <c r="Z283" s="6">
        <v>16</v>
      </c>
      <c r="AA283" s="10" t="s">
        <v>55</v>
      </c>
      <c r="AB283" s="6">
        <v>6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96</v>
      </c>
      <c r="I284" s="9" t="s">
        <v>54</v>
      </c>
      <c r="J284" s="9" t="s">
        <v>50</v>
      </c>
      <c r="K284" s="6">
        <v>447</v>
      </c>
      <c r="L284" s="6">
        <v>23</v>
      </c>
      <c r="M284" s="6">
        <v>23</v>
      </c>
      <c r="N284" s="6">
        <v>12</v>
      </c>
      <c r="O284" s="6">
        <v>9</v>
      </c>
      <c r="P284" s="10" t="s">
        <v>55</v>
      </c>
      <c r="Q284" s="6">
        <v>2</v>
      </c>
      <c r="R284" s="10" t="s">
        <v>55</v>
      </c>
      <c r="S284" s="6">
        <v>419</v>
      </c>
      <c r="T284" s="6">
        <v>74</v>
      </c>
      <c r="U284" s="10" t="s">
        <v>55</v>
      </c>
      <c r="V284" s="6">
        <v>345</v>
      </c>
      <c r="W284" s="6">
        <v>5</v>
      </c>
      <c r="X284" s="6">
        <v>11</v>
      </c>
      <c r="Y284" s="6">
        <v>5</v>
      </c>
      <c r="Z284" s="6">
        <v>4</v>
      </c>
      <c r="AA284" s="10" t="s">
        <v>55</v>
      </c>
      <c r="AB284" s="6">
        <v>2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96</v>
      </c>
      <c r="I285" s="9" t="s">
        <v>54</v>
      </c>
      <c r="J285" s="9" t="s">
        <v>51</v>
      </c>
      <c r="K285" s="6">
        <v>174</v>
      </c>
      <c r="L285" s="6">
        <v>6</v>
      </c>
      <c r="M285" s="6">
        <v>6</v>
      </c>
      <c r="N285" s="6">
        <v>4</v>
      </c>
      <c r="O285" s="6">
        <v>2</v>
      </c>
      <c r="P285" s="10" t="s">
        <v>55</v>
      </c>
      <c r="Q285" s="10" t="s">
        <v>55</v>
      </c>
      <c r="R285" s="10" t="s">
        <v>55</v>
      </c>
      <c r="S285" s="6">
        <v>166</v>
      </c>
      <c r="T285" s="6">
        <v>20</v>
      </c>
      <c r="U285" s="10" t="s">
        <v>55</v>
      </c>
      <c r="V285" s="6">
        <v>146</v>
      </c>
      <c r="W285" s="6">
        <v>2</v>
      </c>
      <c r="X285" s="6">
        <v>2</v>
      </c>
      <c r="Y285" s="6">
        <v>2</v>
      </c>
      <c r="Z285" s="10" t="s">
        <v>55</v>
      </c>
      <c r="AA285" s="10" t="s">
        <v>55</v>
      </c>
      <c r="AB285" s="10" t="s">
        <v>55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96</v>
      </c>
      <c r="I286" s="9" t="s">
        <v>54</v>
      </c>
      <c r="J286" s="9" t="s">
        <v>52</v>
      </c>
      <c r="K286" s="6">
        <v>6498</v>
      </c>
      <c r="L286" s="6">
        <v>5192</v>
      </c>
      <c r="M286" s="6">
        <v>4876</v>
      </c>
      <c r="N286" s="6">
        <v>4566</v>
      </c>
      <c r="O286" s="6">
        <v>162</v>
      </c>
      <c r="P286" s="6">
        <v>84</v>
      </c>
      <c r="Q286" s="6">
        <v>64</v>
      </c>
      <c r="R286" s="6">
        <v>316</v>
      </c>
      <c r="S286" s="6">
        <v>1091</v>
      </c>
      <c r="T286" s="6">
        <v>441</v>
      </c>
      <c r="U286" s="6">
        <v>292</v>
      </c>
      <c r="V286" s="6">
        <v>358</v>
      </c>
      <c r="W286" s="6">
        <v>215</v>
      </c>
      <c r="X286" s="6">
        <v>4587</v>
      </c>
      <c r="Y286" s="6">
        <v>4337</v>
      </c>
      <c r="Z286" s="6">
        <v>115</v>
      </c>
      <c r="AA286" s="6">
        <v>84</v>
      </c>
      <c r="AB286" s="6">
        <v>51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96</v>
      </c>
      <c r="I287" s="9" t="s">
        <v>6</v>
      </c>
      <c r="J287" s="9" t="s">
        <v>30</v>
      </c>
      <c r="K287" s="6">
        <v>468</v>
      </c>
      <c r="L287" s="6">
        <v>291</v>
      </c>
      <c r="M287" s="6">
        <v>255</v>
      </c>
      <c r="N287" s="6">
        <v>234</v>
      </c>
      <c r="O287" s="6">
        <v>12</v>
      </c>
      <c r="P287" s="10" t="s">
        <v>55</v>
      </c>
      <c r="Q287" s="6">
        <v>9</v>
      </c>
      <c r="R287" s="6">
        <v>36</v>
      </c>
      <c r="S287" s="6">
        <v>173</v>
      </c>
      <c r="T287" s="6">
        <v>63</v>
      </c>
      <c r="U287" s="6">
        <v>42</v>
      </c>
      <c r="V287" s="6">
        <v>68</v>
      </c>
      <c r="W287" s="6">
        <v>4</v>
      </c>
      <c r="X287" s="6">
        <v>230</v>
      </c>
      <c r="Y287" s="6">
        <v>214</v>
      </c>
      <c r="Z287" s="6">
        <v>11</v>
      </c>
      <c r="AA287" s="10" t="s">
        <v>55</v>
      </c>
      <c r="AB287" s="6">
        <v>5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96</v>
      </c>
      <c r="I288" s="9" t="s">
        <v>6</v>
      </c>
      <c r="J288" s="9" t="s">
        <v>31</v>
      </c>
      <c r="K288" s="6">
        <v>40</v>
      </c>
      <c r="L288" s="6">
        <v>2</v>
      </c>
      <c r="M288" s="6">
        <v>2</v>
      </c>
      <c r="N288" s="6">
        <v>1</v>
      </c>
      <c r="O288" s="10" t="s">
        <v>55</v>
      </c>
      <c r="P288" s="10" t="s">
        <v>55</v>
      </c>
      <c r="Q288" s="6">
        <v>1</v>
      </c>
      <c r="R288" s="10" t="s">
        <v>55</v>
      </c>
      <c r="S288" s="6">
        <v>38</v>
      </c>
      <c r="T288" s="10" t="s">
        <v>55</v>
      </c>
      <c r="U288" s="6">
        <v>38</v>
      </c>
      <c r="V288" s="10" t="s">
        <v>55</v>
      </c>
      <c r="W288" s="10" t="s">
        <v>55</v>
      </c>
      <c r="X288" s="6">
        <v>2</v>
      </c>
      <c r="Y288" s="6">
        <v>1</v>
      </c>
      <c r="Z288" s="10" t="s">
        <v>55</v>
      </c>
      <c r="AA288" s="10" t="s">
        <v>55</v>
      </c>
      <c r="AB288" s="6">
        <v>1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96</v>
      </c>
      <c r="I289" s="9" t="s">
        <v>6</v>
      </c>
      <c r="J289" s="9" t="s">
        <v>32</v>
      </c>
      <c r="K289" s="6">
        <v>35</v>
      </c>
      <c r="L289" s="6">
        <v>27</v>
      </c>
      <c r="M289" s="6">
        <v>26</v>
      </c>
      <c r="N289" s="6">
        <v>26</v>
      </c>
      <c r="O289" s="10" t="s">
        <v>55</v>
      </c>
      <c r="P289" s="10" t="s">
        <v>55</v>
      </c>
      <c r="Q289" s="10" t="s">
        <v>55</v>
      </c>
      <c r="R289" s="6">
        <v>1</v>
      </c>
      <c r="S289" s="6">
        <v>8</v>
      </c>
      <c r="T289" s="6">
        <v>2</v>
      </c>
      <c r="U289" s="6">
        <v>4</v>
      </c>
      <c r="V289" s="6">
        <v>2</v>
      </c>
      <c r="W289" s="10" t="s">
        <v>55</v>
      </c>
      <c r="X289" s="6">
        <v>23</v>
      </c>
      <c r="Y289" s="6">
        <v>23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96</v>
      </c>
      <c r="I290" s="9" t="s">
        <v>6</v>
      </c>
      <c r="J290" s="9" t="s">
        <v>33</v>
      </c>
      <c r="K290" s="6">
        <v>36</v>
      </c>
      <c r="L290" s="6">
        <v>31</v>
      </c>
      <c r="M290" s="6">
        <v>26</v>
      </c>
      <c r="N290" s="6">
        <v>26</v>
      </c>
      <c r="O290" s="10" t="s">
        <v>55</v>
      </c>
      <c r="P290" s="10" t="s">
        <v>55</v>
      </c>
      <c r="Q290" s="10" t="s">
        <v>55</v>
      </c>
      <c r="R290" s="6">
        <v>5</v>
      </c>
      <c r="S290" s="6">
        <v>5</v>
      </c>
      <c r="T290" s="6">
        <v>4</v>
      </c>
      <c r="U290" s="10" t="s">
        <v>55</v>
      </c>
      <c r="V290" s="6">
        <v>1</v>
      </c>
      <c r="W290" s="10" t="s">
        <v>55</v>
      </c>
      <c r="X290" s="6">
        <v>24</v>
      </c>
      <c r="Y290" s="6">
        <v>24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96</v>
      </c>
      <c r="I291" s="9" t="s">
        <v>6</v>
      </c>
      <c r="J291" s="9" t="s">
        <v>34</v>
      </c>
      <c r="K291" s="6">
        <v>32</v>
      </c>
      <c r="L291" s="6">
        <v>29</v>
      </c>
      <c r="M291" s="6">
        <v>28</v>
      </c>
      <c r="N291" s="6">
        <v>27</v>
      </c>
      <c r="O291" s="6">
        <v>1</v>
      </c>
      <c r="P291" s="10" t="s">
        <v>55</v>
      </c>
      <c r="Q291" s="10" t="s">
        <v>55</v>
      </c>
      <c r="R291" s="6">
        <v>1</v>
      </c>
      <c r="S291" s="6">
        <v>3</v>
      </c>
      <c r="T291" s="6">
        <v>1</v>
      </c>
      <c r="U291" s="10" t="s">
        <v>55</v>
      </c>
      <c r="V291" s="6">
        <v>2</v>
      </c>
      <c r="W291" s="10" t="s">
        <v>55</v>
      </c>
      <c r="X291" s="6">
        <v>27</v>
      </c>
      <c r="Y291" s="6">
        <v>26</v>
      </c>
      <c r="Z291" s="6">
        <v>1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96</v>
      </c>
      <c r="I292" s="9" t="s">
        <v>6</v>
      </c>
      <c r="J292" s="9" t="s">
        <v>35</v>
      </c>
      <c r="K292" s="6">
        <v>40</v>
      </c>
      <c r="L292" s="6">
        <v>36</v>
      </c>
      <c r="M292" s="6">
        <v>30</v>
      </c>
      <c r="N292" s="6">
        <v>29</v>
      </c>
      <c r="O292" s="10" t="s">
        <v>55</v>
      </c>
      <c r="P292" s="10" t="s">
        <v>55</v>
      </c>
      <c r="Q292" s="6">
        <v>1</v>
      </c>
      <c r="R292" s="6">
        <v>6</v>
      </c>
      <c r="S292" s="6">
        <v>4</v>
      </c>
      <c r="T292" s="6">
        <v>4</v>
      </c>
      <c r="U292" s="10" t="s">
        <v>55</v>
      </c>
      <c r="V292" s="10" t="s">
        <v>55</v>
      </c>
      <c r="W292" s="10" t="s">
        <v>55</v>
      </c>
      <c r="X292" s="6">
        <v>28</v>
      </c>
      <c r="Y292" s="6">
        <v>28</v>
      </c>
      <c r="Z292" s="10" t="s">
        <v>55</v>
      </c>
      <c r="AA292" s="10" t="s">
        <v>55</v>
      </c>
      <c r="AB292" s="10" t="s">
        <v>55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96</v>
      </c>
      <c r="I293" s="9" t="s">
        <v>6</v>
      </c>
      <c r="J293" s="9" t="s">
        <v>36</v>
      </c>
      <c r="K293" s="6">
        <v>39</v>
      </c>
      <c r="L293" s="6">
        <v>34</v>
      </c>
      <c r="M293" s="6">
        <v>31</v>
      </c>
      <c r="N293" s="6">
        <v>28</v>
      </c>
      <c r="O293" s="6">
        <v>2</v>
      </c>
      <c r="P293" s="10" t="s">
        <v>55</v>
      </c>
      <c r="Q293" s="6">
        <v>1</v>
      </c>
      <c r="R293" s="6">
        <v>3</v>
      </c>
      <c r="S293" s="6">
        <v>4</v>
      </c>
      <c r="T293" s="6">
        <v>2</v>
      </c>
      <c r="U293" s="10" t="s">
        <v>55</v>
      </c>
      <c r="V293" s="6">
        <v>2</v>
      </c>
      <c r="W293" s="6">
        <v>1</v>
      </c>
      <c r="X293" s="6">
        <v>29</v>
      </c>
      <c r="Y293" s="6">
        <v>27</v>
      </c>
      <c r="Z293" s="6">
        <v>2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96</v>
      </c>
      <c r="I294" s="9" t="s">
        <v>6</v>
      </c>
      <c r="J294" s="9" t="s">
        <v>37</v>
      </c>
      <c r="K294" s="6">
        <v>32</v>
      </c>
      <c r="L294" s="6">
        <v>29</v>
      </c>
      <c r="M294" s="6">
        <v>24</v>
      </c>
      <c r="N294" s="6">
        <v>21</v>
      </c>
      <c r="O294" s="6">
        <v>2</v>
      </c>
      <c r="P294" s="10" t="s">
        <v>55</v>
      </c>
      <c r="Q294" s="6">
        <v>1</v>
      </c>
      <c r="R294" s="6">
        <v>5</v>
      </c>
      <c r="S294" s="6">
        <v>3</v>
      </c>
      <c r="T294" s="6">
        <v>1</v>
      </c>
      <c r="U294" s="10" t="s">
        <v>55</v>
      </c>
      <c r="V294" s="6">
        <v>2</v>
      </c>
      <c r="W294" s="10" t="s">
        <v>55</v>
      </c>
      <c r="X294" s="6">
        <v>21</v>
      </c>
      <c r="Y294" s="6">
        <v>18</v>
      </c>
      <c r="Z294" s="6">
        <v>2</v>
      </c>
      <c r="AA294" s="10" t="s">
        <v>55</v>
      </c>
      <c r="AB294" s="6">
        <v>1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96</v>
      </c>
      <c r="I295" s="9" t="s">
        <v>6</v>
      </c>
      <c r="J295" s="9" t="s">
        <v>38</v>
      </c>
      <c r="K295" s="6">
        <v>30</v>
      </c>
      <c r="L295" s="6">
        <v>21</v>
      </c>
      <c r="M295" s="6">
        <v>17</v>
      </c>
      <c r="N295" s="6">
        <v>15</v>
      </c>
      <c r="O295" s="6">
        <v>2</v>
      </c>
      <c r="P295" s="10" t="s">
        <v>55</v>
      </c>
      <c r="Q295" s="10" t="s">
        <v>55</v>
      </c>
      <c r="R295" s="6">
        <v>4</v>
      </c>
      <c r="S295" s="6">
        <v>9</v>
      </c>
      <c r="T295" s="6">
        <v>8</v>
      </c>
      <c r="U295" s="10" t="s">
        <v>55</v>
      </c>
      <c r="V295" s="6">
        <v>1</v>
      </c>
      <c r="W295" s="10" t="s">
        <v>55</v>
      </c>
      <c r="X295" s="6">
        <v>16</v>
      </c>
      <c r="Y295" s="6">
        <v>14</v>
      </c>
      <c r="Z295" s="6">
        <v>2</v>
      </c>
      <c r="AA295" s="10" t="s">
        <v>55</v>
      </c>
      <c r="AB295" s="10" t="s">
        <v>55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96</v>
      </c>
      <c r="I296" s="9" t="s">
        <v>6</v>
      </c>
      <c r="J296" s="9" t="s">
        <v>39</v>
      </c>
      <c r="K296" s="6">
        <v>46</v>
      </c>
      <c r="L296" s="6">
        <v>39</v>
      </c>
      <c r="M296" s="6">
        <v>36</v>
      </c>
      <c r="N296" s="6">
        <v>32</v>
      </c>
      <c r="O296" s="6">
        <v>2</v>
      </c>
      <c r="P296" s="10" t="s">
        <v>55</v>
      </c>
      <c r="Q296" s="6">
        <v>2</v>
      </c>
      <c r="R296" s="6">
        <v>3</v>
      </c>
      <c r="S296" s="6">
        <v>7</v>
      </c>
      <c r="T296" s="6">
        <v>4</v>
      </c>
      <c r="U296" s="10" t="s">
        <v>55</v>
      </c>
      <c r="V296" s="6">
        <v>3</v>
      </c>
      <c r="W296" s="10" t="s">
        <v>55</v>
      </c>
      <c r="X296" s="6">
        <v>33</v>
      </c>
      <c r="Y296" s="6">
        <v>30</v>
      </c>
      <c r="Z296" s="6">
        <v>1</v>
      </c>
      <c r="AA296" s="10" t="s">
        <v>55</v>
      </c>
      <c r="AB296" s="6">
        <v>2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96</v>
      </c>
      <c r="I297" s="9" t="s">
        <v>6</v>
      </c>
      <c r="J297" s="9" t="s">
        <v>40</v>
      </c>
      <c r="K297" s="6">
        <v>51</v>
      </c>
      <c r="L297" s="6">
        <v>30</v>
      </c>
      <c r="M297" s="6">
        <v>24</v>
      </c>
      <c r="N297" s="6">
        <v>23</v>
      </c>
      <c r="O297" s="10" t="s">
        <v>55</v>
      </c>
      <c r="P297" s="10" t="s">
        <v>55</v>
      </c>
      <c r="Q297" s="6">
        <v>1</v>
      </c>
      <c r="R297" s="6">
        <v>6</v>
      </c>
      <c r="S297" s="6">
        <v>20</v>
      </c>
      <c r="T297" s="6">
        <v>10</v>
      </c>
      <c r="U297" s="10" t="s">
        <v>55</v>
      </c>
      <c r="V297" s="6">
        <v>10</v>
      </c>
      <c r="W297" s="6">
        <v>1</v>
      </c>
      <c r="X297" s="6">
        <v>20</v>
      </c>
      <c r="Y297" s="6">
        <v>20</v>
      </c>
      <c r="Z297" s="10" t="s">
        <v>55</v>
      </c>
      <c r="AA297" s="10" t="s">
        <v>55</v>
      </c>
      <c r="AB297" s="10" t="s">
        <v>55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96</v>
      </c>
      <c r="I298" s="9" t="s">
        <v>6</v>
      </c>
      <c r="J298" s="9" t="s">
        <v>41</v>
      </c>
      <c r="K298" s="6">
        <v>47</v>
      </c>
      <c r="L298" s="6">
        <v>9</v>
      </c>
      <c r="M298" s="6">
        <v>8</v>
      </c>
      <c r="N298" s="6">
        <v>4</v>
      </c>
      <c r="O298" s="6">
        <v>2</v>
      </c>
      <c r="P298" s="10" t="s">
        <v>55</v>
      </c>
      <c r="Q298" s="6">
        <v>2</v>
      </c>
      <c r="R298" s="6">
        <v>1</v>
      </c>
      <c r="S298" s="6">
        <v>36</v>
      </c>
      <c r="T298" s="6">
        <v>14</v>
      </c>
      <c r="U298" s="10" t="s">
        <v>55</v>
      </c>
      <c r="V298" s="6">
        <v>22</v>
      </c>
      <c r="W298" s="6">
        <v>2</v>
      </c>
      <c r="X298" s="6">
        <v>6</v>
      </c>
      <c r="Y298" s="6">
        <v>3</v>
      </c>
      <c r="Z298" s="6">
        <v>2</v>
      </c>
      <c r="AA298" s="10" t="s">
        <v>55</v>
      </c>
      <c r="AB298" s="6">
        <v>1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96</v>
      </c>
      <c r="I299" s="9" t="s">
        <v>6</v>
      </c>
      <c r="J299" s="9" t="s">
        <v>42</v>
      </c>
      <c r="K299" s="6">
        <v>20</v>
      </c>
      <c r="L299" s="6">
        <v>4</v>
      </c>
      <c r="M299" s="6">
        <v>3</v>
      </c>
      <c r="N299" s="6">
        <v>2</v>
      </c>
      <c r="O299" s="6">
        <v>1</v>
      </c>
      <c r="P299" s="10" t="s">
        <v>55</v>
      </c>
      <c r="Q299" s="10" t="s">
        <v>55</v>
      </c>
      <c r="R299" s="6">
        <v>1</v>
      </c>
      <c r="S299" s="6">
        <v>16</v>
      </c>
      <c r="T299" s="6">
        <v>9</v>
      </c>
      <c r="U299" s="10" t="s">
        <v>55</v>
      </c>
      <c r="V299" s="6">
        <v>7</v>
      </c>
      <c r="W299" s="10" t="s">
        <v>55</v>
      </c>
      <c r="X299" s="6">
        <v>1</v>
      </c>
      <c r="Y299" s="10" t="s">
        <v>55</v>
      </c>
      <c r="Z299" s="6">
        <v>1</v>
      </c>
      <c r="AA299" s="10" t="s">
        <v>55</v>
      </c>
      <c r="AB299" s="10" t="s">
        <v>55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96</v>
      </c>
      <c r="I300" s="9" t="s">
        <v>6</v>
      </c>
      <c r="J300" s="9" t="s">
        <v>43</v>
      </c>
      <c r="K300" s="6">
        <v>9</v>
      </c>
      <c r="L300" s="10" t="s">
        <v>55</v>
      </c>
      <c r="M300" s="10" t="s">
        <v>55</v>
      </c>
      <c r="N300" s="10" t="s">
        <v>55</v>
      </c>
      <c r="O300" s="10" t="s">
        <v>55</v>
      </c>
      <c r="P300" s="10" t="s">
        <v>55</v>
      </c>
      <c r="Q300" s="10" t="s">
        <v>55</v>
      </c>
      <c r="R300" s="10" t="s">
        <v>55</v>
      </c>
      <c r="S300" s="6">
        <v>9</v>
      </c>
      <c r="T300" s="6">
        <v>3</v>
      </c>
      <c r="U300" s="10" t="s">
        <v>55</v>
      </c>
      <c r="V300" s="6">
        <v>6</v>
      </c>
      <c r="W300" s="10" t="s">
        <v>55</v>
      </c>
      <c r="X300" s="10" t="s">
        <v>55</v>
      </c>
      <c r="Y300" s="10" t="s">
        <v>55</v>
      </c>
      <c r="Z300" s="10" t="s">
        <v>55</v>
      </c>
      <c r="AA300" s="10" t="s">
        <v>55</v>
      </c>
      <c r="AB300" s="10" t="s">
        <v>55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96</v>
      </c>
      <c r="I301" s="9" t="s">
        <v>6</v>
      </c>
      <c r="J301" s="9" t="s">
        <v>44</v>
      </c>
      <c r="K301" s="6">
        <v>6</v>
      </c>
      <c r="L301" s="10" t="s">
        <v>55</v>
      </c>
      <c r="M301" s="10" t="s">
        <v>55</v>
      </c>
      <c r="N301" s="10" t="s">
        <v>55</v>
      </c>
      <c r="O301" s="10" t="s">
        <v>55</v>
      </c>
      <c r="P301" s="10" t="s">
        <v>55</v>
      </c>
      <c r="Q301" s="10" t="s">
        <v>55</v>
      </c>
      <c r="R301" s="10" t="s">
        <v>55</v>
      </c>
      <c r="S301" s="6">
        <v>6</v>
      </c>
      <c r="T301" s="10" t="s">
        <v>55</v>
      </c>
      <c r="U301" s="10" t="s">
        <v>55</v>
      </c>
      <c r="V301" s="6">
        <v>6</v>
      </c>
      <c r="W301" s="10" t="s">
        <v>55</v>
      </c>
      <c r="X301" s="10" t="s">
        <v>55</v>
      </c>
      <c r="Y301" s="10" t="s">
        <v>55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96</v>
      </c>
      <c r="I302" s="9" t="s">
        <v>6</v>
      </c>
      <c r="J302" s="9" t="s">
        <v>45</v>
      </c>
      <c r="K302" s="6">
        <v>3</v>
      </c>
      <c r="L302" s="10" t="s">
        <v>55</v>
      </c>
      <c r="M302" s="10" t="s">
        <v>55</v>
      </c>
      <c r="N302" s="10" t="s">
        <v>55</v>
      </c>
      <c r="O302" s="10" t="s">
        <v>55</v>
      </c>
      <c r="P302" s="10" t="s">
        <v>55</v>
      </c>
      <c r="Q302" s="10" t="s">
        <v>55</v>
      </c>
      <c r="R302" s="10" t="s">
        <v>55</v>
      </c>
      <c r="S302" s="6">
        <v>3</v>
      </c>
      <c r="T302" s="6">
        <v>1</v>
      </c>
      <c r="U302" s="10" t="s">
        <v>55</v>
      </c>
      <c r="V302" s="6">
        <v>2</v>
      </c>
      <c r="W302" s="10" t="s">
        <v>55</v>
      </c>
      <c r="X302" s="10" t="s">
        <v>55</v>
      </c>
      <c r="Y302" s="10" t="s">
        <v>55</v>
      </c>
      <c r="Z302" s="10" t="s">
        <v>55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96</v>
      </c>
      <c r="I303" s="9" t="s">
        <v>6</v>
      </c>
      <c r="J303" s="9" t="s">
        <v>46</v>
      </c>
      <c r="K303" s="6">
        <v>2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6">
        <v>2</v>
      </c>
      <c r="T303" s="10" t="s">
        <v>55</v>
      </c>
      <c r="U303" s="10" t="s">
        <v>55</v>
      </c>
      <c r="V303" s="6">
        <v>2</v>
      </c>
      <c r="W303" s="10" t="s">
        <v>55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96</v>
      </c>
      <c r="I304" s="9" t="s">
        <v>6</v>
      </c>
      <c r="J304" s="9" t="s">
        <v>47</v>
      </c>
      <c r="K304" s="10" t="s">
        <v>55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10" t="s">
        <v>55</v>
      </c>
      <c r="T304" s="10" t="s">
        <v>55</v>
      </c>
      <c r="U304" s="10" t="s">
        <v>55</v>
      </c>
      <c r="V304" s="10" t="s">
        <v>55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96</v>
      </c>
      <c r="I305" s="9" t="s">
        <v>6</v>
      </c>
      <c r="J305" s="9" t="s">
        <v>48</v>
      </c>
      <c r="K305" s="6">
        <v>381</v>
      </c>
      <c r="L305" s="6">
        <v>278</v>
      </c>
      <c r="M305" s="6">
        <v>244</v>
      </c>
      <c r="N305" s="6">
        <v>228</v>
      </c>
      <c r="O305" s="6">
        <v>9</v>
      </c>
      <c r="P305" s="10" t="s">
        <v>55</v>
      </c>
      <c r="Q305" s="6">
        <v>7</v>
      </c>
      <c r="R305" s="6">
        <v>34</v>
      </c>
      <c r="S305" s="6">
        <v>101</v>
      </c>
      <c r="T305" s="6">
        <v>36</v>
      </c>
      <c r="U305" s="6">
        <v>42</v>
      </c>
      <c r="V305" s="6">
        <v>23</v>
      </c>
      <c r="W305" s="6">
        <v>2</v>
      </c>
      <c r="X305" s="6">
        <v>223</v>
      </c>
      <c r="Y305" s="6">
        <v>211</v>
      </c>
      <c r="Z305" s="6">
        <v>8</v>
      </c>
      <c r="AA305" s="10" t="s">
        <v>55</v>
      </c>
      <c r="AB305" s="6">
        <v>4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96</v>
      </c>
      <c r="I306" s="9" t="s">
        <v>6</v>
      </c>
      <c r="J306" s="9" t="s">
        <v>49</v>
      </c>
      <c r="K306" s="6">
        <v>87</v>
      </c>
      <c r="L306" s="6">
        <v>13</v>
      </c>
      <c r="M306" s="6">
        <v>11</v>
      </c>
      <c r="N306" s="6">
        <v>6</v>
      </c>
      <c r="O306" s="6">
        <v>3</v>
      </c>
      <c r="P306" s="10" t="s">
        <v>55</v>
      </c>
      <c r="Q306" s="6">
        <v>2</v>
      </c>
      <c r="R306" s="6">
        <v>2</v>
      </c>
      <c r="S306" s="6">
        <v>72</v>
      </c>
      <c r="T306" s="6">
        <v>27</v>
      </c>
      <c r="U306" s="10" t="s">
        <v>55</v>
      </c>
      <c r="V306" s="6">
        <v>45</v>
      </c>
      <c r="W306" s="6">
        <v>2</v>
      </c>
      <c r="X306" s="6">
        <v>7</v>
      </c>
      <c r="Y306" s="6">
        <v>3</v>
      </c>
      <c r="Z306" s="6">
        <v>3</v>
      </c>
      <c r="AA306" s="10" t="s">
        <v>55</v>
      </c>
      <c r="AB306" s="6">
        <v>1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96</v>
      </c>
      <c r="I307" s="9" t="s">
        <v>6</v>
      </c>
      <c r="J307" s="9" t="s">
        <v>50</v>
      </c>
      <c r="K307" s="6">
        <v>20</v>
      </c>
      <c r="L307" s="10" t="s">
        <v>55</v>
      </c>
      <c r="M307" s="10" t="s">
        <v>55</v>
      </c>
      <c r="N307" s="10" t="s">
        <v>55</v>
      </c>
      <c r="O307" s="10" t="s">
        <v>55</v>
      </c>
      <c r="P307" s="10" t="s">
        <v>55</v>
      </c>
      <c r="Q307" s="10" t="s">
        <v>55</v>
      </c>
      <c r="R307" s="10" t="s">
        <v>55</v>
      </c>
      <c r="S307" s="6">
        <v>20</v>
      </c>
      <c r="T307" s="6">
        <v>4</v>
      </c>
      <c r="U307" s="10" t="s">
        <v>55</v>
      </c>
      <c r="V307" s="6">
        <v>16</v>
      </c>
      <c r="W307" s="10" t="s">
        <v>55</v>
      </c>
      <c r="X307" s="10" t="s">
        <v>55</v>
      </c>
      <c r="Y307" s="10" t="s">
        <v>55</v>
      </c>
      <c r="Z307" s="10" t="s">
        <v>55</v>
      </c>
      <c r="AA307" s="10" t="s">
        <v>55</v>
      </c>
      <c r="AB307" s="10" t="s">
        <v>55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96</v>
      </c>
      <c r="I308" s="9" t="s">
        <v>6</v>
      </c>
      <c r="J308" s="9" t="s">
        <v>51</v>
      </c>
      <c r="K308" s="6">
        <v>5</v>
      </c>
      <c r="L308" s="10" t="s">
        <v>55</v>
      </c>
      <c r="M308" s="10" t="s">
        <v>55</v>
      </c>
      <c r="N308" s="10" t="s">
        <v>55</v>
      </c>
      <c r="O308" s="10" t="s">
        <v>55</v>
      </c>
      <c r="P308" s="10" t="s">
        <v>55</v>
      </c>
      <c r="Q308" s="10" t="s">
        <v>55</v>
      </c>
      <c r="R308" s="10" t="s">
        <v>55</v>
      </c>
      <c r="S308" s="6">
        <v>5</v>
      </c>
      <c r="T308" s="6">
        <v>1</v>
      </c>
      <c r="U308" s="10" t="s">
        <v>55</v>
      </c>
      <c r="V308" s="6">
        <v>4</v>
      </c>
      <c r="W308" s="10" t="s">
        <v>55</v>
      </c>
      <c r="X308" s="10" t="s">
        <v>55</v>
      </c>
      <c r="Y308" s="10" t="s">
        <v>55</v>
      </c>
      <c r="Z308" s="10" t="s">
        <v>55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96</v>
      </c>
      <c r="I309" s="9" t="s">
        <v>6</v>
      </c>
      <c r="J309" s="9" t="s">
        <v>52</v>
      </c>
      <c r="K309" s="6">
        <v>388</v>
      </c>
      <c r="L309" s="6">
        <v>285</v>
      </c>
      <c r="M309" s="6">
        <v>250</v>
      </c>
      <c r="N309" s="6">
        <v>231</v>
      </c>
      <c r="O309" s="6">
        <v>11</v>
      </c>
      <c r="P309" s="10" t="s">
        <v>55</v>
      </c>
      <c r="Q309" s="6">
        <v>8</v>
      </c>
      <c r="R309" s="6">
        <v>35</v>
      </c>
      <c r="S309" s="6">
        <v>99</v>
      </c>
      <c r="T309" s="6">
        <v>50</v>
      </c>
      <c r="U309" s="6">
        <v>4</v>
      </c>
      <c r="V309" s="6">
        <v>45</v>
      </c>
      <c r="W309" s="6">
        <v>4</v>
      </c>
      <c r="X309" s="6">
        <v>227</v>
      </c>
      <c r="Y309" s="6">
        <v>213</v>
      </c>
      <c r="Z309" s="6">
        <v>10</v>
      </c>
      <c r="AA309" s="10" t="s">
        <v>55</v>
      </c>
      <c r="AB309" s="6">
        <v>4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96</v>
      </c>
      <c r="I310" s="9" t="s">
        <v>53</v>
      </c>
      <c r="J310" s="9" t="s">
        <v>30</v>
      </c>
      <c r="K310" s="6">
        <v>296</v>
      </c>
      <c r="L310" s="6">
        <v>198</v>
      </c>
      <c r="M310" s="6">
        <v>173</v>
      </c>
      <c r="N310" s="6">
        <v>160</v>
      </c>
      <c r="O310" s="6">
        <v>6</v>
      </c>
      <c r="P310" s="10" t="s">
        <v>55</v>
      </c>
      <c r="Q310" s="6">
        <v>7</v>
      </c>
      <c r="R310" s="6">
        <v>25</v>
      </c>
      <c r="S310" s="6">
        <v>95</v>
      </c>
      <c r="T310" s="6">
        <v>29</v>
      </c>
      <c r="U310" s="6">
        <v>18</v>
      </c>
      <c r="V310" s="6">
        <v>48</v>
      </c>
      <c r="W310" s="6">
        <v>3</v>
      </c>
      <c r="X310" s="6">
        <v>151</v>
      </c>
      <c r="Y310" s="6">
        <v>143</v>
      </c>
      <c r="Z310" s="6">
        <v>5</v>
      </c>
      <c r="AA310" s="10" t="s">
        <v>55</v>
      </c>
      <c r="AB310" s="6">
        <v>3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96</v>
      </c>
      <c r="I311" s="9" t="s">
        <v>53</v>
      </c>
      <c r="J311" s="9" t="s">
        <v>31</v>
      </c>
      <c r="K311" s="6">
        <v>17</v>
      </c>
      <c r="L311" s="6">
        <v>1</v>
      </c>
      <c r="M311" s="6">
        <v>1</v>
      </c>
      <c r="N311" s="6">
        <v>1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6">
        <v>16</v>
      </c>
      <c r="T311" s="10" t="s">
        <v>55</v>
      </c>
      <c r="U311" s="6">
        <v>16</v>
      </c>
      <c r="V311" s="10" t="s">
        <v>55</v>
      </c>
      <c r="W311" s="10" t="s">
        <v>55</v>
      </c>
      <c r="X311" s="6">
        <v>1</v>
      </c>
      <c r="Y311" s="6">
        <v>1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96</v>
      </c>
      <c r="I312" s="9" t="s">
        <v>53</v>
      </c>
      <c r="J312" s="9" t="s">
        <v>32</v>
      </c>
      <c r="K312" s="6">
        <v>15</v>
      </c>
      <c r="L312" s="6">
        <v>12</v>
      </c>
      <c r="M312" s="6">
        <v>12</v>
      </c>
      <c r="N312" s="6">
        <v>12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6">
        <v>3</v>
      </c>
      <c r="T312" s="10" t="s">
        <v>55</v>
      </c>
      <c r="U312" s="6">
        <v>2</v>
      </c>
      <c r="V312" s="6">
        <v>1</v>
      </c>
      <c r="W312" s="10" t="s">
        <v>55</v>
      </c>
      <c r="X312" s="6">
        <v>11</v>
      </c>
      <c r="Y312" s="6">
        <v>11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96</v>
      </c>
      <c r="I313" s="9" t="s">
        <v>53</v>
      </c>
      <c r="J313" s="9" t="s">
        <v>33</v>
      </c>
      <c r="K313" s="6">
        <v>24</v>
      </c>
      <c r="L313" s="6">
        <v>20</v>
      </c>
      <c r="M313" s="6">
        <v>17</v>
      </c>
      <c r="N313" s="6">
        <v>17</v>
      </c>
      <c r="O313" s="10" t="s">
        <v>55</v>
      </c>
      <c r="P313" s="10" t="s">
        <v>55</v>
      </c>
      <c r="Q313" s="10" t="s">
        <v>55</v>
      </c>
      <c r="R313" s="6">
        <v>3</v>
      </c>
      <c r="S313" s="6">
        <v>4</v>
      </c>
      <c r="T313" s="6">
        <v>3</v>
      </c>
      <c r="U313" s="10" t="s">
        <v>55</v>
      </c>
      <c r="V313" s="6">
        <v>1</v>
      </c>
      <c r="W313" s="10" t="s">
        <v>55</v>
      </c>
      <c r="X313" s="6">
        <v>15</v>
      </c>
      <c r="Y313" s="6">
        <v>15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96</v>
      </c>
      <c r="I314" s="9" t="s">
        <v>53</v>
      </c>
      <c r="J314" s="9" t="s">
        <v>34</v>
      </c>
      <c r="K314" s="6">
        <v>19</v>
      </c>
      <c r="L314" s="6">
        <v>17</v>
      </c>
      <c r="M314" s="6">
        <v>16</v>
      </c>
      <c r="N314" s="6">
        <v>15</v>
      </c>
      <c r="O314" s="6">
        <v>1</v>
      </c>
      <c r="P314" s="10" t="s">
        <v>55</v>
      </c>
      <c r="Q314" s="10" t="s">
        <v>55</v>
      </c>
      <c r="R314" s="6">
        <v>1</v>
      </c>
      <c r="S314" s="6">
        <v>2</v>
      </c>
      <c r="T314" s="10" t="s">
        <v>55</v>
      </c>
      <c r="U314" s="10" t="s">
        <v>55</v>
      </c>
      <c r="V314" s="6">
        <v>2</v>
      </c>
      <c r="W314" s="10" t="s">
        <v>55</v>
      </c>
      <c r="X314" s="6">
        <v>16</v>
      </c>
      <c r="Y314" s="6">
        <v>15</v>
      </c>
      <c r="Z314" s="6">
        <v>1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96</v>
      </c>
      <c r="I315" s="9" t="s">
        <v>53</v>
      </c>
      <c r="J315" s="9" t="s">
        <v>35</v>
      </c>
      <c r="K315" s="6">
        <v>26</v>
      </c>
      <c r="L315" s="6">
        <v>25</v>
      </c>
      <c r="M315" s="6">
        <v>21</v>
      </c>
      <c r="N315" s="6">
        <v>20</v>
      </c>
      <c r="O315" s="10" t="s">
        <v>55</v>
      </c>
      <c r="P315" s="10" t="s">
        <v>55</v>
      </c>
      <c r="Q315" s="6">
        <v>1</v>
      </c>
      <c r="R315" s="6">
        <v>4</v>
      </c>
      <c r="S315" s="6">
        <v>1</v>
      </c>
      <c r="T315" s="6">
        <v>1</v>
      </c>
      <c r="U315" s="10" t="s">
        <v>55</v>
      </c>
      <c r="V315" s="10" t="s">
        <v>55</v>
      </c>
      <c r="W315" s="10" t="s">
        <v>55</v>
      </c>
      <c r="X315" s="6">
        <v>19</v>
      </c>
      <c r="Y315" s="6">
        <v>19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96</v>
      </c>
      <c r="I316" s="9" t="s">
        <v>53</v>
      </c>
      <c r="J316" s="9" t="s">
        <v>36</v>
      </c>
      <c r="K316" s="6">
        <v>25</v>
      </c>
      <c r="L316" s="6">
        <v>22</v>
      </c>
      <c r="M316" s="6">
        <v>19</v>
      </c>
      <c r="N316" s="6">
        <v>18</v>
      </c>
      <c r="O316" s="10" t="s">
        <v>55</v>
      </c>
      <c r="P316" s="10" t="s">
        <v>55</v>
      </c>
      <c r="Q316" s="6">
        <v>1</v>
      </c>
      <c r="R316" s="6">
        <v>3</v>
      </c>
      <c r="S316" s="6">
        <v>3</v>
      </c>
      <c r="T316" s="6">
        <v>1</v>
      </c>
      <c r="U316" s="10" t="s">
        <v>55</v>
      </c>
      <c r="V316" s="6">
        <v>2</v>
      </c>
      <c r="W316" s="10" t="s">
        <v>55</v>
      </c>
      <c r="X316" s="6">
        <v>17</v>
      </c>
      <c r="Y316" s="6">
        <v>17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96</v>
      </c>
      <c r="I317" s="9" t="s">
        <v>53</v>
      </c>
      <c r="J317" s="9" t="s">
        <v>37</v>
      </c>
      <c r="K317" s="6">
        <v>21</v>
      </c>
      <c r="L317" s="6">
        <v>19</v>
      </c>
      <c r="M317" s="6">
        <v>16</v>
      </c>
      <c r="N317" s="6">
        <v>15</v>
      </c>
      <c r="O317" s="10" t="s">
        <v>55</v>
      </c>
      <c r="P317" s="10" t="s">
        <v>55</v>
      </c>
      <c r="Q317" s="6">
        <v>1</v>
      </c>
      <c r="R317" s="6">
        <v>3</v>
      </c>
      <c r="S317" s="6">
        <v>2</v>
      </c>
      <c r="T317" s="10" t="s">
        <v>55</v>
      </c>
      <c r="U317" s="10" t="s">
        <v>55</v>
      </c>
      <c r="V317" s="6">
        <v>2</v>
      </c>
      <c r="W317" s="10" t="s">
        <v>55</v>
      </c>
      <c r="X317" s="6">
        <v>13</v>
      </c>
      <c r="Y317" s="6">
        <v>12</v>
      </c>
      <c r="Z317" s="10" t="s">
        <v>55</v>
      </c>
      <c r="AA317" s="10" t="s">
        <v>55</v>
      </c>
      <c r="AB317" s="6">
        <v>1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96</v>
      </c>
      <c r="I318" s="9" t="s">
        <v>53</v>
      </c>
      <c r="J318" s="9" t="s">
        <v>38</v>
      </c>
      <c r="K318" s="6">
        <v>19</v>
      </c>
      <c r="L318" s="6">
        <v>18</v>
      </c>
      <c r="M318" s="6">
        <v>15</v>
      </c>
      <c r="N318" s="6">
        <v>14</v>
      </c>
      <c r="O318" s="6">
        <v>1</v>
      </c>
      <c r="P318" s="10" t="s">
        <v>55</v>
      </c>
      <c r="Q318" s="10" t="s">
        <v>55</v>
      </c>
      <c r="R318" s="6">
        <v>3</v>
      </c>
      <c r="S318" s="6">
        <v>1</v>
      </c>
      <c r="T318" s="10" t="s">
        <v>55</v>
      </c>
      <c r="U318" s="10" t="s">
        <v>55</v>
      </c>
      <c r="V318" s="6">
        <v>1</v>
      </c>
      <c r="W318" s="10" t="s">
        <v>55</v>
      </c>
      <c r="X318" s="6">
        <v>14</v>
      </c>
      <c r="Y318" s="6">
        <v>13</v>
      </c>
      <c r="Z318" s="6">
        <v>1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96</v>
      </c>
      <c r="I319" s="9" t="s">
        <v>53</v>
      </c>
      <c r="J319" s="9" t="s">
        <v>39</v>
      </c>
      <c r="K319" s="6">
        <v>32</v>
      </c>
      <c r="L319" s="6">
        <v>27</v>
      </c>
      <c r="M319" s="6">
        <v>25</v>
      </c>
      <c r="N319" s="6">
        <v>22</v>
      </c>
      <c r="O319" s="6">
        <v>1</v>
      </c>
      <c r="P319" s="10" t="s">
        <v>55</v>
      </c>
      <c r="Q319" s="6">
        <v>2</v>
      </c>
      <c r="R319" s="6">
        <v>2</v>
      </c>
      <c r="S319" s="6">
        <v>5</v>
      </c>
      <c r="T319" s="6">
        <v>2</v>
      </c>
      <c r="U319" s="10" t="s">
        <v>55</v>
      </c>
      <c r="V319" s="6">
        <v>3</v>
      </c>
      <c r="W319" s="10" t="s">
        <v>55</v>
      </c>
      <c r="X319" s="6">
        <v>22</v>
      </c>
      <c r="Y319" s="6">
        <v>20</v>
      </c>
      <c r="Z319" s="10" t="s">
        <v>55</v>
      </c>
      <c r="AA319" s="10" t="s">
        <v>55</v>
      </c>
      <c r="AB319" s="6">
        <v>2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96</v>
      </c>
      <c r="I320" s="9" t="s">
        <v>53</v>
      </c>
      <c r="J320" s="9" t="s">
        <v>40</v>
      </c>
      <c r="K320" s="6">
        <v>39</v>
      </c>
      <c r="L320" s="6">
        <v>25</v>
      </c>
      <c r="M320" s="6">
        <v>21</v>
      </c>
      <c r="N320" s="6">
        <v>20</v>
      </c>
      <c r="O320" s="10" t="s">
        <v>55</v>
      </c>
      <c r="P320" s="10" t="s">
        <v>55</v>
      </c>
      <c r="Q320" s="6">
        <v>1</v>
      </c>
      <c r="R320" s="6">
        <v>4</v>
      </c>
      <c r="S320" s="6">
        <v>13</v>
      </c>
      <c r="T320" s="6">
        <v>6</v>
      </c>
      <c r="U320" s="10" t="s">
        <v>55</v>
      </c>
      <c r="V320" s="6">
        <v>7</v>
      </c>
      <c r="W320" s="6">
        <v>1</v>
      </c>
      <c r="X320" s="6">
        <v>17</v>
      </c>
      <c r="Y320" s="6">
        <v>17</v>
      </c>
      <c r="Z320" s="10" t="s">
        <v>55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96</v>
      </c>
      <c r="I321" s="9" t="s">
        <v>53</v>
      </c>
      <c r="J321" s="9" t="s">
        <v>41</v>
      </c>
      <c r="K321" s="6">
        <v>37</v>
      </c>
      <c r="L321" s="6">
        <v>8</v>
      </c>
      <c r="M321" s="6">
        <v>7</v>
      </c>
      <c r="N321" s="6">
        <v>4</v>
      </c>
      <c r="O321" s="6">
        <v>2</v>
      </c>
      <c r="P321" s="10" t="s">
        <v>55</v>
      </c>
      <c r="Q321" s="6">
        <v>1</v>
      </c>
      <c r="R321" s="6">
        <v>1</v>
      </c>
      <c r="S321" s="6">
        <v>27</v>
      </c>
      <c r="T321" s="6">
        <v>8</v>
      </c>
      <c r="U321" s="10" t="s">
        <v>55</v>
      </c>
      <c r="V321" s="6">
        <v>19</v>
      </c>
      <c r="W321" s="6">
        <v>2</v>
      </c>
      <c r="X321" s="6">
        <v>5</v>
      </c>
      <c r="Y321" s="6">
        <v>3</v>
      </c>
      <c r="Z321" s="6">
        <v>2</v>
      </c>
      <c r="AA321" s="10" t="s">
        <v>55</v>
      </c>
      <c r="AB321" s="10" t="s">
        <v>55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96</v>
      </c>
      <c r="I322" s="9" t="s">
        <v>53</v>
      </c>
      <c r="J322" s="9" t="s">
        <v>42</v>
      </c>
      <c r="K322" s="6">
        <v>16</v>
      </c>
      <c r="L322" s="6">
        <v>4</v>
      </c>
      <c r="M322" s="6">
        <v>3</v>
      </c>
      <c r="N322" s="6">
        <v>2</v>
      </c>
      <c r="O322" s="6">
        <v>1</v>
      </c>
      <c r="P322" s="10" t="s">
        <v>55</v>
      </c>
      <c r="Q322" s="10" t="s">
        <v>55</v>
      </c>
      <c r="R322" s="6">
        <v>1</v>
      </c>
      <c r="S322" s="6">
        <v>12</v>
      </c>
      <c r="T322" s="6">
        <v>6</v>
      </c>
      <c r="U322" s="10" t="s">
        <v>55</v>
      </c>
      <c r="V322" s="6">
        <v>6</v>
      </c>
      <c r="W322" s="10" t="s">
        <v>55</v>
      </c>
      <c r="X322" s="6">
        <v>1</v>
      </c>
      <c r="Y322" s="10" t="s">
        <v>55</v>
      </c>
      <c r="Z322" s="6">
        <v>1</v>
      </c>
      <c r="AA322" s="10" t="s">
        <v>55</v>
      </c>
      <c r="AB322" s="10" t="s">
        <v>55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96</v>
      </c>
      <c r="I323" s="9" t="s">
        <v>53</v>
      </c>
      <c r="J323" s="9" t="s">
        <v>43</v>
      </c>
      <c r="K323" s="6">
        <v>4</v>
      </c>
      <c r="L323" s="10" t="s">
        <v>55</v>
      </c>
      <c r="M323" s="10" t="s">
        <v>55</v>
      </c>
      <c r="N323" s="10" t="s">
        <v>55</v>
      </c>
      <c r="O323" s="10" t="s">
        <v>55</v>
      </c>
      <c r="P323" s="10" t="s">
        <v>55</v>
      </c>
      <c r="Q323" s="10" t="s">
        <v>55</v>
      </c>
      <c r="R323" s="10" t="s">
        <v>55</v>
      </c>
      <c r="S323" s="6">
        <v>4</v>
      </c>
      <c r="T323" s="6">
        <v>2</v>
      </c>
      <c r="U323" s="10" t="s">
        <v>55</v>
      </c>
      <c r="V323" s="6">
        <v>2</v>
      </c>
      <c r="W323" s="10" t="s">
        <v>55</v>
      </c>
      <c r="X323" s="10" t="s">
        <v>55</v>
      </c>
      <c r="Y323" s="10" t="s">
        <v>55</v>
      </c>
      <c r="Z323" s="10" t="s">
        <v>55</v>
      </c>
      <c r="AA323" s="10" t="s">
        <v>55</v>
      </c>
      <c r="AB323" s="10" t="s">
        <v>55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96</v>
      </c>
      <c r="I324" s="9" t="s">
        <v>53</v>
      </c>
      <c r="J324" s="9" t="s">
        <v>44</v>
      </c>
      <c r="K324" s="6">
        <v>2</v>
      </c>
      <c r="L324" s="10" t="s">
        <v>55</v>
      </c>
      <c r="M324" s="10" t="s">
        <v>55</v>
      </c>
      <c r="N324" s="10" t="s">
        <v>55</v>
      </c>
      <c r="O324" s="10" t="s">
        <v>55</v>
      </c>
      <c r="P324" s="10" t="s">
        <v>55</v>
      </c>
      <c r="Q324" s="10" t="s">
        <v>55</v>
      </c>
      <c r="R324" s="10" t="s">
        <v>55</v>
      </c>
      <c r="S324" s="6">
        <v>2</v>
      </c>
      <c r="T324" s="10" t="s">
        <v>55</v>
      </c>
      <c r="U324" s="10" t="s">
        <v>55</v>
      </c>
      <c r="V324" s="6">
        <v>2</v>
      </c>
      <c r="W324" s="10" t="s">
        <v>55</v>
      </c>
      <c r="X324" s="10" t="s">
        <v>55</v>
      </c>
      <c r="Y324" s="10" t="s">
        <v>55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96</v>
      </c>
      <c r="I325" s="9" t="s">
        <v>53</v>
      </c>
      <c r="J325" s="9" t="s">
        <v>45</v>
      </c>
      <c r="K325" s="10" t="s">
        <v>55</v>
      </c>
      <c r="L325" s="10" t="s">
        <v>55</v>
      </c>
      <c r="M325" s="10" t="s">
        <v>55</v>
      </c>
      <c r="N325" s="10" t="s">
        <v>55</v>
      </c>
      <c r="O325" s="10" t="s">
        <v>55</v>
      </c>
      <c r="P325" s="10" t="s">
        <v>55</v>
      </c>
      <c r="Q325" s="10" t="s">
        <v>55</v>
      </c>
      <c r="R325" s="10" t="s">
        <v>55</v>
      </c>
      <c r="S325" s="10" t="s">
        <v>55</v>
      </c>
      <c r="T325" s="10" t="s">
        <v>55</v>
      </c>
      <c r="U325" s="10" t="s">
        <v>55</v>
      </c>
      <c r="V325" s="10" t="s">
        <v>55</v>
      </c>
      <c r="W325" s="10" t="s">
        <v>55</v>
      </c>
      <c r="X325" s="10" t="s">
        <v>55</v>
      </c>
      <c r="Y325" s="10" t="s">
        <v>55</v>
      </c>
      <c r="Z325" s="10" t="s">
        <v>55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96</v>
      </c>
      <c r="I326" s="9" t="s">
        <v>53</v>
      </c>
      <c r="J326" s="9" t="s">
        <v>46</v>
      </c>
      <c r="K326" s="10" t="s">
        <v>55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10" t="s">
        <v>55</v>
      </c>
      <c r="T326" s="10" t="s">
        <v>55</v>
      </c>
      <c r="U326" s="10" t="s">
        <v>55</v>
      </c>
      <c r="V326" s="10" t="s">
        <v>55</v>
      </c>
      <c r="W326" s="10" t="s">
        <v>55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96</v>
      </c>
      <c r="I327" s="9" t="s">
        <v>53</v>
      </c>
      <c r="J327" s="9" t="s">
        <v>47</v>
      </c>
      <c r="K327" s="10" t="s">
        <v>55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10" t="s">
        <v>55</v>
      </c>
      <c r="T327" s="10" t="s">
        <v>55</v>
      </c>
      <c r="U327" s="10" t="s">
        <v>55</v>
      </c>
      <c r="V327" s="10" t="s">
        <v>55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96</v>
      </c>
      <c r="I328" s="9" t="s">
        <v>53</v>
      </c>
      <c r="J328" s="9" t="s">
        <v>48</v>
      </c>
      <c r="K328" s="6">
        <v>237</v>
      </c>
      <c r="L328" s="6">
        <v>186</v>
      </c>
      <c r="M328" s="6">
        <v>163</v>
      </c>
      <c r="N328" s="6">
        <v>154</v>
      </c>
      <c r="O328" s="6">
        <v>3</v>
      </c>
      <c r="P328" s="10" t="s">
        <v>55</v>
      </c>
      <c r="Q328" s="6">
        <v>6</v>
      </c>
      <c r="R328" s="6">
        <v>23</v>
      </c>
      <c r="S328" s="6">
        <v>50</v>
      </c>
      <c r="T328" s="6">
        <v>13</v>
      </c>
      <c r="U328" s="6">
        <v>18</v>
      </c>
      <c r="V328" s="6">
        <v>19</v>
      </c>
      <c r="W328" s="6">
        <v>1</v>
      </c>
      <c r="X328" s="6">
        <v>145</v>
      </c>
      <c r="Y328" s="6">
        <v>140</v>
      </c>
      <c r="Z328" s="6">
        <v>2</v>
      </c>
      <c r="AA328" s="10" t="s">
        <v>55</v>
      </c>
      <c r="AB328" s="6">
        <v>3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96</v>
      </c>
      <c r="I329" s="9" t="s">
        <v>53</v>
      </c>
      <c r="J329" s="9" t="s">
        <v>49</v>
      </c>
      <c r="K329" s="6">
        <v>59</v>
      </c>
      <c r="L329" s="6">
        <v>12</v>
      </c>
      <c r="M329" s="6">
        <v>10</v>
      </c>
      <c r="N329" s="6">
        <v>6</v>
      </c>
      <c r="O329" s="6">
        <v>3</v>
      </c>
      <c r="P329" s="10" t="s">
        <v>55</v>
      </c>
      <c r="Q329" s="6">
        <v>1</v>
      </c>
      <c r="R329" s="6">
        <v>2</v>
      </c>
      <c r="S329" s="6">
        <v>45</v>
      </c>
      <c r="T329" s="6">
        <v>16</v>
      </c>
      <c r="U329" s="10" t="s">
        <v>55</v>
      </c>
      <c r="V329" s="6">
        <v>29</v>
      </c>
      <c r="W329" s="6">
        <v>2</v>
      </c>
      <c r="X329" s="6">
        <v>6</v>
      </c>
      <c r="Y329" s="6">
        <v>3</v>
      </c>
      <c r="Z329" s="6">
        <v>3</v>
      </c>
      <c r="AA329" s="10" t="s">
        <v>55</v>
      </c>
      <c r="AB329" s="10" t="s">
        <v>55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96</v>
      </c>
      <c r="I330" s="9" t="s">
        <v>53</v>
      </c>
      <c r="J330" s="9" t="s">
        <v>50</v>
      </c>
      <c r="K330" s="6">
        <v>6</v>
      </c>
      <c r="L330" s="10" t="s">
        <v>55</v>
      </c>
      <c r="M330" s="10" t="s">
        <v>55</v>
      </c>
      <c r="N330" s="10" t="s">
        <v>55</v>
      </c>
      <c r="O330" s="10" t="s">
        <v>55</v>
      </c>
      <c r="P330" s="10" t="s">
        <v>55</v>
      </c>
      <c r="Q330" s="10" t="s">
        <v>55</v>
      </c>
      <c r="R330" s="10" t="s">
        <v>55</v>
      </c>
      <c r="S330" s="6">
        <v>6</v>
      </c>
      <c r="T330" s="6">
        <v>2</v>
      </c>
      <c r="U330" s="10" t="s">
        <v>55</v>
      </c>
      <c r="V330" s="6">
        <v>4</v>
      </c>
      <c r="W330" s="10" t="s">
        <v>55</v>
      </c>
      <c r="X330" s="10" t="s">
        <v>55</v>
      </c>
      <c r="Y330" s="10" t="s">
        <v>55</v>
      </c>
      <c r="Z330" s="10" t="s">
        <v>55</v>
      </c>
      <c r="AA330" s="10" t="s">
        <v>55</v>
      </c>
      <c r="AB330" s="10" t="s">
        <v>55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96</v>
      </c>
      <c r="I331" s="9" t="s">
        <v>53</v>
      </c>
      <c r="J331" s="9" t="s">
        <v>51</v>
      </c>
      <c r="K331" s="10" t="s">
        <v>55</v>
      </c>
      <c r="L331" s="10" t="s">
        <v>55</v>
      </c>
      <c r="M331" s="10" t="s">
        <v>55</v>
      </c>
      <c r="N331" s="10" t="s">
        <v>55</v>
      </c>
      <c r="O331" s="10" t="s">
        <v>55</v>
      </c>
      <c r="P331" s="10" t="s">
        <v>55</v>
      </c>
      <c r="Q331" s="10" t="s">
        <v>55</v>
      </c>
      <c r="R331" s="10" t="s">
        <v>55</v>
      </c>
      <c r="S331" s="10" t="s">
        <v>55</v>
      </c>
      <c r="T331" s="10" t="s">
        <v>55</v>
      </c>
      <c r="U331" s="10" t="s">
        <v>55</v>
      </c>
      <c r="V331" s="10" t="s">
        <v>55</v>
      </c>
      <c r="W331" s="10" t="s">
        <v>55</v>
      </c>
      <c r="X331" s="10" t="s">
        <v>55</v>
      </c>
      <c r="Y331" s="10" t="s">
        <v>55</v>
      </c>
      <c r="Z331" s="10" t="s">
        <v>55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96</v>
      </c>
      <c r="I332" s="9" t="s">
        <v>53</v>
      </c>
      <c r="J332" s="9" t="s">
        <v>52</v>
      </c>
      <c r="K332" s="6">
        <v>257</v>
      </c>
      <c r="L332" s="6">
        <v>193</v>
      </c>
      <c r="M332" s="6">
        <v>169</v>
      </c>
      <c r="N332" s="6">
        <v>157</v>
      </c>
      <c r="O332" s="6">
        <v>5</v>
      </c>
      <c r="P332" s="10" t="s">
        <v>55</v>
      </c>
      <c r="Q332" s="6">
        <v>7</v>
      </c>
      <c r="R332" s="6">
        <v>24</v>
      </c>
      <c r="S332" s="6">
        <v>61</v>
      </c>
      <c r="T332" s="6">
        <v>21</v>
      </c>
      <c r="U332" s="6">
        <v>2</v>
      </c>
      <c r="V332" s="6">
        <v>38</v>
      </c>
      <c r="W332" s="6">
        <v>3</v>
      </c>
      <c r="X332" s="6">
        <v>149</v>
      </c>
      <c r="Y332" s="6">
        <v>142</v>
      </c>
      <c r="Z332" s="6">
        <v>4</v>
      </c>
      <c r="AA332" s="10" t="s">
        <v>55</v>
      </c>
      <c r="AB332" s="6">
        <v>3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96</v>
      </c>
      <c r="I333" s="9" t="s">
        <v>54</v>
      </c>
      <c r="J333" s="9" t="s">
        <v>30</v>
      </c>
      <c r="K333" s="6">
        <v>172</v>
      </c>
      <c r="L333" s="6">
        <v>93</v>
      </c>
      <c r="M333" s="6">
        <v>82</v>
      </c>
      <c r="N333" s="6">
        <v>74</v>
      </c>
      <c r="O333" s="6">
        <v>6</v>
      </c>
      <c r="P333" s="10" t="s">
        <v>55</v>
      </c>
      <c r="Q333" s="6">
        <v>2</v>
      </c>
      <c r="R333" s="6">
        <v>11</v>
      </c>
      <c r="S333" s="6">
        <v>78</v>
      </c>
      <c r="T333" s="6">
        <v>34</v>
      </c>
      <c r="U333" s="6">
        <v>24</v>
      </c>
      <c r="V333" s="6">
        <v>20</v>
      </c>
      <c r="W333" s="6">
        <v>1</v>
      </c>
      <c r="X333" s="6">
        <v>79</v>
      </c>
      <c r="Y333" s="6">
        <v>71</v>
      </c>
      <c r="Z333" s="6">
        <v>6</v>
      </c>
      <c r="AA333" s="10" t="s">
        <v>55</v>
      </c>
      <c r="AB333" s="6">
        <v>2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96</v>
      </c>
      <c r="I334" s="9" t="s">
        <v>54</v>
      </c>
      <c r="J334" s="9" t="s">
        <v>31</v>
      </c>
      <c r="K334" s="6">
        <v>23</v>
      </c>
      <c r="L334" s="6">
        <v>1</v>
      </c>
      <c r="M334" s="6">
        <v>1</v>
      </c>
      <c r="N334" s="10" t="s">
        <v>55</v>
      </c>
      <c r="O334" s="10" t="s">
        <v>55</v>
      </c>
      <c r="P334" s="10" t="s">
        <v>55</v>
      </c>
      <c r="Q334" s="6">
        <v>1</v>
      </c>
      <c r="R334" s="10" t="s">
        <v>55</v>
      </c>
      <c r="S334" s="6">
        <v>22</v>
      </c>
      <c r="T334" s="10" t="s">
        <v>55</v>
      </c>
      <c r="U334" s="6">
        <v>22</v>
      </c>
      <c r="V334" s="10" t="s">
        <v>55</v>
      </c>
      <c r="W334" s="10" t="s">
        <v>55</v>
      </c>
      <c r="X334" s="6">
        <v>1</v>
      </c>
      <c r="Y334" s="10" t="s">
        <v>55</v>
      </c>
      <c r="Z334" s="10" t="s">
        <v>55</v>
      </c>
      <c r="AA334" s="10" t="s">
        <v>55</v>
      </c>
      <c r="AB334" s="6">
        <v>1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96</v>
      </c>
      <c r="I335" s="9" t="s">
        <v>54</v>
      </c>
      <c r="J335" s="9" t="s">
        <v>32</v>
      </c>
      <c r="K335" s="6">
        <v>20</v>
      </c>
      <c r="L335" s="6">
        <v>15</v>
      </c>
      <c r="M335" s="6">
        <v>14</v>
      </c>
      <c r="N335" s="6">
        <v>14</v>
      </c>
      <c r="O335" s="10" t="s">
        <v>55</v>
      </c>
      <c r="P335" s="10" t="s">
        <v>55</v>
      </c>
      <c r="Q335" s="10" t="s">
        <v>55</v>
      </c>
      <c r="R335" s="6">
        <v>1</v>
      </c>
      <c r="S335" s="6">
        <v>5</v>
      </c>
      <c r="T335" s="6">
        <v>2</v>
      </c>
      <c r="U335" s="6">
        <v>2</v>
      </c>
      <c r="V335" s="6">
        <v>1</v>
      </c>
      <c r="W335" s="10" t="s">
        <v>55</v>
      </c>
      <c r="X335" s="6">
        <v>12</v>
      </c>
      <c r="Y335" s="6">
        <v>12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96</v>
      </c>
      <c r="I336" s="9" t="s">
        <v>54</v>
      </c>
      <c r="J336" s="9" t="s">
        <v>33</v>
      </c>
      <c r="K336" s="6">
        <v>12</v>
      </c>
      <c r="L336" s="6">
        <v>11</v>
      </c>
      <c r="M336" s="6">
        <v>9</v>
      </c>
      <c r="N336" s="6">
        <v>9</v>
      </c>
      <c r="O336" s="10" t="s">
        <v>55</v>
      </c>
      <c r="P336" s="10" t="s">
        <v>55</v>
      </c>
      <c r="Q336" s="10" t="s">
        <v>55</v>
      </c>
      <c r="R336" s="6">
        <v>2</v>
      </c>
      <c r="S336" s="6">
        <v>1</v>
      </c>
      <c r="T336" s="6">
        <v>1</v>
      </c>
      <c r="U336" s="10" t="s">
        <v>55</v>
      </c>
      <c r="V336" s="10" t="s">
        <v>55</v>
      </c>
      <c r="W336" s="10" t="s">
        <v>55</v>
      </c>
      <c r="X336" s="6">
        <v>9</v>
      </c>
      <c r="Y336" s="6">
        <v>9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96</v>
      </c>
      <c r="I337" s="9" t="s">
        <v>54</v>
      </c>
      <c r="J337" s="9" t="s">
        <v>34</v>
      </c>
      <c r="K337" s="6">
        <v>13</v>
      </c>
      <c r="L337" s="6">
        <v>12</v>
      </c>
      <c r="M337" s="6">
        <v>12</v>
      </c>
      <c r="N337" s="6">
        <v>12</v>
      </c>
      <c r="O337" s="10" t="s">
        <v>55</v>
      </c>
      <c r="P337" s="10" t="s">
        <v>55</v>
      </c>
      <c r="Q337" s="10" t="s">
        <v>55</v>
      </c>
      <c r="R337" s="10" t="s">
        <v>55</v>
      </c>
      <c r="S337" s="6">
        <v>1</v>
      </c>
      <c r="T337" s="6">
        <v>1</v>
      </c>
      <c r="U337" s="10" t="s">
        <v>55</v>
      </c>
      <c r="V337" s="10" t="s">
        <v>55</v>
      </c>
      <c r="W337" s="10" t="s">
        <v>55</v>
      </c>
      <c r="X337" s="6">
        <v>11</v>
      </c>
      <c r="Y337" s="6">
        <v>11</v>
      </c>
      <c r="Z337" s="10" t="s">
        <v>55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96</v>
      </c>
      <c r="I338" s="9" t="s">
        <v>54</v>
      </c>
      <c r="J338" s="9" t="s">
        <v>35</v>
      </c>
      <c r="K338" s="6">
        <v>14</v>
      </c>
      <c r="L338" s="6">
        <v>11</v>
      </c>
      <c r="M338" s="6">
        <v>9</v>
      </c>
      <c r="N338" s="6">
        <v>9</v>
      </c>
      <c r="O338" s="10" t="s">
        <v>55</v>
      </c>
      <c r="P338" s="10" t="s">
        <v>55</v>
      </c>
      <c r="Q338" s="10" t="s">
        <v>55</v>
      </c>
      <c r="R338" s="6">
        <v>2</v>
      </c>
      <c r="S338" s="6">
        <v>3</v>
      </c>
      <c r="T338" s="6">
        <v>3</v>
      </c>
      <c r="U338" s="10" t="s">
        <v>55</v>
      </c>
      <c r="V338" s="10" t="s">
        <v>55</v>
      </c>
      <c r="W338" s="10" t="s">
        <v>55</v>
      </c>
      <c r="X338" s="6">
        <v>9</v>
      </c>
      <c r="Y338" s="6">
        <v>9</v>
      </c>
      <c r="Z338" s="10" t="s">
        <v>55</v>
      </c>
      <c r="AA338" s="10" t="s">
        <v>55</v>
      </c>
      <c r="AB338" s="10" t="s">
        <v>55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96</v>
      </c>
      <c r="I339" s="9" t="s">
        <v>54</v>
      </c>
      <c r="J339" s="9" t="s">
        <v>36</v>
      </c>
      <c r="K339" s="6">
        <v>14</v>
      </c>
      <c r="L339" s="6">
        <v>12</v>
      </c>
      <c r="M339" s="6">
        <v>12</v>
      </c>
      <c r="N339" s="6">
        <v>10</v>
      </c>
      <c r="O339" s="6">
        <v>2</v>
      </c>
      <c r="P339" s="10" t="s">
        <v>55</v>
      </c>
      <c r="Q339" s="10" t="s">
        <v>55</v>
      </c>
      <c r="R339" s="10" t="s">
        <v>55</v>
      </c>
      <c r="S339" s="6">
        <v>1</v>
      </c>
      <c r="T339" s="6">
        <v>1</v>
      </c>
      <c r="U339" s="10" t="s">
        <v>55</v>
      </c>
      <c r="V339" s="10" t="s">
        <v>55</v>
      </c>
      <c r="W339" s="6">
        <v>1</v>
      </c>
      <c r="X339" s="6">
        <v>12</v>
      </c>
      <c r="Y339" s="6">
        <v>10</v>
      </c>
      <c r="Z339" s="6">
        <v>2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96</v>
      </c>
      <c r="I340" s="9" t="s">
        <v>54</v>
      </c>
      <c r="J340" s="9" t="s">
        <v>37</v>
      </c>
      <c r="K340" s="6">
        <v>11</v>
      </c>
      <c r="L340" s="6">
        <v>10</v>
      </c>
      <c r="M340" s="6">
        <v>8</v>
      </c>
      <c r="N340" s="6">
        <v>6</v>
      </c>
      <c r="O340" s="6">
        <v>2</v>
      </c>
      <c r="P340" s="10" t="s">
        <v>55</v>
      </c>
      <c r="Q340" s="10" t="s">
        <v>55</v>
      </c>
      <c r="R340" s="6">
        <v>2</v>
      </c>
      <c r="S340" s="6">
        <v>1</v>
      </c>
      <c r="T340" s="6">
        <v>1</v>
      </c>
      <c r="U340" s="10" t="s">
        <v>55</v>
      </c>
      <c r="V340" s="10" t="s">
        <v>55</v>
      </c>
      <c r="W340" s="10" t="s">
        <v>55</v>
      </c>
      <c r="X340" s="6">
        <v>8</v>
      </c>
      <c r="Y340" s="6">
        <v>6</v>
      </c>
      <c r="Z340" s="6">
        <v>2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96</v>
      </c>
      <c r="I341" s="9" t="s">
        <v>54</v>
      </c>
      <c r="J341" s="9" t="s">
        <v>38</v>
      </c>
      <c r="K341" s="6">
        <v>11</v>
      </c>
      <c r="L341" s="6">
        <v>3</v>
      </c>
      <c r="M341" s="6">
        <v>2</v>
      </c>
      <c r="N341" s="6">
        <v>1</v>
      </c>
      <c r="O341" s="6">
        <v>1</v>
      </c>
      <c r="P341" s="10" t="s">
        <v>55</v>
      </c>
      <c r="Q341" s="10" t="s">
        <v>55</v>
      </c>
      <c r="R341" s="6">
        <v>1</v>
      </c>
      <c r="S341" s="6">
        <v>8</v>
      </c>
      <c r="T341" s="6">
        <v>8</v>
      </c>
      <c r="U341" s="10" t="s">
        <v>55</v>
      </c>
      <c r="V341" s="10" t="s">
        <v>55</v>
      </c>
      <c r="W341" s="10" t="s">
        <v>55</v>
      </c>
      <c r="X341" s="6">
        <v>2</v>
      </c>
      <c r="Y341" s="6">
        <v>1</v>
      </c>
      <c r="Z341" s="6">
        <v>1</v>
      </c>
      <c r="AA341" s="10" t="s">
        <v>55</v>
      </c>
      <c r="AB341" s="10" t="s">
        <v>55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96</v>
      </c>
      <c r="I342" s="9" t="s">
        <v>54</v>
      </c>
      <c r="J342" s="9" t="s">
        <v>39</v>
      </c>
      <c r="K342" s="6">
        <v>14</v>
      </c>
      <c r="L342" s="6">
        <v>12</v>
      </c>
      <c r="M342" s="6">
        <v>11</v>
      </c>
      <c r="N342" s="6">
        <v>10</v>
      </c>
      <c r="O342" s="6">
        <v>1</v>
      </c>
      <c r="P342" s="10" t="s">
        <v>55</v>
      </c>
      <c r="Q342" s="10" t="s">
        <v>55</v>
      </c>
      <c r="R342" s="6">
        <v>1</v>
      </c>
      <c r="S342" s="6">
        <v>2</v>
      </c>
      <c r="T342" s="6">
        <v>2</v>
      </c>
      <c r="U342" s="10" t="s">
        <v>55</v>
      </c>
      <c r="V342" s="10" t="s">
        <v>55</v>
      </c>
      <c r="W342" s="10" t="s">
        <v>55</v>
      </c>
      <c r="X342" s="6">
        <v>11</v>
      </c>
      <c r="Y342" s="6">
        <v>10</v>
      </c>
      <c r="Z342" s="6">
        <v>1</v>
      </c>
      <c r="AA342" s="10" t="s">
        <v>55</v>
      </c>
      <c r="AB342" s="10" t="s">
        <v>55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96</v>
      </c>
      <c r="I343" s="9" t="s">
        <v>54</v>
      </c>
      <c r="J343" s="9" t="s">
        <v>40</v>
      </c>
      <c r="K343" s="6">
        <v>12</v>
      </c>
      <c r="L343" s="6">
        <v>5</v>
      </c>
      <c r="M343" s="6">
        <v>3</v>
      </c>
      <c r="N343" s="6">
        <v>3</v>
      </c>
      <c r="O343" s="10" t="s">
        <v>55</v>
      </c>
      <c r="P343" s="10" t="s">
        <v>55</v>
      </c>
      <c r="Q343" s="10" t="s">
        <v>55</v>
      </c>
      <c r="R343" s="6">
        <v>2</v>
      </c>
      <c r="S343" s="6">
        <v>7</v>
      </c>
      <c r="T343" s="6">
        <v>4</v>
      </c>
      <c r="U343" s="10" t="s">
        <v>55</v>
      </c>
      <c r="V343" s="6">
        <v>3</v>
      </c>
      <c r="W343" s="10" t="s">
        <v>55</v>
      </c>
      <c r="X343" s="6">
        <v>3</v>
      </c>
      <c r="Y343" s="6">
        <v>3</v>
      </c>
      <c r="Z343" s="10" t="s">
        <v>55</v>
      </c>
      <c r="AA343" s="10" t="s">
        <v>55</v>
      </c>
      <c r="AB343" s="10" t="s">
        <v>55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96</v>
      </c>
      <c r="I344" s="9" t="s">
        <v>54</v>
      </c>
      <c r="J344" s="9" t="s">
        <v>41</v>
      </c>
      <c r="K344" s="6">
        <v>10</v>
      </c>
      <c r="L344" s="6">
        <v>1</v>
      </c>
      <c r="M344" s="6">
        <v>1</v>
      </c>
      <c r="N344" s="10" t="s">
        <v>55</v>
      </c>
      <c r="O344" s="10" t="s">
        <v>55</v>
      </c>
      <c r="P344" s="10" t="s">
        <v>55</v>
      </c>
      <c r="Q344" s="6">
        <v>1</v>
      </c>
      <c r="R344" s="10" t="s">
        <v>55</v>
      </c>
      <c r="S344" s="6">
        <v>9</v>
      </c>
      <c r="T344" s="6">
        <v>6</v>
      </c>
      <c r="U344" s="10" t="s">
        <v>55</v>
      </c>
      <c r="V344" s="6">
        <v>3</v>
      </c>
      <c r="W344" s="10" t="s">
        <v>55</v>
      </c>
      <c r="X344" s="6">
        <v>1</v>
      </c>
      <c r="Y344" s="10" t="s">
        <v>55</v>
      </c>
      <c r="Z344" s="10" t="s">
        <v>55</v>
      </c>
      <c r="AA344" s="10" t="s">
        <v>55</v>
      </c>
      <c r="AB344" s="6">
        <v>1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96</v>
      </c>
      <c r="I345" s="9" t="s">
        <v>54</v>
      </c>
      <c r="J345" s="9" t="s">
        <v>42</v>
      </c>
      <c r="K345" s="6">
        <v>4</v>
      </c>
      <c r="L345" s="10" t="s">
        <v>55</v>
      </c>
      <c r="M345" s="10" t="s">
        <v>55</v>
      </c>
      <c r="N345" s="10" t="s">
        <v>55</v>
      </c>
      <c r="O345" s="10" t="s">
        <v>55</v>
      </c>
      <c r="P345" s="10" t="s">
        <v>55</v>
      </c>
      <c r="Q345" s="10" t="s">
        <v>55</v>
      </c>
      <c r="R345" s="10" t="s">
        <v>55</v>
      </c>
      <c r="S345" s="6">
        <v>4</v>
      </c>
      <c r="T345" s="6">
        <v>3</v>
      </c>
      <c r="U345" s="10" t="s">
        <v>55</v>
      </c>
      <c r="V345" s="6">
        <v>1</v>
      </c>
      <c r="W345" s="10" t="s">
        <v>55</v>
      </c>
      <c r="X345" s="10" t="s">
        <v>55</v>
      </c>
      <c r="Y345" s="10" t="s">
        <v>55</v>
      </c>
      <c r="Z345" s="10" t="s">
        <v>55</v>
      </c>
      <c r="AA345" s="10" t="s">
        <v>55</v>
      </c>
      <c r="AB345" s="10" t="s">
        <v>55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96</v>
      </c>
      <c r="I346" s="9" t="s">
        <v>54</v>
      </c>
      <c r="J346" s="9" t="s">
        <v>43</v>
      </c>
      <c r="K346" s="6">
        <v>5</v>
      </c>
      <c r="L346" s="10" t="s">
        <v>55</v>
      </c>
      <c r="M346" s="10" t="s">
        <v>55</v>
      </c>
      <c r="N346" s="10" t="s">
        <v>55</v>
      </c>
      <c r="O346" s="10" t="s">
        <v>55</v>
      </c>
      <c r="P346" s="10" t="s">
        <v>55</v>
      </c>
      <c r="Q346" s="10" t="s">
        <v>55</v>
      </c>
      <c r="R346" s="10" t="s">
        <v>55</v>
      </c>
      <c r="S346" s="6">
        <v>5</v>
      </c>
      <c r="T346" s="6">
        <v>1</v>
      </c>
      <c r="U346" s="10" t="s">
        <v>55</v>
      </c>
      <c r="V346" s="6">
        <v>4</v>
      </c>
      <c r="W346" s="10" t="s">
        <v>55</v>
      </c>
      <c r="X346" s="10" t="s">
        <v>55</v>
      </c>
      <c r="Y346" s="10" t="s">
        <v>55</v>
      </c>
      <c r="Z346" s="10" t="s">
        <v>55</v>
      </c>
      <c r="AA346" s="10" t="s">
        <v>55</v>
      </c>
      <c r="AB346" s="10" t="s">
        <v>55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96</v>
      </c>
      <c r="I347" s="9" t="s">
        <v>54</v>
      </c>
      <c r="J347" s="9" t="s">
        <v>44</v>
      </c>
      <c r="K347" s="6">
        <v>4</v>
      </c>
      <c r="L347" s="10" t="s">
        <v>55</v>
      </c>
      <c r="M347" s="10" t="s">
        <v>55</v>
      </c>
      <c r="N347" s="10" t="s">
        <v>55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6">
        <v>4</v>
      </c>
      <c r="T347" s="10" t="s">
        <v>55</v>
      </c>
      <c r="U347" s="10" t="s">
        <v>55</v>
      </c>
      <c r="V347" s="6">
        <v>4</v>
      </c>
      <c r="W347" s="10" t="s">
        <v>55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96</v>
      </c>
      <c r="I348" s="9" t="s">
        <v>54</v>
      </c>
      <c r="J348" s="9" t="s">
        <v>45</v>
      </c>
      <c r="K348" s="6">
        <v>3</v>
      </c>
      <c r="L348" s="10" t="s">
        <v>55</v>
      </c>
      <c r="M348" s="10" t="s">
        <v>55</v>
      </c>
      <c r="N348" s="10" t="s">
        <v>55</v>
      </c>
      <c r="O348" s="10" t="s">
        <v>55</v>
      </c>
      <c r="P348" s="10" t="s">
        <v>55</v>
      </c>
      <c r="Q348" s="10" t="s">
        <v>55</v>
      </c>
      <c r="R348" s="10" t="s">
        <v>55</v>
      </c>
      <c r="S348" s="6">
        <v>3</v>
      </c>
      <c r="T348" s="6">
        <v>1</v>
      </c>
      <c r="U348" s="10" t="s">
        <v>55</v>
      </c>
      <c r="V348" s="6">
        <v>2</v>
      </c>
      <c r="W348" s="10" t="s">
        <v>55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96</v>
      </c>
      <c r="I349" s="9" t="s">
        <v>54</v>
      </c>
      <c r="J349" s="9" t="s">
        <v>46</v>
      </c>
      <c r="K349" s="6">
        <v>2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6">
        <v>2</v>
      </c>
      <c r="T349" s="10" t="s">
        <v>55</v>
      </c>
      <c r="U349" s="10" t="s">
        <v>55</v>
      </c>
      <c r="V349" s="6">
        <v>2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96</v>
      </c>
      <c r="I350" s="9" t="s">
        <v>54</v>
      </c>
      <c r="J350" s="9" t="s">
        <v>47</v>
      </c>
      <c r="K350" s="10" t="s">
        <v>55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10" t="s">
        <v>55</v>
      </c>
      <c r="T350" s="10" t="s">
        <v>55</v>
      </c>
      <c r="U350" s="10" t="s">
        <v>55</v>
      </c>
      <c r="V350" s="10" t="s">
        <v>55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96</v>
      </c>
      <c r="I351" s="9" t="s">
        <v>54</v>
      </c>
      <c r="J351" s="9" t="s">
        <v>48</v>
      </c>
      <c r="K351" s="6">
        <v>144</v>
      </c>
      <c r="L351" s="6">
        <v>92</v>
      </c>
      <c r="M351" s="6">
        <v>81</v>
      </c>
      <c r="N351" s="6">
        <v>74</v>
      </c>
      <c r="O351" s="6">
        <v>6</v>
      </c>
      <c r="P351" s="10" t="s">
        <v>55</v>
      </c>
      <c r="Q351" s="6">
        <v>1</v>
      </c>
      <c r="R351" s="6">
        <v>11</v>
      </c>
      <c r="S351" s="6">
        <v>51</v>
      </c>
      <c r="T351" s="6">
        <v>23</v>
      </c>
      <c r="U351" s="6">
        <v>24</v>
      </c>
      <c r="V351" s="6">
        <v>4</v>
      </c>
      <c r="W351" s="6">
        <v>1</v>
      </c>
      <c r="X351" s="6">
        <v>78</v>
      </c>
      <c r="Y351" s="6">
        <v>71</v>
      </c>
      <c r="Z351" s="6">
        <v>6</v>
      </c>
      <c r="AA351" s="10" t="s">
        <v>55</v>
      </c>
      <c r="AB351" s="6">
        <v>1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96</v>
      </c>
      <c r="I352" s="9" t="s">
        <v>54</v>
      </c>
      <c r="J352" s="9" t="s">
        <v>49</v>
      </c>
      <c r="K352" s="6">
        <v>28</v>
      </c>
      <c r="L352" s="6">
        <v>1</v>
      </c>
      <c r="M352" s="6">
        <v>1</v>
      </c>
      <c r="N352" s="10" t="s">
        <v>55</v>
      </c>
      <c r="O352" s="10" t="s">
        <v>55</v>
      </c>
      <c r="P352" s="10" t="s">
        <v>55</v>
      </c>
      <c r="Q352" s="6">
        <v>1</v>
      </c>
      <c r="R352" s="10" t="s">
        <v>55</v>
      </c>
      <c r="S352" s="6">
        <v>27</v>
      </c>
      <c r="T352" s="6">
        <v>11</v>
      </c>
      <c r="U352" s="10" t="s">
        <v>55</v>
      </c>
      <c r="V352" s="6">
        <v>16</v>
      </c>
      <c r="W352" s="10" t="s">
        <v>55</v>
      </c>
      <c r="X352" s="6">
        <v>1</v>
      </c>
      <c r="Y352" s="10" t="s">
        <v>55</v>
      </c>
      <c r="Z352" s="10" t="s">
        <v>55</v>
      </c>
      <c r="AA352" s="10" t="s">
        <v>55</v>
      </c>
      <c r="AB352" s="6">
        <v>1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96</v>
      </c>
      <c r="I353" s="9" t="s">
        <v>54</v>
      </c>
      <c r="J353" s="9" t="s">
        <v>50</v>
      </c>
      <c r="K353" s="6">
        <v>14</v>
      </c>
      <c r="L353" s="10" t="s">
        <v>55</v>
      </c>
      <c r="M353" s="10" t="s">
        <v>55</v>
      </c>
      <c r="N353" s="10" t="s">
        <v>55</v>
      </c>
      <c r="O353" s="10" t="s">
        <v>55</v>
      </c>
      <c r="P353" s="10" t="s">
        <v>55</v>
      </c>
      <c r="Q353" s="10" t="s">
        <v>55</v>
      </c>
      <c r="R353" s="10" t="s">
        <v>55</v>
      </c>
      <c r="S353" s="6">
        <v>14</v>
      </c>
      <c r="T353" s="6">
        <v>2</v>
      </c>
      <c r="U353" s="10" t="s">
        <v>55</v>
      </c>
      <c r="V353" s="6">
        <v>12</v>
      </c>
      <c r="W353" s="10" t="s">
        <v>55</v>
      </c>
      <c r="X353" s="10" t="s">
        <v>55</v>
      </c>
      <c r="Y353" s="10" t="s">
        <v>55</v>
      </c>
      <c r="Z353" s="10" t="s">
        <v>55</v>
      </c>
      <c r="AA353" s="10" t="s">
        <v>55</v>
      </c>
      <c r="AB353" s="10" t="s">
        <v>55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96</v>
      </c>
      <c r="I354" s="9" t="s">
        <v>54</v>
      </c>
      <c r="J354" s="9" t="s">
        <v>51</v>
      </c>
      <c r="K354" s="6">
        <v>5</v>
      </c>
      <c r="L354" s="10" t="s">
        <v>55</v>
      </c>
      <c r="M354" s="10" t="s">
        <v>55</v>
      </c>
      <c r="N354" s="10" t="s">
        <v>55</v>
      </c>
      <c r="O354" s="10" t="s">
        <v>55</v>
      </c>
      <c r="P354" s="10" t="s">
        <v>55</v>
      </c>
      <c r="Q354" s="10" t="s">
        <v>55</v>
      </c>
      <c r="R354" s="10" t="s">
        <v>55</v>
      </c>
      <c r="S354" s="6">
        <v>5</v>
      </c>
      <c r="T354" s="6">
        <v>1</v>
      </c>
      <c r="U354" s="10" t="s">
        <v>55</v>
      </c>
      <c r="V354" s="6">
        <v>4</v>
      </c>
      <c r="W354" s="10" t="s">
        <v>55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96</v>
      </c>
      <c r="I355" s="9" t="s">
        <v>54</v>
      </c>
      <c r="J355" s="9" t="s">
        <v>52</v>
      </c>
      <c r="K355" s="6">
        <v>131</v>
      </c>
      <c r="L355" s="6">
        <v>92</v>
      </c>
      <c r="M355" s="6">
        <v>81</v>
      </c>
      <c r="N355" s="6">
        <v>74</v>
      </c>
      <c r="O355" s="6">
        <v>6</v>
      </c>
      <c r="P355" s="10" t="s">
        <v>55</v>
      </c>
      <c r="Q355" s="6">
        <v>1</v>
      </c>
      <c r="R355" s="6">
        <v>11</v>
      </c>
      <c r="S355" s="6">
        <v>38</v>
      </c>
      <c r="T355" s="6">
        <v>29</v>
      </c>
      <c r="U355" s="6">
        <v>2</v>
      </c>
      <c r="V355" s="6">
        <v>7</v>
      </c>
      <c r="W355" s="6">
        <v>1</v>
      </c>
      <c r="X355" s="6">
        <v>78</v>
      </c>
      <c r="Y355" s="6">
        <v>71</v>
      </c>
      <c r="Z355" s="6">
        <v>6</v>
      </c>
      <c r="AA355" s="10" t="s">
        <v>55</v>
      </c>
      <c r="AB355" s="6">
        <v>1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96</v>
      </c>
      <c r="I356" s="9" t="s">
        <v>6</v>
      </c>
      <c r="J356" s="9" t="s">
        <v>30</v>
      </c>
      <c r="K356" s="6">
        <v>1333</v>
      </c>
      <c r="L356" s="6">
        <v>839</v>
      </c>
      <c r="M356" s="6">
        <v>779</v>
      </c>
      <c r="N356" s="6">
        <v>731</v>
      </c>
      <c r="O356" s="6">
        <v>19</v>
      </c>
      <c r="P356" s="6">
        <v>23</v>
      </c>
      <c r="Q356" s="6">
        <v>6</v>
      </c>
      <c r="R356" s="6">
        <v>60</v>
      </c>
      <c r="S356" s="6">
        <v>454</v>
      </c>
      <c r="T356" s="6">
        <v>33</v>
      </c>
      <c r="U356" s="6">
        <v>312</v>
      </c>
      <c r="V356" s="6">
        <v>109</v>
      </c>
      <c r="W356" s="6">
        <v>40</v>
      </c>
      <c r="X356" s="6">
        <v>708</v>
      </c>
      <c r="Y356" s="6">
        <v>666</v>
      </c>
      <c r="Z356" s="6">
        <v>15</v>
      </c>
      <c r="AA356" s="6">
        <v>23</v>
      </c>
      <c r="AB356" s="6">
        <v>4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96</v>
      </c>
      <c r="I357" s="9" t="s">
        <v>6</v>
      </c>
      <c r="J357" s="9" t="s">
        <v>31</v>
      </c>
      <c r="K357" s="6">
        <v>336</v>
      </c>
      <c r="L357" s="6">
        <v>39</v>
      </c>
      <c r="M357" s="6">
        <v>38</v>
      </c>
      <c r="N357" s="6">
        <v>30</v>
      </c>
      <c r="O357" s="10" t="s">
        <v>55</v>
      </c>
      <c r="P357" s="6">
        <v>7</v>
      </c>
      <c r="Q357" s="6">
        <v>1</v>
      </c>
      <c r="R357" s="6">
        <v>1</v>
      </c>
      <c r="S357" s="6">
        <v>281</v>
      </c>
      <c r="T357" s="6">
        <v>1</v>
      </c>
      <c r="U357" s="6">
        <v>278</v>
      </c>
      <c r="V357" s="6">
        <v>2</v>
      </c>
      <c r="W357" s="6">
        <v>16</v>
      </c>
      <c r="X357" s="6">
        <v>38</v>
      </c>
      <c r="Y357" s="6">
        <v>30</v>
      </c>
      <c r="Z357" s="10" t="s">
        <v>55</v>
      </c>
      <c r="AA357" s="6">
        <v>7</v>
      </c>
      <c r="AB357" s="6">
        <v>1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96</v>
      </c>
      <c r="I358" s="9" t="s">
        <v>6</v>
      </c>
      <c r="J358" s="9" t="s">
        <v>32</v>
      </c>
      <c r="K358" s="6">
        <v>214</v>
      </c>
      <c r="L358" s="6">
        <v>171</v>
      </c>
      <c r="M358" s="6">
        <v>161</v>
      </c>
      <c r="N358" s="6">
        <v>144</v>
      </c>
      <c r="O358" s="6">
        <v>1</v>
      </c>
      <c r="P358" s="6">
        <v>15</v>
      </c>
      <c r="Q358" s="6">
        <v>1</v>
      </c>
      <c r="R358" s="6">
        <v>10</v>
      </c>
      <c r="S358" s="6">
        <v>35</v>
      </c>
      <c r="T358" s="6">
        <v>1</v>
      </c>
      <c r="U358" s="6">
        <v>31</v>
      </c>
      <c r="V358" s="6">
        <v>3</v>
      </c>
      <c r="W358" s="6">
        <v>8</v>
      </c>
      <c r="X358" s="6">
        <v>158</v>
      </c>
      <c r="Y358" s="6">
        <v>142</v>
      </c>
      <c r="Z358" s="6">
        <v>1</v>
      </c>
      <c r="AA358" s="6">
        <v>1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96</v>
      </c>
      <c r="I359" s="9" t="s">
        <v>6</v>
      </c>
      <c r="J359" s="9" t="s">
        <v>33</v>
      </c>
      <c r="K359" s="6">
        <v>139</v>
      </c>
      <c r="L359" s="6">
        <v>133</v>
      </c>
      <c r="M359" s="6">
        <v>124</v>
      </c>
      <c r="N359" s="6">
        <v>121</v>
      </c>
      <c r="O359" s="6">
        <v>2</v>
      </c>
      <c r="P359" s="6">
        <v>1</v>
      </c>
      <c r="Q359" s="10" t="s">
        <v>55</v>
      </c>
      <c r="R359" s="6">
        <v>9</v>
      </c>
      <c r="S359" s="6">
        <v>6</v>
      </c>
      <c r="T359" s="10" t="s">
        <v>55</v>
      </c>
      <c r="U359" s="6">
        <v>2</v>
      </c>
      <c r="V359" s="6">
        <v>4</v>
      </c>
      <c r="W359" s="10" t="s">
        <v>55</v>
      </c>
      <c r="X359" s="6">
        <v>119</v>
      </c>
      <c r="Y359" s="6">
        <v>116</v>
      </c>
      <c r="Z359" s="6">
        <v>2</v>
      </c>
      <c r="AA359" s="6">
        <v>1</v>
      </c>
      <c r="AB359" s="10" t="s">
        <v>55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96</v>
      </c>
      <c r="I360" s="9" t="s">
        <v>6</v>
      </c>
      <c r="J360" s="9" t="s">
        <v>34</v>
      </c>
      <c r="K360" s="6">
        <v>123</v>
      </c>
      <c r="L360" s="6">
        <v>114</v>
      </c>
      <c r="M360" s="6">
        <v>104</v>
      </c>
      <c r="N360" s="6">
        <v>103</v>
      </c>
      <c r="O360" s="6">
        <v>1</v>
      </c>
      <c r="P360" s="10" t="s">
        <v>55</v>
      </c>
      <c r="Q360" s="10" t="s">
        <v>55</v>
      </c>
      <c r="R360" s="6">
        <v>10</v>
      </c>
      <c r="S360" s="6">
        <v>6</v>
      </c>
      <c r="T360" s="6">
        <v>3</v>
      </c>
      <c r="U360" s="10" t="s">
        <v>55</v>
      </c>
      <c r="V360" s="6">
        <v>3</v>
      </c>
      <c r="W360" s="6">
        <v>3</v>
      </c>
      <c r="X360" s="6">
        <v>100</v>
      </c>
      <c r="Y360" s="6">
        <v>99</v>
      </c>
      <c r="Z360" s="6">
        <v>1</v>
      </c>
      <c r="AA360" s="10" t="s">
        <v>55</v>
      </c>
      <c r="AB360" s="10" t="s">
        <v>55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96</v>
      </c>
      <c r="I361" s="9" t="s">
        <v>6</v>
      </c>
      <c r="J361" s="9" t="s">
        <v>35</v>
      </c>
      <c r="K361" s="6">
        <v>103</v>
      </c>
      <c r="L361" s="6">
        <v>96</v>
      </c>
      <c r="M361" s="6">
        <v>90</v>
      </c>
      <c r="N361" s="6">
        <v>89</v>
      </c>
      <c r="O361" s="10" t="s">
        <v>55</v>
      </c>
      <c r="P361" s="10" t="s">
        <v>55</v>
      </c>
      <c r="Q361" s="6">
        <v>1</v>
      </c>
      <c r="R361" s="6">
        <v>6</v>
      </c>
      <c r="S361" s="6">
        <v>6</v>
      </c>
      <c r="T361" s="6">
        <v>3</v>
      </c>
      <c r="U361" s="6">
        <v>1</v>
      </c>
      <c r="V361" s="6">
        <v>2</v>
      </c>
      <c r="W361" s="6">
        <v>1</v>
      </c>
      <c r="X361" s="6">
        <v>77</v>
      </c>
      <c r="Y361" s="6">
        <v>76</v>
      </c>
      <c r="Z361" s="10" t="s">
        <v>55</v>
      </c>
      <c r="AA361" s="10" t="s">
        <v>55</v>
      </c>
      <c r="AB361" s="6">
        <v>1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96</v>
      </c>
      <c r="I362" s="9" t="s">
        <v>6</v>
      </c>
      <c r="J362" s="9" t="s">
        <v>36</v>
      </c>
      <c r="K362" s="6">
        <v>74</v>
      </c>
      <c r="L362" s="6">
        <v>65</v>
      </c>
      <c r="M362" s="6">
        <v>58</v>
      </c>
      <c r="N362" s="6">
        <v>57</v>
      </c>
      <c r="O362" s="6">
        <v>1</v>
      </c>
      <c r="P362" s="10" t="s">
        <v>55</v>
      </c>
      <c r="Q362" s="10" t="s">
        <v>55</v>
      </c>
      <c r="R362" s="6">
        <v>7</v>
      </c>
      <c r="S362" s="6">
        <v>7</v>
      </c>
      <c r="T362" s="6">
        <v>4</v>
      </c>
      <c r="U362" s="10" t="s">
        <v>55</v>
      </c>
      <c r="V362" s="6">
        <v>3</v>
      </c>
      <c r="W362" s="6">
        <v>2</v>
      </c>
      <c r="X362" s="6">
        <v>49</v>
      </c>
      <c r="Y362" s="6">
        <v>48</v>
      </c>
      <c r="Z362" s="6">
        <v>1</v>
      </c>
      <c r="AA362" s="10" t="s">
        <v>55</v>
      </c>
      <c r="AB362" s="10" t="s">
        <v>55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96</v>
      </c>
      <c r="I363" s="9" t="s">
        <v>6</v>
      </c>
      <c r="J363" s="9" t="s">
        <v>37</v>
      </c>
      <c r="K363" s="6">
        <v>84</v>
      </c>
      <c r="L363" s="6">
        <v>72</v>
      </c>
      <c r="M363" s="6">
        <v>66</v>
      </c>
      <c r="N363" s="6">
        <v>64</v>
      </c>
      <c r="O363" s="6">
        <v>1</v>
      </c>
      <c r="P363" s="10" t="s">
        <v>55</v>
      </c>
      <c r="Q363" s="6">
        <v>1</v>
      </c>
      <c r="R363" s="6">
        <v>6</v>
      </c>
      <c r="S363" s="6">
        <v>9</v>
      </c>
      <c r="T363" s="6">
        <v>2</v>
      </c>
      <c r="U363" s="10" t="s">
        <v>55</v>
      </c>
      <c r="V363" s="6">
        <v>7</v>
      </c>
      <c r="W363" s="6">
        <v>3</v>
      </c>
      <c r="X363" s="6">
        <v>54</v>
      </c>
      <c r="Y363" s="6">
        <v>52</v>
      </c>
      <c r="Z363" s="6">
        <v>1</v>
      </c>
      <c r="AA363" s="10" t="s">
        <v>55</v>
      </c>
      <c r="AB363" s="6">
        <v>1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96</v>
      </c>
      <c r="I364" s="9" t="s">
        <v>6</v>
      </c>
      <c r="J364" s="9" t="s">
        <v>38</v>
      </c>
      <c r="K364" s="6">
        <v>76</v>
      </c>
      <c r="L364" s="6">
        <v>68</v>
      </c>
      <c r="M364" s="6">
        <v>60</v>
      </c>
      <c r="N364" s="6">
        <v>58</v>
      </c>
      <c r="O364" s="6">
        <v>2</v>
      </c>
      <c r="P364" s="10" t="s">
        <v>55</v>
      </c>
      <c r="Q364" s="10" t="s">
        <v>55</v>
      </c>
      <c r="R364" s="6">
        <v>8</v>
      </c>
      <c r="S364" s="6">
        <v>5</v>
      </c>
      <c r="T364" s="6">
        <v>1</v>
      </c>
      <c r="U364" s="10" t="s">
        <v>55</v>
      </c>
      <c r="V364" s="6">
        <v>4</v>
      </c>
      <c r="W364" s="6">
        <v>3</v>
      </c>
      <c r="X364" s="6">
        <v>52</v>
      </c>
      <c r="Y364" s="6">
        <v>50</v>
      </c>
      <c r="Z364" s="6">
        <v>2</v>
      </c>
      <c r="AA364" s="10" t="s">
        <v>55</v>
      </c>
      <c r="AB364" s="10" t="s">
        <v>55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96</v>
      </c>
      <c r="I365" s="9" t="s">
        <v>6</v>
      </c>
      <c r="J365" s="9" t="s">
        <v>39</v>
      </c>
      <c r="K365" s="6">
        <v>48</v>
      </c>
      <c r="L365" s="6">
        <v>36</v>
      </c>
      <c r="M365" s="6">
        <v>34</v>
      </c>
      <c r="N365" s="6">
        <v>31</v>
      </c>
      <c r="O365" s="6">
        <v>2</v>
      </c>
      <c r="P365" s="10" t="s">
        <v>55</v>
      </c>
      <c r="Q365" s="6">
        <v>1</v>
      </c>
      <c r="R365" s="6">
        <v>2</v>
      </c>
      <c r="S365" s="6">
        <v>10</v>
      </c>
      <c r="T365" s="6">
        <v>2</v>
      </c>
      <c r="U365" s="10" t="s">
        <v>55</v>
      </c>
      <c r="V365" s="6">
        <v>8</v>
      </c>
      <c r="W365" s="6">
        <v>2</v>
      </c>
      <c r="X365" s="6">
        <v>29</v>
      </c>
      <c r="Y365" s="6">
        <v>27</v>
      </c>
      <c r="Z365" s="6">
        <v>2</v>
      </c>
      <c r="AA365" s="10" t="s">
        <v>55</v>
      </c>
      <c r="AB365" s="10" t="s">
        <v>55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96</v>
      </c>
      <c r="I366" s="9" t="s">
        <v>6</v>
      </c>
      <c r="J366" s="9" t="s">
        <v>40</v>
      </c>
      <c r="K366" s="6">
        <v>46</v>
      </c>
      <c r="L366" s="6">
        <v>28</v>
      </c>
      <c r="M366" s="6">
        <v>28</v>
      </c>
      <c r="N366" s="6">
        <v>27</v>
      </c>
      <c r="O366" s="6">
        <v>1</v>
      </c>
      <c r="P366" s="10" t="s">
        <v>55</v>
      </c>
      <c r="Q366" s="10" t="s">
        <v>55</v>
      </c>
      <c r="R366" s="10" t="s">
        <v>55</v>
      </c>
      <c r="S366" s="6">
        <v>18</v>
      </c>
      <c r="T366" s="6">
        <v>2</v>
      </c>
      <c r="U366" s="10" t="s">
        <v>55</v>
      </c>
      <c r="V366" s="6">
        <v>16</v>
      </c>
      <c r="W366" s="10" t="s">
        <v>55</v>
      </c>
      <c r="X366" s="6">
        <v>22</v>
      </c>
      <c r="Y366" s="6">
        <v>21</v>
      </c>
      <c r="Z366" s="6">
        <v>1</v>
      </c>
      <c r="AA366" s="10" t="s">
        <v>55</v>
      </c>
      <c r="AB366" s="10" t="s">
        <v>5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96</v>
      </c>
      <c r="I367" s="9" t="s">
        <v>6</v>
      </c>
      <c r="J367" s="9" t="s">
        <v>41</v>
      </c>
      <c r="K367" s="6">
        <v>38</v>
      </c>
      <c r="L367" s="6">
        <v>10</v>
      </c>
      <c r="M367" s="6">
        <v>9</v>
      </c>
      <c r="N367" s="6">
        <v>3</v>
      </c>
      <c r="O367" s="6">
        <v>5</v>
      </c>
      <c r="P367" s="10" t="s">
        <v>55</v>
      </c>
      <c r="Q367" s="6">
        <v>1</v>
      </c>
      <c r="R367" s="6">
        <v>1</v>
      </c>
      <c r="S367" s="6">
        <v>27</v>
      </c>
      <c r="T367" s="6">
        <v>8</v>
      </c>
      <c r="U367" s="10" t="s">
        <v>55</v>
      </c>
      <c r="V367" s="6">
        <v>19</v>
      </c>
      <c r="W367" s="6">
        <v>1</v>
      </c>
      <c r="X367" s="6">
        <v>5</v>
      </c>
      <c r="Y367" s="6">
        <v>1</v>
      </c>
      <c r="Z367" s="6">
        <v>3</v>
      </c>
      <c r="AA367" s="10" t="s">
        <v>55</v>
      </c>
      <c r="AB367" s="6">
        <v>1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96</v>
      </c>
      <c r="I368" s="9" t="s">
        <v>6</v>
      </c>
      <c r="J368" s="9" t="s">
        <v>42</v>
      </c>
      <c r="K368" s="6">
        <v>23</v>
      </c>
      <c r="L368" s="6">
        <v>6</v>
      </c>
      <c r="M368" s="6">
        <v>6</v>
      </c>
      <c r="N368" s="6">
        <v>4</v>
      </c>
      <c r="O368" s="6">
        <v>2</v>
      </c>
      <c r="P368" s="10" t="s">
        <v>55</v>
      </c>
      <c r="Q368" s="10" t="s">
        <v>55</v>
      </c>
      <c r="R368" s="10" t="s">
        <v>55</v>
      </c>
      <c r="S368" s="6">
        <v>17</v>
      </c>
      <c r="T368" s="6">
        <v>2</v>
      </c>
      <c r="U368" s="10" t="s">
        <v>55</v>
      </c>
      <c r="V368" s="6">
        <v>15</v>
      </c>
      <c r="W368" s="10" t="s">
        <v>55</v>
      </c>
      <c r="X368" s="6">
        <v>5</v>
      </c>
      <c r="Y368" s="6">
        <v>4</v>
      </c>
      <c r="Z368" s="6">
        <v>1</v>
      </c>
      <c r="AA368" s="10" t="s">
        <v>55</v>
      </c>
      <c r="AB368" s="10" t="s">
        <v>55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96</v>
      </c>
      <c r="I369" s="9" t="s">
        <v>6</v>
      </c>
      <c r="J369" s="9" t="s">
        <v>43</v>
      </c>
      <c r="K369" s="6">
        <v>16</v>
      </c>
      <c r="L369" s="6">
        <v>1</v>
      </c>
      <c r="M369" s="6">
        <v>1</v>
      </c>
      <c r="N369" s="10" t="s">
        <v>55</v>
      </c>
      <c r="O369" s="6">
        <v>1</v>
      </c>
      <c r="P369" s="10" t="s">
        <v>55</v>
      </c>
      <c r="Q369" s="10" t="s">
        <v>55</v>
      </c>
      <c r="R369" s="10" t="s">
        <v>55</v>
      </c>
      <c r="S369" s="6">
        <v>14</v>
      </c>
      <c r="T369" s="6">
        <v>1</v>
      </c>
      <c r="U369" s="10" t="s">
        <v>55</v>
      </c>
      <c r="V369" s="6">
        <v>13</v>
      </c>
      <c r="W369" s="6">
        <v>1</v>
      </c>
      <c r="X369" s="10" t="s">
        <v>55</v>
      </c>
      <c r="Y369" s="10" t="s">
        <v>55</v>
      </c>
      <c r="Z369" s="10" t="s">
        <v>55</v>
      </c>
      <c r="AA369" s="10" t="s">
        <v>55</v>
      </c>
      <c r="AB369" s="10" t="s">
        <v>55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96</v>
      </c>
      <c r="I370" s="9" t="s">
        <v>6</v>
      </c>
      <c r="J370" s="9" t="s">
        <v>44</v>
      </c>
      <c r="K370" s="6">
        <v>4</v>
      </c>
      <c r="L370" s="10" t="s">
        <v>55</v>
      </c>
      <c r="M370" s="10" t="s">
        <v>55</v>
      </c>
      <c r="N370" s="10" t="s">
        <v>55</v>
      </c>
      <c r="O370" s="10" t="s">
        <v>55</v>
      </c>
      <c r="P370" s="10" t="s">
        <v>55</v>
      </c>
      <c r="Q370" s="10" t="s">
        <v>55</v>
      </c>
      <c r="R370" s="10" t="s">
        <v>55</v>
      </c>
      <c r="S370" s="6">
        <v>4</v>
      </c>
      <c r="T370" s="6">
        <v>2</v>
      </c>
      <c r="U370" s="10" t="s">
        <v>55</v>
      </c>
      <c r="V370" s="6">
        <v>2</v>
      </c>
      <c r="W370" s="10" t="s">
        <v>55</v>
      </c>
      <c r="X370" s="10" t="s">
        <v>55</v>
      </c>
      <c r="Y370" s="10" t="s">
        <v>55</v>
      </c>
      <c r="Z370" s="10" t="s">
        <v>55</v>
      </c>
      <c r="AA370" s="10" t="s">
        <v>55</v>
      </c>
      <c r="AB370" s="10" t="s">
        <v>55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96</v>
      </c>
      <c r="I371" s="9" t="s">
        <v>6</v>
      </c>
      <c r="J371" s="9" t="s">
        <v>45</v>
      </c>
      <c r="K371" s="6">
        <v>4</v>
      </c>
      <c r="L371" s="10" t="s">
        <v>55</v>
      </c>
      <c r="M371" s="10" t="s">
        <v>55</v>
      </c>
      <c r="N371" s="10" t="s">
        <v>55</v>
      </c>
      <c r="O371" s="10" t="s">
        <v>55</v>
      </c>
      <c r="P371" s="10" t="s">
        <v>55</v>
      </c>
      <c r="Q371" s="10" t="s">
        <v>55</v>
      </c>
      <c r="R371" s="10" t="s">
        <v>55</v>
      </c>
      <c r="S371" s="6">
        <v>4</v>
      </c>
      <c r="T371" s="6">
        <v>1</v>
      </c>
      <c r="U371" s="10" t="s">
        <v>55</v>
      </c>
      <c r="V371" s="6">
        <v>3</v>
      </c>
      <c r="W371" s="10" t="s">
        <v>55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96</v>
      </c>
      <c r="I372" s="9" t="s">
        <v>6</v>
      </c>
      <c r="J372" s="9" t="s">
        <v>46</v>
      </c>
      <c r="K372" s="6">
        <v>2</v>
      </c>
      <c r="L372" s="10" t="s">
        <v>55</v>
      </c>
      <c r="M372" s="10" t="s">
        <v>55</v>
      </c>
      <c r="N372" s="10" t="s">
        <v>55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6">
        <v>2</v>
      </c>
      <c r="T372" s="10" t="s">
        <v>55</v>
      </c>
      <c r="U372" s="10" t="s">
        <v>55</v>
      </c>
      <c r="V372" s="6">
        <v>2</v>
      </c>
      <c r="W372" s="10" t="s">
        <v>55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96</v>
      </c>
      <c r="I373" s="9" t="s">
        <v>6</v>
      </c>
      <c r="J373" s="9" t="s">
        <v>47</v>
      </c>
      <c r="K373" s="6">
        <v>3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6">
        <v>3</v>
      </c>
      <c r="T373" s="10" t="s">
        <v>55</v>
      </c>
      <c r="U373" s="10" t="s">
        <v>55</v>
      </c>
      <c r="V373" s="6">
        <v>3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96</v>
      </c>
      <c r="I374" s="9" t="s">
        <v>6</v>
      </c>
      <c r="J374" s="9" t="s">
        <v>48</v>
      </c>
      <c r="K374" s="6">
        <v>1243</v>
      </c>
      <c r="L374" s="6">
        <v>822</v>
      </c>
      <c r="M374" s="6">
        <v>763</v>
      </c>
      <c r="N374" s="6">
        <v>724</v>
      </c>
      <c r="O374" s="6">
        <v>11</v>
      </c>
      <c r="P374" s="6">
        <v>23</v>
      </c>
      <c r="Q374" s="6">
        <v>5</v>
      </c>
      <c r="R374" s="6">
        <v>59</v>
      </c>
      <c r="S374" s="6">
        <v>383</v>
      </c>
      <c r="T374" s="6">
        <v>19</v>
      </c>
      <c r="U374" s="6">
        <v>312</v>
      </c>
      <c r="V374" s="6">
        <v>52</v>
      </c>
      <c r="W374" s="6">
        <v>38</v>
      </c>
      <c r="X374" s="6">
        <v>698</v>
      </c>
      <c r="Y374" s="6">
        <v>661</v>
      </c>
      <c r="Z374" s="6">
        <v>11</v>
      </c>
      <c r="AA374" s="6">
        <v>23</v>
      </c>
      <c r="AB374" s="6">
        <v>3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96</v>
      </c>
      <c r="I375" s="9" t="s">
        <v>6</v>
      </c>
      <c r="J375" s="9" t="s">
        <v>49</v>
      </c>
      <c r="K375" s="6">
        <v>90</v>
      </c>
      <c r="L375" s="6">
        <v>17</v>
      </c>
      <c r="M375" s="6">
        <v>16</v>
      </c>
      <c r="N375" s="6">
        <v>7</v>
      </c>
      <c r="O375" s="6">
        <v>8</v>
      </c>
      <c r="P375" s="10" t="s">
        <v>55</v>
      </c>
      <c r="Q375" s="6">
        <v>1</v>
      </c>
      <c r="R375" s="6">
        <v>1</v>
      </c>
      <c r="S375" s="6">
        <v>71</v>
      </c>
      <c r="T375" s="6">
        <v>14</v>
      </c>
      <c r="U375" s="10" t="s">
        <v>55</v>
      </c>
      <c r="V375" s="6">
        <v>57</v>
      </c>
      <c r="W375" s="6">
        <v>2</v>
      </c>
      <c r="X375" s="6">
        <v>10</v>
      </c>
      <c r="Y375" s="6">
        <v>5</v>
      </c>
      <c r="Z375" s="6">
        <v>4</v>
      </c>
      <c r="AA375" s="10" t="s">
        <v>55</v>
      </c>
      <c r="AB375" s="6">
        <v>1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96</v>
      </c>
      <c r="I376" s="9" t="s">
        <v>6</v>
      </c>
      <c r="J376" s="9" t="s">
        <v>50</v>
      </c>
      <c r="K376" s="6">
        <v>29</v>
      </c>
      <c r="L376" s="6">
        <v>1</v>
      </c>
      <c r="M376" s="6">
        <v>1</v>
      </c>
      <c r="N376" s="10" t="s">
        <v>55</v>
      </c>
      <c r="O376" s="6">
        <v>1</v>
      </c>
      <c r="P376" s="10" t="s">
        <v>55</v>
      </c>
      <c r="Q376" s="10" t="s">
        <v>55</v>
      </c>
      <c r="R376" s="10" t="s">
        <v>55</v>
      </c>
      <c r="S376" s="6">
        <v>27</v>
      </c>
      <c r="T376" s="6">
        <v>4</v>
      </c>
      <c r="U376" s="10" t="s">
        <v>55</v>
      </c>
      <c r="V376" s="6">
        <v>23</v>
      </c>
      <c r="W376" s="6">
        <v>1</v>
      </c>
      <c r="X376" s="10" t="s">
        <v>55</v>
      </c>
      <c r="Y376" s="10" t="s">
        <v>55</v>
      </c>
      <c r="Z376" s="10" t="s">
        <v>55</v>
      </c>
      <c r="AA376" s="10" t="s">
        <v>55</v>
      </c>
      <c r="AB376" s="10" t="s">
        <v>55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96</v>
      </c>
      <c r="I377" s="9" t="s">
        <v>6</v>
      </c>
      <c r="J377" s="9" t="s">
        <v>51</v>
      </c>
      <c r="K377" s="6">
        <v>9</v>
      </c>
      <c r="L377" s="10" t="s">
        <v>55</v>
      </c>
      <c r="M377" s="10" t="s">
        <v>55</v>
      </c>
      <c r="N377" s="10" t="s">
        <v>55</v>
      </c>
      <c r="O377" s="10" t="s">
        <v>55</v>
      </c>
      <c r="P377" s="10" t="s">
        <v>55</v>
      </c>
      <c r="Q377" s="10" t="s">
        <v>55</v>
      </c>
      <c r="R377" s="10" t="s">
        <v>55</v>
      </c>
      <c r="S377" s="6">
        <v>9</v>
      </c>
      <c r="T377" s="6">
        <v>1</v>
      </c>
      <c r="U377" s="10" t="s">
        <v>55</v>
      </c>
      <c r="V377" s="6">
        <v>8</v>
      </c>
      <c r="W377" s="10" t="s">
        <v>5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96</v>
      </c>
      <c r="I378" s="9" t="s">
        <v>6</v>
      </c>
      <c r="J378" s="9" t="s">
        <v>52</v>
      </c>
      <c r="K378" s="6">
        <v>945</v>
      </c>
      <c r="L378" s="6">
        <v>793</v>
      </c>
      <c r="M378" s="6">
        <v>734</v>
      </c>
      <c r="N378" s="6">
        <v>697</v>
      </c>
      <c r="O378" s="6">
        <v>16</v>
      </c>
      <c r="P378" s="6">
        <v>16</v>
      </c>
      <c r="Q378" s="6">
        <v>5</v>
      </c>
      <c r="R378" s="6">
        <v>59</v>
      </c>
      <c r="S378" s="6">
        <v>129</v>
      </c>
      <c r="T378" s="6">
        <v>26</v>
      </c>
      <c r="U378" s="6">
        <v>34</v>
      </c>
      <c r="V378" s="6">
        <v>69</v>
      </c>
      <c r="W378" s="6">
        <v>23</v>
      </c>
      <c r="X378" s="6">
        <v>665</v>
      </c>
      <c r="Y378" s="6">
        <v>632</v>
      </c>
      <c r="Z378" s="6">
        <v>14</v>
      </c>
      <c r="AA378" s="6">
        <v>16</v>
      </c>
      <c r="AB378" s="6">
        <v>3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96</v>
      </c>
      <c r="I379" s="9" t="s">
        <v>53</v>
      </c>
      <c r="J379" s="9" t="s">
        <v>30</v>
      </c>
      <c r="K379" s="6">
        <v>696</v>
      </c>
      <c r="L379" s="6">
        <v>456</v>
      </c>
      <c r="M379" s="6">
        <v>418</v>
      </c>
      <c r="N379" s="6">
        <v>394</v>
      </c>
      <c r="O379" s="6">
        <v>9</v>
      </c>
      <c r="P379" s="6">
        <v>11</v>
      </c>
      <c r="Q379" s="6">
        <v>4</v>
      </c>
      <c r="R379" s="6">
        <v>38</v>
      </c>
      <c r="S379" s="6">
        <v>218</v>
      </c>
      <c r="T379" s="6">
        <v>8</v>
      </c>
      <c r="U379" s="6">
        <v>140</v>
      </c>
      <c r="V379" s="6">
        <v>70</v>
      </c>
      <c r="W379" s="6">
        <v>22</v>
      </c>
      <c r="X379" s="6">
        <v>362</v>
      </c>
      <c r="Y379" s="6">
        <v>342</v>
      </c>
      <c r="Z379" s="6">
        <v>7</v>
      </c>
      <c r="AA379" s="6">
        <v>11</v>
      </c>
      <c r="AB379" s="6">
        <v>2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96</v>
      </c>
      <c r="I380" s="9" t="s">
        <v>53</v>
      </c>
      <c r="J380" s="9" t="s">
        <v>31</v>
      </c>
      <c r="K380" s="6">
        <v>163</v>
      </c>
      <c r="L380" s="6">
        <v>23</v>
      </c>
      <c r="M380" s="6">
        <v>22</v>
      </c>
      <c r="N380" s="6">
        <v>20</v>
      </c>
      <c r="O380" s="10" t="s">
        <v>55</v>
      </c>
      <c r="P380" s="6">
        <v>2</v>
      </c>
      <c r="Q380" s="10" t="s">
        <v>55</v>
      </c>
      <c r="R380" s="6">
        <v>1</v>
      </c>
      <c r="S380" s="6">
        <v>132</v>
      </c>
      <c r="T380" s="6">
        <v>1</v>
      </c>
      <c r="U380" s="6">
        <v>129</v>
      </c>
      <c r="V380" s="6">
        <v>2</v>
      </c>
      <c r="W380" s="6">
        <v>8</v>
      </c>
      <c r="X380" s="6">
        <v>22</v>
      </c>
      <c r="Y380" s="6">
        <v>20</v>
      </c>
      <c r="Z380" s="10" t="s">
        <v>55</v>
      </c>
      <c r="AA380" s="6">
        <v>2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96</v>
      </c>
      <c r="I381" s="9" t="s">
        <v>53</v>
      </c>
      <c r="J381" s="9" t="s">
        <v>32</v>
      </c>
      <c r="K381" s="6">
        <v>89</v>
      </c>
      <c r="L381" s="6">
        <v>72</v>
      </c>
      <c r="M381" s="6">
        <v>65</v>
      </c>
      <c r="N381" s="6">
        <v>55</v>
      </c>
      <c r="O381" s="6">
        <v>1</v>
      </c>
      <c r="P381" s="6">
        <v>8</v>
      </c>
      <c r="Q381" s="6">
        <v>1</v>
      </c>
      <c r="R381" s="6">
        <v>7</v>
      </c>
      <c r="S381" s="6">
        <v>13</v>
      </c>
      <c r="T381" s="10" t="s">
        <v>55</v>
      </c>
      <c r="U381" s="6">
        <v>11</v>
      </c>
      <c r="V381" s="6">
        <v>2</v>
      </c>
      <c r="W381" s="6">
        <v>4</v>
      </c>
      <c r="X381" s="6">
        <v>62</v>
      </c>
      <c r="Y381" s="6">
        <v>53</v>
      </c>
      <c r="Z381" s="6">
        <v>1</v>
      </c>
      <c r="AA381" s="6">
        <v>8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96</v>
      </c>
      <c r="I382" s="9" t="s">
        <v>53</v>
      </c>
      <c r="J382" s="9" t="s">
        <v>33</v>
      </c>
      <c r="K382" s="6">
        <v>72</v>
      </c>
      <c r="L382" s="6">
        <v>71</v>
      </c>
      <c r="M382" s="6">
        <v>66</v>
      </c>
      <c r="N382" s="6">
        <v>63</v>
      </c>
      <c r="O382" s="6">
        <v>2</v>
      </c>
      <c r="P382" s="6">
        <v>1</v>
      </c>
      <c r="Q382" s="10" t="s">
        <v>55</v>
      </c>
      <c r="R382" s="6">
        <v>5</v>
      </c>
      <c r="S382" s="6">
        <v>1</v>
      </c>
      <c r="T382" s="10" t="s">
        <v>55</v>
      </c>
      <c r="U382" s="10" t="s">
        <v>55</v>
      </c>
      <c r="V382" s="6">
        <v>1</v>
      </c>
      <c r="W382" s="10" t="s">
        <v>55</v>
      </c>
      <c r="X382" s="6">
        <v>64</v>
      </c>
      <c r="Y382" s="6">
        <v>61</v>
      </c>
      <c r="Z382" s="6">
        <v>2</v>
      </c>
      <c r="AA382" s="6">
        <v>1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96</v>
      </c>
      <c r="I383" s="9" t="s">
        <v>53</v>
      </c>
      <c r="J383" s="9" t="s">
        <v>34</v>
      </c>
      <c r="K383" s="6">
        <v>65</v>
      </c>
      <c r="L383" s="6">
        <v>62</v>
      </c>
      <c r="M383" s="6">
        <v>55</v>
      </c>
      <c r="N383" s="6">
        <v>55</v>
      </c>
      <c r="O383" s="10" t="s">
        <v>55</v>
      </c>
      <c r="P383" s="10" t="s">
        <v>55</v>
      </c>
      <c r="Q383" s="10" t="s">
        <v>55</v>
      </c>
      <c r="R383" s="6">
        <v>7</v>
      </c>
      <c r="S383" s="6">
        <v>3</v>
      </c>
      <c r="T383" s="6">
        <v>1</v>
      </c>
      <c r="U383" s="10" t="s">
        <v>55</v>
      </c>
      <c r="V383" s="6">
        <v>2</v>
      </c>
      <c r="W383" s="10" t="s">
        <v>55</v>
      </c>
      <c r="X383" s="6">
        <v>53</v>
      </c>
      <c r="Y383" s="6">
        <v>53</v>
      </c>
      <c r="Z383" s="10" t="s">
        <v>55</v>
      </c>
      <c r="AA383" s="10" t="s">
        <v>55</v>
      </c>
      <c r="AB383" s="10" t="s">
        <v>55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96</v>
      </c>
      <c r="I384" s="9" t="s">
        <v>53</v>
      </c>
      <c r="J384" s="9" t="s">
        <v>35</v>
      </c>
      <c r="K384" s="6">
        <v>58</v>
      </c>
      <c r="L384" s="6">
        <v>57</v>
      </c>
      <c r="M384" s="6">
        <v>53</v>
      </c>
      <c r="N384" s="6">
        <v>53</v>
      </c>
      <c r="O384" s="10" t="s">
        <v>55</v>
      </c>
      <c r="P384" s="10" t="s">
        <v>55</v>
      </c>
      <c r="Q384" s="10" t="s">
        <v>55</v>
      </c>
      <c r="R384" s="6">
        <v>4</v>
      </c>
      <c r="S384" s="6">
        <v>1</v>
      </c>
      <c r="T384" s="10" t="s">
        <v>55</v>
      </c>
      <c r="U384" s="10" t="s">
        <v>55</v>
      </c>
      <c r="V384" s="6">
        <v>1</v>
      </c>
      <c r="W384" s="10" t="s">
        <v>55</v>
      </c>
      <c r="X384" s="6">
        <v>43</v>
      </c>
      <c r="Y384" s="6">
        <v>43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96</v>
      </c>
      <c r="I385" s="9" t="s">
        <v>53</v>
      </c>
      <c r="J385" s="9" t="s">
        <v>36</v>
      </c>
      <c r="K385" s="6">
        <v>39</v>
      </c>
      <c r="L385" s="6">
        <v>34</v>
      </c>
      <c r="M385" s="6">
        <v>30</v>
      </c>
      <c r="N385" s="6">
        <v>30</v>
      </c>
      <c r="O385" s="10" t="s">
        <v>55</v>
      </c>
      <c r="P385" s="10" t="s">
        <v>55</v>
      </c>
      <c r="Q385" s="10" t="s">
        <v>55</v>
      </c>
      <c r="R385" s="6">
        <v>4</v>
      </c>
      <c r="S385" s="6">
        <v>4</v>
      </c>
      <c r="T385" s="6">
        <v>2</v>
      </c>
      <c r="U385" s="10" t="s">
        <v>55</v>
      </c>
      <c r="V385" s="6">
        <v>2</v>
      </c>
      <c r="W385" s="6">
        <v>1</v>
      </c>
      <c r="X385" s="6">
        <v>22</v>
      </c>
      <c r="Y385" s="6">
        <v>22</v>
      </c>
      <c r="Z385" s="10" t="s">
        <v>55</v>
      </c>
      <c r="AA385" s="10" t="s">
        <v>55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96</v>
      </c>
      <c r="I386" s="9" t="s">
        <v>53</v>
      </c>
      <c r="J386" s="9" t="s">
        <v>37</v>
      </c>
      <c r="K386" s="6">
        <v>49</v>
      </c>
      <c r="L386" s="6">
        <v>40</v>
      </c>
      <c r="M386" s="6">
        <v>36</v>
      </c>
      <c r="N386" s="6">
        <v>34</v>
      </c>
      <c r="O386" s="6">
        <v>1</v>
      </c>
      <c r="P386" s="10" t="s">
        <v>55</v>
      </c>
      <c r="Q386" s="6">
        <v>1</v>
      </c>
      <c r="R386" s="6">
        <v>4</v>
      </c>
      <c r="S386" s="6">
        <v>6</v>
      </c>
      <c r="T386" s="10" t="s">
        <v>55</v>
      </c>
      <c r="U386" s="10" t="s">
        <v>55</v>
      </c>
      <c r="V386" s="6">
        <v>6</v>
      </c>
      <c r="W386" s="6">
        <v>3</v>
      </c>
      <c r="X386" s="6">
        <v>24</v>
      </c>
      <c r="Y386" s="6">
        <v>22</v>
      </c>
      <c r="Z386" s="6">
        <v>1</v>
      </c>
      <c r="AA386" s="10" t="s">
        <v>55</v>
      </c>
      <c r="AB386" s="6">
        <v>1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96</v>
      </c>
      <c r="I387" s="9" t="s">
        <v>53</v>
      </c>
      <c r="J387" s="9" t="s">
        <v>38</v>
      </c>
      <c r="K387" s="6">
        <v>51</v>
      </c>
      <c r="L387" s="6">
        <v>45</v>
      </c>
      <c r="M387" s="6">
        <v>40</v>
      </c>
      <c r="N387" s="6">
        <v>39</v>
      </c>
      <c r="O387" s="6">
        <v>1</v>
      </c>
      <c r="P387" s="10" t="s">
        <v>55</v>
      </c>
      <c r="Q387" s="10" t="s">
        <v>55</v>
      </c>
      <c r="R387" s="6">
        <v>5</v>
      </c>
      <c r="S387" s="6">
        <v>3</v>
      </c>
      <c r="T387" s="6">
        <v>1</v>
      </c>
      <c r="U387" s="10" t="s">
        <v>55</v>
      </c>
      <c r="V387" s="6">
        <v>2</v>
      </c>
      <c r="W387" s="6">
        <v>3</v>
      </c>
      <c r="X387" s="6">
        <v>33</v>
      </c>
      <c r="Y387" s="6">
        <v>32</v>
      </c>
      <c r="Z387" s="6">
        <v>1</v>
      </c>
      <c r="AA387" s="10" t="s">
        <v>55</v>
      </c>
      <c r="AB387" s="10" t="s">
        <v>55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96</v>
      </c>
      <c r="I388" s="9" t="s">
        <v>53</v>
      </c>
      <c r="J388" s="9" t="s">
        <v>39</v>
      </c>
      <c r="K388" s="6">
        <v>35</v>
      </c>
      <c r="L388" s="6">
        <v>24</v>
      </c>
      <c r="M388" s="6">
        <v>24</v>
      </c>
      <c r="N388" s="6">
        <v>22</v>
      </c>
      <c r="O388" s="6">
        <v>1</v>
      </c>
      <c r="P388" s="10" t="s">
        <v>55</v>
      </c>
      <c r="Q388" s="6">
        <v>1</v>
      </c>
      <c r="R388" s="10" t="s">
        <v>55</v>
      </c>
      <c r="S388" s="6">
        <v>9</v>
      </c>
      <c r="T388" s="6">
        <v>1</v>
      </c>
      <c r="U388" s="10" t="s">
        <v>55</v>
      </c>
      <c r="V388" s="6">
        <v>8</v>
      </c>
      <c r="W388" s="6">
        <v>2</v>
      </c>
      <c r="X388" s="6">
        <v>20</v>
      </c>
      <c r="Y388" s="6">
        <v>19</v>
      </c>
      <c r="Z388" s="6">
        <v>1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96</v>
      </c>
      <c r="I389" s="9" t="s">
        <v>53</v>
      </c>
      <c r="J389" s="9" t="s">
        <v>40</v>
      </c>
      <c r="K389" s="6">
        <v>36</v>
      </c>
      <c r="L389" s="6">
        <v>20</v>
      </c>
      <c r="M389" s="6">
        <v>20</v>
      </c>
      <c r="N389" s="6">
        <v>19</v>
      </c>
      <c r="O389" s="6">
        <v>1</v>
      </c>
      <c r="P389" s="10" t="s">
        <v>55</v>
      </c>
      <c r="Q389" s="10" t="s">
        <v>55</v>
      </c>
      <c r="R389" s="10" t="s">
        <v>55</v>
      </c>
      <c r="S389" s="6">
        <v>16</v>
      </c>
      <c r="T389" s="6">
        <v>1</v>
      </c>
      <c r="U389" s="10" t="s">
        <v>55</v>
      </c>
      <c r="V389" s="6">
        <v>15</v>
      </c>
      <c r="W389" s="10" t="s">
        <v>55</v>
      </c>
      <c r="X389" s="6">
        <v>15</v>
      </c>
      <c r="Y389" s="6">
        <v>14</v>
      </c>
      <c r="Z389" s="6">
        <v>1</v>
      </c>
      <c r="AA389" s="10" t="s">
        <v>55</v>
      </c>
      <c r="AB389" s="10" t="s">
        <v>55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96</v>
      </c>
      <c r="I390" s="9" t="s">
        <v>53</v>
      </c>
      <c r="J390" s="9" t="s">
        <v>41</v>
      </c>
      <c r="K390" s="6">
        <v>17</v>
      </c>
      <c r="L390" s="6">
        <v>5</v>
      </c>
      <c r="M390" s="6">
        <v>4</v>
      </c>
      <c r="N390" s="6">
        <v>2</v>
      </c>
      <c r="O390" s="6">
        <v>1</v>
      </c>
      <c r="P390" s="10" t="s">
        <v>55</v>
      </c>
      <c r="Q390" s="6">
        <v>1</v>
      </c>
      <c r="R390" s="6">
        <v>1</v>
      </c>
      <c r="S390" s="6">
        <v>11</v>
      </c>
      <c r="T390" s="10" t="s">
        <v>55</v>
      </c>
      <c r="U390" s="10" t="s">
        <v>55</v>
      </c>
      <c r="V390" s="6">
        <v>11</v>
      </c>
      <c r="W390" s="6">
        <v>1</v>
      </c>
      <c r="X390" s="6">
        <v>2</v>
      </c>
      <c r="Y390" s="6">
        <v>1</v>
      </c>
      <c r="Z390" s="10" t="s">
        <v>55</v>
      </c>
      <c r="AA390" s="10" t="s">
        <v>55</v>
      </c>
      <c r="AB390" s="6">
        <v>1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96</v>
      </c>
      <c r="I391" s="9" t="s">
        <v>53</v>
      </c>
      <c r="J391" s="9" t="s">
        <v>42</v>
      </c>
      <c r="K391" s="6">
        <v>13</v>
      </c>
      <c r="L391" s="6">
        <v>3</v>
      </c>
      <c r="M391" s="6">
        <v>3</v>
      </c>
      <c r="N391" s="6">
        <v>2</v>
      </c>
      <c r="O391" s="6">
        <v>1</v>
      </c>
      <c r="P391" s="10" t="s">
        <v>55</v>
      </c>
      <c r="Q391" s="10" t="s">
        <v>55</v>
      </c>
      <c r="R391" s="10" t="s">
        <v>55</v>
      </c>
      <c r="S391" s="6">
        <v>10</v>
      </c>
      <c r="T391" s="6">
        <v>1</v>
      </c>
      <c r="U391" s="10" t="s">
        <v>55</v>
      </c>
      <c r="V391" s="6">
        <v>9</v>
      </c>
      <c r="W391" s="10" t="s">
        <v>55</v>
      </c>
      <c r="X391" s="6">
        <v>2</v>
      </c>
      <c r="Y391" s="6">
        <v>2</v>
      </c>
      <c r="Z391" s="10" t="s">
        <v>55</v>
      </c>
      <c r="AA391" s="10" t="s">
        <v>55</v>
      </c>
      <c r="AB391" s="10" t="s">
        <v>55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96</v>
      </c>
      <c r="I392" s="9" t="s">
        <v>53</v>
      </c>
      <c r="J392" s="9" t="s">
        <v>43</v>
      </c>
      <c r="K392" s="6">
        <v>8</v>
      </c>
      <c r="L392" s="10" t="s">
        <v>55</v>
      </c>
      <c r="M392" s="10" t="s">
        <v>55</v>
      </c>
      <c r="N392" s="10" t="s">
        <v>55</v>
      </c>
      <c r="O392" s="10" t="s">
        <v>55</v>
      </c>
      <c r="P392" s="10" t="s">
        <v>55</v>
      </c>
      <c r="Q392" s="10" t="s">
        <v>55</v>
      </c>
      <c r="R392" s="10" t="s">
        <v>55</v>
      </c>
      <c r="S392" s="6">
        <v>8</v>
      </c>
      <c r="T392" s="10" t="s">
        <v>55</v>
      </c>
      <c r="U392" s="10" t="s">
        <v>55</v>
      </c>
      <c r="V392" s="6">
        <v>8</v>
      </c>
      <c r="W392" s="10" t="s">
        <v>55</v>
      </c>
      <c r="X392" s="10" t="s">
        <v>55</v>
      </c>
      <c r="Y392" s="10" t="s">
        <v>55</v>
      </c>
      <c r="Z392" s="10" t="s">
        <v>55</v>
      </c>
      <c r="AA392" s="10" t="s">
        <v>55</v>
      </c>
      <c r="AB392" s="10" t="s">
        <v>55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96</v>
      </c>
      <c r="I393" s="9" t="s">
        <v>53</v>
      </c>
      <c r="J393" s="9" t="s">
        <v>44</v>
      </c>
      <c r="K393" s="6">
        <v>1</v>
      </c>
      <c r="L393" s="10" t="s">
        <v>55</v>
      </c>
      <c r="M393" s="10" t="s">
        <v>55</v>
      </c>
      <c r="N393" s="10" t="s">
        <v>55</v>
      </c>
      <c r="O393" s="10" t="s">
        <v>55</v>
      </c>
      <c r="P393" s="10" t="s">
        <v>55</v>
      </c>
      <c r="Q393" s="10" t="s">
        <v>55</v>
      </c>
      <c r="R393" s="10" t="s">
        <v>55</v>
      </c>
      <c r="S393" s="6">
        <v>1</v>
      </c>
      <c r="T393" s="10" t="s">
        <v>55</v>
      </c>
      <c r="U393" s="10" t="s">
        <v>55</v>
      </c>
      <c r="V393" s="6">
        <v>1</v>
      </c>
      <c r="W393" s="10" t="s">
        <v>55</v>
      </c>
      <c r="X393" s="10" t="s">
        <v>55</v>
      </c>
      <c r="Y393" s="10" t="s">
        <v>55</v>
      </c>
      <c r="Z393" s="10" t="s">
        <v>55</v>
      </c>
      <c r="AA393" s="10" t="s">
        <v>55</v>
      </c>
      <c r="AB393" s="10" t="s">
        <v>55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96</v>
      </c>
      <c r="I394" s="9" t="s">
        <v>53</v>
      </c>
      <c r="J394" s="9" t="s">
        <v>45</v>
      </c>
      <c r="K394" s="10" t="s">
        <v>55</v>
      </c>
      <c r="L394" s="10" t="s">
        <v>55</v>
      </c>
      <c r="M394" s="10" t="s">
        <v>55</v>
      </c>
      <c r="N394" s="10" t="s">
        <v>55</v>
      </c>
      <c r="O394" s="10" t="s">
        <v>55</v>
      </c>
      <c r="P394" s="10" t="s">
        <v>55</v>
      </c>
      <c r="Q394" s="10" t="s">
        <v>55</v>
      </c>
      <c r="R394" s="10" t="s">
        <v>55</v>
      </c>
      <c r="S394" s="10" t="s">
        <v>55</v>
      </c>
      <c r="T394" s="10" t="s">
        <v>55</v>
      </c>
      <c r="U394" s="10" t="s">
        <v>55</v>
      </c>
      <c r="V394" s="10" t="s">
        <v>55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96</v>
      </c>
      <c r="I395" s="9" t="s">
        <v>53</v>
      </c>
      <c r="J395" s="9" t="s">
        <v>46</v>
      </c>
      <c r="K395" s="10" t="s">
        <v>55</v>
      </c>
      <c r="L395" s="10" t="s">
        <v>55</v>
      </c>
      <c r="M395" s="10" t="s">
        <v>55</v>
      </c>
      <c r="N395" s="10" t="s">
        <v>55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10" t="s">
        <v>55</v>
      </c>
      <c r="T395" s="10" t="s">
        <v>55</v>
      </c>
      <c r="U395" s="10" t="s">
        <v>55</v>
      </c>
      <c r="V395" s="10" t="s">
        <v>55</v>
      </c>
      <c r="W395" s="10" t="s">
        <v>55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96</v>
      </c>
      <c r="I396" s="9" t="s">
        <v>53</v>
      </c>
      <c r="J396" s="9" t="s">
        <v>47</v>
      </c>
      <c r="K396" s="10" t="s">
        <v>5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10" t="s">
        <v>55</v>
      </c>
      <c r="T396" s="10" t="s">
        <v>55</v>
      </c>
      <c r="U396" s="10" t="s">
        <v>55</v>
      </c>
      <c r="V396" s="10" t="s">
        <v>55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96</v>
      </c>
      <c r="I397" s="9" t="s">
        <v>53</v>
      </c>
      <c r="J397" s="9" t="s">
        <v>48</v>
      </c>
      <c r="K397" s="6">
        <v>657</v>
      </c>
      <c r="L397" s="6">
        <v>448</v>
      </c>
      <c r="M397" s="6">
        <v>411</v>
      </c>
      <c r="N397" s="6">
        <v>390</v>
      </c>
      <c r="O397" s="6">
        <v>7</v>
      </c>
      <c r="P397" s="6">
        <v>11</v>
      </c>
      <c r="Q397" s="6">
        <v>3</v>
      </c>
      <c r="R397" s="6">
        <v>37</v>
      </c>
      <c r="S397" s="6">
        <v>188</v>
      </c>
      <c r="T397" s="6">
        <v>7</v>
      </c>
      <c r="U397" s="6">
        <v>140</v>
      </c>
      <c r="V397" s="6">
        <v>41</v>
      </c>
      <c r="W397" s="6">
        <v>21</v>
      </c>
      <c r="X397" s="6">
        <v>358</v>
      </c>
      <c r="Y397" s="6">
        <v>339</v>
      </c>
      <c r="Z397" s="6">
        <v>7</v>
      </c>
      <c r="AA397" s="6">
        <v>11</v>
      </c>
      <c r="AB397" s="6">
        <v>1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96</v>
      </c>
      <c r="I398" s="9" t="s">
        <v>53</v>
      </c>
      <c r="J398" s="9" t="s">
        <v>49</v>
      </c>
      <c r="K398" s="6">
        <v>39</v>
      </c>
      <c r="L398" s="6">
        <v>8</v>
      </c>
      <c r="M398" s="6">
        <v>7</v>
      </c>
      <c r="N398" s="6">
        <v>4</v>
      </c>
      <c r="O398" s="6">
        <v>2</v>
      </c>
      <c r="P398" s="10" t="s">
        <v>55</v>
      </c>
      <c r="Q398" s="6">
        <v>1</v>
      </c>
      <c r="R398" s="6">
        <v>1</v>
      </c>
      <c r="S398" s="6">
        <v>30</v>
      </c>
      <c r="T398" s="6">
        <v>1</v>
      </c>
      <c r="U398" s="10" t="s">
        <v>55</v>
      </c>
      <c r="V398" s="6">
        <v>29</v>
      </c>
      <c r="W398" s="6">
        <v>1</v>
      </c>
      <c r="X398" s="6">
        <v>4</v>
      </c>
      <c r="Y398" s="6">
        <v>3</v>
      </c>
      <c r="Z398" s="10" t="s">
        <v>55</v>
      </c>
      <c r="AA398" s="10" t="s">
        <v>55</v>
      </c>
      <c r="AB398" s="6">
        <v>1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96</v>
      </c>
      <c r="I399" s="9" t="s">
        <v>53</v>
      </c>
      <c r="J399" s="9" t="s">
        <v>50</v>
      </c>
      <c r="K399" s="6">
        <v>9</v>
      </c>
      <c r="L399" s="10" t="s">
        <v>55</v>
      </c>
      <c r="M399" s="10" t="s">
        <v>55</v>
      </c>
      <c r="N399" s="10" t="s">
        <v>55</v>
      </c>
      <c r="O399" s="10" t="s">
        <v>55</v>
      </c>
      <c r="P399" s="10" t="s">
        <v>55</v>
      </c>
      <c r="Q399" s="10" t="s">
        <v>55</v>
      </c>
      <c r="R399" s="10" t="s">
        <v>55</v>
      </c>
      <c r="S399" s="6">
        <v>9</v>
      </c>
      <c r="T399" s="10" t="s">
        <v>55</v>
      </c>
      <c r="U399" s="10" t="s">
        <v>55</v>
      </c>
      <c r="V399" s="6">
        <v>9</v>
      </c>
      <c r="W399" s="10" t="s">
        <v>55</v>
      </c>
      <c r="X399" s="10" t="s">
        <v>55</v>
      </c>
      <c r="Y399" s="10" t="s">
        <v>55</v>
      </c>
      <c r="Z399" s="10" t="s">
        <v>55</v>
      </c>
      <c r="AA399" s="10" t="s">
        <v>55</v>
      </c>
      <c r="AB399" s="10" t="s">
        <v>55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96</v>
      </c>
      <c r="I400" s="9" t="s">
        <v>53</v>
      </c>
      <c r="J400" s="9" t="s">
        <v>51</v>
      </c>
      <c r="K400" s="10" t="s">
        <v>55</v>
      </c>
      <c r="L400" s="10" t="s">
        <v>55</v>
      </c>
      <c r="M400" s="10" t="s">
        <v>55</v>
      </c>
      <c r="N400" s="10" t="s">
        <v>55</v>
      </c>
      <c r="O400" s="10" t="s">
        <v>55</v>
      </c>
      <c r="P400" s="10" t="s">
        <v>55</v>
      </c>
      <c r="Q400" s="10" t="s">
        <v>55</v>
      </c>
      <c r="R400" s="10" t="s">
        <v>55</v>
      </c>
      <c r="S400" s="10" t="s">
        <v>55</v>
      </c>
      <c r="T400" s="10" t="s">
        <v>55</v>
      </c>
      <c r="U400" s="10" t="s">
        <v>55</v>
      </c>
      <c r="V400" s="10" t="s">
        <v>55</v>
      </c>
      <c r="W400" s="10" t="s">
        <v>55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96</v>
      </c>
      <c r="I401" s="9" t="s">
        <v>53</v>
      </c>
      <c r="J401" s="9" t="s">
        <v>52</v>
      </c>
      <c r="K401" s="6">
        <v>511</v>
      </c>
      <c r="L401" s="6">
        <v>430</v>
      </c>
      <c r="M401" s="6">
        <v>393</v>
      </c>
      <c r="N401" s="6">
        <v>372</v>
      </c>
      <c r="O401" s="6">
        <v>8</v>
      </c>
      <c r="P401" s="6">
        <v>9</v>
      </c>
      <c r="Q401" s="6">
        <v>4</v>
      </c>
      <c r="R401" s="6">
        <v>37</v>
      </c>
      <c r="S401" s="6">
        <v>67</v>
      </c>
      <c r="T401" s="6">
        <v>6</v>
      </c>
      <c r="U401" s="6">
        <v>11</v>
      </c>
      <c r="V401" s="6">
        <v>50</v>
      </c>
      <c r="W401" s="6">
        <v>14</v>
      </c>
      <c r="X401" s="6">
        <v>338</v>
      </c>
      <c r="Y401" s="6">
        <v>320</v>
      </c>
      <c r="Z401" s="6">
        <v>7</v>
      </c>
      <c r="AA401" s="6">
        <v>9</v>
      </c>
      <c r="AB401" s="6">
        <v>2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96</v>
      </c>
      <c r="I402" s="9" t="s">
        <v>54</v>
      </c>
      <c r="J402" s="9" t="s">
        <v>30</v>
      </c>
      <c r="K402" s="6">
        <v>637</v>
      </c>
      <c r="L402" s="6">
        <v>383</v>
      </c>
      <c r="M402" s="6">
        <v>361</v>
      </c>
      <c r="N402" s="6">
        <v>337</v>
      </c>
      <c r="O402" s="6">
        <v>10</v>
      </c>
      <c r="P402" s="6">
        <v>12</v>
      </c>
      <c r="Q402" s="6">
        <v>2</v>
      </c>
      <c r="R402" s="6">
        <v>22</v>
      </c>
      <c r="S402" s="6">
        <v>236</v>
      </c>
      <c r="T402" s="6">
        <v>25</v>
      </c>
      <c r="U402" s="6">
        <v>172</v>
      </c>
      <c r="V402" s="6">
        <v>39</v>
      </c>
      <c r="W402" s="6">
        <v>18</v>
      </c>
      <c r="X402" s="6">
        <v>346</v>
      </c>
      <c r="Y402" s="6">
        <v>324</v>
      </c>
      <c r="Z402" s="6">
        <v>8</v>
      </c>
      <c r="AA402" s="6">
        <v>12</v>
      </c>
      <c r="AB402" s="6">
        <v>2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96</v>
      </c>
      <c r="I403" s="9" t="s">
        <v>54</v>
      </c>
      <c r="J403" s="9" t="s">
        <v>31</v>
      </c>
      <c r="K403" s="6">
        <v>173</v>
      </c>
      <c r="L403" s="6">
        <v>16</v>
      </c>
      <c r="M403" s="6">
        <v>16</v>
      </c>
      <c r="N403" s="6">
        <v>10</v>
      </c>
      <c r="O403" s="10" t="s">
        <v>55</v>
      </c>
      <c r="P403" s="6">
        <v>5</v>
      </c>
      <c r="Q403" s="6">
        <v>1</v>
      </c>
      <c r="R403" s="10" t="s">
        <v>55</v>
      </c>
      <c r="S403" s="6">
        <v>149</v>
      </c>
      <c r="T403" s="10" t="s">
        <v>55</v>
      </c>
      <c r="U403" s="6">
        <v>149</v>
      </c>
      <c r="V403" s="10" t="s">
        <v>55</v>
      </c>
      <c r="W403" s="6">
        <v>8</v>
      </c>
      <c r="X403" s="6">
        <v>16</v>
      </c>
      <c r="Y403" s="6">
        <v>10</v>
      </c>
      <c r="Z403" s="10" t="s">
        <v>55</v>
      </c>
      <c r="AA403" s="6">
        <v>5</v>
      </c>
      <c r="AB403" s="6">
        <v>1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96</v>
      </c>
      <c r="I404" s="9" t="s">
        <v>54</v>
      </c>
      <c r="J404" s="9" t="s">
        <v>32</v>
      </c>
      <c r="K404" s="6">
        <v>125</v>
      </c>
      <c r="L404" s="6">
        <v>99</v>
      </c>
      <c r="M404" s="6">
        <v>96</v>
      </c>
      <c r="N404" s="6">
        <v>89</v>
      </c>
      <c r="O404" s="10" t="s">
        <v>55</v>
      </c>
      <c r="P404" s="6">
        <v>7</v>
      </c>
      <c r="Q404" s="10" t="s">
        <v>55</v>
      </c>
      <c r="R404" s="6">
        <v>3</v>
      </c>
      <c r="S404" s="6">
        <v>22</v>
      </c>
      <c r="T404" s="6">
        <v>1</v>
      </c>
      <c r="U404" s="6">
        <v>20</v>
      </c>
      <c r="V404" s="6">
        <v>1</v>
      </c>
      <c r="W404" s="6">
        <v>4</v>
      </c>
      <c r="X404" s="6">
        <v>96</v>
      </c>
      <c r="Y404" s="6">
        <v>89</v>
      </c>
      <c r="Z404" s="10" t="s">
        <v>55</v>
      </c>
      <c r="AA404" s="6">
        <v>7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96</v>
      </c>
      <c r="I405" s="9" t="s">
        <v>54</v>
      </c>
      <c r="J405" s="9" t="s">
        <v>33</v>
      </c>
      <c r="K405" s="6">
        <v>67</v>
      </c>
      <c r="L405" s="6">
        <v>62</v>
      </c>
      <c r="M405" s="6">
        <v>58</v>
      </c>
      <c r="N405" s="6">
        <v>58</v>
      </c>
      <c r="O405" s="10" t="s">
        <v>55</v>
      </c>
      <c r="P405" s="10" t="s">
        <v>55</v>
      </c>
      <c r="Q405" s="10" t="s">
        <v>55</v>
      </c>
      <c r="R405" s="6">
        <v>4</v>
      </c>
      <c r="S405" s="6">
        <v>5</v>
      </c>
      <c r="T405" s="10" t="s">
        <v>55</v>
      </c>
      <c r="U405" s="6">
        <v>2</v>
      </c>
      <c r="V405" s="6">
        <v>3</v>
      </c>
      <c r="W405" s="10" t="s">
        <v>55</v>
      </c>
      <c r="X405" s="6">
        <v>55</v>
      </c>
      <c r="Y405" s="6">
        <v>55</v>
      </c>
      <c r="Z405" s="10" t="s">
        <v>55</v>
      </c>
      <c r="AA405" s="10" t="s">
        <v>55</v>
      </c>
      <c r="AB405" s="10" t="s">
        <v>55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96</v>
      </c>
      <c r="I406" s="9" t="s">
        <v>54</v>
      </c>
      <c r="J406" s="9" t="s">
        <v>34</v>
      </c>
      <c r="K406" s="6">
        <v>58</v>
      </c>
      <c r="L406" s="6">
        <v>52</v>
      </c>
      <c r="M406" s="6">
        <v>49</v>
      </c>
      <c r="N406" s="6">
        <v>48</v>
      </c>
      <c r="O406" s="6">
        <v>1</v>
      </c>
      <c r="P406" s="10" t="s">
        <v>55</v>
      </c>
      <c r="Q406" s="10" t="s">
        <v>55</v>
      </c>
      <c r="R406" s="6">
        <v>3</v>
      </c>
      <c r="S406" s="6">
        <v>3</v>
      </c>
      <c r="T406" s="6">
        <v>2</v>
      </c>
      <c r="U406" s="10" t="s">
        <v>55</v>
      </c>
      <c r="V406" s="6">
        <v>1</v>
      </c>
      <c r="W406" s="6">
        <v>3</v>
      </c>
      <c r="X406" s="6">
        <v>47</v>
      </c>
      <c r="Y406" s="6">
        <v>46</v>
      </c>
      <c r="Z406" s="6">
        <v>1</v>
      </c>
      <c r="AA406" s="10" t="s">
        <v>55</v>
      </c>
      <c r="AB406" s="10" t="s">
        <v>55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96</v>
      </c>
      <c r="I407" s="9" t="s">
        <v>54</v>
      </c>
      <c r="J407" s="9" t="s">
        <v>35</v>
      </c>
      <c r="K407" s="6">
        <v>45</v>
      </c>
      <c r="L407" s="6">
        <v>39</v>
      </c>
      <c r="M407" s="6">
        <v>37</v>
      </c>
      <c r="N407" s="6">
        <v>36</v>
      </c>
      <c r="O407" s="10" t="s">
        <v>55</v>
      </c>
      <c r="P407" s="10" t="s">
        <v>55</v>
      </c>
      <c r="Q407" s="6">
        <v>1</v>
      </c>
      <c r="R407" s="6">
        <v>2</v>
      </c>
      <c r="S407" s="6">
        <v>5</v>
      </c>
      <c r="T407" s="6">
        <v>3</v>
      </c>
      <c r="U407" s="6">
        <v>1</v>
      </c>
      <c r="V407" s="6">
        <v>1</v>
      </c>
      <c r="W407" s="6">
        <v>1</v>
      </c>
      <c r="X407" s="6">
        <v>34</v>
      </c>
      <c r="Y407" s="6">
        <v>33</v>
      </c>
      <c r="Z407" s="10" t="s">
        <v>55</v>
      </c>
      <c r="AA407" s="10" t="s">
        <v>55</v>
      </c>
      <c r="AB407" s="6">
        <v>1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96</v>
      </c>
      <c r="I408" s="9" t="s">
        <v>54</v>
      </c>
      <c r="J408" s="9" t="s">
        <v>36</v>
      </c>
      <c r="K408" s="6">
        <v>35</v>
      </c>
      <c r="L408" s="6">
        <v>31</v>
      </c>
      <c r="M408" s="6">
        <v>28</v>
      </c>
      <c r="N408" s="6">
        <v>27</v>
      </c>
      <c r="O408" s="6">
        <v>1</v>
      </c>
      <c r="P408" s="10" t="s">
        <v>55</v>
      </c>
      <c r="Q408" s="10" t="s">
        <v>55</v>
      </c>
      <c r="R408" s="6">
        <v>3</v>
      </c>
      <c r="S408" s="6">
        <v>3</v>
      </c>
      <c r="T408" s="6">
        <v>2</v>
      </c>
      <c r="U408" s="10" t="s">
        <v>55</v>
      </c>
      <c r="V408" s="6">
        <v>1</v>
      </c>
      <c r="W408" s="6">
        <v>1</v>
      </c>
      <c r="X408" s="6">
        <v>27</v>
      </c>
      <c r="Y408" s="6">
        <v>26</v>
      </c>
      <c r="Z408" s="6">
        <v>1</v>
      </c>
      <c r="AA408" s="10" t="s">
        <v>55</v>
      </c>
      <c r="AB408" s="10" t="s">
        <v>55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96</v>
      </c>
      <c r="I409" s="9" t="s">
        <v>54</v>
      </c>
      <c r="J409" s="9" t="s">
        <v>37</v>
      </c>
      <c r="K409" s="6">
        <v>35</v>
      </c>
      <c r="L409" s="6">
        <v>32</v>
      </c>
      <c r="M409" s="6">
        <v>30</v>
      </c>
      <c r="N409" s="6">
        <v>30</v>
      </c>
      <c r="O409" s="10" t="s">
        <v>55</v>
      </c>
      <c r="P409" s="10" t="s">
        <v>55</v>
      </c>
      <c r="Q409" s="10" t="s">
        <v>55</v>
      </c>
      <c r="R409" s="6">
        <v>2</v>
      </c>
      <c r="S409" s="6">
        <v>3</v>
      </c>
      <c r="T409" s="6">
        <v>2</v>
      </c>
      <c r="U409" s="10" t="s">
        <v>55</v>
      </c>
      <c r="V409" s="6">
        <v>1</v>
      </c>
      <c r="W409" s="10" t="s">
        <v>55</v>
      </c>
      <c r="X409" s="6">
        <v>30</v>
      </c>
      <c r="Y409" s="6">
        <v>30</v>
      </c>
      <c r="Z409" s="10" t="s">
        <v>55</v>
      </c>
      <c r="AA409" s="10" t="s">
        <v>55</v>
      </c>
      <c r="AB409" s="10" t="s">
        <v>55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96</v>
      </c>
      <c r="I410" s="9" t="s">
        <v>54</v>
      </c>
      <c r="J410" s="9" t="s">
        <v>38</v>
      </c>
      <c r="K410" s="6">
        <v>25</v>
      </c>
      <c r="L410" s="6">
        <v>23</v>
      </c>
      <c r="M410" s="6">
        <v>20</v>
      </c>
      <c r="N410" s="6">
        <v>19</v>
      </c>
      <c r="O410" s="6">
        <v>1</v>
      </c>
      <c r="P410" s="10" t="s">
        <v>55</v>
      </c>
      <c r="Q410" s="10" t="s">
        <v>55</v>
      </c>
      <c r="R410" s="6">
        <v>3</v>
      </c>
      <c r="S410" s="6">
        <v>2</v>
      </c>
      <c r="T410" s="10" t="s">
        <v>55</v>
      </c>
      <c r="U410" s="10" t="s">
        <v>55</v>
      </c>
      <c r="V410" s="6">
        <v>2</v>
      </c>
      <c r="W410" s="10" t="s">
        <v>55</v>
      </c>
      <c r="X410" s="6">
        <v>19</v>
      </c>
      <c r="Y410" s="6">
        <v>18</v>
      </c>
      <c r="Z410" s="6">
        <v>1</v>
      </c>
      <c r="AA410" s="10" t="s">
        <v>55</v>
      </c>
      <c r="AB410" s="10" t="s">
        <v>55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96</v>
      </c>
      <c r="I411" s="9" t="s">
        <v>54</v>
      </c>
      <c r="J411" s="9" t="s">
        <v>39</v>
      </c>
      <c r="K411" s="6">
        <v>13</v>
      </c>
      <c r="L411" s="6">
        <v>12</v>
      </c>
      <c r="M411" s="6">
        <v>10</v>
      </c>
      <c r="N411" s="6">
        <v>9</v>
      </c>
      <c r="O411" s="6">
        <v>1</v>
      </c>
      <c r="P411" s="10" t="s">
        <v>55</v>
      </c>
      <c r="Q411" s="10" t="s">
        <v>55</v>
      </c>
      <c r="R411" s="6">
        <v>2</v>
      </c>
      <c r="S411" s="6">
        <v>1</v>
      </c>
      <c r="T411" s="6">
        <v>1</v>
      </c>
      <c r="U411" s="10" t="s">
        <v>55</v>
      </c>
      <c r="V411" s="10" t="s">
        <v>55</v>
      </c>
      <c r="W411" s="10" t="s">
        <v>55</v>
      </c>
      <c r="X411" s="6">
        <v>9</v>
      </c>
      <c r="Y411" s="6">
        <v>8</v>
      </c>
      <c r="Z411" s="6">
        <v>1</v>
      </c>
      <c r="AA411" s="10" t="s">
        <v>55</v>
      </c>
      <c r="AB411" s="10" t="s">
        <v>55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96</v>
      </c>
      <c r="I412" s="9" t="s">
        <v>54</v>
      </c>
      <c r="J412" s="9" t="s">
        <v>40</v>
      </c>
      <c r="K412" s="6">
        <v>10</v>
      </c>
      <c r="L412" s="6">
        <v>8</v>
      </c>
      <c r="M412" s="6">
        <v>8</v>
      </c>
      <c r="N412" s="6">
        <v>8</v>
      </c>
      <c r="O412" s="10" t="s">
        <v>55</v>
      </c>
      <c r="P412" s="10" t="s">
        <v>55</v>
      </c>
      <c r="Q412" s="10" t="s">
        <v>55</v>
      </c>
      <c r="R412" s="10" t="s">
        <v>55</v>
      </c>
      <c r="S412" s="6">
        <v>2</v>
      </c>
      <c r="T412" s="6">
        <v>1</v>
      </c>
      <c r="U412" s="10" t="s">
        <v>55</v>
      </c>
      <c r="V412" s="6">
        <v>1</v>
      </c>
      <c r="W412" s="10" t="s">
        <v>55</v>
      </c>
      <c r="X412" s="6">
        <v>7</v>
      </c>
      <c r="Y412" s="6">
        <v>7</v>
      </c>
      <c r="Z412" s="10" t="s">
        <v>55</v>
      </c>
      <c r="AA412" s="10" t="s">
        <v>55</v>
      </c>
      <c r="AB412" s="10" t="s">
        <v>55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96</v>
      </c>
      <c r="I413" s="9" t="s">
        <v>54</v>
      </c>
      <c r="J413" s="9" t="s">
        <v>41</v>
      </c>
      <c r="K413" s="6">
        <v>21</v>
      </c>
      <c r="L413" s="6">
        <v>5</v>
      </c>
      <c r="M413" s="6">
        <v>5</v>
      </c>
      <c r="N413" s="6">
        <v>1</v>
      </c>
      <c r="O413" s="6">
        <v>4</v>
      </c>
      <c r="P413" s="10" t="s">
        <v>55</v>
      </c>
      <c r="Q413" s="10" t="s">
        <v>55</v>
      </c>
      <c r="R413" s="10" t="s">
        <v>55</v>
      </c>
      <c r="S413" s="6">
        <v>16</v>
      </c>
      <c r="T413" s="6">
        <v>8</v>
      </c>
      <c r="U413" s="10" t="s">
        <v>55</v>
      </c>
      <c r="V413" s="6">
        <v>8</v>
      </c>
      <c r="W413" s="10" t="s">
        <v>55</v>
      </c>
      <c r="X413" s="6">
        <v>3</v>
      </c>
      <c r="Y413" s="10" t="s">
        <v>55</v>
      </c>
      <c r="Z413" s="6">
        <v>3</v>
      </c>
      <c r="AA413" s="10" t="s">
        <v>55</v>
      </c>
      <c r="AB413" s="10" t="s">
        <v>55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96</v>
      </c>
      <c r="I414" s="9" t="s">
        <v>54</v>
      </c>
      <c r="J414" s="9" t="s">
        <v>42</v>
      </c>
      <c r="K414" s="6">
        <v>10</v>
      </c>
      <c r="L414" s="6">
        <v>3</v>
      </c>
      <c r="M414" s="6">
        <v>3</v>
      </c>
      <c r="N414" s="6">
        <v>2</v>
      </c>
      <c r="O414" s="6">
        <v>1</v>
      </c>
      <c r="P414" s="10" t="s">
        <v>55</v>
      </c>
      <c r="Q414" s="10" t="s">
        <v>55</v>
      </c>
      <c r="R414" s="10" t="s">
        <v>55</v>
      </c>
      <c r="S414" s="6">
        <v>7</v>
      </c>
      <c r="T414" s="6">
        <v>1</v>
      </c>
      <c r="U414" s="10" t="s">
        <v>55</v>
      </c>
      <c r="V414" s="6">
        <v>6</v>
      </c>
      <c r="W414" s="10" t="s">
        <v>55</v>
      </c>
      <c r="X414" s="6">
        <v>3</v>
      </c>
      <c r="Y414" s="6">
        <v>2</v>
      </c>
      <c r="Z414" s="6">
        <v>1</v>
      </c>
      <c r="AA414" s="10" t="s">
        <v>55</v>
      </c>
      <c r="AB414" s="10" t="s">
        <v>55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96</v>
      </c>
      <c r="I415" s="9" t="s">
        <v>54</v>
      </c>
      <c r="J415" s="9" t="s">
        <v>43</v>
      </c>
      <c r="K415" s="6">
        <v>8</v>
      </c>
      <c r="L415" s="6">
        <v>1</v>
      </c>
      <c r="M415" s="6">
        <v>1</v>
      </c>
      <c r="N415" s="10" t="s">
        <v>55</v>
      </c>
      <c r="O415" s="6">
        <v>1</v>
      </c>
      <c r="P415" s="10" t="s">
        <v>55</v>
      </c>
      <c r="Q415" s="10" t="s">
        <v>55</v>
      </c>
      <c r="R415" s="10" t="s">
        <v>55</v>
      </c>
      <c r="S415" s="6">
        <v>6</v>
      </c>
      <c r="T415" s="6">
        <v>1</v>
      </c>
      <c r="U415" s="10" t="s">
        <v>55</v>
      </c>
      <c r="V415" s="6">
        <v>5</v>
      </c>
      <c r="W415" s="6">
        <v>1</v>
      </c>
      <c r="X415" s="10" t="s">
        <v>55</v>
      </c>
      <c r="Y415" s="10" t="s">
        <v>55</v>
      </c>
      <c r="Z415" s="10" t="s">
        <v>55</v>
      </c>
      <c r="AA415" s="10" t="s">
        <v>55</v>
      </c>
      <c r="AB415" s="10" t="s">
        <v>55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96</v>
      </c>
      <c r="I416" s="9" t="s">
        <v>54</v>
      </c>
      <c r="J416" s="9" t="s">
        <v>44</v>
      </c>
      <c r="K416" s="6">
        <v>3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  <c r="R416" s="10" t="s">
        <v>55</v>
      </c>
      <c r="S416" s="6">
        <v>3</v>
      </c>
      <c r="T416" s="6">
        <v>2</v>
      </c>
      <c r="U416" s="10" t="s">
        <v>55</v>
      </c>
      <c r="V416" s="6">
        <v>1</v>
      </c>
      <c r="W416" s="10" t="s">
        <v>55</v>
      </c>
      <c r="X416" s="10" t="s">
        <v>55</v>
      </c>
      <c r="Y416" s="10" t="s">
        <v>55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96</v>
      </c>
      <c r="I417" s="9" t="s">
        <v>54</v>
      </c>
      <c r="J417" s="9" t="s">
        <v>45</v>
      </c>
      <c r="K417" s="6">
        <v>4</v>
      </c>
      <c r="L417" s="10" t="s">
        <v>55</v>
      </c>
      <c r="M417" s="10" t="s">
        <v>55</v>
      </c>
      <c r="N417" s="10" t="s">
        <v>55</v>
      </c>
      <c r="O417" s="10" t="s">
        <v>55</v>
      </c>
      <c r="P417" s="10" t="s">
        <v>55</v>
      </c>
      <c r="Q417" s="10" t="s">
        <v>55</v>
      </c>
      <c r="R417" s="10" t="s">
        <v>55</v>
      </c>
      <c r="S417" s="6">
        <v>4</v>
      </c>
      <c r="T417" s="6">
        <v>1</v>
      </c>
      <c r="U417" s="10" t="s">
        <v>55</v>
      </c>
      <c r="V417" s="6">
        <v>3</v>
      </c>
      <c r="W417" s="10" t="s">
        <v>55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96</v>
      </c>
      <c r="I418" s="9" t="s">
        <v>54</v>
      </c>
      <c r="J418" s="9" t="s">
        <v>46</v>
      </c>
      <c r="K418" s="6">
        <v>2</v>
      </c>
      <c r="L418" s="10" t="s">
        <v>55</v>
      </c>
      <c r="M418" s="10" t="s">
        <v>55</v>
      </c>
      <c r="N418" s="10" t="s">
        <v>55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6">
        <v>2</v>
      </c>
      <c r="T418" s="10" t="s">
        <v>55</v>
      </c>
      <c r="U418" s="10" t="s">
        <v>55</v>
      </c>
      <c r="V418" s="6">
        <v>2</v>
      </c>
      <c r="W418" s="10" t="s">
        <v>55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96</v>
      </c>
      <c r="I419" s="9" t="s">
        <v>54</v>
      </c>
      <c r="J419" s="9" t="s">
        <v>47</v>
      </c>
      <c r="K419" s="6">
        <v>3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6">
        <v>3</v>
      </c>
      <c r="T419" s="10" t="s">
        <v>55</v>
      </c>
      <c r="U419" s="10" t="s">
        <v>55</v>
      </c>
      <c r="V419" s="6">
        <v>3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96</v>
      </c>
      <c r="I420" s="9" t="s">
        <v>54</v>
      </c>
      <c r="J420" s="9" t="s">
        <v>48</v>
      </c>
      <c r="K420" s="6">
        <v>586</v>
      </c>
      <c r="L420" s="6">
        <v>374</v>
      </c>
      <c r="M420" s="6">
        <v>352</v>
      </c>
      <c r="N420" s="6">
        <v>334</v>
      </c>
      <c r="O420" s="6">
        <v>4</v>
      </c>
      <c r="P420" s="6">
        <v>12</v>
      </c>
      <c r="Q420" s="6">
        <v>2</v>
      </c>
      <c r="R420" s="6">
        <v>22</v>
      </c>
      <c r="S420" s="6">
        <v>195</v>
      </c>
      <c r="T420" s="6">
        <v>12</v>
      </c>
      <c r="U420" s="6">
        <v>172</v>
      </c>
      <c r="V420" s="6">
        <v>11</v>
      </c>
      <c r="W420" s="6">
        <v>17</v>
      </c>
      <c r="X420" s="6">
        <v>340</v>
      </c>
      <c r="Y420" s="6">
        <v>322</v>
      </c>
      <c r="Z420" s="6">
        <v>4</v>
      </c>
      <c r="AA420" s="6">
        <v>12</v>
      </c>
      <c r="AB420" s="6">
        <v>2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96</v>
      </c>
      <c r="I421" s="9" t="s">
        <v>54</v>
      </c>
      <c r="J421" s="9" t="s">
        <v>49</v>
      </c>
      <c r="K421" s="6">
        <v>51</v>
      </c>
      <c r="L421" s="6">
        <v>9</v>
      </c>
      <c r="M421" s="6">
        <v>9</v>
      </c>
      <c r="N421" s="6">
        <v>3</v>
      </c>
      <c r="O421" s="6">
        <v>6</v>
      </c>
      <c r="P421" s="10" t="s">
        <v>55</v>
      </c>
      <c r="Q421" s="10" t="s">
        <v>55</v>
      </c>
      <c r="R421" s="10" t="s">
        <v>55</v>
      </c>
      <c r="S421" s="6">
        <v>41</v>
      </c>
      <c r="T421" s="6">
        <v>13</v>
      </c>
      <c r="U421" s="10" t="s">
        <v>55</v>
      </c>
      <c r="V421" s="6">
        <v>28</v>
      </c>
      <c r="W421" s="6">
        <v>1</v>
      </c>
      <c r="X421" s="6">
        <v>6</v>
      </c>
      <c r="Y421" s="6">
        <v>2</v>
      </c>
      <c r="Z421" s="6">
        <v>4</v>
      </c>
      <c r="AA421" s="10" t="s">
        <v>55</v>
      </c>
      <c r="AB421" s="10" t="s">
        <v>55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96</v>
      </c>
      <c r="I422" s="9" t="s">
        <v>54</v>
      </c>
      <c r="J422" s="9" t="s">
        <v>50</v>
      </c>
      <c r="K422" s="6">
        <v>20</v>
      </c>
      <c r="L422" s="6">
        <v>1</v>
      </c>
      <c r="M422" s="6">
        <v>1</v>
      </c>
      <c r="N422" s="10" t="s">
        <v>55</v>
      </c>
      <c r="O422" s="6">
        <v>1</v>
      </c>
      <c r="P422" s="10" t="s">
        <v>55</v>
      </c>
      <c r="Q422" s="10" t="s">
        <v>55</v>
      </c>
      <c r="R422" s="10" t="s">
        <v>55</v>
      </c>
      <c r="S422" s="6">
        <v>18</v>
      </c>
      <c r="T422" s="6">
        <v>4</v>
      </c>
      <c r="U422" s="10" t="s">
        <v>55</v>
      </c>
      <c r="V422" s="6">
        <v>14</v>
      </c>
      <c r="W422" s="6">
        <v>1</v>
      </c>
      <c r="X422" s="10" t="s">
        <v>55</v>
      </c>
      <c r="Y422" s="10" t="s">
        <v>55</v>
      </c>
      <c r="Z422" s="10" t="s">
        <v>55</v>
      </c>
      <c r="AA422" s="10" t="s">
        <v>55</v>
      </c>
      <c r="AB422" s="10" t="s">
        <v>55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96</v>
      </c>
      <c r="I423" s="9" t="s">
        <v>54</v>
      </c>
      <c r="J423" s="9" t="s">
        <v>51</v>
      </c>
      <c r="K423" s="6">
        <v>9</v>
      </c>
      <c r="L423" s="10" t="s">
        <v>55</v>
      </c>
      <c r="M423" s="10" t="s">
        <v>55</v>
      </c>
      <c r="N423" s="10" t="s">
        <v>55</v>
      </c>
      <c r="O423" s="10" t="s">
        <v>55</v>
      </c>
      <c r="P423" s="10" t="s">
        <v>55</v>
      </c>
      <c r="Q423" s="10" t="s">
        <v>55</v>
      </c>
      <c r="R423" s="10" t="s">
        <v>55</v>
      </c>
      <c r="S423" s="6">
        <v>9</v>
      </c>
      <c r="T423" s="6">
        <v>1</v>
      </c>
      <c r="U423" s="10" t="s">
        <v>55</v>
      </c>
      <c r="V423" s="6">
        <v>8</v>
      </c>
      <c r="W423" s="10" t="s">
        <v>55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96</v>
      </c>
      <c r="I424" s="9" t="s">
        <v>54</v>
      </c>
      <c r="J424" s="9" t="s">
        <v>52</v>
      </c>
      <c r="K424" s="6">
        <v>434</v>
      </c>
      <c r="L424" s="6">
        <v>363</v>
      </c>
      <c r="M424" s="6">
        <v>341</v>
      </c>
      <c r="N424" s="6">
        <v>325</v>
      </c>
      <c r="O424" s="6">
        <v>8</v>
      </c>
      <c r="P424" s="6">
        <v>7</v>
      </c>
      <c r="Q424" s="6">
        <v>1</v>
      </c>
      <c r="R424" s="6">
        <v>22</v>
      </c>
      <c r="S424" s="6">
        <v>62</v>
      </c>
      <c r="T424" s="6">
        <v>20</v>
      </c>
      <c r="U424" s="6">
        <v>23</v>
      </c>
      <c r="V424" s="6">
        <v>19</v>
      </c>
      <c r="W424" s="6">
        <v>9</v>
      </c>
      <c r="X424" s="6">
        <v>327</v>
      </c>
      <c r="Y424" s="6">
        <v>312</v>
      </c>
      <c r="Z424" s="6">
        <v>7</v>
      </c>
      <c r="AA424" s="6">
        <v>7</v>
      </c>
      <c r="AB424" s="6">
        <v>1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96</v>
      </c>
      <c r="I425" s="9" t="s">
        <v>6</v>
      </c>
      <c r="J425" s="9" t="s">
        <v>30</v>
      </c>
      <c r="K425" s="6">
        <v>2624</v>
      </c>
      <c r="L425" s="6">
        <v>1749</v>
      </c>
      <c r="M425" s="6">
        <v>1584</v>
      </c>
      <c r="N425" s="6">
        <v>1510</v>
      </c>
      <c r="O425" s="6">
        <v>29</v>
      </c>
      <c r="P425" s="6">
        <v>24</v>
      </c>
      <c r="Q425" s="6">
        <v>21</v>
      </c>
      <c r="R425" s="6">
        <v>165</v>
      </c>
      <c r="S425" s="6">
        <v>777</v>
      </c>
      <c r="T425" s="6">
        <v>109</v>
      </c>
      <c r="U425" s="6">
        <v>457</v>
      </c>
      <c r="V425" s="6">
        <v>211</v>
      </c>
      <c r="W425" s="6">
        <v>98</v>
      </c>
      <c r="X425" s="6">
        <v>1375</v>
      </c>
      <c r="Y425" s="6">
        <v>1323</v>
      </c>
      <c r="Z425" s="6">
        <v>11</v>
      </c>
      <c r="AA425" s="6">
        <v>24</v>
      </c>
      <c r="AB425" s="6">
        <v>17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96</v>
      </c>
      <c r="I426" s="9" t="s">
        <v>6</v>
      </c>
      <c r="J426" s="9" t="s">
        <v>31</v>
      </c>
      <c r="K426" s="6">
        <v>506</v>
      </c>
      <c r="L426" s="6">
        <v>60</v>
      </c>
      <c r="M426" s="6">
        <v>53</v>
      </c>
      <c r="N426" s="6">
        <v>40</v>
      </c>
      <c r="O426" s="10" t="s">
        <v>55</v>
      </c>
      <c r="P426" s="6">
        <v>13</v>
      </c>
      <c r="Q426" s="10" t="s">
        <v>55</v>
      </c>
      <c r="R426" s="6">
        <v>7</v>
      </c>
      <c r="S426" s="6">
        <v>417</v>
      </c>
      <c r="T426" s="6">
        <v>3</v>
      </c>
      <c r="U426" s="6">
        <v>411</v>
      </c>
      <c r="V426" s="6">
        <v>3</v>
      </c>
      <c r="W426" s="6">
        <v>29</v>
      </c>
      <c r="X426" s="6">
        <v>52</v>
      </c>
      <c r="Y426" s="6">
        <v>39</v>
      </c>
      <c r="Z426" s="10" t="s">
        <v>55</v>
      </c>
      <c r="AA426" s="6">
        <v>13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96</v>
      </c>
      <c r="I427" s="9" t="s">
        <v>6</v>
      </c>
      <c r="J427" s="9" t="s">
        <v>32</v>
      </c>
      <c r="K427" s="6">
        <v>417</v>
      </c>
      <c r="L427" s="6">
        <v>347</v>
      </c>
      <c r="M427" s="6">
        <v>317</v>
      </c>
      <c r="N427" s="6">
        <v>302</v>
      </c>
      <c r="O427" s="6">
        <v>4</v>
      </c>
      <c r="P427" s="6">
        <v>10</v>
      </c>
      <c r="Q427" s="6">
        <v>1</v>
      </c>
      <c r="R427" s="6">
        <v>30</v>
      </c>
      <c r="S427" s="6">
        <v>51</v>
      </c>
      <c r="T427" s="6">
        <v>3</v>
      </c>
      <c r="U427" s="6">
        <v>45</v>
      </c>
      <c r="V427" s="6">
        <v>3</v>
      </c>
      <c r="W427" s="6">
        <v>19</v>
      </c>
      <c r="X427" s="6">
        <v>297</v>
      </c>
      <c r="Y427" s="6">
        <v>283</v>
      </c>
      <c r="Z427" s="6">
        <v>3</v>
      </c>
      <c r="AA427" s="6">
        <v>10</v>
      </c>
      <c r="AB427" s="6">
        <v>1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96</v>
      </c>
      <c r="I428" s="9" t="s">
        <v>6</v>
      </c>
      <c r="J428" s="9" t="s">
        <v>33</v>
      </c>
      <c r="K428" s="6">
        <v>304</v>
      </c>
      <c r="L428" s="6">
        <v>281</v>
      </c>
      <c r="M428" s="6">
        <v>265</v>
      </c>
      <c r="N428" s="6">
        <v>261</v>
      </c>
      <c r="O428" s="6">
        <v>2</v>
      </c>
      <c r="P428" s="6">
        <v>1</v>
      </c>
      <c r="Q428" s="6">
        <v>1</v>
      </c>
      <c r="R428" s="6">
        <v>16</v>
      </c>
      <c r="S428" s="6">
        <v>9</v>
      </c>
      <c r="T428" s="6">
        <v>4</v>
      </c>
      <c r="U428" s="6">
        <v>1</v>
      </c>
      <c r="V428" s="6">
        <v>4</v>
      </c>
      <c r="W428" s="6">
        <v>14</v>
      </c>
      <c r="X428" s="6">
        <v>242</v>
      </c>
      <c r="Y428" s="6">
        <v>238</v>
      </c>
      <c r="Z428" s="6">
        <v>2</v>
      </c>
      <c r="AA428" s="6">
        <v>1</v>
      </c>
      <c r="AB428" s="6">
        <v>1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96</v>
      </c>
      <c r="I429" s="9" t="s">
        <v>6</v>
      </c>
      <c r="J429" s="9" t="s">
        <v>34</v>
      </c>
      <c r="K429" s="6">
        <v>224</v>
      </c>
      <c r="L429" s="6">
        <v>208</v>
      </c>
      <c r="M429" s="6">
        <v>195</v>
      </c>
      <c r="N429" s="6">
        <v>191</v>
      </c>
      <c r="O429" s="10" t="s">
        <v>55</v>
      </c>
      <c r="P429" s="10" t="s">
        <v>55</v>
      </c>
      <c r="Q429" s="6">
        <v>4</v>
      </c>
      <c r="R429" s="6">
        <v>13</v>
      </c>
      <c r="S429" s="6">
        <v>10</v>
      </c>
      <c r="T429" s="6">
        <v>2</v>
      </c>
      <c r="U429" s="10" t="s">
        <v>55</v>
      </c>
      <c r="V429" s="6">
        <v>8</v>
      </c>
      <c r="W429" s="6">
        <v>6</v>
      </c>
      <c r="X429" s="6">
        <v>176</v>
      </c>
      <c r="Y429" s="6">
        <v>172</v>
      </c>
      <c r="Z429" s="10" t="s">
        <v>55</v>
      </c>
      <c r="AA429" s="10" t="s">
        <v>55</v>
      </c>
      <c r="AB429" s="6">
        <v>4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96</v>
      </c>
      <c r="I430" s="9" t="s">
        <v>6</v>
      </c>
      <c r="J430" s="9" t="s">
        <v>35</v>
      </c>
      <c r="K430" s="6">
        <v>197</v>
      </c>
      <c r="L430" s="6">
        <v>176</v>
      </c>
      <c r="M430" s="6">
        <v>152</v>
      </c>
      <c r="N430" s="6">
        <v>147</v>
      </c>
      <c r="O430" s="6">
        <v>3</v>
      </c>
      <c r="P430" s="10" t="s">
        <v>55</v>
      </c>
      <c r="Q430" s="6">
        <v>2</v>
      </c>
      <c r="R430" s="6">
        <v>24</v>
      </c>
      <c r="S430" s="6">
        <v>13</v>
      </c>
      <c r="T430" s="6">
        <v>11</v>
      </c>
      <c r="U430" s="10" t="s">
        <v>55</v>
      </c>
      <c r="V430" s="6">
        <v>2</v>
      </c>
      <c r="W430" s="6">
        <v>8</v>
      </c>
      <c r="X430" s="6">
        <v>124</v>
      </c>
      <c r="Y430" s="6">
        <v>122</v>
      </c>
      <c r="Z430" s="10" t="s">
        <v>55</v>
      </c>
      <c r="AA430" s="10" t="s">
        <v>55</v>
      </c>
      <c r="AB430" s="6">
        <v>2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96</v>
      </c>
      <c r="I431" s="9" t="s">
        <v>6</v>
      </c>
      <c r="J431" s="9" t="s">
        <v>36</v>
      </c>
      <c r="K431" s="6">
        <v>189</v>
      </c>
      <c r="L431" s="6">
        <v>166</v>
      </c>
      <c r="M431" s="6">
        <v>155</v>
      </c>
      <c r="N431" s="6">
        <v>153</v>
      </c>
      <c r="O431" s="6">
        <v>1</v>
      </c>
      <c r="P431" s="10" t="s">
        <v>55</v>
      </c>
      <c r="Q431" s="6">
        <v>1</v>
      </c>
      <c r="R431" s="6">
        <v>11</v>
      </c>
      <c r="S431" s="6">
        <v>18</v>
      </c>
      <c r="T431" s="6">
        <v>8</v>
      </c>
      <c r="U431" s="10" t="s">
        <v>55</v>
      </c>
      <c r="V431" s="6">
        <v>10</v>
      </c>
      <c r="W431" s="6">
        <v>5</v>
      </c>
      <c r="X431" s="6">
        <v>135</v>
      </c>
      <c r="Y431" s="6">
        <v>134</v>
      </c>
      <c r="Z431" s="10" t="s">
        <v>55</v>
      </c>
      <c r="AA431" s="10" t="s">
        <v>55</v>
      </c>
      <c r="AB431" s="6">
        <v>1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96</v>
      </c>
      <c r="I432" s="9" t="s">
        <v>6</v>
      </c>
      <c r="J432" s="9" t="s">
        <v>37</v>
      </c>
      <c r="K432" s="6">
        <v>187</v>
      </c>
      <c r="L432" s="6">
        <v>157</v>
      </c>
      <c r="M432" s="6">
        <v>135</v>
      </c>
      <c r="N432" s="6">
        <v>134</v>
      </c>
      <c r="O432" s="10" t="s">
        <v>55</v>
      </c>
      <c r="P432" s="10" t="s">
        <v>55</v>
      </c>
      <c r="Q432" s="6">
        <v>1</v>
      </c>
      <c r="R432" s="6">
        <v>22</v>
      </c>
      <c r="S432" s="6">
        <v>25</v>
      </c>
      <c r="T432" s="6">
        <v>14</v>
      </c>
      <c r="U432" s="10" t="s">
        <v>55</v>
      </c>
      <c r="V432" s="6">
        <v>11</v>
      </c>
      <c r="W432" s="6">
        <v>5</v>
      </c>
      <c r="X432" s="6">
        <v>112</v>
      </c>
      <c r="Y432" s="6">
        <v>111</v>
      </c>
      <c r="Z432" s="10" t="s">
        <v>55</v>
      </c>
      <c r="AA432" s="10" t="s">
        <v>55</v>
      </c>
      <c r="AB432" s="6">
        <v>1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96</v>
      </c>
      <c r="I433" s="9" t="s">
        <v>6</v>
      </c>
      <c r="J433" s="9" t="s">
        <v>38</v>
      </c>
      <c r="K433" s="6">
        <v>145</v>
      </c>
      <c r="L433" s="6">
        <v>116</v>
      </c>
      <c r="M433" s="6">
        <v>107</v>
      </c>
      <c r="N433" s="6">
        <v>102</v>
      </c>
      <c r="O433" s="6">
        <v>2</v>
      </c>
      <c r="P433" s="10" t="s">
        <v>55</v>
      </c>
      <c r="Q433" s="6">
        <v>3</v>
      </c>
      <c r="R433" s="6">
        <v>9</v>
      </c>
      <c r="S433" s="6">
        <v>24</v>
      </c>
      <c r="T433" s="6">
        <v>14</v>
      </c>
      <c r="U433" s="10" t="s">
        <v>55</v>
      </c>
      <c r="V433" s="6">
        <v>10</v>
      </c>
      <c r="W433" s="6">
        <v>5</v>
      </c>
      <c r="X433" s="6">
        <v>90</v>
      </c>
      <c r="Y433" s="6">
        <v>89</v>
      </c>
      <c r="Z433" s="10" t="s">
        <v>55</v>
      </c>
      <c r="AA433" s="10" t="s">
        <v>55</v>
      </c>
      <c r="AB433" s="6">
        <v>1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96</v>
      </c>
      <c r="I434" s="9" t="s">
        <v>6</v>
      </c>
      <c r="J434" s="9" t="s">
        <v>39</v>
      </c>
      <c r="K434" s="6">
        <v>144</v>
      </c>
      <c r="L434" s="6">
        <v>124</v>
      </c>
      <c r="M434" s="6">
        <v>110</v>
      </c>
      <c r="N434" s="6">
        <v>100</v>
      </c>
      <c r="O434" s="6">
        <v>8</v>
      </c>
      <c r="P434" s="10" t="s">
        <v>55</v>
      </c>
      <c r="Q434" s="6">
        <v>2</v>
      </c>
      <c r="R434" s="6">
        <v>14</v>
      </c>
      <c r="S434" s="6">
        <v>19</v>
      </c>
      <c r="T434" s="6">
        <v>8</v>
      </c>
      <c r="U434" s="10" t="s">
        <v>55</v>
      </c>
      <c r="V434" s="6">
        <v>11</v>
      </c>
      <c r="W434" s="6">
        <v>1</v>
      </c>
      <c r="X434" s="6">
        <v>78</v>
      </c>
      <c r="Y434" s="6">
        <v>76</v>
      </c>
      <c r="Z434" s="6">
        <v>1</v>
      </c>
      <c r="AA434" s="10" t="s">
        <v>55</v>
      </c>
      <c r="AB434" s="6">
        <v>1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96</v>
      </c>
      <c r="I435" s="9" t="s">
        <v>6</v>
      </c>
      <c r="J435" s="9" t="s">
        <v>40</v>
      </c>
      <c r="K435" s="6">
        <v>96</v>
      </c>
      <c r="L435" s="6">
        <v>64</v>
      </c>
      <c r="M435" s="6">
        <v>51</v>
      </c>
      <c r="N435" s="6">
        <v>48</v>
      </c>
      <c r="O435" s="6">
        <v>1</v>
      </c>
      <c r="P435" s="10" t="s">
        <v>55</v>
      </c>
      <c r="Q435" s="6">
        <v>2</v>
      </c>
      <c r="R435" s="6">
        <v>13</v>
      </c>
      <c r="S435" s="6">
        <v>30</v>
      </c>
      <c r="T435" s="6">
        <v>12</v>
      </c>
      <c r="U435" s="10" t="s">
        <v>55</v>
      </c>
      <c r="V435" s="6">
        <v>18</v>
      </c>
      <c r="W435" s="6">
        <v>2</v>
      </c>
      <c r="X435" s="6">
        <v>40</v>
      </c>
      <c r="Y435" s="6">
        <v>38</v>
      </c>
      <c r="Z435" s="6">
        <v>1</v>
      </c>
      <c r="AA435" s="10" t="s">
        <v>55</v>
      </c>
      <c r="AB435" s="6">
        <v>1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96</v>
      </c>
      <c r="I436" s="9" t="s">
        <v>6</v>
      </c>
      <c r="J436" s="9" t="s">
        <v>41</v>
      </c>
      <c r="K436" s="6">
        <v>85</v>
      </c>
      <c r="L436" s="6">
        <v>37</v>
      </c>
      <c r="M436" s="6">
        <v>33</v>
      </c>
      <c r="N436" s="6">
        <v>25</v>
      </c>
      <c r="O436" s="6">
        <v>5</v>
      </c>
      <c r="P436" s="10" t="s">
        <v>55</v>
      </c>
      <c r="Q436" s="6">
        <v>3</v>
      </c>
      <c r="R436" s="6">
        <v>4</v>
      </c>
      <c r="S436" s="6">
        <v>45</v>
      </c>
      <c r="T436" s="6">
        <v>12</v>
      </c>
      <c r="U436" s="10" t="s">
        <v>55</v>
      </c>
      <c r="V436" s="6">
        <v>33</v>
      </c>
      <c r="W436" s="6">
        <v>3</v>
      </c>
      <c r="X436" s="6">
        <v>24</v>
      </c>
      <c r="Y436" s="6">
        <v>18</v>
      </c>
      <c r="Z436" s="6">
        <v>3</v>
      </c>
      <c r="AA436" s="10" t="s">
        <v>55</v>
      </c>
      <c r="AB436" s="6">
        <v>3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96</v>
      </c>
      <c r="I437" s="9" t="s">
        <v>6</v>
      </c>
      <c r="J437" s="9" t="s">
        <v>42</v>
      </c>
      <c r="K437" s="6">
        <v>55</v>
      </c>
      <c r="L437" s="6">
        <v>8</v>
      </c>
      <c r="M437" s="6">
        <v>7</v>
      </c>
      <c r="N437" s="6">
        <v>5</v>
      </c>
      <c r="O437" s="6">
        <v>1</v>
      </c>
      <c r="P437" s="10" t="s">
        <v>55</v>
      </c>
      <c r="Q437" s="6">
        <v>1</v>
      </c>
      <c r="R437" s="6">
        <v>1</v>
      </c>
      <c r="S437" s="6">
        <v>47</v>
      </c>
      <c r="T437" s="6">
        <v>4</v>
      </c>
      <c r="U437" s="10" t="s">
        <v>55</v>
      </c>
      <c r="V437" s="6">
        <v>43</v>
      </c>
      <c r="W437" s="10" t="s">
        <v>55</v>
      </c>
      <c r="X437" s="6">
        <v>4</v>
      </c>
      <c r="Y437" s="6">
        <v>3</v>
      </c>
      <c r="Z437" s="10" t="s">
        <v>55</v>
      </c>
      <c r="AA437" s="10" t="s">
        <v>55</v>
      </c>
      <c r="AB437" s="6">
        <v>1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96</v>
      </c>
      <c r="I438" s="9" t="s">
        <v>6</v>
      </c>
      <c r="J438" s="9" t="s">
        <v>43</v>
      </c>
      <c r="K438" s="6">
        <v>41</v>
      </c>
      <c r="L438" s="6">
        <v>4</v>
      </c>
      <c r="M438" s="6">
        <v>3</v>
      </c>
      <c r="N438" s="6">
        <v>1</v>
      </c>
      <c r="O438" s="6">
        <v>2</v>
      </c>
      <c r="P438" s="10" t="s">
        <v>55</v>
      </c>
      <c r="Q438" s="10" t="s">
        <v>55</v>
      </c>
      <c r="R438" s="6">
        <v>1</v>
      </c>
      <c r="S438" s="6">
        <v>36</v>
      </c>
      <c r="T438" s="6">
        <v>8</v>
      </c>
      <c r="U438" s="10" t="s">
        <v>55</v>
      </c>
      <c r="V438" s="6">
        <v>28</v>
      </c>
      <c r="W438" s="6">
        <v>1</v>
      </c>
      <c r="X438" s="6">
        <v>1</v>
      </c>
      <c r="Y438" s="10" t="s">
        <v>55</v>
      </c>
      <c r="Z438" s="6">
        <v>1</v>
      </c>
      <c r="AA438" s="10" t="s">
        <v>55</v>
      </c>
      <c r="AB438" s="10" t="s">
        <v>55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96</v>
      </c>
      <c r="I439" s="9" t="s">
        <v>6</v>
      </c>
      <c r="J439" s="9" t="s">
        <v>44</v>
      </c>
      <c r="K439" s="6">
        <v>16</v>
      </c>
      <c r="L439" s="10" t="s">
        <v>55</v>
      </c>
      <c r="M439" s="10" t="s">
        <v>55</v>
      </c>
      <c r="N439" s="10" t="s">
        <v>55</v>
      </c>
      <c r="O439" s="10" t="s">
        <v>55</v>
      </c>
      <c r="P439" s="10" t="s">
        <v>55</v>
      </c>
      <c r="Q439" s="10" t="s">
        <v>55</v>
      </c>
      <c r="R439" s="10" t="s">
        <v>55</v>
      </c>
      <c r="S439" s="6">
        <v>16</v>
      </c>
      <c r="T439" s="6">
        <v>4</v>
      </c>
      <c r="U439" s="10" t="s">
        <v>55</v>
      </c>
      <c r="V439" s="6">
        <v>12</v>
      </c>
      <c r="W439" s="10" t="s">
        <v>55</v>
      </c>
      <c r="X439" s="10" t="s">
        <v>55</v>
      </c>
      <c r="Y439" s="10" t="s">
        <v>55</v>
      </c>
      <c r="Z439" s="10" t="s">
        <v>55</v>
      </c>
      <c r="AA439" s="10" t="s">
        <v>55</v>
      </c>
      <c r="AB439" s="10" t="s">
        <v>55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96</v>
      </c>
      <c r="I440" s="9" t="s">
        <v>6</v>
      </c>
      <c r="J440" s="9" t="s">
        <v>45</v>
      </c>
      <c r="K440" s="6">
        <v>12</v>
      </c>
      <c r="L440" s="6">
        <v>1</v>
      </c>
      <c r="M440" s="6">
        <v>1</v>
      </c>
      <c r="N440" s="6">
        <v>1</v>
      </c>
      <c r="O440" s="10" t="s">
        <v>55</v>
      </c>
      <c r="P440" s="10" t="s">
        <v>55</v>
      </c>
      <c r="Q440" s="10" t="s">
        <v>55</v>
      </c>
      <c r="R440" s="10" t="s">
        <v>55</v>
      </c>
      <c r="S440" s="6">
        <v>11</v>
      </c>
      <c r="T440" s="6">
        <v>2</v>
      </c>
      <c r="U440" s="10" t="s">
        <v>55</v>
      </c>
      <c r="V440" s="6">
        <v>9</v>
      </c>
      <c r="W440" s="10" t="s">
        <v>55</v>
      </c>
      <c r="X440" s="10" t="s">
        <v>55</v>
      </c>
      <c r="Y440" s="10" t="s">
        <v>55</v>
      </c>
      <c r="Z440" s="10" t="s">
        <v>55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96</v>
      </c>
      <c r="I441" s="9" t="s">
        <v>6</v>
      </c>
      <c r="J441" s="9" t="s">
        <v>46</v>
      </c>
      <c r="K441" s="6">
        <v>4</v>
      </c>
      <c r="L441" s="10" t="s">
        <v>55</v>
      </c>
      <c r="M441" s="10" t="s">
        <v>55</v>
      </c>
      <c r="N441" s="10" t="s">
        <v>55</v>
      </c>
      <c r="O441" s="10" t="s">
        <v>55</v>
      </c>
      <c r="P441" s="10" t="s">
        <v>55</v>
      </c>
      <c r="Q441" s="10" t="s">
        <v>55</v>
      </c>
      <c r="R441" s="10" t="s">
        <v>55</v>
      </c>
      <c r="S441" s="6">
        <v>4</v>
      </c>
      <c r="T441" s="10" t="s">
        <v>55</v>
      </c>
      <c r="U441" s="10" t="s">
        <v>55</v>
      </c>
      <c r="V441" s="6">
        <v>4</v>
      </c>
      <c r="W441" s="10" t="s">
        <v>55</v>
      </c>
      <c r="X441" s="10" t="s">
        <v>55</v>
      </c>
      <c r="Y441" s="10" t="s">
        <v>55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96</v>
      </c>
      <c r="I442" s="9" t="s">
        <v>6</v>
      </c>
      <c r="J442" s="9" t="s">
        <v>47</v>
      </c>
      <c r="K442" s="6">
        <v>2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6">
        <v>2</v>
      </c>
      <c r="T442" s="10" t="s">
        <v>55</v>
      </c>
      <c r="U442" s="10" t="s">
        <v>55</v>
      </c>
      <c r="V442" s="6">
        <v>2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96</v>
      </c>
      <c r="I443" s="9" t="s">
        <v>6</v>
      </c>
      <c r="J443" s="9" t="s">
        <v>48</v>
      </c>
      <c r="K443" s="6">
        <v>2409</v>
      </c>
      <c r="L443" s="6">
        <v>1699</v>
      </c>
      <c r="M443" s="6">
        <v>1540</v>
      </c>
      <c r="N443" s="6">
        <v>1478</v>
      </c>
      <c r="O443" s="6">
        <v>21</v>
      </c>
      <c r="P443" s="6">
        <v>24</v>
      </c>
      <c r="Q443" s="6">
        <v>17</v>
      </c>
      <c r="R443" s="6">
        <v>159</v>
      </c>
      <c r="S443" s="6">
        <v>616</v>
      </c>
      <c r="T443" s="6">
        <v>79</v>
      </c>
      <c r="U443" s="6">
        <v>457</v>
      </c>
      <c r="V443" s="6">
        <v>80</v>
      </c>
      <c r="W443" s="6">
        <v>94</v>
      </c>
      <c r="X443" s="6">
        <v>1346</v>
      </c>
      <c r="Y443" s="6">
        <v>1302</v>
      </c>
      <c r="Z443" s="6">
        <v>7</v>
      </c>
      <c r="AA443" s="6">
        <v>24</v>
      </c>
      <c r="AB443" s="6">
        <v>13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96</v>
      </c>
      <c r="I444" s="9" t="s">
        <v>6</v>
      </c>
      <c r="J444" s="9" t="s">
        <v>49</v>
      </c>
      <c r="K444" s="6">
        <v>215</v>
      </c>
      <c r="L444" s="6">
        <v>50</v>
      </c>
      <c r="M444" s="6">
        <v>44</v>
      </c>
      <c r="N444" s="6">
        <v>32</v>
      </c>
      <c r="O444" s="6">
        <v>8</v>
      </c>
      <c r="P444" s="10" t="s">
        <v>55</v>
      </c>
      <c r="Q444" s="6">
        <v>4</v>
      </c>
      <c r="R444" s="6">
        <v>6</v>
      </c>
      <c r="S444" s="6">
        <v>161</v>
      </c>
      <c r="T444" s="6">
        <v>30</v>
      </c>
      <c r="U444" s="10" t="s">
        <v>55</v>
      </c>
      <c r="V444" s="6">
        <v>131</v>
      </c>
      <c r="W444" s="6">
        <v>4</v>
      </c>
      <c r="X444" s="6">
        <v>29</v>
      </c>
      <c r="Y444" s="6">
        <v>21</v>
      </c>
      <c r="Z444" s="6">
        <v>4</v>
      </c>
      <c r="AA444" s="10" t="s">
        <v>55</v>
      </c>
      <c r="AB444" s="6">
        <v>4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96</v>
      </c>
      <c r="I445" s="9" t="s">
        <v>6</v>
      </c>
      <c r="J445" s="9" t="s">
        <v>50</v>
      </c>
      <c r="K445" s="6">
        <v>75</v>
      </c>
      <c r="L445" s="6">
        <v>5</v>
      </c>
      <c r="M445" s="6">
        <v>4</v>
      </c>
      <c r="N445" s="6">
        <v>2</v>
      </c>
      <c r="O445" s="6">
        <v>2</v>
      </c>
      <c r="P445" s="10" t="s">
        <v>55</v>
      </c>
      <c r="Q445" s="10" t="s">
        <v>55</v>
      </c>
      <c r="R445" s="6">
        <v>1</v>
      </c>
      <c r="S445" s="6">
        <v>69</v>
      </c>
      <c r="T445" s="6">
        <v>14</v>
      </c>
      <c r="U445" s="10" t="s">
        <v>55</v>
      </c>
      <c r="V445" s="6">
        <v>55</v>
      </c>
      <c r="W445" s="6">
        <v>1</v>
      </c>
      <c r="X445" s="6">
        <v>1</v>
      </c>
      <c r="Y445" s="10" t="s">
        <v>55</v>
      </c>
      <c r="Z445" s="6">
        <v>1</v>
      </c>
      <c r="AA445" s="10" t="s">
        <v>55</v>
      </c>
      <c r="AB445" s="10" t="s">
        <v>55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96</v>
      </c>
      <c r="I446" s="9" t="s">
        <v>6</v>
      </c>
      <c r="J446" s="9" t="s">
        <v>51</v>
      </c>
      <c r="K446" s="6">
        <v>18</v>
      </c>
      <c r="L446" s="6">
        <v>1</v>
      </c>
      <c r="M446" s="6">
        <v>1</v>
      </c>
      <c r="N446" s="6">
        <v>1</v>
      </c>
      <c r="O446" s="10" t="s">
        <v>55</v>
      </c>
      <c r="P446" s="10" t="s">
        <v>55</v>
      </c>
      <c r="Q446" s="10" t="s">
        <v>55</v>
      </c>
      <c r="R446" s="10" t="s">
        <v>55</v>
      </c>
      <c r="S446" s="6">
        <v>17</v>
      </c>
      <c r="T446" s="6">
        <v>2</v>
      </c>
      <c r="U446" s="10" t="s">
        <v>55</v>
      </c>
      <c r="V446" s="6">
        <v>15</v>
      </c>
      <c r="W446" s="10" t="s">
        <v>55</v>
      </c>
      <c r="X446" s="10" t="s">
        <v>55</v>
      </c>
      <c r="Y446" s="10" t="s">
        <v>55</v>
      </c>
      <c r="Z446" s="10" t="s">
        <v>55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96</v>
      </c>
      <c r="I447" s="9" t="s">
        <v>6</v>
      </c>
      <c r="J447" s="9" t="s">
        <v>52</v>
      </c>
      <c r="K447" s="6">
        <v>1988</v>
      </c>
      <c r="L447" s="6">
        <v>1676</v>
      </c>
      <c r="M447" s="6">
        <v>1520</v>
      </c>
      <c r="N447" s="6">
        <v>1463</v>
      </c>
      <c r="O447" s="6">
        <v>26</v>
      </c>
      <c r="P447" s="6">
        <v>11</v>
      </c>
      <c r="Q447" s="6">
        <v>20</v>
      </c>
      <c r="R447" s="6">
        <v>156</v>
      </c>
      <c r="S447" s="6">
        <v>244</v>
      </c>
      <c r="T447" s="6">
        <v>88</v>
      </c>
      <c r="U447" s="6">
        <v>46</v>
      </c>
      <c r="V447" s="6">
        <v>110</v>
      </c>
      <c r="W447" s="6">
        <v>68</v>
      </c>
      <c r="X447" s="6">
        <v>1318</v>
      </c>
      <c r="Y447" s="6">
        <v>1281</v>
      </c>
      <c r="Z447" s="6">
        <v>10</v>
      </c>
      <c r="AA447" s="6">
        <v>11</v>
      </c>
      <c r="AB447" s="6">
        <v>16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96</v>
      </c>
      <c r="I448" s="9" t="s">
        <v>53</v>
      </c>
      <c r="J448" s="9" t="s">
        <v>30</v>
      </c>
      <c r="K448" s="6">
        <v>1428</v>
      </c>
      <c r="L448" s="6">
        <v>965</v>
      </c>
      <c r="M448" s="6">
        <v>845</v>
      </c>
      <c r="N448" s="6">
        <v>808</v>
      </c>
      <c r="O448" s="6">
        <v>11</v>
      </c>
      <c r="P448" s="6">
        <v>10</v>
      </c>
      <c r="Q448" s="6">
        <v>16</v>
      </c>
      <c r="R448" s="6">
        <v>120</v>
      </c>
      <c r="S448" s="6">
        <v>405</v>
      </c>
      <c r="T448" s="6">
        <v>38</v>
      </c>
      <c r="U448" s="6">
        <v>237</v>
      </c>
      <c r="V448" s="6">
        <v>130</v>
      </c>
      <c r="W448" s="6">
        <v>58</v>
      </c>
      <c r="X448" s="6">
        <v>682</v>
      </c>
      <c r="Y448" s="6">
        <v>658</v>
      </c>
      <c r="Z448" s="6">
        <v>2</v>
      </c>
      <c r="AA448" s="6">
        <v>10</v>
      </c>
      <c r="AB448" s="6">
        <v>12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96</v>
      </c>
      <c r="I449" s="9" t="s">
        <v>53</v>
      </c>
      <c r="J449" s="9" t="s">
        <v>31</v>
      </c>
      <c r="K449" s="6">
        <v>269</v>
      </c>
      <c r="L449" s="6">
        <v>33</v>
      </c>
      <c r="M449" s="6">
        <v>28</v>
      </c>
      <c r="N449" s="6">
        <v>23</v>
      </c>
      <c r="O449" s="10" t="s">
        <v>55</v>
      </c>
      <c r="P449" s="6">
        <v>5</v>
      </c>
      <c r="Q449" s="10" t="s">
        <v>55</v>
      </c>
      <c r="R449" s="6">
        <v>5</v>
      </c>
      <c r="S449" s="6">
        <v>220</v>
      </c>
      <c r="T449" s="6">
        <v>1</v>
      </c>
      <c r="U449" s="6">
        <v>216</v>
      </c>
      <c r="V449" s="6">
        <v>3</v>
      </c>
      <c r="W449" s="6">
        <v>16</v>
      </c>
      <c r="X449" s="6">
        <v>27</v>
      </c>
      <c r="Y449" s="6">
        <v>22</v>
      </c>
      <c r="Z449" s="10" t="s">
        <v>55</v>
      </c>
      <c r="AA449" s="6">
        <v>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96</v>
      </c>
      <c r="I450" s="9" t="s">
        <v>53</v>
      </c>
      <c r="J450" s="9" t="s">
        <v>32</v>
      </c>
      <c r="K450" s="6">
        <v>184</v>
      </c>
      <c r="L450" s="6">
        <v>152</v>
      </c>
      <c r="M450" s="6">
        <v>136</v>
      </c>
      <c r="N450" s="6">
        <v>129</v>
      </c>
      <c r="O450" s="6">
        <v>2</v>
      </c>
      <c r="P450" s="6">
        <v>5</v>
      </c>
      <c r="Q450" s="10" t="s">
        <v>55</v>
      </c>
      <c r="R450" s="6">
        <v>16</v>
      </c>
      <c r="S450" s="6">
        <v>22</v>
      </c>
      <c r="T450" s="6">
        <v>1</v>
      </c>
      <c r="U450" s="6">
        <v>20</v>
      </c>
      <c r="V450" s="6">
        <v>1</v>
      </c>
      <c r="W450" s="6">
        <v>10</v>
      </c>
      <c r="X450" s="6">
        <v>121</v>
      </c>
      <c r="Y450" s="6">
        <v>115</v>
      </c>
      <c r="Z450" s="6">
        <v>1</v>
      </c>
      <c r="AA450" s="6">
        <v>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96</v>
      </c>
      <c r="I451" s="9" t="s">
        <v>53</v>
      </c>
      <c r="J451" s="9" t="s">
        <v>33</v>
      </c>
      <c r="K451" s="6">
        <v>154</v>
      </c>
      <c r="L451" s="6">
        <v>142</v>
      </c>
      <c r="M451" s="6">
        <v>129</v>
      </c>
      <c r="N451" s="6">
        <v>127</v>
      </c>
      <c r="O451" s="6">
        <v>1</v>
      </c>
      <c r="P451" s="10" t="s">
        <v>55</v>
      </c>
      <c r="Q451" s="6">
        <v>1</v>
      </c>
      <c r="R451" s="6">
        <v>13</v>
      </c>
      <c r="S451" s="6">
        <v>4</v>
      </c>
      <c r="T451" s="10" t="s">
        <v>55</v>
      </c>
      <c r="U451" s="6">
        <v>1</v>
      </c>
      <c r="V451" s="6">
        <v>3</v>
      </c>
      <c r="W451" s="6">
        <v>8</v>
      </c>
      <c r="X451" s="6">
        <v>113</v>
      </c>
      <c r="Y451" s="6">
        <v>111</v>
      </c>
      <c r="Z451" s="6">
        <v>1</v>
      </c>
      <c r="AA451" s="10" t="s">
        <v>55</v>
      </c>
      <c r="AB451" s="6">
        <v>1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96</v>
      </c>
      <c r="I452" s="9" t="s">
        <v>53</v>
      </c>
      <c r="J452" s="9" t="s">
        <v>34</v>
      </c>
      <c r="K452" s="6">
        <v>125</v>
      </c>
      <c r="L452" s="6">
        <v>117</v>
      </c>
      <c r="M452" s="6">
        <v>109</v>
      </c>
      <c r="N452" s="6">
        <v>107</v>
      </c>
      <c r="O452" s="10" t="s">
        <v>55</v>
      </c>
      <c r="P452" s="10" t="s">
        <v>55</v>
      </c>
      <c r="Q452" s="6">
        <v>2</v>
      </c>
      <c r="R452" s="6">
        <v>8</v>
      </c>
      <c r="S452" s="6">
        <v>5</v>
      </c>
      <c r="T452" s="6">
        <v>1</v>
      </c>
      <c r="U452" s="10" t="s">
        <v>55</v>
      </c>
      <c r="V452" s="6">
        <v>4</v>
      </c>
      <c r="W452" s="6">
        <v>3</v>
      </c>
      <c r="X452" s="6">
        <v>92</v>
      </c>
      <c r="Y452" s="6">
        <v>90</v>
      </c>
      <c r="Z452" s="10" t="s">
        <v>55</v>
      </c>
      <c r="AA452" s="10" t="s">
        <v>55</v>
      </c>
      <c r="AB452" s="6">
        <v>2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96</v>
      </c>
      <c r="I453" s="9" t="s">
        <v>53</v>
      </c>
      <c r="J453" s="9" t="s">
        <v>35</v>
      </c>
      <c r="K453" s="6">
        <v>113</v>
      </c>
      <c r="L453" s="6">
        <v>101</v>
      </c>
      <c r="M453" s="6">
        <v>79</v>
      </c>
      <c r="N453" s="6">
        <v>77</v>
      </c>
      <c r="O453" s="6">
        <v>1</v>
      </c>
      <c r="P453" s="10" t="s">
        <v>55</v>
      </c>
      <c r="Q453" s="6">
        <v>1</v>
      </c>
      <c r="R453" s="6">
        <v>22</v>
      </c>
      <c r="S453" s="6">
        <v>6</v>
      </c>
      <c r="T453" s="6">
        <v>5</v>
      </c>
      <c r="U453" s="10" t="s">
        <v>55</v>
      </c>
      <c r="V453" s="6">
        <v>1</v>
      </c>
      <c r="W453" s="6">
        <v>6</v>
      </c>
      <c r="X453" s="6">
        <v>57</v>
      </c>
      <c r="Y453" s="6">
        <v>56</v>
      </c>
      <c r="Z453" s="10" t="s">
        <v>55</v>
      </c>
      <c r="AA453" s="10" t="s">
        <v>55</v>
      </c>
      <c r="AB453" s="6">
        <v>1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96</v>
      </c>
      <c r="I454" s="9" t="s">
        <v>53</v>
      </c>
      <c r="J454" s="9" t="s">
        <v>36</v>
      </c>
      <c r="K454" s="6">
        <v>112</v>
      </c>
      <c r="L454" s="6">
        <v>104</v>
      </c>
      <c r="M454" s="6">
        <v>94</v>
      </c>
      <c r="N454" s="6">
        <v>93</v>
      </c>
      <c r="O454" s="10" t="s">
        <v>55</v>
      </c>
      <c r="P454" s="10" t="s">
        <v>55</v>
      </c>
      <c r="Q454" s="6">
        <v>1</v>
      </c>
      <c r="R454" s="6">
        <v>10</v>
      </c>
      <c r="S454" s="6">
        <v>5</v>
      </c>
      <c r="T454" s="10" t="s">
        <v>55</v>
      </c>
      <c r="U454" s="10" t="s">
        <v>55</v>
      </c>
      <c r="V454" s="6">
        <v>5</v>
      </c>
      <c r="W454" s="6">
        <v>3</v>
      </c>
      <c r="X454" s="6">
        <v>77</v>
      </c>
      <c r="Y454" s="6">
        <v>76</v>
      </c>
      <c r="Z454" s="10" t="s">
        <v>55</v>
      </c>
      <c r="AA454" s="10" t="s">
        <v>55</v>
      </c>
      <c r="AB454" s="6">
        <v>1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96</v>
      </c>
      <c r="I455" s="9" t="s">
        <v>53</v>
      </c>
      <c r="J455" s="9" t="s">
        <v>37</v>
      </c>
      <c r="K455" s="6">
        <v>106</v>
      </c>
      <c r="L455" s="6">
        <v>87</v>
      </c>
      <c r="M455" s="6">
        <v>72</v>
      </c>
      <c r="N455" s="6">
        <v>71</v>
      </c>
      <c r="O455" s="10" t="s">
        <v>55</v>
      </c>
      <c r="P455" s="10" t="s">
        <v>55</v>
      </c>
      <c r="Q455" s="6">
        <v>1</v>
      </c>
      <c r="R455" s="6">
        <v>15</v>
      </c>
      <c r="S455" s="6">
        <v>16</v>
      </c>
      <c r="T455" s="6">
        <v>5</v>
      </c>
      <c r="U455" s="10" t="s">
        <v>55</v>
      </c>
      <c r="V455" s="6">
        <v>11</v>
      </c>
      <c r="W455" s="6">
        <v>3</v>
      </c>
      <c r="X455" s="6">
        <v>53</v>
      </c>
      <c r="Y455" s="6">
        <v>52</v>
      </c>
      <c r="Z455" s="10" t="s">
        <v>55</v>
      </c>
      <c r="AA455" s="10" t="s">
        <v>55</v>
      </c>
      <c r="AB455" s="6">
        <v>1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96</v>
      </c>
      <c r="I456" s="9" t="s">
        <v>53</v>
      </c>
      <c r="J456" s="9" t="s">
        <v>38</v>
      </c>
      <c r="K456" s="6">
        <v>100</v>
      </c>
      <c r="L456" s="6">
        <v>80</v>
      </c>
      <c r="M456" s="6">
        <v>71</v>
      </c>
      <c r="N456" s="6">
        <v>66</v>
      </c>
      <c r="O456" s="6">
        <v>2</v>
      </c>
      <c r="P456" s="10" t="s">
        <v>55</v>
      </c>
      <c r="Q456" s="6">
        <v>3</v>
      </c>
      <c r="R456" s="6">
        <v>9</v>
      </c>
      <c r="S456" s="6">
        <v>17</v>
      </c>
      <c r="T456" s="6">
        <v>8</v>
      </c>
      <c r="U456" s="10" t="s">
        <v>55</v>
      </c>
      <c r="V456" s="6">
        <v>9</v>
      </c>
      <c r="W456" s="6">
        <v>3</v>
      </c>
      <c r="X456" s="6">
        <v>58</v>
      </c>
      <c r="Y456" s="6">
        <v>57</v>
      </c>
      <c r="Z456" s="10" t="s">
        <v>55</v>
      </c>
      <c r="AA456" s="10" t="s">
        <v>55</v>
      </c>
      <c r="AB456" s="6">
        <v>1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96</v>
      </c>
      <c r="I457" s="9" t="s">
        <v>53</v>
      </c>
      <c r="J457" s="9" t="s">
        <v>39</v>
      </c>
      <c r="K457" s="6">
        <v>95</v>
      </c>
      <c r="L457" s="6">
        <v>81</v>
      </c>
      <c r="M457" s="6">
        <v>70</v>
      </c>
      <c r="N457" s="6">
        <v>64</v>
      </c>
      <c r="O457" s="6">
        <v>4</v>
      </c>
      <c r="P457" s="10" t="s">
        <v>55</v>
      </c>
      <c r="Q457" s="6">
        <v>2</v>
      </c>
      <c r="R457" s="6">
        <v>11</v>
      </c>
      <c r="S457" s="6">
        <v>13</v>
      </c>
      <c r="T457" s="6">
        <v>4</v>
      </c>
      <c r="U457" s="10" t="s">
        <v>55</v>
      </c>
      <c r="V457" s="6">
        <v>9</v>
      </c>
      <c r="W457" s="6">
        <v>1</v>
      </c>
      <c r="X457" s="6">
        <v>44</v>
      </c>
      <c r="Y457" s="6">
        <v>43</v>
      </c>
      <c r="Z457" s="10" t="s">
        <v>55</v>
      </c>
      <c r="AA457" s="10" t="s">
        <v>55</v>
      </c>
      <c r="AB457" s="6">
        <v>1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96</v>
      </c>
      <c r="I458" s="9" t="s">
        <v>53</v>
      </c>
      <c r="J458" s="9" t="s">
        <v>40</v>
      </c>
      <c r="K458" s="6">
        <v>67</v>
      </c>
      <c r="L458" s="6">
        <v>42</v>
      </c>
      <c r="M458" s="6">
        <v>36</v>
      </c>
      <c r="N458" s="6">
        <v>34</v>
      </c>
      <c r="O458" s="10" t="s">
        <v>55</v>
      </c>
      <c r="P458" s="10" t="s">
        <v>55</v>
      </c>
      <c r="Q458" s="6">
        <v>2</v>
      </c>
      <c r="R458" s="6">
        <v>6</v>
      </c>
      <c r="S458" s="6">
        <v>23</v>
      </c>
      <c r="T458" s="6">
        <v>7</v>
      </c>
      <c r="U458" s="10" t="s">
        <v>55</v>
      </c>
      <c r="V458" s="6">
        <v>16</v>
      </c>
      <c r="W458" s="6">
        <v>2</v>
      </c>
      <c r="X458" s="6">
        <v>27</v>
      </c>
      <c r="Y458" s="6">
        <v>26</v>
      </c>
      <c r="Z458" s="10" t="s">
        <v>55</v>
      </c>
      <c r="AA458" s="10" t="s">
        <v>55</v>
      </c>
      <c r="AB458" s="6">
        <v>1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96</v>
      </c>
      <c r="I459" s="9" t="s">
        <v>53</v>
      </c>
      <c r="J459" s="9" t="s">
        <v>41</v>
      </c>
      <c r="K459" s="6">
        <v>55</v>
      </c>
      <c r="L459" s="6">
        <v>23</v>
      </c>
      <c r="M459" s="6">
        <v>19</v>
      </c>
      <c r="N459" s="6">
        <v>16</v>
      </c>
      <c r="O459" s="10" t="s">
        <v>55</v>
      </c>
      <c r="P459" s="10" t="s">
        <v>55</v>
      </c>
      <c r="Q459" s="6">
        <v>3</v>
      </c>
      <c r="R459" s="6">
        <v>4</v>
      </c>
      <c r="S459" s="6">
        <v>30</v>
      </c>
      <c r="T459" s="6">
        <v>4</v>
      </c>
      <c r="U459" s="10" t="s">
        <v>55</v>
      </c>
      <c r="V459" s="6">
        <v>26</v>
      </c>
      <c r="W459" s="6">
        <v>2</v>
      </c>
      <c r="X459" s="6">
        <v>13</v>
      </c>
      <c r="Y459" s="6">
        <v>10</v>
      </c>
      <c r="Z459" s="10" t="s">
        <v>55</v>
      </c>
      <c r="AA459" s="10" t="s">
        <v>55</v>
      </c>
      <c r="AB459" s="6">
        <v>3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96</v>
      </c>
      <c r="I460" s="9" t="s">
        <v>53</v>
      </c>
      <c r="J460" s="9" t="s">
        <v>42</v>
      </c>
      <c r="K460" s="6">
        <v>31</v>
      </c>
      <c r="L460" s="6">
        <v>2</v>
      </c>
      <c r="M460" s="6">
        <v>1</v>
      </c>
      <c r="N460" s="6">
        <v>1</v>
      </c>
      <c r="O460" s="10" t="s">
        <v>55</v>
      </c>
      <c r="P460" s="10" t="s">
        <v>55</v>
      </c>
      <c r="Q460" s="10" t="s">
        <v>55</v>
      </c>
      <c r="R460" s="6">
        <v>1</v>
      </c>
      <c r="S460" s="6">
        <v>29</v>
      </c>
      <c r="T460" s="6">
        <v>2</v>
      </c>
      <c r="U460" s="10" t="s">
        <v>55</v>
      </c>
      <c r="V460" s="6">
        <v>27</v>
      </c>
      <c r="W460" s="10" t="s">
        <v>55</v>
      </c>
      <c r="X460" s="10" t="s">
        <v>55</v>
      </c>
      <c r="Y460" s="10" t="s">
        <v>55</v>
      </c>
      <c r="Z460" s="10" t="s">
        <v>55</v>
      </c>
      <c r="AA460" s="10" t="s">
        <v>55</v>
      </c>
      <c r="AB460" s="10" t="s">
        <v>55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96</v>
      </c>
      <c r="I461" s="9" t="s">
        <v>53</v>
      </c>
      <c r="J461" s="9" t="s">
        <v>43</v>
      </c>
      <c r="K461" s="6">
        <v>15</v>
      </c>
      <c r="L461" s="6">
        <v>1</v>
      </c>
      <c r="M461" s="6">
        <v>1</v>
      </c>
      <c r="N461" s="10" t="s">
        <v>55</v>
      </c>
      <c r="O461" s="6">
        <v>1</v>
      </c>
      <c r="P461" s="10" t="s">
        <v>55</v>
      </c>
      <c r="Q461" s="10" t="s">
        <v>55</v>
      </c>
      <c r="R461" s="10" t="s">
        <v>55</v>
      </c>
      <c r="S461" s="6">
        <v>13</v>
      </c>
      <c r="T461" s="10" t="s">
        <v>55</v>
      </c>
      <c r="U461" s="10" t="s">
        <v>55</v>
      </c>
      <c r="V461" s="6">
        <v>13</v>
      </c>
      <c r="W461" s="6">
        <v>1</v>
      </c>
      <c r="X461" s="10" t="s">
        <v>55</v>
      </c>
      <c r="Y461" s="10" t="s">
        <v>55</v>
      </c>
      <c r="Z461" s="10" t="s">
        <v>55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96</v>
      </c>
      <c r="I462" s="9" t="s">
        <v>53</v>
      </c>
      <c r="J462" s="9" t="s">
        <v>44</v>
      </c>
      <c r="K462" s="6">
        <v>1</v>
      </c>
      <c r="L462" s="10" t="s">
        <v>55</v>
      </c>
      <c r="M462" s="10" t="s">
        <v>55</v>
      </c>
      <c r="N462" s="10" t="s">
        <v>55</v>
      </c>
      <c r="O462" s="10" t="s">
        <v>55</v>
      </c>
      <c r="P462" s="10" t="s">
        <v>55</v>
      </c>
      <c r="Q462" s="10" t="s">
        <v>55</v>
      </c>
      <c r="R462" s="10" t="s">
        <v>55</v>
      </c>
      <c r="S462" s="6">
        <v>1</v>
      </c>
      <c r="T462" s="10" t="s">
        <v>55</v>
      </c>
      <c r="U462" s="10" t="s">
        <v>55</v>
      </c>
      <c r="V462" s="6">
        <v>1</v>
      </c>
      <c r="W462" s="10" t="s">
        <v>55</v>
      </c>
      <c r="X462" s="10" t="s">
        <v>55</v>
      </c>
      <c r="Y462" s="10" t="s">
        <v>55</v>
      </c>
      <c r="Z462" s="10" t="s">
        <v>55</v>
      </c>
      <c r="AA462" s="10" t="s">
        <v>55</v>
      </c>
      <c r="AB462" s="10" t="s">
        <v>55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96</v>
      </c>
      <c r="I463" s="9" t="s">
        <v>53</v>
      </c>
      <c r="J463" s="9" t="s">
        <v>45</v>
      </c>
      <c r="K463" s="6">
        <v>1</v>
      </c>
      <c r="L463" s="10" t="s">
        <v>55</v>
      </c>
      <c r="M463" s="10" t="s">
        <v>55</v>
      </c>
      <c r="N463" s="10" t="s">
        <v>55</v>
      </c>
      <c r="O463" s="10" t="s">
        <v>55</v>
      </c>
      <c r="P463" s="10" t="s">
        <v>55</v>
      </c>
      <c r="Q463" s="10" t="s">
        <v>55</v>
      </c>
      <c r="R463" s="10" t="s">
        <v>55</v>
      </c>
      <c r="S463" s="6">
        <v>1</v>
      </c>
      <c r="T463" s="10" t="s">
        <v>55</v>
      </c>
      <c r="U463" s="10" t="s">
        <v>55</v>
      </c>
      <c r="V463" s="6">
        <v>1</v>
      </c>
      <c r="W463" s="10" t="s">
        <v>55</v>
      </c>
      <c r="X463" s="10" t="s">
        <v>55</v>
      </c>
      <c r="Y463" s="10" t="s">
        <v>55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96</v>
      </c>
      <c r="I464" s="9" t="s">
        <v>53</v>
      </c>
      <c r="J464" s="9" t="s">
        <v>46</v>
      </c>
      <c r="K464" s="10" t="s">
        <v>55</v>
      </c>
      <c r="L464" s="10" t="s">
        <v>55</v>
      </c>
      <c r="M464" s="10" t="s">
        <v>55</v>
      </c>
      <c r="N464" s="10" t="s">
        <v>55</v>
      </c>
      <c r="O464" s="10" t="s">
        <v>55</v>
      </c>
      <c r="P464" s="10" t="s">
        <v>55</v>
      </c>
      <c r="Q464" s="10" t="s">
        <v>55</v>
      </c>
      <c r="R464" s="10" t="s">
        <v>55</v>
      </c>
      <c r="S464" s="10" t="s">
        <v>55</v>
      </c>
      <c r="T464" s="10" t="s">
        <v>55</v>
      </c>
      <c r="U464" s="10" t="s">
        <v>55</v>
      </c>
      <c r="V464" s="10" t="s">
        <v>55</v>
      </c>
      <c r="W464" s="10" t="s">
        <v>55</v>
      </c>
      <c r="X464" s="10" t="s">
        <v>55</v>
      </c>
      <c r="Y464" s="10" t="s">
        <v>55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96</v>
      </c>
      <c r="I465" s="9" t="s">
        <v>53</v>
      </c>
      <c r="J465" s="9" t="s">
        <v>47</v>
      </c>
      <c r="K465" s="10" t="s">
        <v>55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10" t="s">
        <v>55</v>
      </c>
      <c r="T465" s="10" t="s">
        <v>55</v>
      </c>
      <c r="U465" s="10" t="s">
        <v>55</v>
      </c>
      <c r="V465" s="10" t="s">
        <v>55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96</v>
      </c>
      <c r="I466" s="9" t="s">
        <v>53</v>
      </c>
      <c r="J466" s="9" t="s">
        <v>48</v>
      </c>
      <c r="K466" s="6">
        <v>1325</v>
      </c>
      <c r="L466" s="6">
        <v>939</v>
      </c>
      <c r="M466" s="6">
        <v>824</v>
      </c>
      <c r="N466" s="6">
        <v>791</v>
      </c>
      <c r="O466" s="6">
        <v>10</v>
      </c>
      <c r="P466" s="6">
        <v>10</v>
      </c>
      <c r="Q466" s="6">
        <v>13</v>
      </c>
      <c r="R466" s="6">
        <v>115</v>
      </c>
      <c r="S466" s="6">
        <v>331</v>
      </c>
      <c r="T466" s="6">
        <v>32</v>
      </c>
      <c r="U466" s="6">
        <v>237</v>
      </c>
      <c r="V466" s="6">
        <v>62</v>
      </c>
      <c r="W466" s="6">
        <v>55</v>
      </c>
      <c r="X466" s="6">
        <v>669</v>
      </c>
      <c r="Y466" s="6">
        <v>648</v>
      </c>
      <c r="Z466" s="6">
        <v>2</v>
      </c>
      <c r="AA466" s="6">
        <v>10</v>
      </c>
      <c r="AB466" s="6">
        <v>9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96</v>
      </c>
      <c r="I467" s="9" t="s">
        <v>53</v>
      </c>
      <c r="J467" s="9" t="s">
        <v>49</v>
      </c>
      <c r="K467" s="6">
        <v>103</v>
      </c>
      <c r="L467" s="6">
        <v>26</v>
      </c>
      <c r="M467" s="6">
        <v>21</v>
      </c>
      <c r="N467" s="6">
        <v>17</v>
      </c>
      <c r="O467" s="6">
        <v>1</v>
      </c>
      <c r="P467" s="10" t="s">
        <v>55</v>
      </c>
      <c r="Q467" s="6">
        <v>3</v>
      </c>
      <c r="R467" s="6">
        <v>5</v>
      </c>
      <c r="S467" s="6">
        <v>74</v>
      </c>
      <c r="T467" s="6">
        <v>6</v>
      </c>
      <c r="U467" s="10" t="s">
        <v>55</v>
      </c>
      <c r="V467" s="6">
        <v>68</v>
      </c>
      <c r="W467" s="6">
        <v>3</v>
      </c>
      <c r="X467" s="6">
        <v>13</v>
      </c>
      <c r="Y467" s="6">
        <v>10</v>
      </c>
      <c r="Z467" s="10" t="s">
        <v>55</v>
      </c>
      <c r="AA467" s="10" t="s">
        <v>55</v>
      </c>
      <c r="AB467" s="6">
        <v>3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96</v>
      </c>
      <c r="I468" s="9" t="s">
        <v>53</v>
      </c>
      <c r="J468" s="9" t="s">
        <v>50</v>
      </c>
      <c r="K468" s="6">
        <v>17</v>
      </c>
      <c r="L468" s="6">
        <v>1</v>
      </c>
      <c r="M468" s="6">
        <v>1</v>
      </c>
      <c r="N468" s="10" t="s">
        <v>55</v>
      </c>
      <c r="O468" s="6">
        <v>1</v>
      </c>
      <c r="P468" s="10" t="s">
        <v>55</v>
      </c>
      <c r="Q468" s="10" t="s">
        <v>55</v>
      </c>
      <c r="R468" s="10" t="s">
        <v>55</v>
      </c>
      <c r="S468" s="6">
        <v>15</v>
      </c>
      <c r="T468" s="10" t="s">
        <v>55</v>
      </c>
      <c r="U468" s="10" t="s">
        <v>55</v>
      </c>
      <c r="V468" s="6">
        <v>15</v>
      </c>
      <c r="W468" s="6">
        <v>1</v>
      </c>
      <c r="X468" s="10" t="s">
        <v>55</v>
      </c>
      <c r="Y468" s="10" t="s">
        <v>55</v>
      </c>
      <c r="Z468" s="10" t="s">
        <v>55</v>
      </c>
      <c r="AA468" s="10" t="s">
        <v>55</v>
      </c>
      <c r="AB468" s="10" t="s">
        <v>55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96</v>
      </c>
      <c r="I469" s="9" t="s">
        <v>53</v>
      </c>
      <c r="J469" s="9" t="s">
        <v>51</v>
      </c>
      <c r="K469" s="6">
        <v>1</v>
      </c>
      <c r="L469" s="10" t="s">
        <v>55</v>
      </c>
      <c r="M469" s="10" t="s">
        <v>55</v>
      </c>
      <c r="N469" s="10" t="s">
        <v>55</v>
      </c>
      <c r="O469" s="10" t="s">
        <v>55</v>
      </c>
      <c r="P469" s="10" t="s">
        <v>55</v>
      </c>
      <c r="Q469" s="10" t="s">
        <v>55</v>
      </c>
      <c r="R469" s="10" t="s">
        <v>55</v>
      </c>
      <c r="S469" s="6">
        <v>1</v>
      </c>
      <c r="T469" s="10" t="s">
        <v>55</v>
      </c>
      <c r="U469" s="10" t="s">
        <v>55</v>
      </c>
      <c r="V469" s="6">
        <v>1</v>
      </c>
      <c r="W469" s="10" t="s">
        <v>55</v>
      </c>
      <c r="X469" s="10" t="s">
        <v>55</v>
      </c>
      <c r="Y469" s="10" t="s">
        <v>55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96</v>
      </c>
      <c r="I470" s="9" t="s">
        <v>53</v>
      </c>
      <c r="J470" s="9" t="s">
        <v>52</v>
      </c>
      <c r="K470" s="6">
        <v>1111</v>
      </c>
      <c r="L470" s="6">
        <v>929</v>
      </c>
      <c r="M470" s="6">
        <v>815</v>
      </c>
      <c r="N470" s="6">
        <v>784</v>
      </c>
      <c r="O470" s="6">
        <v>10</v>
      </c>
      <c r="P470" s="6">
        <v>5</v>
      </c>
      <c r="Q470" s="6">
        <v>16</v>
      </c>
      <c r="R470" s="6">
        <v>114</v>
      </c>
      <c r="S470" s="6">
        <v>141</v>
      </c>
      <c r="T470" s="6">
        <v>35</v>
      </c>
      <c r="U470" s="6">
        <v>21</v>
      </c>
      <c r="V470" s="6">
        <v>85</v>
      </c>
      <c r="W470" s="6">
        <v>41</v>
      </c>
      <c r="X470" s="6">
        <v>655</v>
      </c>
      <c r="Y470" s="6">
        <v>636</v>
      </c>
      <c r="Z470" s="6">
        <v>2</v>
      </c>
      <c r="AA470" s="6">
        <v>5</v>
      </c>
      <c r="AB470" s="6">
        <v>12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96</v>
      </c>
      <c r="I471" s="9" t="s">
        <v>54</v>
      </c>
      <c r="J471" s="9" t="s">
        <v>30</v>
      </c>
      <c r="K471" s="6">
        <v>1196</v>
      </c>
      <c r="L471" s="6">
        <v>784</v>
      </c>
      <c r="M471" s="6">
        <v>739</v>
      </c>
      <c r="N471" s="6">
        <v>702</v>
      </c>
      <c r="O471" s="6">
        <v>18</v>
      </c>
      <c r="P471" s="6">
        <v>14</v>
      </c>
      <c r="Q471" s="6">
        <v>5</v>
      </c>
      <c r="R471" s="6">
        <v>45</v>
      </c>
      <c r="S471" s="6">
        <v>372</v>
      </c>
      <c r="T471" s="6">
        <v>71</v>
      </c>
      <c r="U471" s="6">
        <v>220</v>
      </c>
      <c r="V471" s="6">
        <v>81</v>
      </c>
      <c r="W471" s="6">
        <v>40</v>
      </c>
      <c r="X471" s="6">
        <v>693</v>
      </c>
      <c r="Y471" s="6">
        <v>665</v>
      </c>
      <c r="Z471" s="6">
        <v>9</v>
      </c>
      <c r="AA471" s="6">
        <v>14</v>
      </c>
      <c r="AB471" s="6">
        <v>5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96</v>
      </c>
      <c r="I472" s="9" t="s">
        <v>54</v>
      </c>
      <c r="J472" s="9" t="s">
        <v>31</v>
      </c>
      <c r="K472" s="6">
        <v>237</v>
      </c>
      <c r="L472" s="6">
        <v>27</v>
      </c>
      <c r="M472" s="6">
        <v>25</v>
      </c>
      <c r="N472" s="6">
        <v>17</v>
      </c>
      <c r="O472" s="10" t="s">
        <v>55</v>
      </c>
      <c r="P472" s="6">
        <v>8</v>
      </c>
      <c r="Q472" s="10" t="s">
        <v>55</v>
      </c>
      <c r="R472" s="6">
        <v>2</v>
      </c>
      <c r="S472" s="6">
        <v>197</v>
      </c>
      <c r="T472" s="6">
        <v>2</v>
      </c>
      <c r="U472" s="6">
        <v>195</v>
      </c>
      <c r="V472" s="10" t="s">
        <v>55</v>
      </c>
      <c r="W472" s="6">
        <v>13</v>
      </c>
      <c r="X472" s="6">
        <v>25</v>
      </c>
      <c r="Y472" s="6">
        <v>17</v>
      </c>
      <c r="Z472" s="10" t="s">
        <v>55</v>
      </c>
      <c r="AA472" s="6">
        <v>8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96</v>
      </c>
      <c r="I473" s="9" t="s">
        <v>54</v>
      </c>
      <c r="J473" s="9" t="s">
        <v>32</v>
      </c>
      <c r="K473" s="6">
        <v>233</v>
      </c>
      <c r="L473" s="6">
        <v>195</v>
      </c>
      <c r="M473" s="6">
        <v>181</v>
      </c>
      <c r="N473" s="6">
        <v>173</v>
      </c>
      <c r="O473" s="6">
        <v>2</v>
      </c>
      <c r="P473" s="6">
        <v>5</v>
      </c>
      <c r="Q473" s="6">
        <v>1</v>
      </c>
      <c r="R473" s="6">
        <v>14</v>
      </c>
      <c r="S473" s="6">
        <v>29</v>
      </c>
      <c r="T473" s="6">
        <v>2</v>
      </c>
      <c r="U473" s="6">
        <v>25</v>
      </c>
      <c r="V473" s="6">
        <v>2</v>
      </c>
      <c r="W473" s="6">
        <v>9</v>
      </c>
      <c r="X473" s="6">
        <v>176</v>
      </c>
      <c r="Y473" s="6">
        <v>168</v>
      </c>
      <c r="Z473" s="6">
        <v>2</v>
      </c>
      <c r="AA473" s="6">
        <v>5</v>
      </c>
      <c r="AB473" s="6">
        <v>1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96</v>
      </c>
      <c r="I474" s="9" t="s">
        <v>54</v>
      </c>
      <c r="J474" s="9" t="s">
        <v>33</v>
      </c>
      <c r="K474" s="6">
        <v>150</v>
      </c>
      <c r="L474" s="6">
        <v>139</v>
      </c>
      <c r="M474" s="6">
        <v>136</v>
      </c>
      <c r="N474" s="6">
        <v>134</v>
      </c>
      <c r="O474" s="6">
        <v>1</v>
      </c>
      <c r="P474" s="6">
        <v>1</v>
      </c>
      <c r="Q474" s="10" t="s">
        <v>55</v>
      </c>
      <c r="R474" s="6">
        <v>3</v>
      </c>
      <c r="S474" s="6">
        <v>5</v>
      </c>
      <c r="T474" s="6">
        <v>4</v>
      </c>
      <c r="U474" s="10" t="s">
        <v>55</v>
      </c>
      <c r="V474" s="6">
        <v>1</v>
      </c>
      <c r="W474" s="6">
        <v>6</v>
      </c>
      <c r="X474" s="6">
        <v>129</v>
      </c>
      <c r="Y474" s="6">
        <v>127</v>
      </c>
      <c r="Z474" s="6">
        <v>1</v>
      </c>
      <c r="AA474" s="6">
        <v>1</v>
      </c>
      <c r="AB474" s="10" t="s">
        <v>55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96</v>
      </c>
      <c r="I475" s="9" t="s">
        <v>54</v>
      </c>
      <c r="J475" s="9" t="s">
        <v>34</v>
      </c>
      <c r="K475" s="6">
        <v>99</v>
      </c>
      <c r="L475" s="6">
        <v>91</v>
      </c>
      <c r="M475" s="6">
        <v>86</v>
      </c>
      <c r="N475" s="6">
        <v>84</v>
      </c>
      <c r="O475" s="10" t="s">
        <v>55</v>
      </c>
      <c r="P475" s="10" t="s">
        <v>55</v>
      </c>
      <c r="Q475" s="6">
        <v>2</v>
      </c>
      <c r="R475" s="6">
        <v>5</v>
      </c>
      <c r="S475" s="6">
        <v>5</v>
      </c>
      <c r="T475" s="6">
        <v>1</v>
      </c>
      <c r="U475" s="10" t="s">
        <v>55</v>
      </c>
      <c r="V475" s="6">
        <v>4</v>
      </c>
      <c r="W475" s="6">
        <v>3</v>
      </c>
      <c r="X475" s="6">
        <v>84</v>
      </c>
      <c r="Y475" s="6">
        <v>82</v>
      </c>
      <c r="Z475" s="10" t="s">
        <v>55</v>
      </c>
      <c r="AA475" s="10" t="s">
        <v>55</v>
      </c>
      <c r="AB475" s="6">
        <v>2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96</v>
      </c>
      <c r="I476" s="9" t="s">
        <v>54</v>
      </c>
      <c r="J476" s="9" t="s">
        <v>35</v>
      </c>
      <c r="K476" s="6">
        <v>84</v>
      </c>
      <c r="L476" s="6">
        <v>75</v>
      </c>
      <c r="M476" s="6">
        <v>73</v>
      </c>
      <c r="N476" s="6">
        <v>70</v>
      </c>
      <c r="O476" s="6">
        <v>2</v>
      </c>
      <c r="P476" s="10" t="s">
        <v>55</v>
      </c>
      <c r="Q476" s="6">
        <v>1</v>
      </c>
      <c r="R476" s="6">
        <v>2</v>
      </c>
      <c r="S476" s="6">
        <v>7</v>
      </c>
      <c r="T476" s="6">
        <v>6</v>
      </c>
      <c r="U476" s="10" t="s">
        <v>55</v>
      </c>
      <c r="V476" s="6">
        <v>1</v>
      </c>
      <c r="W476" s="6">
        <v>2</v>
      </c>
      <c r="X476" s="6">
        <v>67</v>
      </c>
      <c r="Y476" s="6">
        <v>66</v>
      </c>
      <c r="Z476" s="10" t="s">
        <v>55</v>
      </c>
      <c r="AA476" s="10" t="s">
        <v>55</v>
      </c>
      <c r="AB476" s="6">
        <v>1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96</v>
      </c>
      <c r="I477" s="9" t="s">
        <v>54</v>
      </c>
      <c r="J477" s="9" t="s">
        <v>36</v>
      </c>
      <c r="K477" s="6">
        <v>77</v>
      </c>
      <c r="L477" s="6">
        <v>62</v>
      </c>
      <c r="M477" s="6">
        <v>61</v>
      </c>
      <c r="N477" s="6">
        <v>60</v>
      </c>
      <c r="O477" s="6">
        <v>1</v>
      </c>
      <c r="P477" s="10" t="s">
        <v>55</v>
      </c>
      <c r="Q477" s="10" t="s">
        <v>55</v>
      </c>
      <c r="R477" s="6">
        <v>1</v>
      </c>
      <c r="S477" s="6">
        <v>13</v>
      </c>
      <c r="T477" s="6">
        <v>8</v>
      </c>
      <c r="U477" s="10" t="s">
        <v>55</v>
      </c>
      <c r="V477" s="6">
        <v>5</v>
      </c>
      <c r="W477" s="6">
        <v>2</v>
      </c>
      <c r="X477" s="6">
        <v>58</v>
      </c>
      <c r="Y477" s="6">
        <v>58</v>
      </c>
      <c r="Z477" s="10" t="s">
        <v>55</v>
      </c>
      <c r="AA477" s="10" t="s">
        <v>55</v>
      </c>
      <c r="AB477" s="10" t="s">
        <v>55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96</v>
      </c>
      <c r="I478" s="9" t="s">
        <v>54</v>
      </c>
      <c r="J478" s="9" t="s">
        <v>37</v>
      </c>
      <c r="K478" s="6">
        <v>81</v>
      </c>
      <c r="L478" s="6">
        <v>70</v>
      </c>
      <c r="M478" s="6">
        <v>63</v>
      </c>
      <c r="N478" s="6">
        <v>63</v>
      </c>
      <c r="O478" s="10" t="s">
        <v>55</v>
      </c>
      <c r="P478" s="10" t="s">
        <v>55</v>
      </c>
      <c r="Q478" s="10" t="s">
        <v>55</v>
      </c>
      <c r="R478" s="6">
        <v>7</v>
      </c>
      <c r="S478" s="6">
        <v>9</v>
      </c>
      <c r="T478" s="6">
        <v>9</v>
      </c>
      <c r="U478" s="10" t="s">
        <v>55</v>
      </c>
      <c r="V478" s="10" t="s">
        <v>55</v>
      </c>
      <c r="W478" s="6">
        <v>2</v>
      </c>
      <c r="X478" s="6">
        <v>59</v>
      </c>
      <c r="Y478" s="6">
        <v>59</v>
      </c>
      <c r="Z478" s="10" t="s">
        <v>55</v>
      </c>
      <c r="AA478" s="10" t="s">
        <v>55</v>
      </c>
      <c r="AB478" s="10" t="s">
        <v>55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96</v>
      </c>
      <c r="I479" s="9" t="s">
        <v>54</v>
      </c>
      <c r="J479" s="9" t="s">
        <v>38</v>
      </c>
      <c r="K479" s="6">
        <v>45</v>
      </c>
      <c r="L479" s="6">
        <v>36</v>
      </c>
      <c r="M479" s="6">
        <v>36</v>
      </c>
      <c r="N479" s="6">
        <v>36</v>
      </c>
      <c r="O479" s="10" t="s">
        <v>55</v>
      </c>
      <c r="P479" s="10" t="s">
        <v>55</v>
      </c>
      <c r="Q479" s="10" t="s">
        <v>55</v>
      </c>
      <c r="R479" s="10" t="s">
        <v>55</v>
      </c>
      <c r="S479" s="6">
        <v>7</v>
      </c>
      <c r="T479" s="6">
        <v>6</v>
      </c>
      <c r="U479" s="10" t="s">
        <v>55</v>
      </c>
      <c r="V479" s="6">
        <v>1</v>
      </c>
      <c r="W479" s="6">
        <v>2</v>
      </c>
      <c r="X479" s="6">
        <v>32</v>
      </c>
      <c r="Y479" s="6">
        <v>32</v>
      </c>
      <c r="Z479" s="10" t="s">
        <v>55</v>
      </c>
      <c r="AA479" s="10" t="s">
        <v>55</v>
      </c>
      <c r="AB479" s="10" t="s">
        <v>55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96</v>
      </c>
      <c r="I480" s="9" t="s">
        <v>54</v>
      </c>
      <c r="J480" s="9" t="s">
        <v>39</v>
      </c>
      <c r="K480" s="6">
        <v>49</v>
      </c>
      <c r="L480" s="6">
        <v>43</v>
      </c>
      <c r="M480" s="6">
        <v>40</v>
      </c>
      <c r="N480" s="6">
        <v>36</v>
      </c>
      <c r="O480" s="6">
        <v>4</v>
      </c>
      <c r="P480" s="10" t="s">
        <v>55</v>
      </c>
      <c r="Q480" s="10" t="s">
        <v>55</v>
      </c>
      <c r="R480" s="6">
        <v>3</v>
      </c>
      <c r="S480" s="6">
        <v>6</v>
      </c>
      <c r="T480" s="6">
        <v>4</v>
      </c>
      <c r="U480" s="10" t="s">
        <v>55</v>
      </c>
      <c r="V480" s="6">
        <v>2</v>
      </c>
      <c r="W480" s="10" t="s">
        <v>55</v>
      </c>
      <c r="X480" s="6">
        <v>34</v>
      </c>
      <c r="Y480" s="6">
        <v>33</v>
      </c>
      <c r="Z480" s="6">
        <v>1</v>
      </c>
      <c r="AA480" s="10" t="s">
        <v>55</v>
      </c>
      <c r="AB480" s="10" t="s">
        <v>55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96</v>
      </c>
      <c r="I481" s="9" t="s">
        <v>54</v>
      </c>
      <c r="J481" s="9" t="s">
        <v>40</v>
      </c>
      <c r="K481" s="6">
        <v>29</v>
      </c>
      <c r="L481" s="6">
        <v>22</v>
      </c>
      <c r="M481" s="6">
        <v>15</v>
      </c>
      <c r="N481" s="6">
        <v>14</v>
      </c>
      <c r="O481" s="6">
        <v>1</v>
      </c>
      <c r="P481" s="10" t="s">
        <v>55</v>
      </c>
      <c r="Q481" s="10" t="s">
        <v>55</v>
      </c>
      <c r="R481" s="6">
        <v>7</v>
      </c>
      <c r="S481" s="6">
        <v>7</v>
      </c>
      <c r="T481" s="6">
        <v>5</v>
      </c>
      <c r="U481" s="10" t="s">
        <v>55</v>
      </c>
      <c r="V481" s="6">
        <v>2</v>
      </c>
      <c r="W481" s="10" t="s">
        <v>55</v>
      </c>
      <c r="X481" s="6">
        <v>13</v>
      </c>
      <c r="Y481" s="6">
        <v>12</v>
      </c>
      <c r="Z481" s="6">
        <v>1</v>
      </c>
      <c r="AA481" s="10" t="s">
        <v>55</v>
      </c>
      <c r="AB481" s="10" t="s">
        <v>55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96</v>
      </c>
      <c r="I482" s="9" t="s">
        <v>54</v>
      </c>
      <c r="J482" s="9" t="s">
        <v>41</v>
      </c>
      <c r="K482" s="6">
        <v>30</v>
      </c>
      <c r="L482" s="6">
        <v>14</v>
      </c>
      <c r="M482" s="6">
        <v>14</v>
      </c>
      <c r="N482" s="6">
        <v>9</v>
      </c>
      <c r="O482" s="6">
        <v>5</v>
      </c>
      <c r="P482" s="10" t="s">
        <v>55</v>
      </c>
      <c r="Q482" s="10" t="s">
        <v>55</v>
      </c>
      <c r="R482" s="10" t="s">
        <v>55</v>
      </c>
      <c r="S482" s="6">
        <v>15</v>
      </c>
      <c r="T482" s="6">
        <v>8</v>
      </c>
      <c r="U482" s="10" t="s">
        <v>55</v>
      </c>
      <c r="V482" s="6">
        <v>7</v>
      </c>
      <c r="W482" s="6">
        <v>1</v>
      </c>
      <c r="X482" s="6">
        <v>11</v>
      </c>
      <c r="Y482" s="6">
        <v>8</v>
      </c>
      <c r="Z482" s="6">
        <v>3</v>
      </c>
      <c r="AA482" s="10" t="s">
        <v>55</v>
      </c>
      <c r="AB482" s="10" t="s">
        <v>55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96</v>
      </c>
      <c r="I483" s="9" t="s">
        <v>54</v>
      </c>
      <c r="J483" s="9" t="s">
        <v>42</v>
      </c>
      <c r="K483" s="6">
        <v>24</v>
      </c>
      <c r="L483" s="6">
        <v>6</v>
      </c>
      <c r="M483" s="6">
        <v>6</v>
      </c>
      <c r="N483" s="6">
        <v>4</v>
      </c>
      <c r="O483" s="6">
        <v>1</v>
      </c>
      <c r="P483" s="10" t="s">
        <v>55</v>
      </c>
      <c r="Q483" s="6">
        <v>1</v>
      </c>
      <c r="R483" s="10" t="s">
        <v>55</v>
      </c>
      <c r="S483" s="6">
        <v>18</v>
      </c>
      <c r="T483" s="6">
        <v>2</v>
      </c>
      <c r="U483" s="10" t="s">
        <v>55</v>
      </c>
      <c r="V483" s="6">
        <v>16</v>
      </c>
      <c r="W483" s="10" t="s">
        <v>55</v>
      </c>
      <c r="X483" s="6">
        <v>4</v>
      </c>
      <c r="Y483" s="6">
        <v>3</v>
      </c>
      <c r="Z483" s="10" t="s">
        <v>55</v>
      </c>
      <c r="AA483" s="10" t="s">
        <v>55</v>
      </c>
      <c r="AB483" s="6">
        <v>1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96</v>
      </c>
      <c r="I484" s="9" t="s">
        <v>54</v>
      </c>
      <c r="J484" s="9" t="s">
        <v>43</v>
      </c>
      <c r="K484" s="6">
        <v>26</v>
      </c>
      <c r="L484" s="6">
        <v>3</v>
      </c>
      <c r="M484" s="6">
        <v>2</v>
      </c>
      <c r="N484" s="6">
        <v>1</v>
      </c>
      <c r="O484" s="6">
        <v>1</v>
      </c>
      <c r="P484" s="10" t="s">
        <v>55</v>
      </c>
      <c r="Q484" s="10" t="s">
        <v>55</v>
      </c>
      <c r="R484" s="6">
        <v>1</v>
      </c>
      <c r="S484" s="6">
        <v>23</v>
      </c>
      <c r="T484" s="6">
        <v>8</v>
      </c>
      <c r="U484" s="10" t="s">
        <v>55</v>
      </c>
      <c r="V484" s="6">
        <v>15</v>
      </c>
      <c r="W484" s="10" t="s">
        <v>55</v>
      </c>
      <c r="X484" s="6">
        <v>1</v>
      </c>
      <c r="Y484" s="10" t="s">
        <v>55</v>
      </c>
      <c r="Z484" s="6">
        <v>1</v>
      </c>
      <c r="AA484" s="10" t="s">
        <v>55</v>
      </c>
      <c r="AB484" s="10" t="s">
        <v>55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96</v>
      </c>
      <c r="I485" s="9" t="s">
        <v>54</v>
      </c>
      <c r="J485" s="9" t="s">
        <v>44</v>
      </c>
      <c r="K485" s="6">
        <v>15</v>
      </c>
      <c r="L485" s="10" t="s">
        <v>55</v>
      </c>
      <c r="M485" s="10" t="s">
        <v>55</v>
      </c>
      <c r="N485" s="10" t="s">
        <v>55</v>
      </c>
      <c r="O485" s="10" t="s">
        <v>55</v>
      </c>
      <c r="P485" s="10" t="s">
        <v>55</v>
      </c>
      <c r="Q485" s="10" t="s">
        <v>55</v>
      </c>
      <c r="R485" s="10" t="s">
        <v>55</v>
      </c>
      <c r="S485" s="6">
        <v>15</v>
      </c>
      <c r="T485" s="6">
        <v>4</v>
      </c>
      <c r="U485" s="10" t="s">
        <v>55</v>
      </c>
      <c r="V485" s="6">
        <v>11</v>
      </c>
      <c r="W485" s="10" t="s">
        <v>55</v>
      </c>
      <c r="X485" s="10" t="s">
        <v>55</v>
      </c>
      <c r="Y485" s="10" t="s">
        <v>55</v>
      </c>
      <c r="Z485" s="10" t="s">
        <v>55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96</v>
      </c>
      <c r="I486" s="9" t="s">
        <v>54</v>
      </c>
      <c r="J486" s="9" t="s">
        <v>45</v>
      </c>
      <c r="K486" s="6">
        <v>11</v>
      </c>
      <c r="L486" s="6">
        <v>1</v>
      </c>
      <c r="M486" s="6">
        <v>1</v>
      </c>
      <c r="N486" s="6">
        <v>1</v>
      </c>
      <c r="O486" s="10" t="s">
        <v>55</v>
      </c>
      <c r="P486" s="10" t="s">
        <v>55</v>
      </c>
      <c r="Q486" s="10" t="s">
        <v>55</v>
      </c>
      <c r="R486" s="10" t="s">
        <v>55</v>
      </c>
      <c r="S486" s="6">
        <v>10</v>
      </c>
      <c r="T486" s="6">
        <v>2</v>
      </c>
      <c r="U486" s="10" t="s">
        <v>55</v>
      </c>
      <c r="V486" s="6">
        <v>8</v>
      </c>
      <c r="W486" s="10" t="s">
        <v>55</v>
      </c>
      <c r="X486" s="10" t="s">
        <v>55</v>
      </c>
      <c r="Y486" s="10" t="s">
        <v>55</v>
      </c>
      <c r="Z486" s="10" t="s">
        <v>55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96</v>
      </c>
      <c r="I487" s="9" t="s">
        <v>54</v>
      </c>
      <c r="J487" s="9" t="s">
        <v>46</v>
      </c>
      <c r="K487" s="6">
        <v>4</v>
      </c>
      <c r="L487" s="10" t="s">
        <v>55</v>
      </c>
      <c r="M487" s="10" t="s">
        <v>55</v>
      </c>
      <c r="N487" s="10" t="s">
        <v>55</v>
      </c>
      <c r="O487" s="10" t="s">
        <v>55</v>
      </c>
      <c r="P487" s="10" t="s">
        <v>55</v>
      </c>
      <c r="Q487" s="10" t="s">
        <v>55</v>
      </c>
      <c r="R487" s="10" t="s">
        <v>55</v>
      </c>
      <c r="S487" s="6">
        <v>4</v>
      </c>
      <c r="T487" s="10" t="s">
        <v>55</v>
      </c>
      <c r="U487" s="10" t="s">
        <v>55</v>
      </c>
      <c r="V487" s="6">
        <v>4</v>
      </c>
      <c r="W487" s="10" t="s">
        <v>55</v>
      </c>
      <c r="X487" s="10" t="s">
        <v>55</v>
      </c>
      <c r="Y487" s="10" t="s">
        <v>55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96</v>
      </c>
      <c r="I488" s="9" t="s">
        <v>54</v>
      </c>
      <c r="J488" s="9" t="s">
        <v>47</v>
      </c>
      <c r="K488" s="6">
        <v>2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6">
        <v>2</v>
      </c>
      <c r="T488" s="10" t="s">
        <v>55</v>
      </c>
      <c r="U488" s="10" t="s">
        <v>55</v>
      </c>
      <c r="V488" s="6">
        <v>2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96</v>
      </c>
      <c r="I489" s="9" t="s">
        <v>54</v>
      </c>
      <c r="J489" s="9" t="s">
        <v>48</v>
      </c>
      <c r="K489" s="6">
        <v>1084</v>
      </c>
      <c r="L489" s="6">
        <v>760</v>
      </c>
      <c r="M489" s="6">
        <v>716</v>
      </c>
      <c r="N489" s="6">
        <v>687</v>
      </c>
      <c r="O489" s="6">
        <v>11</v>
      </c>
      <c r="P489" s="6">
        <v>14</v>
      </c>
      <c r="Q489" s="6">
        <v>4</v>
      </c>
      <c r="R489" s="6">
        <v>44</v>
      </c>
      <c r="S489" s="6">
        <v>285</v>
      </c>
      <c r="T489" s="6">
        <v>47</v>
      </c>
      <c r="U489" s="6">
        <v>220</v>
      </c>
      <c r="V489" s="6">
        <v>18</v>
      </c>
      <c r="W489" s="6">
        <v>39</v>
      </c>
      <c r="X489" s="6">
        <v>677</v>
      </c>
      <c r="Y489" s="6">
        <v>654</v>
      </c>
      <c r="Z489" s="6">
        <v>5</v>
      </c>
      <c r="AA489" s="6">
        <v>14</v>
      </c>
      <c r="AB489" s="6">
        <v>4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96</v>
      </c>
      <c r="I490" s="9" t="s">
        <v>54</v>
      </c>
      <c r="J490" s="9" t="s">
        <v>49</v>
      </c>
      <c r="K490" s="6">
        <v>112</v>
      </c>
      <c r="L490" s="6">
        <v>24</v>
      </c>
      <c r="M490" s="6">
        <v>23</v>
      </c>
      <c r="N490" s="6">
        <v>15</v>
      </c>
      <c r="O490" s="6">
        <v>7</v>
      </c>
      <c r="P490" s="10" t="s">
        <v>55</v>
      </c>
      <c r="Q490" s="6">
        <v>1</v>
      </c>
      <c r="R490" s="6">
        <v>1</v>
      </c>
      <c r="S490" s="6">
        <v>87</v>
      </c>
      <c r="T490" s="6">
        <v>24</v>
      </c>
      <c r="U490" s="10" t="s">
        <v>55</v>
      </c>
      <c r="V490" s="6">
        <v>63</v>
      </c>
      <c r="W490" s="6">
        <v>1</v>
      </c>
      <c r="X490" s="6">
        <v>16</v>
      </c>
      <c r="Y490" s="6">
        <v>11</v>
      </c>
      <c r="Z490" s="6">
        <v>4</v>
      </c>
      <c r="AA490" s="10" t="s">
        <v>55</v>
      </c>
      <c r="AB490" s="6">
        <v>1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96</v>
      </c>
      <c r="I491" s="9" t="s">
        <v>54</v>
      </c>
      <c r="J491" s="9" t="s">
        <v>50</v>
      </c>
      <c r="K491" s="6">
        <v>58</v>
      </c>
      <c r="L491" s="6">
        <v>4</v>
      </c>
      <c r="M491" s="6">
        <v>3</v>
      </c>
      <c r="N491" s="6">
        <v>2</v>
      </c>
      <c r="O491" s="6">
        <v>1</v>
      </c>
      <c r="P491" s="10" t="s">
        <v>55</v>
      </c>
      <c r="Q491" s="10" t="s">
        <v>55</v>
      </c>
      <c r="R491" s="6">
        <v>1</v>
      </c>
      <c r="S491" s="6">
        <v>54</v>
      </c>
      <c r="T491" s="6">
        <v>14</v>
      </c>
      <c r="U491" s="10" t="s">
        <v>55</v>
      </c>
      <c r="V491" s="6">
        <v>40</v>
      </c>
      <c r="W491" s="10" t="s">
        <v>55</v>
      </c>
      <c r="X491" s="6">
        <v>1</v>
      </c>
      <c r="Y491" s="10" t="s">
        <v>55</v>
      </c>
      <c r="Z491" s="6">
        <v>1</v>
      </c>
      <c r="AA491" s="10" t="s">
        <v>55</v>
      </c>
      <c r="AB491" s="10" t="s">
        <v>55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96</v>
      </c>
      <c r="I492" s="9" t="s">
        <v>54</v>
      </c>
      <c r="J492" s="9" t="s">
        <v>51</v>
      </c>
      <c r="K492" s="6">
        <v>17</v>
      </c>
      <c r="L492" s="6">
        <v>1</v>
      </c>
      <c r="M492" s="6">
        <v>1</v>
      </c>
      <c r="N492" s="6">
        <v>1</v>
      </c>
      <c r="O492" s="10" t="s">
        <v>55</v>
      </c>
      <c r="P492" s="10" t="s">
        <v>55</v>
      </c>
      <c r="Q492" s="10" t="s">
        <v>55</v>
      </c>
      <c r="R492" s="10" t="s">
        <v>55</v>
      </c>
      <c r="S492" s="6">
        <v>16</v>
      </c>
      <c r="T492" s="6">
        <v>2</v>
      </c>
      <c r="U492" s="10" t="s">
        <v>55</v>
      </c>
      <c r="V492" s="6">
        <v>14</v>
      </c>
      <c r="W492" s="10" t="s">
        <v>55</v>
      </c>
      <c r="X492" s="10" t="s">
        <v>55</v>
      </c>
      <c r="Y492" s="10" t="s">
        <v>55</v>
      </c>
      <c r="Z492" s="10" t="s">
        <v>55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96</v>
      </c>
      <c r="I493" s="9" t="s">
        <v>54</v>
      </c>
      <c r="J493" s="9" t="s">
        <v>52</v>
      </c>
      <c r="K493" s="6">
        <v>877</v>
      </c>
      <c r="L493" s="6">
        <v>747</v>
      </c>
      <c r="M493" s="6">
        <v>705</v>
      </c>
      <c r="N493" s="6">
        <v>679</v>
      </c>
      <c r="O493" s="6">
        <v>16</v>
      </c>
      <c r="P493" s="6">
        <v>6</v>
      </c>
      <c r="Q493" s="6">
        <v>4</v>
      </c>
      <c r="R493" s="6">
        <v>42</v>
      </c>
      <c r="S493" s="6">
        <v>103</v>
      </c>
      <c r="T493" s="6">
        <v>53</v>
      </c>
      <c r="U493" s="6">
        <v>25</v>
      </c>
      <c r="V493" s="6">
        <v>25</v>
      </c>
      <c r="W493" s="6">
        <v>27</v>
      </c>
      <c r="X493" s="6">
        <v>663</v>
      </c>
      <c r="Y493" s="6">
        <v>645</v>
      </c>
      <c r="Z493" s="6">
        <v>8</v>
      </c>
      <c r="AA493" s="6">
        <v>6</v>
      </c>
      <c r="AB493" s="6">
        <v>4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96</v>
      </c>
      <c r="I494" s="9" t="s">
        <v>6</v>
      </c>
      <c r="J494" s="9" t="s">
        <v>30</v>
      </c>
      <c r="K494" s="6">
        <v>359</v>
      </c>
      <c r="L494" s="6">
        <v>249</v>
      </c>
      <c r="M494" s="6">
        <v>234</v>
      </c>
      <c r="N494" s="6">
        <v>221</v>
      </c>
      <c r="O494" s="6">
        <v>6</v>
      </c>
      <c r="P494" s="6">
        <v>2</v>
      </c>
      <c r="Q494" s="6">
        <v>5</v>
      </c>
      <c r="R494" s="6">
        <v>15</v>
      </c>
      <c r="S494" s="6">
        <v>106</v>
      </c>
      <c r="T494" s="6">
        <v>17</v>
      </c>
      <c r="U494" s="6">
        <v>52</v>
      </c>
      <c r="V494" s="6">
        <v>37</v>
      </c>
      <c r="W494" s="6">
        <v>4</v>
      </c>
      <c r="X494" s="6">
        <v>191</v>
      </c>
      <c r="Y494" s="6">
        <v>182</v>
      </c>
      <c r="Z494" s="6">
        <v>3</v>
      </c>
      <c r="AA494" s="6">
        <v>2</v>
      </c>
      <c r="AB494" s="6">
        <v>4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96</v>
      </c>
      <c r="I495" s="9" t="s">
        <v>6</v>
      </c>
      <c r="J495" s="9" t="s">
        <v>31</v>
      </c>
      <c r="K495" s="6">
        <v>59</v>
      </c>
      <c r="L495" s="6">
        <v>10</v>
      </c>
      <c r="M495" s="6">
        <v>9</v>
      </c>
      <c r="N495" s="6">
        <v>7</v>
      </c>
      <c r="O495" s="10" t="s">
        <v>55</v>
      </c>
      <c r="P495" s="6">
        <v>2</v>
      </c>
      <c r="Q495" s="10" t="s">
        <v>55</v>
      </c>
      <c r="R495" s="6">
        <v>1</v>
      </c>
      <c r="S495" s="6">
        <v>48</v>
      </c>
      <c r="T495" s="10" t="s">
        <v>55</v>
      </c>
      <c r="U495" s="6">
        <v>47</v>
      </c>
      <c r="V495" s="6">
        <v>1</v>
      </c>
      <c r="W495" s="6">
        <v>1</v>
      </c>
      <c r="X495" s="6">
        <v>8</v>
      </c>
      <c r="Y495" s="6">
        <v>6</v>
      </c>
      <c r="Z495" s="10" t="s">
        <v>55</v>
      </c>
      <c r="AA495" s="6">
        <v>2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96</v>
      </c>
      <c r="I496" s="9" t="s">
        <v>6</v>
      </c>
      <c r="J496" s="9" t="s">
        <v>32</v>
      </c>
      <c r="K496" s="6">
        <v>50</v>
      </c>
      <c r="L496" s="6">
        <v>43</v>
      </c>
      <c r="M496" s="6">
        <v>40</v>
      </c>
      <c r="N496" s="6">
        <v>39</v>
      </c>
      <c r="O496" s="10" t="s">
        <v>55</v>
      </c>
      <c r="P496" s="10" t="s">
        <v>55</v>
      </c>
      <c r="Q496" s="6">
        <v>1</v>
      </c>
      <c r="R496" s="6">
        <v>3</v>
      </c>
      <c r="S496" s="6">
        <v>6</v>
      </c>
      <c r="T496" s="6">
        <v>1</v>
      </c>
      <c r="U496" s="6">
        <v>5</v>
      </c>
      <c r="V496" s="10" t="s">
        <v>55</v>
      </c>
      <c r="W496" s="6">
        <v>1</v>
      </c>
      <c r="X496" s="6">
        <v>38</v>
      </c>
      <c r="Y496" s="6">
        <v>37</v>
      </c>
      <c r="Z496" s="10" t="s">
        <v>55</v>
      </c>
      <c r="AA496" s="10" t="s">
        <v>55</v>
      </c>
      <c r="AB496" s="6">
        <v>1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96</v>
      </c>
      <c r="I497" s="9" t="s">
        <v>6</v>
      </c>
      <c r="J497" s="9" t="s">
        <v>33</v>
      </c>
      <c r="K497" s="6">
        <v>33</v>
      </c>
      <c r="L497" s="6">
        <v>32</v>
      </c>
      <c r="M497" s="6">
        <v>30</v>
      </c>
      <c r="N497" s="6">
        <v>30</v>
      </c>
      <c r="O497" s="10" t="s">
        <v>55</v>
      </c>
      <c r="P497" s="10" t="s">
        <v>55</v>
      </c>
      <c r="Q497" s="10" t="s">
        <v>55</v>
      </c>
      <c r="R497" s="6">
        <v>2</v>
      </c>
      <c r="S497" s="6">
        <v>1</v>
      </c>
      <c r="T497" s="10" t="s">
        <v>55</v>
      </c>
      <c r="U497" s="10" t="s">
        <v>55</v>
      </c>
      <c r="V497" s="6">
        <v>1</v>
      </c>
      <c r="W497" s="10" t="s">
        <v>55</v>
      </c>
      <c r="X497" s="6">
        <v>26</v>
      </c>
      <c r="Y497" s="6">
        <v>26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96</v>
      </c>
      <c r="I498" s="9" t="s">
        <v>6</v>
      </c>
      <c r="J498" s="9" t="s">
        <v>34</v>
      </c>
      <c r="K498" s="6">
        <v>24</v>
      </c>
      <c r="L498" s="6">
        <v>22</v>
      </c>
      <c r="M498" s="6">
        <v>20</v>
      </c>
      <c r="N498" s="6">
        <v>19</v>
      </c>
      <c r="O498" s="10" t="s">
        <v>55</v>
      </c>
      <c r="P498" s="10" t="s">
        <v>55</v>
      </c>
      <c r="Q498" s="6">
        <v>1</v>
      </c>
      <c r="R498" s="6">
        <v>2</v>
      </c>
      <c r="S498" s="6">
        <v>2</v>
      </c>
      <c r="T498" s="6">
        <v>2</v>
      </c>
      <c r="U498" s="10" t="s">
        <v>55</v>
      </c>
      <c r="V498" s="10" t="s">
        <v>55</v>
      </c>
      <c r="W498" s="10" t="s">
        <v>55</v>
      </c>
      <c r="X498" s="6">
        <v>20</v>
      </c>
      <c r="Y498" s="6">
        <v>19</v>
      </c>
      <c r="Z498" s="10" t="s">
        <v>55</v>
      </c>
      <c r="AA498" s="10" t="s">
        <v>55</v>
      </c>
      <c r="AB498" s="6">
        <v>1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96</v>
      </c>
      <c r="I499" s="9" t="s">
        <v>6</v>
      </c>
      <c r="J499" s="9" t="s">
        <v>35</v>
      </c>
      <c r="K499" s="6">
        <v>13</v>
      </c>
      <c r="L499" s="6">
        <v>10</v>
      </c>
      <c r="M499" s="6">
        <v>9</v>
      </c>
      <c r="N499" s="6">
        <v>8</v>
      </c>
      <c r="O499" s="10" t="s">
        <v>55</v>
      </c>
      <c r="P499" s="10" t="s">
        <v>55</v>
      </c>
      <c r="Q499" s="6">
        <v>1</v>
      </c>
      <c r="R499" s="6">
        <v>1</v>
      </c>
      <c r="S499" s="6">
        <v>3</v>
      </c>
      <c r="T499" s="6">
        <v>1</v>
      </c>
      <c r="U499" s="10" t="s">
        <v>55</v>
      </c>
      <c r="V499" s="6">
        <v>2</v>
      </c>
      <c r="W499" s="10" t="s">
        <v>55</v>
      </c>
      <c r="X499" s="6">
        <v>9</v>
      </c>
      <c r="Y499" s="6">
        <v>8</v>
      </c>
      <c r="Z499" s="10" t="s">
        <v>55</v>
      </c>
      <c r="AA499" s="10" t="s">
        <v>55</v>
      </c>
      <c r="AB499" s="6">
        <v>1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96</v>
      </c>
      <c r="I500" s="9" t="s">
        <v>6</v>
      </c>
      <c r="J500" s="9" t="s">
        <v>36</v>
      </c>
      <c r="K500" s="6">
        <v>21</v>
      </c>
      <c r="L500" s="6">
        <v>20</v>
      </c>
      <c r="M500" s="6">
        <v>19</v>
      </c>
      <c r="N500" s="6">
        <v>17</v>
      </c>
      <c r="O500" s="6">
        <v>2</v>
      </c>
      <c r="P500" s="10" t="s">
        <v>55</v>
      </c>
      <c r="Q500" s="10" t="s">
        <v>55</v>
      </c>
      <c r="R500" s="6">
        <v>1</v>
      </c>
      <c r="S500" s="6">
        <v>1</v>
      </c>
      <c r="T500" s="10" t="s">
        <v>55</v>
      </c>
      <c r="U500" s="10" t="s">
        <v>55</v>
      </c>
      <c r="V500" s="6">
        <v>1</v>
      </c>
      <c r="W500" s="10" t="s">
        <v>55</v>
      </c>
      <c r="X500" s="6">
        <v>16</v>
      </c>
      <c r="Y500" s="6">
        <v>14</v>
      </c>
      <c r="Z500" s="6">
        <v>2</v>
      </c>
      <c r="AA500" s="10" t="s">
        <v>55</v>
      </c>
      <c r="AB500" s="10" t="s">
        <v>55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96</v>
      </c>
      <c r="I501" s="9" t="s">
        <v>6</v>
      </c>
      <c r="J501" s="9" t="s">
        <v>37</v>
      </c>
      <c r="K501" s="6">
        <v>29</v>
      </c>
      <c r="L501" s="6">
        <v>25</v>
      </c>
      <c r="M501" s="6">
        <v>25</v>
      </c>
      <c r="N501" s="6">
        <v>23</v>
      </c>
      <c r="O501" s="6">
        <v>2</v>
      </c>
      <c r="P501" s="10" t="s">
        <v>55</v>
      </c>
      <c r="Q501" s="10" t="s">
        <v>55</v>
      </c>
      <c r="R501" s="10" t="s">
        <v>55</v>
      </c>
      <c r="S501" s="6">
        <v>4</v>
      </c>
      <c r="T501" s="6">
        <v>3</v>
      </c>
      <c r="U501" s="10" t="s">
        <v>55</v>
      </c>
      <c r="V501" s="6">
        <v>1</v>
      </c>
      <c r="W501" s="10" t="s">
        <v>55</v>
      </c>
      <c r="X501" s="6">
        <v>17</v>
      </c>
      <c r="Y501" s="6">
        <v>17</v>
      </c>
      <c r="Z501" s="10" t="s">
        <v>55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96</v>
      </c>
      <c r="I502" s="9" t="s">
        <v>6</v>
      </c>
      <c r="J502" s="9" t="s">
        <v>38</v>
      </c>
      <c r="K502" s="6">
        <v>33</v>
      </c>
      <c r="L502" s="6">
        <v>30</v>
      </c>
      <c r="M502" s="6">
        <v>29</v>
      </c>
      <c r="N502" s="6">
        <v>28</v>
      </c>
      <c r="O502" s="6">
        <v>1</v>
      </c>
      <c r="P502" s="10" t="s">
        <v>55</v>
      </c>
      <c r="Q502" s="10" t="s">
        <v>55</v>
      </c>
      <c r="R502" s="6">
        <v>1</v>
      </c>
      <c r="S502" s="6">
        <v>3</v>
      </c>
      <c r="T502" s="6">
        <v>2</v>
      </c>
      <c r="U502" s="10" t="s">
        <v>55</v>
      </c>
      <c r="V502" s="6">
        <v>1</v>
      </c>
      <c r="W502" s="10" t="s">
        <v>55</v>
      </c>
      <c r="X502" s="6">
        <v>25</v>
      </c>
      <c r="Y502" s="6">
        <v>24</v>
      </c>
      <c r="Z502" s="6">
        <v>1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96</v>
      </c>
      <c r="I503" s="9" t="s">
        <v>6</v>
      </c>
      <c r="J503" s="9" t="s">
        <v>39</v>
      </c>
      <c r="K503" s="6">
        <v>35</v>
      </c>
      <c r="L503" s="6">
        <v>27</v>
      </c>
      <c r="M503" s="6">
        <v>25</v>
      </c>
      <c r="N503" s="6">
        <v>25</v>
      </c>
      <c r="O503" s="10" t="s">
        <v>55</v>
      </c>
      <c r="P503" s="10" t="s">
        <v>55</v>
      </c>
      <c r="Q503" s="10" t="s">
        <v>55</v>
      </c>
      <c r="R503" s="6">
        <v>2</v>
      </c>
      <c r="S503" s="6">
        <v>8</v>
      </c>
      <c r="T503" s="6">
        <v>3</v>
      </c>
      <c r="U503" s="10" t="s">
        <v>55</v>
      </c>
      <c r="V503" s="6">
        <v>5</v>
      </c>
      <c r="W503" s="10" t="s">
        <v>55</v>
      </c>
      <c r="X503" s="6">
        <v>20</v>
      </c>
      <c r="Y503" s="6">
        <v>20</v>
      </c>
      <c r="Z503" s="10" t="s">
        <v>55</v>
      </c>
      <c r="AA503" s="10" t="s">
        <v>55</v>
      </c>
      <c r="AB503" s="10" t="s">
        <v>55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96</v>
      </c>
      <c r="I504" s="9" t="s">
        <v>6</v>
      </c>
      <c r="J504" s="9" t="s">
        <v>40</v>
      </c>
      <c r="K504" s="6">
        <v>28</v>
      </c>
      <c r="L504" s="6">
        <v>17</v>
      </c>
      <c r="M504" s="6">
        <v>16</v>
      </c>
      <c r="N504" s="6">
        <v>15</v>
      </c>
      <c r="O504" s="6">
        <v>1</v>
      </c>
      <c r="P504" s="10" t="s">
        <v>55</v>
      </c>
      <c r="Q504" s="10" t="s">
        <v>55</v>
      </c>
      <c r="R504" s="6">
        <v>1</v>
      </c>
      <c r="S504" s="6">
        <v>10</v>
      </c>
      <c r="T504" s="6">
        <v>4</v>
      </c>
      <c r="U504" s="10" t="s">
        <v>55</v>
      </c>
      <c r="V504" s="6">
        <v>6</v>
      </c>
      <c r="W504" s="6">
        <v>1</v>
      </c>
      <c r="X504" s="6">
        <v>7</v>
      </c>
      <c r="Y504" s="6">
        <v>7</v>
      </c>
      <c r="Z504" s="10" t="s">
        <v>55</v>
      </c>
      <c r="AA504" s="10" t="s">
        <v>55</v>
      </c>
      <c r="AB504" s="10" t="s">
        <v>55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96</v>
      </c>
      <c r="I505" s="9" t="s">
        <v>6</v>
      </c>
      <c r="J505" s="9" t="s">
        <v>41</v>
      </c>
      <c r="K505" s="6">
        <v>19</v>
      </c>
      <c r="L505" s="6">
        <v>11</v>
      </c>
      <c r="M505" s="6">
        <v>11</v>
      </c>
      <c r="N505" s="6">
        <v>10</v>
      </c>
      <c r="O505" s="10" t="s">
        <v>55</v>
      </c>
      <c r="P505" s="10" t="s">
        <v>55</v>
      </c>
      <c r="Q505" s="6">
        <v>1</v>
      </c>
      <c r="R505" s="10" t="s">
        <v>55</v>
      </c>
      <c r="S505" s="6">
        <v>8</v>
      </c>
      <c r="T505" s="6">
        <v>1</v>
      </c>
      <c r="U505" s="10" t="s">
        <v>55</v>
      </c>
      <c r="V505" s="6">
        <v>7</v>
      </c>
      <c r="W505" s="10" t="s">
        <v>55</v>
      </c>
      <c r="X505" s="6">
        <v>4</v>
      </c>
      <c r="Y505" s="6">
        <v>4</v>
      </c>
      <c r="Z505" s="10" t="s">
        <v>55</v>
      </c>
      <c r="AA505" s="10" t="s">
        <v>55</v>
      </c>
      <c r="AB505" s="10" t="s">
        <v>55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96</v>
      </c>
      <c r="I506" s="9" t="s">
        <v>6</v>
      </c>
      <c r="J506" s="9" t="s">
        <v>42</v>
      </c>
      <c r="K506" s="6">
        <v>4</v>
      </c>
      <c r="L506" s="6">
        <v>2</v>
      </c>
      <c r="M506" s="6">
        <v>1</v>
      </c>
      <c r="N506" s="10" t="s">
        <v>55</v>
      </c>
      <c r="O506" s="10" t="s">
        <v>55</v>
      </c>
      <c r="P506" s="10" t="s">
        <v>55</v>
      </c>
      <c r="Q506" s="6">
        <v>1</v>
      </c>
      <c r="R506" s="6">
        <v>1</v>
      </c>
      <c r="S506" s="6">
        <v>2</v>
      </c>
      <c r="T506" s="10" t="s">
        <v>55</v>
      </c>
      <c r="U506" s="10" t="s">
        <v>55</v>
      </c>
      <c r="V506" s="6">
        <v>2</v>
      </c>
      <c r="W506" s="10" t="s">
        <v>55</v>
      </c>
      <c r="X506" s="6">
        <v>1</v>
      </c>
      <c r="Y506" s="10" t="s">
        <v>55</v>
      </c>
      <c r="Z506" s="10" t="s">
        <v>55</v>
      </c>
      <c r="AA506" s="10" t="s">
        <v>55</v>
      </c>
      <c r="AB506" s="6">
        <v>1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96</v>
      </c>
      <c r="I507" s="9" t="s">
        <v>6</v>
      </c>
      <c r="J507" s="9" t="s">
        <v>43</v>
      </c>
      <c r="K507" s="6">
        <v>6</v>
      </c>
      <c r="L507" s="10" t="s">
        <v>55</v>
      </c>
      <c r="M507" s="10" t="s">
        <v>55</v>
      </c>
      <c r="N507" s="10" t="s">
        <v>55</v>
      </c>
      <c r="O507" s="10" t="s">
        <v>55</v>
      </c>
      <c r="P507" s="10" t="s">
        <v>55</v>
      </c>
      <c r="Q507" s="10" t="s">
        <v>55</v>
      </c>
      <c r="R507" s="10" t="s">
        <v>55</v>
      </c>
      <c r="S507" s="6">
        <v>6</v>
      </c>
      <c r="T507" s="10" t="s">
        <v>55</v>
      </c>
      <c r="U507" s="10" t="s">
        <v>55</v>
      </c>
      <c r="V507" s="6">
        <v>6</v>
      </c>
      <c r="W507" s="10" t="s">
        <v>55</v>
      </c>
      <c r="X507" s="10" t="s">
        <v>55</v>
      </c>
      <c r="Y507" s="10" t="s">
        <v>55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96</v>
      </c>
      <c r="I508" s="9" t="s">
        <v>6</v>
      </c>
      <c r="J508" s="9" t="s">
        <v>44</v>
      </c>
      <c r="K508" s="6">
        <v>3</v>
      </c>
      <c r="L508" s="10" t="s">
        <v>55</v>
      </c>
      <c r="M508" s="10" t="s">
        <v>55</v>
      </c>
      <c r="N508" s="10" t="s">
        <v>55</v>
      </c>
      <c r="O508" s="10" t="s">
        <v>55</v>
      </c>
      <c r="P508" s="10" t="s">
        <v>55</v>
      </c>
      <c r="Q508" s="10" t="s">
        <v>55</v>
      </c>
      <c r="R508" s="10" t="s">
        <v>55</v>
      </c>
      <c r="S508" s="6">
        <v>3</v>
      </c>
      <c r="T508" s="10" t="s">
        <v>55</v>
      </c>
      <c r="U508" s="10" t="s">
        <v>55</v>
      </c>
      <c r="V508" s="6">
        <v>3</v>
      </c>
      <c r="W508" s="10" t="s">
        <v>55</v>
      </c>
      <c r="X508" s="10" t="s">
        <v>55</v>
      </c>
      <c r="Y508" s="10" t="s">
        <v>55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96</v>
      </c>
      <c r="I509" s="9" t="s">
        <v>6</v>
      </c>
      <c r="J509" s="9" t="s">
        <v>45</v>
      </c>
      <c r="K509" s="6">
        <v>2</v>
      </c>
      <c r="L509" s="10" t="s">
        <v>55</v>
      </c>
      <c r="M509" s="10" t="s">
        <v>55</v>
      </c>
      <c r="N509" s="10" t="s">
        <v>55</v>
      </c>
      <c r="O509" s="10" t="s">
        <v>55</v>
      </c>
      <c r="P509" s="10" t="s">
        <v>55</v>
      </c>
      <c r="Q509" s="10" t="s">
        <v>55</v>
      </c>
      <c r="R509" s="10" t="s">
        <v>55</v>
      </c>
      <c r="S509" s="6">
        <v>1</v>
      </c>
      <c r="T509" s="10" t="s">
        <v>55</v>
      </c>
      <c r="U509" s="10" t="s">
        <v>55</v>
      </c>
      <c r="V509" s="6">
        <v>1</v>
      </c>
      <c r="W509" s="6">
        <v>1</v>
      </c>
      <c r="X509" s="10" t="s">
        <v>55</v>
      </c>
      <c r="Y509" s="10" t="s">
        <v>55</v>
      </c>
      <c r="Z509" s="10" t="s">
        <v>55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96</v>
      </c>
      <c r="I510" s="9" t="s">
        <v>6</v>
      </c>
      <c r="J510" s="9" t="s">
        <v>46</v>
      </c>
      <c r="K510" s="10" t="s">
        <v>55</v>
      </c>
      <c r="L510" s="10" t="s">
        <v>55</v>
      </c>
      <c r="M510" s="10" t="s">
        <v>55</v>
      </c>
      <c r="N510" s="10" t="s">
        <v>55</v>
      </c>
      <c r="O510" s="10" t="s">
        <v>55</v>
      </c>
      <c r="P510" s="10" t="s">
        <v>55</v>
      </c>
      <c r="Q510" s="10" t="s">
        <v>55</v>
      </c>
      <c r="R510" s="10" t="s">
        <v>55</v>
      </c>
      <c r="S510" s="10" t="s">
        <v>55</v>
      </c>
      <c r="T510" s="10" t="s">
        <v>55</v>
      </c>
      <c r="U510" s="10" t="s">
        <v>55</v>
      </c>
      <c r="V510" s="10" t="s">
        <v>55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96</v>
      </c>
      <c r="I511" s="9" t="s">
        <v>6</v>
      </c>
      <c r="J511" s="9" t="s">
        <v>47</v>
      </c>
      <c r="K511" s="10" t="s">
        <v>55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10" t="s">
        <v>55</v>
      </c>
      <c r="T511" s="10" t="s">
        <v>55</v>
      </c>
      <c r="U511" s="10" t="s">
        <v>55</v>
      </c>
      <c r="V511" s="10" t="s">
        <v>55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96</v>
      </c>
      <c r="I512" s="9" t="s">
        <v>6</v>
      </c>
      <c r="J512" s="9" t="s">
        <v>48</v>
      </c>
      <c r="K512" s="6">
        <v>325</v>
      </c>
      <c r="L512" s="6">
        <v>236</v>
      </c>
      <c r="M512" s="6">
        <v>222</v>
      </c>
      <c r="N512" s="6">
        <v>211</v>
      </c>
      <c r="O512" s="6">
        <v>6</v>
      </c>
      <c r="P512" s="6">
        <v>2</v>
      </c>
      <c r="Q512" s="6">
        <v>3</v>
      </c>
      <c r="R512" s="6">
        <v>14</v>
      </c>
      <c r="S512" s="6">
        <v>86</v>
      </c>
      <c r="T512" s="6">
        <v>16</v>
      </c>
      <c r="U512" s="6">
        <v>52</v>
      </c>
      <c r="V512" s="6">
        <v>18</v>
      </c>
      <c r="W512" s="6">
        <v>3</v>
      </c>
      <c r="X512" s="6">
        <v>186</v>
      </c>
      <c r="Y512" s="6">
        <v>178</v>
      </c>
      <c r="Z512" s="6">
        <v>3</v>
      </c>
      <c r="AA512" s="6">
        <v>2</v>
      </c>
      <c r="AB512" s="6">
        <v>3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96</v>
      </c>
      <c r="I513" s="9" t="s">
        <v>6</v>
      </c>
      <c r="J513" s="9" t="s">
        <v>49</v>
      </c>
      <c r="K513" s="6">
        <v>34</v>
      </c>
      <c r="L513" s="6">
        <v>13</v>
      </c>
      <c r="M513" s="6">
        <v>12</v>
      </c>
      <c r="N513" s="6">
        <v>10</v>
      </c>
      <c r="O513" s="10" t="s">
        <v>55</v>
      </c>
      <c r="P513" s="10" t="s">
        <v>55</v>
      </c>
      <c r="Q513" s="6">
        <v>2</v>
      </c>
      <c r="R513" s="6">
        <v>1</v>
      </c>
      <c r="S513" s="6">
        <v>20</v>
      </c>
      <c r="T513" s="6">
        <v>1</v>
      </c>
      <c r="U513" s="10" t="s">
        <v>55</v>
      </c>
      <c r="V513" s="6">
        <v>19</v>
      </c>
      <c r="W513" s="6">
        <v>1</v>
      </c>
      <c r="X513" s="6">
        <v>5</v>
      </c>
      <c r="Y513" s="6">
        <v>4</v>
      </c>
      <c r="Z513" s="10" t="s">
        <v>55</v>
      </c>
      <c r="AA513" s="10" t="s">
        <v>55</v>
      </c>
      <c r="AB513" s="6">
        <v>1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96</v>
      </c>
      <c r="I514" s="9" t="s">
        <v>6</v>
      </c>
      <c r="J514" s="9" t="s">
        <v>50</v>
      </c>
      <c r="K514" s="6">
        <v>11</v>
      </c>
      <c r="L514" s="10" t="s">
        <v>55</v>
      </c>
      <c r="M514" s="10" t="s">
        <v>55</v>
      </c>
      <c r="N514" s="10" t="s">
        <v>55</v>
      </c>
      <c r="O514" s="10" t="s">
        <v>55</v>
      </c>
      <c r="P514" s="10" t="s">
        <v>55</v>
      </c>
      <c r="Q514" s="10" t="s">
        <v>55</v>
      </c>
      <c r="R514" s="10" t="s">
        <v>55</v>
      </c>
      <c r="S514" s="6">
        <v>10</v>
      </c>
      <c r="T514" s="10" t="s">
        <v>55</v>
      </c>
      <c r="U514" s="10" t="s">
        <v>55</v>
      </c>
      <c r="V514" s="6">
        <v>10</v>
      </c>
      <c r="W514" s="6">
        <v>1</v>
      </c>
      <c r="X514" s="10" t="s">
        <v>55</v>
      </c>
      <c r="Y514" s="10" t="s">
        <v>55</v>
      </c>
      <c r="Z514" s="10" t="s">
        <v>55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96</v>
      </c>
      <c r="I515" s="9" t="s">
        <v>6</v>
      </c>
      <c r="J515" s="9" t="s">
        <v>51</v>
      </c>
      <c r="K515" s="6">
        <v>2</v>
      </c>
      <c r="L515" s="10" t="s">
        <v>55</v>
      </c>
      <c r="M515" s="10" t="s">
        <v>55</v>
      </c>
      <c r="N515" s="10" t="s">
        <v>55</v>
      </c>
      <c r="O515" s="10" t="s">
        <v>55</v>
      </c>
      <c r="P515" s="10" t="s">
        <v>55</v>
      </c>
      <c r="Q515" s="10" t="s">
        <v>55</v>
      </c>
      <c r="R515" s="10" t="s">
        <v>55</v>
      </c>
      <c r="S515" s="6">
        <v>1</v>
      </c>
      <c r="T515" s="10" t="s">
        <v>55</v>
      </c>
      <c r="U515" s="10" t="s">
        <v>55</v>
      </c>
      <c r="V515" s="6">
        <v>1</v>
      </c>
      <c r="W515" s="6">
        <v>1</v>
      </c>
      <c r="X515" s="10" t="s">
        <v>55</v>
      </c>
      <c r="Y515" s="10" t="s">
        <v>55</v>
      </c>
      <c r="Z515" s="10" t="s">
        <v>55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96</v>
      </c>
      <c r="I516" s="9" t="s">
        <v>6</v>
      </c>
      <c r="J516" s="9" t="s">
        <v>52</v>
      </c>
      <c r="K516" s="6">
        <v>285</v>
      </c>
      <c r="L516" s="6">
        <v>237</v>
      </c>
      <c r="M516" s="6">
        <v>224</v>
      </c>
      <c r="N516" s="6">
        <v>214</v>
      </c>
      <c r="O516" s="6">
        <v>6</v>
      </c>
      <c r="P516" s="10" t="s">
        <v>55</v>
      </c>
      <c r="Q516" s="6">
        <v>4</v>
      </c>
      <c r="R516" s="6">
        <v>13</v>
      </c>
      <c r="S516" s="6">
        <v>46</v>
      </c>
      <c r="T516" s="6">
        <v>17</v>
      </c>
      <c r="U516" s="6">
        <v>5</v>
      </c>
      <c r="V516" s="6">
        <v>24</v>
      </c>
      <c r="W516" s="6">
        <v>2</v>
      </c>
      <c r="X516" s="6">
        <v>182</v>
      </c>
      <c r="Y516" s="6">
        <v>176</v>
      </c>
      <c r="Z516" s="6">
        <v>3</v>
      </c>
      <c r="AA516" s="10" t="s">
        <v>55</v>
      </c>
      <c r="AB516" s="6">
        <v>3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96</v>
      </c>
      <c r="I517" s="9" t="s">
        <v>53</v>
      </c>
      <c r="J517" s="9" t="s">
        <v>30</v>
      </c>
      <c r="K517" s="6">
        <v>211</v>
      </c>
      <c r="L517" s="6">
        <v>155</v>
      </c>
      <c r="M517" s="6">
        <v>145</v>
      </c>
      <c r="N517" s="6">
        <v>136</v>
      </c>
      <c r="O517" s="6">
        <v>4</v>
      </c>
      <c r="P517" s="6">
        <v>1</v>
      </c>
      <c r="Q517" s="6">
        <v>4</v>
      </c>
      <c r="R517" s="6">
        <v>10</v>
      </c>
      <c r="S517" s="6">
        <v>53</v>
      </c>
      <c r="T517" s="6">
        <v>6</v>
      </c>
      <c r="U517" s="6">
        <v>25</v>
      </c>
      <c r="V517" s="6">
        <v>22</v>
      </c>
      <c r="W517" s="6">
        <v>3</v>
      </c>
      <c r="X517" s="6">
        <v>109</v>
      </c>
      <c r="Y517" s="6">
        <v>103</v>
      </c>
      <c r="Z517" s="6">
        <v>2</v>
      </c>
      <c r="AA517" s="6">
        <v>1</v>
      </c>
      <c r="AB517" s="6">
        <v>3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96</v>
      </c>
      <c r="I518" s="9" t="s">
        <v>53</v>
      </c>
      <c r="J518" s="9" t="s">
        <v>31</v>
      </c>
      <c r="K518" s="6">
        <v>32</v>
      </c>
      <c r="L518" s="6">
        <v>7</v>
      </c>
      <c r="M518" s="6">
        <v>7</v>
      </c>
      <c r="N518" s="6">
        <v>6</v>
      </c>
      <c r="O518" s="10" t="s">
        <v>55</v>
      </c>
      <c r="P518" s="6">
        <v>1</v>
      </c>
      <c r="Q518" s="10" t="s">
        <v>55</v>
      </c>
      <c r="R518" s="10" t="s">
        <v>55</v>
      </c>
      <c r="S518" s="6">
        <v>24</v>
      </c>
      <c r="T518" s="10" t="s">
        <v>55</v>
      </c>
      <c r="U518" s="6">
        <v>23</v>
      </c>
      <c r="V518" s="6">
        <v>1</v>
      </c>
      <c r="W518" s="6">
        <v>1</v>
      </c>
      <c r="X518" s="6">
        <v>6</v>
      </c>
      <c r="Y518" s="6">
        <v>5</v>
      </c>
      <c r="Z518" s="10" t="s">
        <v>55</v>
      </c>
      <c r="AA518" s="6">
        <v>1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96</v>
      </c>
      <c r="I519" s="9" t="s">
        <v>53</v>
      </c>
      <c r="J519" s="9" t="s">
        <v>32</v>
      </c>
      <c r="K519" s="6">
        <v>22</v>
      </c>
      <c r="L519" s="6">
        <v>19</v>
      </c>
      <c r="M519" s="6">
        <v>19</v>
      </c>
      <c r="N519" s="6">
        <v>18</v>
      </c>
      <c r="O519" s="10" t="s">
        <v>55</v>
      </c>
      <c r="P519" s="10" t="s">
        <v>55</v>
      </c>
      <c r="Q519" s="6">
        <v>1</v>
      </c>
      <c r="R519" s="10" t="s">
        <v>55</v>
      </c>
      <c r="S519" s="6">
        <v>2</v>
      </c>
      <c r="T519" s="10" t="s">
        <v>55</v>
      </c>
      <c r="U519" s="6">
        <v>2</v>
      </c>
      <c r="V519" s="10" t="s">
        <v>55</v>
      </c>
      <c r="W519" s="6">
        <v>1</v>
      </c>
      <c r="X519" s="6">
        <v>18</v>
      </c>
      <c r="Y519" s="6">
        <v>17</v>
      </c>
      <c r="Z519" s="10" t="s">
        <v>55</v>
      </c>
      <c r="AA519" s="10" t="s">
        <v>55</v>
      </c>
      <c r="AB519" s="6">
        <v>1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96</v>
      </c>
      <c r="I520" s="9" t="s">
        <v>53</v>
      </c>
      <c r="J520" s="9" t="s">
        <v>33</v>
      </c>
      <c r="K520" s="6">
        <v>17</v>
      </c>
      <c r="L520" s="6">
        <v>17</v>
      </c>
      <c r="M520" s="6">
        <v>16</v>
      </c>
      <c r="N520" s="6">
        <v>16</v>
      </c>
      <c r="O520" s="10" t="s">
        <v>55</v>
      </c>
      <c r="P520" s="10" t="s">
        <v>55</v>
      </c>
      <c r="Q520" s="10" t="s">
        <v>55</v>
      </c>
      <c r="R520" s="6">
        <v>1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6">
        <v>13</v>
      </c>
      <c r="Y520" s="6">
        <v>13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96</v>
      </c>
      <c r="I521" s="9" t="s">
        <v>53</v>
      </c>
      <c r="J521" s="9" t="s">
        <v>34</v>
      </c>
      <c r="K521" s="6">
        <v>15</v>
      </c>
      <c r="L521" s="6">
        <v>14</v>
      </c>
      <c r="M521" s="6">
        <v>12</v>
      </c>
      <c r="N521" s="6">
        <v>11</v>
      </c>
      <c r="O521" s="10" t="s">
        <v>55</v>
      </c>
      <c r="P521" s="10" t="s">
        <v>55</v>
      </c>
      <c r="Q521" s="6">
        <v>1</v>
      </c>
      <c r="R521" s="6">
        <v>2</v>
      </c>
      <c r="S521" s="6">
        <v>1</v>
      </c>
      <c r="T521" s="6">
        <v>1</v>
      </c>
      <c r="U521" s="10" t="s">
        <v>55</v>
      </c>
      <c r="V521" s="10" t="s">
        <v>55</v>
      </c>
      <c r="W521" s="10" t="s">
        <v>55</v>
      </c>
      <c r="X521" s="6">
        <v>12</v>
      </c>
      <c r="Y521" s="6">
        <v>11</v>
      </c>
      <c r="Z521" s="10" t="s">
        <v>55</v>
      </c>
      <c r="AA521" s="10" t="s">
        <v>55</v>
      </c>
      <c r="AB521" s="6">
        <v>1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96</v>
      </c>
      <c r="I522" s="9" t="s">
        <v>53</v>
      </c>
      <c r="J522" s="9" t="s">
        <v>35</v>
      </c>
      <c r="K522" s="6">
        <v>6</v>
      </c>
      <c r="L522" s="6">
        <v>5</v>
      </c>
      <c r="M522" s="6">
        <v>4</v>
      </c>
      <c r="N522" s="6">
        <v>4</v>
      </c>
      <c r="O522" s="10" t="s">
        <v>55</v>
      </c>
      <c r="P522" s="10" t="s">
        <v>55</v>
      </c>
      <c r="Q522" s="10" t="s">
        <v>55</v>
      </c>
      <c r="R522" s="6">
        <v>1</v>
      </c>
      <c r="S522" s="6">
        <v>1</v>
      </c>
      <c r="T522" s="10" t="s">
        <v>55</v>
      </c>
      <c r="U522" s="10" t="s">
        <v>55</v>
      </c>
      <c r="V522" s="6">
        <v>1</v>
      </c>
      <c r="W522" s="10" t="s">
        <v>55</v>
      </c>
      <c r="X522" s="6">
        <v>4</v>
      </c>
      <c r="Y522" s="6">
        <v>4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96</v>
      </c>
      <c r="I523" s="9" t="s">
        <v>53</v>
      </c>
      <c r="J523" s="9" t="s">
        <v>36</v>
      </c>
      <c r="K523" s="6">
        <v>12</v>
      </c>
      <c r="L523" s="6">
        <v>12</v>
      </c>
      <c r="M523" s="6">
        <v>11</v>
      </c>
      <c r="N523" s="6">
        <v>9</v>
      </c>
      <c r="O523" s="6">
        <v>2</v>
      </c>
      <c r="P523" s="10" t="s">
        <v>55</v>
      </c>
      <c r="Q523" s="10" t="s">
        <v>55</v>
      </c>
      <c r="R523" s="6">
        <v>1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10" t="s">
        <v>55</v>
      </c>
      <c r="X523" s="6">
        <v>10</v>
      </c>
      <c r="Y523" s="6">
        <v>8</v>
      </c>
      <c r="Z523" s="6">
        <v>2</v>
      </c>
      <c r="AA523" s="10" t="s">
        <v>55</v>
      </c>
      <c r="AB523" s="10" t="s">
        <v>55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96</v>
      </c>
      <c r="I524" s="9" t="s">
        <v>53</v>
      </c>
      <c r="J524" s="9" t="s">
        <v>37</v>
      </c>
      <c r="K524" s="6">
        <v>16</v>
      </c>
      <c r="L524" s="6">
        <v>15</v>
      </c>
      <c r="M524" s="6">
        <v>15</v>
      </c>
      <c r="N524" s="6">
        <v>13</v>
      </c>
      <c r="O524" s="6">
        <v>2</v>
      </c>
      <c r="P524" s="10" t="s">
        <v>55</v>
      </c>
      <c r="Q524" s="10" t="s">
        <v>55</v>
      </c>
      <c r="R524" s="10" t="s">
        <v>55</v>
      </c>
      <c r="S524" s="6">
        <v>1</v>
      </c>
      <c r="T524" s="10" t="s">
        <v>55</v>
      </c>
      <c r="U524" s="10" t="s">
        <v>55</v>
      </c>
      <c r="V524" s="6">
        <v>1</v>
      </c>
      <c r="W524" s="10" t="s">
        <v>55</v>
      </c>
      <c r="X524" s="6">
        <v>8</v>
      </c>
      <c r="Y524" s="6">
        <v>8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96</v>
      </c>
      <c r="I525" s="9" t="s">
        <v>53</v>
      </c>
      <c r="J525" s="9" t="s">
        <v>38</v>
      </c>
      <c r="K525" s="6">
        <v>19</v>
      </c>
      <c r="L525" s="6">
        <v>18</v>
      </c>
      <c r="M525" s="6">
        <v>17</v>
      </c>
      <c r="N525" s="6">
        <v>17</v>
      </c>
      <c r="O525" s="10" t="s">
        <v>55</v>
      </c>
      <c r="P525" s="10" t="s">
        <v>55</v>
      </c>
      <c r="Q525" s="10" t="s">
        <v>55</v>
      </c>
      <c r="R525" s="6">
        <v>1</v>
      </c>
      <c r="S525" s="6">
        <v>1</v>
      </c>
      <c r="T525" s="10" t="s">
        <v>55</v>
      </c>
      <c r="U525" s="10" t="s">
        <v>55</v>
      </c>
      <c r="V525" s="6">
        <v>1</v>
      </c>
      <c r="W525" s="10" t="s">
        <v>55</v>
      </c>
      <c r="X525" s="6">
        <v>14</v>
      </c>
      <c r="Y525" s="6">
        <v>14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96</v>
      </c>
      <c r="I526" s="9" t="s">
        <v>53</v>
      </c>
      <c r="J526" s="9" t="s">
        <v>39</v>
      </c>
      <c r="K526" s="6">
        <v>27</v>
      </c>
      <c r="L526" s="6">
        <v>23</v>
      </c>
      <c r="M526" s="6">
        <v>21</v>
      </c>
      <c r="N526" s="6">
        <v>21</v>
      </c>
      <c r="O526" s="10" t="s">
        <v>55</v>
      </c>
      <c r="P526" s="10" t="s">
        <v>55</v>
      </c>
      <c r="Q526" s="10" t="s">
        <v>55</v>
      </c>
      <c r="R526" s="6">
        <v>2</v>
      </c>
      <c r="S526" s="6">
        <v>4</v>
      </c>
      <c r="T526" s="6">
        <v>1</v>
      </c>
      <c r="U526" s="10" t="s">
        <v>55</v>
      </c>
      <c r="V526" s="6">
        <v>3</v>
      </c>
      <c r="W526" s="10" t="s">
        <v>55</v>
      </c>
      <c r="X526" s="6">
        <v>16</v>
      </c>
      <c r="Y526" s="6">
        <v>16</v>
      </c>
      <c r="Z526" s="10" t="s">
        <v>55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96</v>
      </c>
      <c r="I527" s="9" t="s">
        <v>53</v>
      </c>
      <c r="J527" s="9" t="s">
        <v>40</v>
      </c>
      <c r="K527" s="6">
        <v>23</v>
      </c>
      <c r="L527" s="6">
        <v>14</v>
      </c>
      <c r="M527" s="6">
        <v>13</v>
      </c>
      <c r="N527" s="6">
        <v>13</v>
      </c>
      <c r="O527" s="10" t="s">
        <v>55</v>
      </c>
      <c r="P527" s="10" t="s">
        <v>55</v>
      </c>
      <c r="Q527" s="10" t="s">
        <v>55</v>
      </c>
      <c r="R527" s="6">
        <v>1</v>
      </c>
      <c r="S527" s="6">
        <v>8</v>
      </c>
      <c r="T527" s="6">
        <v>3</v>
      </c>
      <c r="U527" s="10" t="s">
        <v>55</v>
      </c>
      <c r="V527" s="6">
        <v>5</v>
      </c>
      <c r="W527" s="6">
        <v>1</v>
      </c>
      <c r="X527" s="6">
        <v>5</v>
      </c>
      <c r="Y527" s="6">
        <v>5</v>
      </c>
      <c r="Z527" s="10" t="s">
        <v>55</v>
      </c>
      <c r="AA527" s="10" t="s">
        <v>55</v>
      </c>
      <c r="AB527" s="10" t="s">
        <v>55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96</v>
      </c>
      <c r="I528" s="9" t="s">
        <v>53</v>
      </c>
      <c r="J528" s="9" t="s">
        <v>41</v>
      </c>
      <c r="K528" s="6">
        <v>15</v>
      </c>
      <c r="L528" s="6">
        <v>9</v>
      </c>
      <c r="M528" s="6">
        <v>9</v>
      </c>
      <c r="N528" s="6">
        <v>8</v>
      </c>
      <c r="O528" s="10" t="s">
        <v>55</v>
      </c>
      <c r="P528" s="10" t="s">
        <v>55</v>
      </c>
      <c r="Q528" s="6">
        <v>1</v>
      </c>
      <c r="R528" s="10" t="s">
        <v>55</v>
      </c>
      <c r="S528" s="6">
        <v>6</v>
      </c>
      <c r="T528" s="6">
        <v>1</v>
      </c>
      <c r="U528" s="10" t="s">
        <v>55</v>
      </c>
      <c r="V528" s="6">
        <v>5</v>
      </c>
      <c r="W528" s="10" t="s">
        <v>55</v>
      </c>
      <c r="X528" s="6">
        <v>2</v>
      </c>
      <c r="Y528" s="6">
        <v>2</v>
      </c>
      <c r="Z528" s="10" t="s">
        <v>55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96</v>
      </c>
      <c r="I529" s="9" t="s">
        <v>53</v>
      </c>
      <c r="J529" s="9" t="s">
        <v>42</v>
      </c>
      <c r="K529" s="6">
        <v>3</v>
      </c>
      <c r="L529" s="6">
        <v>2</v>
      </c>
      <c r="M529" s="6">
        <v>1</v>
      </c>
      <c r="N529" s="10" t="s">
        <v>55</v>
      </c>
      <c r="O529" s="10" t="s">
        <v>55</v>
      </c>
      <c r="P529" s="10" t="s">
        <v>55</v>
      </c>
      <c r="Q529" s="6">
        <v>1</v>
      </c>
      <c r="R529" s="6">
        <v>1</v>
      </c>
      <c r="S529" s="6">
        <v>1</v>
      </c>
      <c r="T529" s="10" t="s">
        <v>55</v>
      </c>
      <c r="U529" s="10" t="s">
        <v>55</v>
      </c>
      <c r="V529" s="6">
        <v>1</v>
      </c>
      <c r="W529" s="10" t="s">
        <v>55</v>
      </c>
      <c r="X529" s="6">
        <v>1</v>
      </c>
      <c r="Y529" s="10" t="s">
        <v>55</v>
      </c>
      <c r="Z529" s="10" t="s">
        <v>55</v>
      </c>
      <c r="AA529" s="10" t="s">
        <v>55</v>
      </c>
      <c r="AB529" s="6">
        <v>1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96</v>
      </c>
      <c r="I530" s="9" t="s">
        <v>53</v>
      </c>
      <c r="J530" s="9" t="s">
        <v>43</v>
      </c>
      <c r="K530" s="6">
        <v>3</v>
      </c>
      <c r="L530" s="10" t="s">
        <v>55</v>
      </c>
      <c r="M530" s="10" t="s">
        <v>55</v>
      </c>
      <c r="N530" s="10" t="s">
        <v>55</v>
      </c>
      <c r="O530" s="10" t="s">
        <v>55</v>
      </c>
      <c r="P530" s="10" t="s">
        <v>55</v>
      </c>
      <c r="Q530" s="10" t="s">
        <v>55</v>
      </c>
      <c r="R530" s="10" t="s">
        <v>55</v>
      </c>
      <c r="S530" s="6">
        <v>3</v>
      </c>
      <c r="T530" s="10" t="s">
        <v>55</v>
      </c>
      <c r="U530" s="10" t="s">
        <v>55</v>
      </c>
      <c r="V530" s="6">
        <v>3</v>
      </c>
      <c r="W530" s="10" t="s">
        <v>55</v>
      </c>
      <c r="X530" s="10" t="s">
        <v>55</v>
      </c>
      <c r="Y530" s="10" t="s">
        <v>55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96</v>
      </c>
      <c r="I531" s="9" t="s">
        <v>53</v>
      </c>
      <c r="J531" s="9" t="s">
        <v>44</v>
      </c>
      <c r="K531" s="10" t="s">
        <v>55</v>
      </c>
      <c r="L531" s="10" t="s">
        <v>55</v>
      </c>
      <c r="M531" s="10" t="s">
        <v>55</v>
      </c>
      <c r="N531" s="10" t="s">
        <v>55</v>
      </c>
      <c r="O531" s="10" t="s">
        <v>55</v>
      </c>
      <c r="P531" s="10" t="s">
        <v>55</v>
      </c>
      <c r="Q531" s="10" t="s">
        <v>55</v>
      </c>
      <c r="R531" s="10" t="s">
        <v>55</v>
      </c>
      <c r="S531" s="10" t="s">
        <v>55</v>
      </c>
      <c r="T531" s="10" t="s">
        <v>55</v>
      </c>
      <c r="U531" s="10" t="s">
        <v>55</v>
      </c>
      <c r="V531" s="10" t="s">
        <v>55</v>
      </c>
      <c r="W531" s="10" t="s">
        <v>55</v>
      </c>
      <c r="X531" s="10" t="s">
        <v>55</v>
      </c>
      <c r="Y531" s="10" t="s">
        <v>55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96</v>
      </c>
      <c r="I532" s="9" t="s">
        <v>53</v>
      </c>
      <c r="J532" s="9" t="s">
        <v>45</v>
      </c>
      <c r="K532" s="6">
        <v>1</v>
      </c>
      <c r="L532" s="10" t="s">
        <v>55</v>
      </c>
      <c r="M532" s="10" t="s">
        <v>55</v>
      </c>
      <c r="N532" s="10" t="s">
        <v>55</v>
      </c>
      <c r="O532" s="10" t="s">
        <v>55</v>
      </c>
      <c r="P532" s="10" t="s">
        <v>55</v>
      </c>
      <c r="Q532" s="10" t="s">
        <v>55</v>
      </c>
      <c r="R532" s="10" t="s">
        <v>55</v>
      </c>
      <c r="S532" s="6">
        <v>1</v>
      </c>
      <c r="T532" s="10" t="s">
        <v>55</v>
      </c>
      <c r="U532" s="10" t="s">
        <v>55</v>
      </c>
      <c r="V532" s="6">
        <v>1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96</v>
      </c>
      <c r="I533" s="9" t="s">
        <v>53</v>
      </c>
      <c r="J533" s="9" t="s">
        <v>46</v>
      </c>
      <c r="K533" s="10" t="s">
        <v>55</v>
      </c>
      <c r="L533" s="10" t="s">
        <v>55</v>
      </c>
      <c r="M533" s="10" t="s">
        <v>55</v>
      </c>
      <c r="N533" s="10" t="s">
        <v>55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10" t="s">
        <v>55</v>
      </c>
      <c r="T533" s="10" t="s">
        <v>55</v>
      </c>
      <c r="U533" s="10" t="s">
        <v>55</v>
      </c>
      <c r="V533" s="10" t="s">
        <v>55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96</v>
      </c>
      <c r="I534" s="9" t="s">
        <v>53</v>
      </c>
      <c r="J534" s="9" t="s">
        <v>47</v>
      </c>
      <c r="K534" s="10" t="s">
        <v>55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10" t="s">
        <v>55</v>
      </c>
      <c r="T534" s="10" t="s">
        <v>55</v>
      </c>
      <c r="U534" s="10" t="s">
        <v>55</v>
      </c>
      <c r="V534" s="10" t="s">
        <v>55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96</v>
      </c>
      <c r="I535" s="9" t="s">
        <v>53</v>
      </c>
      <c r="J535" s="9" t="s">
        <v>48</v>
      </c>
      <c r="K535" s="6">
        <v>189</v>
      </c>
      <c r="L535" s="6">
        <v>144</v>
      </c>
      <c r="M535" s="6">
        <v>135</v>
      </c>
      <c r="N535" s="6">
        <v>128</v>
      </c>
      <c r="O535" s="6">
        <v>4</v>
      </c>
      <c r="P535" s="6">
        <v>1</v>
      </c>
      <c r="Q535" s="6">
        <v>2</v>
      </c>
      <c r="R535" s="6">
        <v>9</v>
      </c>
      <c r="S535" s="6">
        <v>42</v>
      </c>
      <c r="T535" s="6">
        <v>5</v>
      </c>
      <c r="U535" s="6">
        <v>25</v>
      </c>
      <c r="V535" s="6">
        <v>12</v>
      </c>
      <c r="W535" s="6">
        <v>3</v>
      </c>
      <c r="X535" s="6">
        <v>106</v>
      </c>
      <c r="Y535" s="6">
        <v>101</v>
      </c>
      <c r="Z535" s="6">
        <v>2</v>
      </c>
      <c r="AA535" s="6">
        <v>1</v>
      </c>
      <c r="AB535" s="6">
        <v>2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96</v>
      </c>
      <c r="I536" s="9" t="s">
        <v>53</v>
      </c>
      <c r="J536" s="9" t="s">
        <v>49</v>
      </c>
      <c r="K536" s="6">
        <v>22</v>
      </c>
      <c r="L536" s="6">
        <v>11</v>
      </c>
      <c r="M536" s="6">
        <v>10</v>
      </c>
      <c r="N536" s="6">
        <v>8</v>
      </c>
      <c r="O536" s="10" t="s">
        <v>55</v>
      </c>
      <c r="P536" s="10" t="s">
        <v>55</v>
      </c>
      <c r="Q536" s="6">
        <v>2</v>
      </c>
      <c r="R536" s="6">
        <v>1</v>
      </c>
      <c r="S536" s="6">
        <v>11</v>
      </c>
      <c r="T536" s="6">
        <v>1</v>
      </c>
      <c r="U536" s="10" t="s">
        <v>55</v>
      </c>
      <c r="V536" s="6">
        <v>10</v>
      </c>
      <c r="W536" s="10" t="s">
        <v>55</v>
      </c>
      <c r="X536" s="6">
        <v>3</v>
      </c>
      <c r="Y536" s="6">
        <v>2</v>
      </c>
      <c r="Z536" s="10" t="s">
        <v>55</v>
      </c>
      <c r="AA536" s="10" t="s">
        <v>55</v>
      </c>
      <c r="AB536" s="6">
        <v>1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96</v>
      </c>
      <c r="I537" s="9" t="s">
        <v>53</v>
      </c>
      <c r="J537" s="9" t="s">
        <v>50</v>
      </c>
      <c r="K537" s="6">
        <v>4</v>
      </c>
      <c r="L537" s="10" t="s">
        <v>55</v>
      </c>
      <c r="M537" s="10" t="s">
        <v>55</v>
      </c>
      <c r="N537" s="10" t="s">
        <v>55</v>
      </c>
      <c r="O537" s="10" t="s">
        <v>55</v>
      </c>
      <c r="P537" s="10" t="s">
        <v>55</v>
      </c>
      <c r="Q537" s="10" t="s">
        <v>55</v>
      </c>
      <c r="R537" s="10" t="s">
        <v>55</v>
      </c>
      <c r="S537" s="6">
        <v>4</v>
      </c>
      <c r="T537" s="10" t="s">
        <v>55</v>
      </c>
      <c r="U537" s="10" t="s">
        <v>55</v>
      </c>
      <c r="V537" s="6">
        <v>4</v>
      </c>
      <c r="W537" s="10" t="s">
        <v>55</v>
      </c>
      <c r="X537" s="10" t="s">
        <v>55</v>
      </c>
      <c r="Y537" s="10" t="s">
        <v>55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96</v>
      </c>
      <c r="I538" s="9" t="s">
        <v>53</v>
      </c>
      <c r="J538" s="9" t="s">
        <v>51</v>
      </c>
      <c r="K538" s="6">
        <v>1</v>
      </c>
      <c r="L538" s="10" t="s">
        <v>55</v>
      </c>
      <c r="M538" s="10" t="s">
        <v>55</v>
      </c>
      <c r="N538" s="10" t="s">
        <v>55</v>
      </c>
      <c r="O538" s="10" t="s">
        <v>55</v>
      </c>
      <c r="P538" s="10" t="s">
        <v>55</v>
      </c>
      <c r="Q538" s="10" t="s">
        <v>55</v>
      </c>
      <c r="R538" s="10" t="s">
        <v>55</v>
      </c>
      <c r="S538" s="6">
        <v>1</v>
      </c>
      <c r="T538" s="10" t="s">
        <v>55</v>
      </c>
      <c r="U538" s="10" t="s">
        <v>55</v>
      </c>
      <c r="V538" s="6">
        <v>1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96</v>
      </c>
      <c r="I539" s="9" t="s">
        <v>53</v>
      </c>
      <c r="J539" s="9" t="s">
        <v>52</v>
      </c>
      <c r="K539" s="6">
        <v>172</v>
      </c>
      <c r="L539" s="6">
        <v>146</v>
      </c>
      <c r="M539" s="6">
        <v>137</v>
      </c>
      <c r="N539" s="6">
        <v>130</v>
      </c>
      <c r="O539" s="6">
        <v>4</v>
      </c>
      <c r="P539" s="10" t="s">
        <v>55</v>
      </c>
      <c r="Q539" s="6">
        <v>3</v>
      </c>
      <c r="R539" s="6">
        <v>9</v>
      </c>
      <c r="S539" s="6">
        <v>24</v>
      </c>
      <c r="T539" s="6">
        <v>6</v>
      </c>
      <c r="U539" s="6">
        <v>2</v>
      </c>
      <c r="V539" s="6">
        <v>16</v>
      </c>
      <c r="W539" s="6">
        <v>2</v>
      </c>
      <c r="X539" s="6">
        <v>102</v>
      </c>
      <c r="Y539" s="6">
        <v>98</v>
      </c>
      <c r="Z539" s="6">
        <v>2</v>
      </c>
      <c r="AA539" s="10" t="s">
        <v>55</v>
      </c>
      <c r="AB539" s="6">
        <v>2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96</v>
      </c>
      <c r="I540" s="9" t="s">
        <v>54</v>
      </c>
      <c r="J540" s="9" t="s">
        <v>30</v>
      </c>
      <c r="K540" s="6">
        <v>148</v>
      </c>
      <c r="L540" s="6">
        <v>94</v>
      </c>
      <c r="M540" s="6">
        <v>89</v>
      </c>
      <c r="N540" s="6">
        <v>85</v>
      </c>
      <c r="O540" s="6">
        <v>2</v>
      </c>
      <c r="P540" s="6">
        <v>1</v>
      </c>
      <c r="Q540" s="6">
        <v>1</v>
      </c>
      <c r="R540" s="6">
        <v>5</v>
      </c>
      <c r="S540" s="6">
        <v>53</v>
      </c>
      <c r="T540" s="6">
        <v>11</v>
      </c>
      <c r="U540" s="6">
        <v>27</v>
      </c>
      <c r="V540" s="6">
        <v>15</v>
      </c>
      <c r="W540" s="6">
        <v>1</v>
      </c>
      <c r="X540" s="6">
        <v>82</v>
      </c>
      <c r="Y540" s="6">
        <v>79</v>
      </c>
      <c r="Z540" s="6">
        <v>1</v>
      </c>
      <c r="AA540" s="6">
        <v>1</v>
      </c>
      <c r="AB540" s="6">
        <v>1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96</v>
      </c>
      <c r="I541" s="9" t="s">
        <v>54</v>
      </c>
      <c r="J541" s="9" t="s">
        <v>31</v>
      </c>
      <c r="K541" s="6">
        <v>27</v>
      </c>
      <c r="L541" s="6">
        <v>3</v>
      </c>
      <c r="M541" s="6">
        <v>2</v>
      </c>
      <c r="N541" s="6">
        <v>1</v>
      </c>
      <c r="O541" s="10" t="s">
        <v>55</v>
      </c>
      <c r="P541" s="6">
        <v>1</v>
      </c>
      <c r="Q541" s="10" t="s">
        <v>55</v>
      </c>
      <c r="R541" s="6">
        <v>1</v>
      </c>
      <c r="S541" s="6">
        <v>24</v>
      </c>
      <c r="T541" s="10" t="s">
        <v>55</v>
      </c>
      <c r="U541" s="6">
        <v>24</v>
      </c>
      <c r="V541" s="10" t="s">
        <v>55</v>
      </c>
      <c r="W541" s="10" t="s">
        <v>55</v>
      </c>
      <c r="X541" s="6">
        <v>2</v>
      </c>
      <c r="Y541" s="6">
        <v>1</v>
      </c>
      <c r="Z541" s="10" t="s">
        <v>55</v>
      </c>
      <c r="AA541" s="6">
        <v>1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96</v>
      </c>
      <c r="I542" s="9" t="s">
        <v>54</v>
      </c>
      <c r="J542" s="9" t="s">
        <v>32</v>
      </c>
      <c r="K542" s="6">
        <v>28</v>
      </c>
      <c r="L542" s="6">
        <v>24</v>
      </c>
      <c r="M542" s="6">
        <v>21</v>
      </c>
      <c r="N542" s="6">
        <v>21</v>
      </c>
      <c r="O542" s="10" t="s">
        <v>55</v>
      </c>
      <c r="P542" s="10" t="s">
        <v>55</v>
      </c>
      <c r="Q542" s="10" t="s">
        <v>55</v>
      </c>
      <c r="R542" s="6">
        <v>3</v>
      </c>
      <c r="S542" s="6">
        <v>4</v>
      </c>
      <c r="T542" s="6">
        <v>1</v>
      </c>
      <c r="U542" s="6">
        <v>3</v>
      </c>
      <c r="V542" s="10" t="s">
        <v>55</v>
      </c>
      <c r="W542" s="10" t="s">
        <v>55</v>
      </c>
      <c r="X542" s="6">
        <v>20</v>
      </c>
      <c r="Y542" s="6">
        <v>20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96</v>
      </c>
      <c r="I543" s="9" t="s">
        <v>54</v>
      </c>
      <c r="J543" s="9" t="s">
        <v>33</v>
      </c>
      <c r="K543" s="6">
        <v>16</v>
      </c>
      <c r="L543" s="6">
        <v>15</v>
      </c>
      <c r="M543" s="6">
        <v>14</v>
      </c>
      <c r="N543" s="6">
        <v>14</v>
      </c>
      <c r="O543" s="10" t="s">
        <v>55</v>
      </c>
      <c r="P543" s="10" t="s">
        <v>55</v>
      </c>
      <c r="Q543" s="10" t="s">
        <v>55</v>
      </c>
      <c r="R543" s="6">
        <v>1</v>
      </c>
      <c r="S543" s="6">
        <v>1</v>
      </c>
      <c r="T543" s="10" t="s">
        <v>55</v>
      </c>
      <c r="U543" s="10" t="s">
        <v>55</v>
      </c>
      <c r="V543" s="6">
        <v>1</v>
      </c>
      <c r="W543" s="10" t="s">
        <v>55</v>
      </c>
      <c r="X543" s="6">
        <v>13</v>
      </c>
      <c r="Y543" s="6">
        <v>13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96</v>
      </c>
      <c r="I544" s="9" t="s">
        <v>54</v>
      </c>
      <c r="J544" s="9" t="s">
        <v>34</v>
      </c>
      <c r="K544" s="6">
        <v>9</v>
      </c>
      <c r="L544" s="6">
        <v>8</v>
      </c>
      <c r="M544" s="6">
        <v>8</v>
      </c>
      <c r="N544" s="6">
        <v>8</v>
      </c>
      <c r="O544" s="10" t="s">
        <v>55</v>
      </c>
      <c r="P544" s="10" t="s">
        <v>55</v>
      </c>
      <c r="Q544" s="10" t="s">
        <v>55</v>
      </c>
      <c r="R544" s="10" t="s">
        <v>55</v>
      </c>
      <c r="S544" s="6">
        <v>1</v>
      </c>
      <c r="T544" s="6">
        <v>1</v>
      </c>
      <c r="U544" s="10" t="s">
        <v>55</v>
      </c>
      <c r="V544" s="10" t="s">
        <v>55</v>
      </c>
      <c r="W544" s="10" t="s">
        <v>55</v>
      </c>
      <c r="X544" s="6">
        <v>8</v>
      </c>
      <c r="Y544" s="6">
        <v>8</v>
      </c>
      <c r="Z544" s="10" t="s">
        <v>55</v>
      </c>
      <c r="AA544" s="10" t="s">
        <v>55</v>
      </c>
      <c r="AB544" s="10" t="s">
        <v>55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96</v>
      </c>
      <c r="I545" s="9" t="s">
        <v>54</v>
      </c>
      <c r="J545" s="9" t="s">
        <v>35</v>
      </c>
      <c r="K545" s="6">
        <v>7</v>
      </c>
      <c r="L545" s="6">
        <v>5</v>
      </c>
      <c r="M545" s="6">
        <v>5</v>
      </c>
      <c r="N545" s="6">
        <v>4</v>
      </c>
      <c r="O545" s="10" t="s">
        <v>55</v>
      </c>
      <c r="P545" s="10" t="s">
        <v>55</v>
      </c>
      <c r="Q545" s="6">
        <v>1</v>
      </c>
      <c r="R545" s="10" t="s">
        <v>55</v>
      </c>
      <c r="S545" s="6">
        <v>2</v>
      </c>
      <c r="T545" s="6">
        <v>1</v>
      </c>
      <c r="U545" s="10" t="s">
        <v>55</v>
      </c>
      <c r="V545" s="6">
        <v>1</v>
      </c>
      <c r="W545" s="10" t="s">
        <v>55</v>
      </c>
      <c r="X545" s="6">
        <v>5</v>
      </c>
      <c r="Y545" s="6">
        <v>4</v>
      </c>
      <c r="Z545" s="10" t="s">
        <v>55</v>
      </c>
      <c r="AA545" s="10" t="s">
        <v>55</v>
      </c>
      <c r="AB545" s="6">
        <v>1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96</v>
      </c>
      <c r="I546" s="9" t="s">
        <v>54</v>
      </c>
      <c r="J546" s="9" t="s">
        <v>36</v>
      </c>
      <c r="K546" s="6">
        <v>9</v>
      </c>
      <c r="L546" s="6">
        <v>8</v>
      </c>
      <c r="M546" s="6">
        <v>8</v>
      </c>
      <c r="N546" s="6">
        <v>8</v>
      </c>
      <c r="O546" s="10" t="s">
        <v>55</v>
      </c>
      <c r="P546" s="10" t="s">
        <v>55</v>
      </c>
      <c r="Q546" s="10" t="s">
        <v>55</v>
      </c>
      <c r="R546" s="10" t="s">
        <v>55</v>
      </c>
      <c r="S546" s="6">
        <v>1</v>
      </c>
      <c r="T546" s="10" t="s">
        <v>55</v>
      </c>
      <c r="U546" s="10" t="s">
        <v>55</v>
      </c>
      <c r="V546" s="6">
        <v>1</v>
      </c>
      <c r="W546" s="10" t="s">
        <v>55</v>
      </c>
      <c r="X546" s="6">
        <v>6</v>
      </c>
      <c r="Y546" s="6">
        <v>6</v>
      </c>
      <c r="Z546" s="10" t="s">
        <v>55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96</v>
      </c>
      <c r="I547" s="9" t="s">
        <v>54</v>
      </c>
      <c r="J547" s="9" t="s">
        <v>37</v>
      </c>
      <c r="K547" s="6">
        <v>13</v>
      </c>
      <c r="L547" s="6">
        <v>10</v>
      </c>
      <c r="M547" s="6">
        <v>10</v>
      </c>
      <c r="N547" s="6">
        <v>10</v>
      </c>
      <c r="O547" s="10" t="s">
        <v>55</v>
      </c>
      <c r="P547" s="10" t="s">
        <v>55</v>
      </c>
      <c r="Q547" s="10" t="s">
        <v>55</v>
      </c>
      <c r="R547" s="10" t="s">
        <v>55</v>
      </c>
      <c r="S547" s="6">
        <v>3</v>
      </c>
      <c r="T547" s="6">
        <v>3</v>
      </c>
      <c r="U547" s="10" t="s">
        <v>55</v>
      </c>
      <c r="V547" s="10" t="s">
        <v>55</v>
      </c>
      <c r="W547" s="10" t="s">
        <v>55</v>
      </c>
      <c r="X547" s="6">
        <v>9</v>
      </c>
      <c r="Y547" s="6">
        <v>9</v>
      </c>
      <c r="Z547" s="10" t="s">
        <v>55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96</v>
      </c>
      <c r="I548" s="9" t="s">
        <v>54</v>
      </c>
      <c r="J548" s="9" t="s">
        <v>38</v>
      </c>
      <c r="K548" s="6">
        <v>14</v>
      </c>
      <c r="L548" s="6">
        <v>12</v>
      </c>
      <c r="M548" s="6">
        <v>12</v>
      </c>
      <c r="N548" s="6">
        <v>11</v>
      </c>
      <c r="O548" s="6">
        <v>1</v>
      </c>
      <c r="P548" s="10" t="s">
        <v>55</v>
      </c>
      <c r="Q548" s="10" t="s">
        <v>55</v>
      </c>
      <c r="R548" s="10" t="s">
        <v>55</v>
      </c>
      <c r="S548" s="6">
        <v>2</v>
      </c>
      <c r="T548" s="6">
        <v>2</v>
      </c>
      <c r="U548" s="10" t="s">
        <v>55</v>
      </c>
      <c r="V548" s="10" t="s">
        <v>55</v>
      </c>
      <c r="W548" s="10" t="s">
        <v>55</v>
      </c>
      <c r="X548" s="6">
        <v>11</v>
      </c>
      <c r="Y548" s="6">
        <v>10</v>
      </c>
      <c r="Z548" s="6">
        <v>1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96</v>
      </c>
      <c r="I549" s="9" t="s">
        <v>54</v>
      </c>
      <c r="J549" s="9" t="s">
        <v>39</v>
      </c>
      <c r="K549" s="6">
        <v>8</v>
      </c>
      <c r="L549" s="6">
        <v>4</v>
      </c>
      <c r="M549" s="6">
        <v>4</v>
      </c>
      <c r="N549" s="6">
        <v>4</v>
      </c>
      <c r="O549" s="10" t="s">
        <v>55</v>
      </c>
      <c r="P549" s="10" t="s">
        <v>55</v>
      </c>
      <c r="Q549" s="10" t="s">
        <v>55</v>
      </c>
      <c r="R549" s="10" t="s">
        <v>55</v>
      </c>
      <c r="S549" s="6">
        <v>4</v>
      </c>
      <c r="T549" s="6">
        <v>2</v>
      </c>
      <c r="U549" s="10" t="s">
        <v>55</v>
      </c>
      <c r="V549" s="6">
        <v>2</v>
      </c>
      <c r="W549" s="10" t="s">
        <v>55</v>
      </c>
      <c r="X549" s="6">
        <v>4</v>
      </c>
      <c r="Y549" s="6">
        <v>4</v>
      </c>
      <c r="Z549" s="10" t="s">
        <v>55</v>
      </c>
      <c r="AA549" s="10" t="s">
        <v>55</v>
      </c>
      <c r="AB549" s="10" t="s">
        <v>55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96</v>
      </c>
      <c r="I550" s="9" t="s">
        <v>54</v>
      </c>
      <c r="J550" s="9" t="s">
        <v>40</v>
      </c>
      <c r="K550" s="6">
        <v>5</v>
      </c>
      <c r="L550" s="6">
        <v>3</v>
      </c>
      <c r="M550" s="6">
        <v>3</v>
      </c>
      <c r="N550" s="6">
        <v>2</v>
      </c>
      <c r="O550" s="6">
        <v>1</v>
      </c>
      <c r="P550" s="10" t="s">
        <v>55</v>
      </c>
      <c r="Q550" s="10" t="s">
        <v>55</v>
      </c>
      <c r="R550" s="10" t="s">
        <v>55</v>
      </c>
      <c r="S550" s="6">
        <v>2</v>
      </c>
      <c r="T550" s="6">
        <v>1</v>
      </c>
      <c r="U550" s="10" t="s">
        <v>55</v>
      </c>
      <c r="V550" s="6">
        <v>1</v>
      </c>
      <c r="W550" s="10" t="s">
        <v>55</v>
      </c>
      <c r="X550" s="6">
        <v>2</v>
      </c>
      <c r="Y550" s="6">
        <v>2</v>
      </c>
      <c r="Z550" s="10" t="s">
        <v>55</v>
      </c>
      <c r="AA550" s="10" t="s">
        <v>55</v>
      </c>
      <c r="AB550" s="10" t="s">
        <v>55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96</v>
      </c>
      <c r="I551" s="9" t="s">
        <v>54</v>
      </c>
      <c r="J551" s="9" t="s">
        <v>41</v>
      </c>
      <c r="K551" s="6">
        <v>4</v>
      </c>
      <c r="L551" s="6">
        <v>2</v>
      </c>
      <c r="M551" s="6">
        <v>2</v>
      </c>
      <c r="N551" s="6">
        <v>2</v>
      </c>
      <c r="O551" s="10" t="s">
        <v>55</v>
      </c>
      <c r="P551" s="10" t="s">
        <v>55</v>
      </c>
      <c r="Q551" s="10" t="s">
        <v>55</v>
      </c>
      <c r="R551" s="10" t="s">
        <v>55</v>
      </c>
      <c r="S551" s="6">
        <v>2</v>
      </c>
      <c r="T551" s="10" t="s">
        <v>55</v>
      </c>
      <c r="U551" s="10" t="s">
        <v>55</v>
      </c>
      <c r="V551" s="6">
        <v>2</v>
      </c>
      <c r="W551" s="10" t="s">
        <v>55</v>
      </c>
      <c r="X551" s="6">
        <v>2</v>
      </c>
      <c r="Y551" s="6">
        <v>2</v>
      </c>
      <c r="Z551" s="10" t="s">
        <v>55</v>
      </c>
      <c r="AA551" s="10" t="s">
        <v>55</v>
      </c>
      <c r="AB551" s="10" t="s">
        <v>55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96</v>
      </c>
      <c r="I552" s="9" t="s">
        <v>54</v>
      </c>
      <c r="J552" s="9" t="s">
        <v>42</v>
      </c>
      <c r="K552" s="6">
        <v>1</v>
      </c>
      <c r="L552" s="10" t="s">
        <v>55</v>
      </c>
      <c r="M552" s="10" t="s">
        <v>55</v>
      </c>
      <c r="N552" s="10" t="s">
        <v>55</v>
      </c>
      <c r="O552" s="10" t="s">
        <v>55</v>
      </c>
      <c r="P552" s="10" t="s">
        <v>55</v>
      </c>
      <c r="Q552" s="10" t="s">
        <v>55</v>
      </c>
      <c r="R552" s="10" t="s">
        <v>55</v>
      </c>
      <c r="S552" s="6">
        <v>1</v>
      </c>
      <c r="T552" s="10" t="s">
        <v>55</v>
      </c>
      <c r="U552" s="10" t="s">
        <v>55</v>
      </c>
      <c r="V552" s="6">
        <v>1</v>
      </c>
      <c r="W552" s="10" t="s">
        <v>55</v>
      </c>
      <c r="X552" s="10" t="s">
        <v>55</v>
      </c>
      <c r="Y552" s="10" t="s">
        <v>55</v>
      </c>
      <c r="Z552" s="10" t="s">
        <v>55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96</v>
      </c>
      <c r="I553" s="9" t="s">
        <v>54</v>
      </c>
      <c r="J553" s="9" t="s">
        <v>43</v>
      </c>
      <c r="K553" s="6">
        <v>3</v>
      </c>
      <c r="L553" s="10" t="s">
        <v>55</v>
      </c>
      <c r="M553" s="10" t="s">
        <v>55</v>
      </c>
      <c r="N553" s="10" t="s">
        <v>55</v>
      </c>
      <c r="O553" s="10" t="s">
        <v>55</v>
      </c>
      <c r="P553" s="10" t="s">
        <v>55</v>
      </c>
      <c r="Q553" s="10" t="s">
        <v>55</v>
      </c>
      <c r="R553" s="10" t="s">
        <v>55</v>
      </c>
      <c r="S553" s="6">
        <v>3</v>
      </c>
      <c r="T553" s="10" t="s">
        <v>55</v>
      </c>
      <c r="U553" s="10" t="s">
        <v>55</v>
      </c>
      <c r="V553" s="6">
        <v>3</v>
      </c>
      <c r="W553" s="10" t="s">
        <v>55</v>
      </c>
      <c r="X553" s="10" t="s">
        <v>55</v>
      </c>
      <c r="Y553" s="10" t="s">
        <v>55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96</v>
      </c>
      <c r="I554" s="9" t="s">
        <v>54</v>
      </c>
      <c r="J554" s="9" t="s">
        <v>44</v>
      </c>
      <c r="K554" s="6">
        <v>3</v>
      </c>
      <c r="L554" s="10" t="s">
        <v>55</v>
      </c>
      <c r="M554" s="10" t="s">
        <v>55</v>
      </c>
      <c r="N554" s="10" t="s">
        <v>55</v>
      </c>
      <c r="O554" s="10" t="s">
        <v>55</v>
      </c>
      <c r="P554" s="10" t="s">
        <v>55</v>
      </c>
      <c r="Q554" s="10" t="s">
        <v>55</v>
      </c>
      <c r="R554" s="10" t="s">
        <v>55</v>
      </c>
      <c r="S554" s="6">
        <v>3</v>
      </c>
      <c r="T554" s="10" t="s">
        <v>55</v>
      </c>
      <c r="U554" s="10" t="s">
        <v>55</v>
      </c>
      <c r="V554" s="6">
        <v>3</v>
      </c>
      <c r="W554" s="10" t="s">
        <v>55</v>
      </c>
      <c r="X554" s="10" t="s">
        <v>55</v>
      </c>
      <c r="Y554" s="10" t="s">
        <v>55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96</v>
      </c>
      <c r="I555" s="9" t="s">
        <v>54</v>
      </c>
      <c r="J555" s="9" t="s">
        <v>45</v>
      </c>
      <c r="K555" s="6">
        <v>1</v>
      </c>
      <c r="L555" s="10" t="s">
        <v>55</v>
      </c>
      <c r="M555" s="10" t="s">
        <v>55</v>
      </c>
      <c r="N555" s="10" t="s">
        <v>55</v>
      </c>
      <c r="O555" s="10" t="s">
        <v>55</v>
      </c>
      <c r="P555" s="10" t="s">
        <v>55</v>
      </c>
      <c r="Q555" s="10" t="s">
        <v>55</v>
      </c>
      <c r="R555" s="10" t="s">
        <v>55</v>
      </c>
      <c r="S555" s="10" t="s">
        <v>55</v>
      </c>
      <c r="T555" s="10" t="s">
        <v>55</v>
      </c>
      <c r="U555" s="10" t="s">
        <v>55</v>
      </c>
      <c r="V555" s="10" t="s">
        <v>55</v>
      </c>
      <c r="W555" s="6">
        <v>1</v>
      </c>
      <c r="X555" s="10" t="s">
        <v>55</v>
      </c>
      <c r="Y555" s="10" t="s">
        <v>55</v>
      </c>
      <c r="Z555" s="10" t="s">
        <v>55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96</v>
      </c>
      <c r="I556" s="9" t="s">
        <v>54</v>
      </c>
      <c r="J556" s="9" t="s">
        <v>46</v>
      </c>
      <c r="K556" s="10" t="s">
        <v>55</v>
      </c>
      <c r="L556" s="10" t="s">
        <v>55</v>
      </c>
      <c r="M556" s="10" t="s">
        <v>55</v>
      </c>
      <c r="N556" s="10" t="s">
        <v>55</v>
      </c>
      <c r="O556" s="10" t="s">
        <v>55</v>
      </c>
      <c r="P556" s="10" t="s">
        <v>55</v>
      </c>
      <c r="Q556" s="10" t="s">
        <v>55</v>
      </c>
      <c r="R556" s="10" t="s">
        <v>55</v>
      </c>
      <c r="S556" s="10" t="s">
        <v>55</v>
      </c>
      <c r="T556" s="10" t="s">
        <v>55</v>
      </c>
      <c r="U556" s="10" t="s">
        <v>55</v>
      </c>
      <c r="V556" s="10" t="s">
        <v>55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96</v>
      </c>
      <c r="I557" s="9" t="s">
        <v>54</v>
      </c>
      <c r="J557" s="9" t="s">
        <v>47</v>
      </c>
      <c r="K557" s="10" t="s">
        <v>55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10" t="s">
        <v>55</v>
      </c>
      <c r="T557" s="10" t="s">
        <v>55</v>
      </c>
      <c r="U557" s="10" t="s">
        <v>55</v>
      </c>
      <c r="V557" s="10" t="s">
        <v>55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96</v>
      </c>
      <c r="I558" s="9" t="s">
        <v>54</v>
      </c>
      <c r="J558" s="9" t="s">
        <v>48</v>
      </c>
      <c r="K558" s="6">
        <v>136</v>
      </c>
      <c r="L558" s="6">
        <v>92</v>
      </c>
      <c r="M558" s="6">
        <v>87</v>
      </c>
      <c r="N558" s="6">
        <v>83</v>
      </c>
      <c r="O558" s="6">
        <v>2</v>
      </c>
      <c r="P558" s="6">
        <v>1</v>
      </c>
      <c r="Q558" s="6">
        <v>1</v>
      </c>
      <c r="R558" s="6">
        <v>5</v>
      </c>
      <c r="S558" s="6">
        <v>44</v>
      </c>
      <c r="T558" s="6">
        <v>11</v>
      </c>
      <c r="U558" s="6">
        <v>27</v>
      </c>
      <c r="V558" s="6">
        <v>6</v>
      </c>
      <c r="W558" s="10" t="s">
        <v>55</v>
      </c>
      <c r="X558" s="6">
        <v>80</v>
      </c>
      <c r="Y558" s="6">
        <v>77</v>
      </c>
      <c r="Z558" s="6">
        <v>1</v>
      </c>
      <c r="AA558" s="6">
        <v>1</v>
      </c>
      <c r="AB558" s="6">
        <v>1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96</v>
      </c>
      <c r="I559" s="9" t="s">
        <v>54</v>
      </c>
      <c r="J559" s="9" t="s">
        <v>49</v>
      </c>
      <c r="K559" s="6">
        <v>12</v>
      </c>
      <c r="L559" s="6">
        <v>2</v>
      </c>
      <c r="M559" s="6">
        <v>2</v>
      </c>
      <c r="N559" s="6">
        <v>2</v>
      </c>
      <c r="O559" s="10" t="s">
        <v>55</v>
      </c>
      <c r="P559" s="10" t="s">
        <v>55</v>
      </c>
      <c r="Q559" s="10" t="s">
        <v>55</v>
      </c>
      <c r="R559" s="10" t="s">
        <v>55</v>
      </c>
      <c r="S559" s="6">
        <v>9</v>
      </c>
      <c r="T559" s="10" t="s">
        <v>55</v>
      </c>
      <c r="U559" s="10" t="s">
        <v>55</v>
      </c>
      <c r="V559" s="6">
        <v>9</v>
      </c>
      <c r="W559" s="6">
        <v>1</v>
      </c>
      <c r="X559" s="6">
        <v>2</v>
      </c>
      <c r="Y559" s="6">
        <v>2</v>
      </c>
      <c r="Z559" s="10" t="s">
        <v>55</v>
      </c>
      <c r="AA559" s="10" t="s">
        <v>55</v>
      </c>
      <c r="AB559" s="10" t="s">
        <v>55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96</v>
      </c>
      <c r="I560" s="9" t="s">
        <v>54</v>
      </c>
      <c r="J560" s="9" t="s">
        <v>50</v>
      </c>
      <c r="K560" s="6">
        <v>7</v>
      </c>
      <c r="L560" s="10" t="s">
        <v>55</v>
      </c>
      <c r="M560" s="10" t="s">
        <v>55</v>
      </c>
      <c r="N560" s="10" t="s">
        <v>55</v>
      </c>
      <c r="O560" s="10" t="s">
        <v>55</v>
      </c>
      <c r="P560" s="10" t="s">
        <v>55</v>
      </c>
      <c r="Q560" s="10" t="s">
        <v>55</v>
      </c>
      <c r="R560" s="10" t="s">
        <v>55</v>
      </c>
      <c r="S560" s="6">
        <v>6</v>
      </c>
      <c r="T560" s="10" t="s">
        <v>55</v>
      </c>
      <c r="U560" s="10" t="s">
        <v>55</v>
      </c>
      <c r="V560" s="6">
        <v>6</v>
      </c>
      <c r="W560" s="6">
        <v>1</v>
      </c>
      <c r="X560" s="10" t="s">
        <v>55</v>
      </c>
      <c r="Y560" s="10" t="s">
        <v>55</v>
      </c>
      <c r="Z560" s="10" t="s">
        <v>55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96</v>
      </c>
      <c r="I561" s="9" t="s">
        <v>54</v>
      </c>
      <c r="J561" s="9" t="s">
        <v>51</v>
      </c>
      <c r="K561" s="6">
        <v>1</v>
      </c>
      <c r="L561" s="10" t="s">
        <v>55</v>
      </c>
      <c r="M561" s="10" t="s">
        <v>55</v>
      </c>
      <c r="N561" s="10" t="s">
        <v>55</v>
      </c>
      <c r="O561" s="10" t="s">
        <v>55</v>
      </c>
      <c r="P561" s="10" t="s">
        <v>55</v>
      </c>
      <c r="Q561" s="10" t="s">
        <v>55</v>
      </c>
      <c r="R561" s="10" t="s">
        <v>55</v>
      </c>
      <c r="S561" s="10" t="s">
        <v>55</v>
      </c>
      <c r="T561" s="10" t="s">
        <v>55</v>
      </c>
      <c r="U561" s="10" t="s">
        <v>55</v>
      </c>
      <c r="V561" s="10" t="s">
        <v>55</v>
      </c>
      <c r="W561" s="6">
        <v>1</v>
      </c>
      <c r="X561" s="10" t="s">
        <v>55</v>
      </c>
      <c r="Y561" s="10" t="s">
        <v>55</v>
      </c>
      <c r="Z561" s="10" t="s">
        <v>55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96</v>
      </c>
      <c r="I562" s="9" t="s">
        <v>54</v>
      </c>
      <c r="J562" s="9" t="s">
        <v>52</v>
      </c>
      <c r="K562" s="6">
        <v>113</v>
      </c>
      <c r="L562" s="6">
        <v>91</v>
      </c>
      <c r="M562" s="6">
        <v>87</v>
      </c>
      <c r="N562" s="6">
        <v>84</v>
      </c>
      <c r="O562" s="6">
        <v>2</v>
      </c>
      <c r="P562" s="10" t="s">
        <v>55</v>
      </c>
      <c r="Q562" s="6">
        <v>1</v>
      </c>
      <c r="R562" s="6">
        <v>4</v>
      </c>
      <c r="S562" s="6">
        <v>22</v>
      </c>
      <c r="T562" s="6">
        <v>11</v>
      </c>
      <c r="U562" s="6">
        <v>3</v>
      </c>
      <c r="V562" s="6">
        <v>8</v>
      </c>
      <c r="W562" s="10" t="s">
        <v>55</v>
      </c>
      <c r="X562" s="6">
        <v>80</v>
      </c>
      <c r="Y562" s="6">
        <v>78</v>
      </c>
      <c r="Z562" s="6">
        <v>1</v>
      </c>
      <c r="AA562" s="10" t="s">
        <v>55</v>
      </c>
      <c r="AB562" s="6">
        <v>1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96</v>
      </c>
      <c r="I563" s="9" t="s">
        <v>6</v>
      </c>
      <c r="J563" s="9" t="s">
        <v>30</v>
      </c>
      <c r="K563" s="6">
        <v>288</v>
      </c>
      <c r="L563" s="6">
        <v>182</v>
      </c>
      <c r="M563" s="6">
        <v>160</v>
      </c>
      <c r="N563" s="6">
        <v>153</v>
      </c>
      <c r="O563" s="6">
        <v>5</v>
      </c>
      <c r="P563" s="6">
        <v>1</v>
      </c>
      <c r="Q563" s="6">
        <v>1</v>
      </c>
      <c r="R563" s="6">
        <v>22</v>
      </c>
      <c r="S563" s="6">
        <v>101</v>
      </c>
      <c r="T563" s="6">
        <v>23</v>
      </c>
      <c r="U563" s="6">
        <v>48</v>
      </c>
      <c r="V563" s="6">
        <v>30</v>
      </c>
      <c r="W563" s="6">
        <v>5</v>
      </c>
      <c r="X563" s="6">
        <v>137</v>
      </c>
      <c r="Y563" s="6">
        <v>135</v>
      </c>
      <c r="Z563" s="10" t="s">
        <v>55</v>
      </c>
      <c r="AA563" s="6">
        <v>1</v>
      </c>
      <c r="AB563" s="6">
        <v>1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96</v>
      </c>
      <c r="I564" s="9" t="s">
        <v>6</v>
      </c>
      <c r="J564" s="9" t="s">
        <v>31</v>
      </c>
      <c r="K564" s="6">
        <v>47</v>
      </c>
      <c r="L564" s="6">
        <v>5</v>
      </c>
      <c r="M564" s="6">
        <v>5</v>
      </c>
      <c r="N564" s="6">
        <v>4</v>
      </c>
      <c r="O564" s="10" t="s">
        <v>55</v>
      </c>
      <c r="P564" s="6">
        <v>1</v>
      </c>
      <c r="Q564" s="10" t="s">
        <v>55</v>
      </c>
      <c r="R564" s="10" t="s">
        <v>55</v>
      </c>
      <c r="S564" s="6">
        <v>42</v>
      </c>
      <c r="T564" s="10" t="s">
        <v>55</v>
      </c>
      <c r="U564" s="6">
        <v>42</v>
      </c>
      <c r="V564" s="10" t="s">
        <v>55</v>
      </c>
      <c r="W564" s="10" t="s">
        <v>55</v>
      </c>
      <c r="X564" s="6">
        <v>4</v>
      </c>
      <c r="Y564" s="6">
        <v>3</v>
      </c>
      <c r="Z564" s="10" t="s">
        <v>55</v>
      </c>
      <c r="AA564" s="6">
        <v>1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96</v>
      </c>
      <c r="I565" s="9" t="s">
        <v>6</v>
      </c>
      <c r="J565" s="9" t="s">
        <v>32</v>
      </c>
      <c r="K565" s="6">
        <v>21</v>
      </c>
      <c r="L565" s="6">
        <v>15</v>
      </c>
      <c r="M565" s="6">
        <v>13</v>
      </c>
      <c r="N565" s="6">
        <v>12</v>
      </c>
      <c r="O565" s="6">
        <v>1</v>
      </c>
      <c r="P565" s="10" t="s">
        <v>55</v>
      </c>
      <c r="Q565" s="10" t="s">
        <v>55</v>
      </c>
      <c r="R565" s="6">
        <v>2</v>
      </c>
      <c r="S565" s="6">
        <v>6</v>
      </c>
      <c r="T565" s="10" t="s">
        <v>55</v>
      </c>
      <c r="U565" s="6">
        <v>6</v>
      </c>
      <c r="V565" s="10" t="s">
        <v>55</v>
      </c>
      <c r="W565" s="10" t="s">
        <v>55</v>
      </c>
      <c r="X565" s="6">
        <v>12</v>
      </c>
      <c r="Y565" s="6">
        <v>12</v>
      </c>
      <c r="Z565" s="10" t="s">
        <v>55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96</v>
      </c>
      <c r="I566" s="9" t="s">
        <v>6</v>
      </c>
      <c r="J566" s="9" t="s">
        <v>33</v>
      </c>
      <c r="K566" s="6">
        <v>15</v>
      </c>
      <c r="L566" s="6">
        <v>12</v>
      </c>
      <c r="M566" s="6">
        <v>10</v>
      </c>
      <c r="N566" s="6">
        <v>10</v>
      </c>
      <c r="O566" s="10" t="s">
        <v>55</v>
      </c>
      <c r="P566" s="10" t="s">
        <v>55</v>
      </c>
      <c r="Q566" s="10" t="s">
        <v>55</v>
      </c>
      <c r="R566" s="6">
        <v>2</v>
      </c>
      <c r="S566" s="6">
        <v>1</v>
      </c>
      <c r="T566" s="10" t="s">
        <v>55</v>
      </c>
      <c r="U566" s="10" t="s">
        <v>55</v>
      </c>
      <c r="V566" s="6">
        <v>1</v>
      </c>
      <c r="W566" s="6">
        <v>2</v>
      </c>
      <c r="X566" s="6">
        <v>10</v>
      </c>
      <c r="Y566" s="6">
        <v>10</v>
      </c>
      <c r="Z566" s="10" t="s">
        <v>55</v>
      </c>
      <c r="AA566" s="10" t="s">
        <v>55</v>
      </c>
      <c r="AB566" s="10" t="s">
        <v>55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96</v>
      </c>
      <c r="I567" s="9" t="s">
        <v>6</v>
      </c>
      <c r="J567" s="9" t="s">
        <v>34</v>
      </c>
      <c r="K567" s="6">
        <v>20</v>
      </c>
      <c r="L567" s="6">
        <v>20</v>
      </c>
      <c r="M567" s="6">
        <v>20</v>
      </c>
      <c r="N567" s="6">
        <v>19</v>
      </c>
      <c r="O567" s="6">
        <v>1</v>
      </c>
      <c r="P567" s="10" t="s">
        <v>55</v>
      </c>
      <c r="Q567" s="10" t="s">
        <v>55</v>
      </c>
      <c r="R567" s="10" t="s">
        <v>55</v>
      </c>
      <c r="S567" s="10" t="s">
        <v>55</v>
      </c>
      <c r="T567" s="10" t="s">
        <v>55</v>
      </c>
      <c r="U567" s="10" t="s">
        <v>55</v>
      </c>
      <c r="V567" s="10" t="s">
        <v>55</v>
      </c>
      <c r="W567" s="10" t="s">
        <v>55</v>
      </c>
      <c r="X567" s="6">
        <v>16</v>
      </c>
      <c r="Y567" s="6">
        <v>16</v>
      </c>
      <c r="Z567" s="10" t="s">
        <v>55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96</v>
      </c>
      <c r="I568" s="9" t="s">
        <v>6</v>
      </c>
      <c r="J568" s="9" t="s">
        <v>35</v>
      </c>
      <c r="K568" s="6">
        <v>27</v>
      </c>
      <c r="L568" s="6">
        <v>23</v>
      </c>
      <c r="M568" s="6">
        <v>21</v>
      </c>
      <c r="N568" s="6">
        <v>21</v>
      </c>
      <c r="O568" s="10" t="s">
        <v>55</v>
      </c>
      <c r="P568" s="10" t="s">
        <v>55</v>
      </c>
      <c r="Q568" s="10" t="s">
        <v>55</v>
      </c>
      <c r="R568" s="6">
        <v>2</v>
      </c>
      <c r="S568" s="6">
        <v>4</v>
      </c>
      <c r="T568" s="6">
        <v>3</v>
      </c>
      <c r="U568" s="10" t="s">
        <v>55</v>
      </c>
      <c r="V568" s="6">
        <v>1</v>
      </c>
      <c r="W568" s="10" t="s">
        <v>55</v>
      </c>
      <c r="X568" s="6">
        <v>18</v>
      </c>
      <c r="Y568" s="6">
        <v>18</v>
      </c>
      <c r="Z568" s="10" t="s">
        <v>55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96</v>
      </c>
      <c r="I569" s="9" t="s">
        <v>6</v>
      </c>
      <c r="J569" s="9" t="s">
        <v>36</v>
      </c>
      <c r="K569" s="6">
        <v>17</v>
      </c>
      <c r="L569" s="6">
        <v>16</v>
      </c>
      <c r="M569" s="6">
        <v>14</v>
      </c>
      <c r="N569" s="6">
        <v>13</v>
      </c>
      <c r="O569" s="6">
        <v>1</v>
      </c>
      <c r="P569" s="10" t="s">
        <v>55</v>
      </c>
      <c r="Q569" s="10" t="s">
        <v>55</v>
      </c>
      <c r="R569" s="6">
        <v>2</v>
      </c>
      <c r="S569" s="6">
        <v>1</v>
      </c>
      <c r="T569" s="10" t="s">
        <v>55</v>
      </c>
      <c r="U569" s="10" t="s">
        <v>55</v>
      </c>
      <c r="V569" s="6">
        <v>1</v>
      </c>
      <c r="W569" s="10" t="s">
        <v>55</v>
      </c>
      <c r="X569" s="6">
        <v>13</v>
      </c>
      <c r="Y569" s="6">
        <v>13</v>
      </c>
      <c r="Z569" s="10" t="s">
        <v>55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96</v>
      </c>
      <c r="I570" s="9" t="s">
        <v>6</v>
      </c>
      <c r="J570" s="9" t="s">
        <v>37</v>
      </c>
      <c r="K570" s="6">
        <v>25</v>
      </c>
      <c r="L570" s="6">
        <v>21</v>
      </c>
      <c r="M570" s="6">
        <v>18</v>
      </c>
      <c r="N570" s="6">
        <v>17</v>
      </c>
      <c r="O570" s="10" t="s">
        <v>55</v>
      </c>
      <c r="P570" s="10" t="s">
        <v>55</v>
      </c>
      <c r="Q570" s="6">
        <v>1</v>
      </c>
      <c r="R570" s="6">
        <v>3</v>
      </c>
      <c r="S570" s="6">
        <v>4</v>
      </c>
      <c r="T570" s="6">
        <v>2</v>
      </c>
      <c r="U570" s="10" t="s">
        <v>55</v>
      </c>
      <c r="V570" s="6">
        <v>2</v>
      </c>
      <c r="W570" s="10" t="s">
        <v>55</v>
      </c>
      <c r="X570" s="6">
        <v>16</v>
      </c>
      <c r="Y570" s="6">
        <v>15</v>
      </c>
      <c r="Z570" s="10" t="s">
        <v>55</v>
      </c>
      <c r="AA570" s="10" t="s">
        <v>55</v>
      </c>
      <c r="AB570" s="6">
        <v>1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96</v>
      </c>
      <c r="I571" s="9" t="s">
        <v>6</v>
      </c>
      <c r="J571" s="9" t="s">
        <v>38</v>
      </c>
      <c r="K571" s="6">
        <v>23</v>
      </c>
      <c r="L571" s="6">
        <v>20</v>
      </c>
      <c r="M571" s="6">
        <v>15</v>
      </c>
      <c r="N571" s="6">
        <v>15</v>
      </c>
      <c r="O571" s="10" t="s">
        <v>55</v>
      </c>
      <c r="P571" s="10" t="s">
        <v>55</v>
      </c>
      <c r="Q571" s="10" t="s">
        <v>55</v>
      </c>
      <c r="R571" s="6">
        <v>5</v>
      </c>
      <c r="S571" s="6">
        <v>3</v>
      </c>
      <c r="T571" s="6">
        <v>1</v>
      </c>
      <c r="U571" s="10" t="s">
        <v>55</v>
      </c>
      <c r="V571" s="6">
        <v>2</v>
      </c>
      <c r="W571" s="10" t="s">
        <v>55</v>
      </c>
      <c r="X571" s="6">
        <v>11</v>
      </c>
      <c r="Y571" s="6">
        <v>11</v>
      </c>
      <c r="Z571" s="10" t="s">
        <v>55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96</v>
      </c>
      <c r="I572" s="9" t="s">
        <v>6</v>
      </c>
      <c r="J572" s="9" t="s">
        <v>39</v>
      </c>
      <c r="K572" s="6">
        <v>21</v>
      </c>
      <c r="L572" s="6">
        <v>16</v>
      </c>
      <c r="M572" s="6">
        <v>14</v>
      </c>
      <c r="N572" s="6">
        <v>13</v>
      </c>
      <c r="O572" s="6">
        <v>1</v>
      </c>
      <c r="P572" s="10" t="s">
        <v>55</v>
      </c>
      <c r="Q572" s="10" t="s">
        <v>55</v>
      </c>
      <c r="R572" s="6">
        <v>2</v>
      </c>
      <c r="S572" s="6">
        <v>4</v>
      </c>
      <c r="T572" s="6">
        <v>2</v>
      </c>
      <c r="U572" s="10" t="s">
        <v>55</v>
      </c>
      <c r="V572" s="6">
        <v>2</v>
      </c>
      <c r="W572" s="6">
        <v>1</v>
      </c>
      <c r="X572" s="6">
        <v>11</v>
      </c>
      <c r="Y572" s="6">
        <v>11</v>
      </c>
      <c r="Z572" s="10" t="s">
        <v>55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96</v>
      </c>
      <c r="I573" s="9" t="s">
        <v>6</v>
      </c>
      <c r="J573" s="9" t="s">
        <v>40</v>
      </c>
      <c r="K573" s="6">
        <v>27</v>
      </c>
      <c r="L573" s="6">
        <v>23</v>
      </c>
      <c r="M573" s="6">
        <v>20</v>
      </c>
      <c r="N573" s="6">
        <v>19</v>
      </c>
      <c r="O573" s="6">
        <v>1</v>
      </c>
      <c r="P573" s="10" t="s">
        <v>55</v>
      </c>
      <c r="Q573" s="10" t="s">
        <v>55</v>
      </c>
      <c r="R573" s="6">
        <v>3</v>
      </c>
      <c r="S573" s="6">
        <v>4</v>
      </c>
      <c r="T573" s="6">
        <v>2</v>
      </c>
      <c r="U573" s="10" t="s">
        <v>55</v>
      </c>
      <c r="V573" s="6">
        <v>2</v>
      </c>
      <c r="W573" s="10" t="s">
        <v>55</v>
      </c>
      <c r="X573" s="6">
        <v>17</v>
      </c>
      <c r="Y573" s="6">
        <v>17</v>
      </c>
      <c r="Z573" s="10" t="s">
        <v>5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96</v>
      </c>
      <c r="I574" s="9" t="s">
        <v>6</v>
      </c>
      <c r="J574" s="9" t="s">
        <v>41</v>
      </c>
      <c r="K574" s="6">
        <v>17</v>
      </c>
      <c r="L574" s="6">
        <v>8</v>
      </c>
      <c r="M574" s="6">
        <v>7</v>
      </c>
      <c r="N574" s="6">
        <v>7</v>
      </c>
      <c r="O574" s="10" t="s">
        <v>55</v>
      </c>
      <c r="P574" s="10" t="s">
        <v>55</v>
      </c>
      <c r="Q574" s="10" t="s">
        <v>55</v>
      </c>
      <c r="R574" s="6">
        <v>1</v>
      </c>
      <c r="S574" s="6">
        <v>9</v>
      </c>
      <c r="T574" s="6">
        <v>3</v>
      </c>
      <c r="U574" s="10" t="s">
        <v>55</v>
      </c>
      <c r="V574" s="6">
        <v>6</v>
      </c>
      <c r="W574" s="10" t="s">
        <v>55</v>
      </c>
      <c r="X574" s="6">
        <v>7</v>
      </c>
      <c r="Y574" s="6">
        <v>7</v>
      </c>
      <c r="Z574" s="10" t="s">
        <v>55</v>
      </c>
      <c r="AA574" s="10" t="s">
        <v>55</v>
      </c>
      <c r="AB574" s="10" t="s">
        <v>55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96</v>
      </c>
      <c r="I575" s="9" t="s">
        <v>6</v>
      </c>
      <c r="J575" s="9" t="s">
        <v>42</v>
      </c>
      <c r="K575" s="6">
        <v>10</v>
      </c>
      <c r="L575" s="6">
        <v>2</v>
      </c>
      <c r="M575" s="6">
        <v>2</v>
      </c>
      <c r="N575" s="6">
        <v>2</v>
      </c>
      <c r="O575" s="10" t="s">
        <v>55</v>
      </c>
      <c r="P575" s="10" t="s">
        <v>55</v>
      </c>
      <c r="Q575" s="10" t="s">
        <v>55</v>
      </c>
      <c r="R575" s="10" t="s">
        <v>55</v>
      </c>
      <c r="S575" s="6">
        <v>8</v>
      </c>
      <c r="T575" s="6">
        <v>3</v>
      </c>
      <c r="U575" s="10" t="s">
        <v>55</v>
      </c>
      <c r="V575" s="6">
        <v>5</v>
      </c>
      <c r="W575" s="10" t="s">
        <v>55</v>
      </c>
      <c r="X575" s="6">
        <v>2</v>
      </c>
      <c r="Y575" s="6">
        <v>2</v>
      </c>
      <c r="Z575" s="10" t="s">
        <v>55</v>
      </c>
      <c r="AA575" s="10" t="s">
        <v>55</v>
      </c>
      <c r="AB575" s="10" t="s">
        <v>55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96</v>
      </c>
      <c r="I576" s="9" t="s">
        <v>6</v>
      </c>
      <c r="J576" s="9" t="s">
        <v>43</v>
      </c>
      <c r="K576" s="6">
        <v>10</v>
      </c>
      <c r="L576" s="10" t="s">
        <v>55</v>
      </c>
      <c r="M576" s="10" t="s">
        <v>55</v>
      </c>
      <c r="N576" s="10" t="s">
        <v>55</v>
      </c>
      <c r="O576" s="10" t="s">
        <v>55</v>
      </c>
      <c r="P576" s="10" t="s">
        <v>55</v>
      </c>
      <c r="Q576" s="10" t="s">
        <v>55</v>
      </c>
      <c r="R576" s="10" t="s">
        <v>55</v>
      </c>
      <c r="S576" s="6">
        <v>9</v>
      </c>
      <c r="T576" s="6">
        <v>4</v>
      </c>
      <c r="U576" s="10" t="s">
        <v>55</v>
      </c>
      <c r="V576" s="6">
        <v>5</v>
      </c>
      <c r="W576" s="6">
        <v>1</v>
      </c>
      <c r="X576" s="10" t="s">
        <v>55</v>
      </c>
      <c r="Y576" s="10" t="s">
        <v>55</v>
      </c>
      <c r="Z576" s="10" t="s">
        <v>55</v>
      </c>
      <c r="AA576" s="10" t="s">
        <v>55</v>
      </c>
      <c r="AB576" s="10" t="s">
        <v>55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96</v>
      </c>
      <c r="I577" s="9" t="s">
        <v>6</v>
      </c>
      <c r="J577" s="9" t="s">
        <v>44</v>
      </c>
      <c r="K577" s="6">
        <v>5</v>
      </c>
      <c r="L577" s="6">
        <v>1</v>
      </c>
      <c r="M577" s="6">
        <v>1</v>
      </c>
      <c r="N577" s="6">
        <v>1</v>
      </c>
      <c r="O577" s="10" t="s">
        <v>55</v>
      </c>
      <c r="P577" s="10" t="s">
        <v>55</v>
      </c>
      <c r="Q577" s="10" t="s">
        <v>55</v>
      </c>
      <c r="R577" s="10" t="s">
        <v>55</v>
      </c>
      <c r="S577" s="6">
        <v>3</v>
      </c>
      <c r="T577" s="6">
        <v>2</v>
      </c>
      <c r="U577" s="10" t="s">
        <v>55</v>
      </c>
      <c r="V577" s="6">
        <v>1</v>
      </c>
      <c r="W577" s="6">
        <v>1</v>
      </c>
      <c r="X577" s="10" t="s">
        <v>55</v>
      </c>
      <c r="Y577" s="10" t="s">
        <v>55</v>
      </c>
      <c r="Z577" s="10" t="s">
        <v>55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96</v>
      </c>
      <c r="I578" s="9" t="s">
        <v>6</v>
      </c>
      <c r="J578" s="9" t="s">
        <v>45</v>
      </c>
      <c r="K578" s="6">
        <v>1</v>
      </c>
      <c r="L578" s="10" t="s">
        <v>55</v>
      </c>
      <c r="M578" s="10" t="s">
        <v>55</v>
      </c>
      <c r="N578" s="10" t="s">
        <v>55</v>
      </c>
      <c r="O578" s="10" t="s">
        <v>55</v>
      </c>
      <c r="P578" s="10" t="s">
        <v>55</v>
      </c>
      <c r="Q578" s="10" t="s">
        <v>55</v>
      </c>
      <c r="R578" s="10" t="s">
        <v>55</v>
      </c>
      <c r="S578" s="6">
        <v>1</v>
      </c>
      <c r="T578" s="10" t="s">
        <v>55</v>
      </c>
      <c r="U578" s="10" t="s">
        <v>55</v>
      </c>
      <c r="V578" s="6">
        <v>1</v>
      </c>
      <c r="W578" s="10" t="s">
        <v>55</v>
      </c>
      <c r="X578" s="10" t="s">
        <v>55</v>
      </c>
      <c r="Y578" s="10" t="s">
        <v>55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96</v>
      </c>
      <c r="I579" s="9" t="s">
        <v>6</v>
      </c>
      <c r="J579" s="9" t="s">
        <v>46</v>
      </c>
      <c r="K579" s="6">
        <v>2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6">
        <v>2</v>
      </c>
      <c r="T579" s="6">
        <v>1</v>
      </c>
      <c r="U579" s="10" t="s">
        <v>55</v>
      </c>
      <c r="V579" s="6">
        <v>1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96</v>
      </c>
      <c r="I580" s="9" t="s">
        <v>6</v>
      </c>
      <c r="J580" s="9" t="s">
        <v>47</v>
      </c>
      <c r="K580" s="10" t="s">
        <v>55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10" t="s">
        <v>55</v>
      </c>
      <c r="T580" s="10" t="s">
        <v>55</v>
      </c>
      <c r="U580" s="10" t="s">
        <v>55</v>
      </c>
      <c r="V580" s="10" t="s">
        <v>55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96</v>
      </c>
      <c r="I581" s="9" t="s">
        <v>6</v>
      </c>
      <c r="J581" s="9" t="s">
        <v>48</v>
      </c>
      <c r="K581" s="6">
        <v>243</v>
      </c>
      <c r="L581" s="6">
        <v>171</v>
      </c>
      <c r="M581" s="6">
        <v>150</v>
      </c>
      <c r="N581" s="6">
        <v>143</v>
      </c>
      <c r="O581" s="6">
        <v>5</v>
      </c>
      <c r="P581" s="6">
        <v>1</v>
      </c>
      <c r="Q581" s="6">
        <v>1</v>
      </c>
      <c r="R581" s="6">
        <v>21</v>
      </c>
      <c r="S581" s="6">
        <v>69</v>
      </c>
      <c r="T581" s="6">
        <v>10</v>
      </c>
      <c r="U581" s="6">
        <v>48</v>
      </c>
      <c r="V581" s="6">
        <v>11</v>
      </c>
      <c r="W581" s="6">
        <v>3</v>
      </c>
      <c r="X581" s="6">
        <v>128</v>
      </c>
      <c r="Y581" s="6">
        <v>126</v>
      </c>
      <c r="Z581" s="10" t="s">
        <v>55</v>
      </c>
      <c r="AA581" s="6">
        <v>1</v>
      </c>
      <c r="AB581" s="6">
        <v>1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96</v>
      </c>
      <c r="I582" s="9" t="s">
        <v>6</v>
      </c>
      <c r="J582" s="9" t="s">
        <v>49</v>
      </c>
      <c r="K582" s="6">
        <v>45</v>
      </c>
      <c r="L582" s="6">
        <v>11</v>
      </c>
      <c r="M582" s="6">
        <v>10</v>
      </c>
      <c r="N582" s="6">
        <v>10</v>
      </c>
      <c r="O582" s="10" t="s">
        <v>55</v>
      </c>
      <c r="P582" s="10" t="s">
        <v>55</v>
      </c>
      <c r="Q582" s="10" t="s">
        <v>55</v>
      </c>
      <c r="R582" s="6">
        <v>1</v>
      </c>
      <c r="S582" s="6">
        <v>32</v>
      </c>
      <c r="T582" s="6">
        <v>13</v>
      </c>
      <c r="U582" s="10" t="s">
        <v>55</v>
      </c>
      <c r="V582" s="6">
        <v>19</v>
      </c>
      <c r="W582" s="6">
        <v>2</v>
      </c>
      <c r="X582" s="6">
        <v>9</v>
      </c>
      <c r="Y582" s="6">
        <v>9</v>
      </c>
      <c r="Z582" s="10" t="s">
        <v>55</v>
      </c>
      <c r="AA582" s="10" t="s">
        <v>55</v>
      </c>
      <c r="AB582" s="10" t="s">
        <v>55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96</v>
      </c>
      <c r="I583" s="9" t="s">
        <v>6</v>
      </c>
      <c r="J583" s="9" t="s">
        <v>50</v>
      </c>
      <c r="K583" s="6">
        <v>18</v>
      </c>
      <c r="L583" s="6">
        <v>1</v>
      </c>
      <c r="M583" s="6">
        <v>1</v>
      </c>
      <c r="N583" s="6">
        <v>1</v>
      </c>
      <c r="O583" s="10" t="s">
        <v>55</v>
      </c>
      <c r="P583" s="10" t="s">
        <v>55</v>
      </c>
      <c r="Q583" s="10" t="s">
        <v>55</v>
      </c>
      <c r="R583" s="10" t="s">
        <v>55</v>
      </c>
      <c r="S583" s="6">
        <v>15</v>
      </c>
      <c r="T583" s="6">
        <v>7</v>
      </c>
      <c r="U583" s="10" t="s">
        <v>55</v>
      </c>
      <c r="V583" s="6">
        <v>8</v>
      </c>
      <c r="W583" s="6">
        <v>2</v>
      </c>
      <c r="X583" s="10" t="s">
        <v>55</v>
      </c>
      <c r="Y583" s="10" t="s">
        <v>55</v>
      </c>
      <c r="Z583" s="10" t="s">
        <v>55</v>
      </c>
      <c r="AA583" s="10" t="s">
        <v>55</v>
      </c>
      <c r="AB583" s="10" t="s">
        <v>55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96</v>
      </c>
      <c r="I584" s="9" t="s">
        <v>6</v>
      </c>
      <c r="J584" s="9" t="s">
        <v>51</v>
      </c>
      <c r="K584" s="6">
        <v>3</v>
      </c>
      <c r="L584" s="10" t="s">
        <v>55</v>
      </c>
      <c r="M584" s="10" t="s">
        <v>55</v>
      </c>
      <c r="N584" s="10" t="s">
        <v>55</v>
      </c>
      <c r="O584" s="10" t="s">
        <v>55</v>
      </c>
      <c r="P584" s="10" t="s">
        <v>55</v>
      </c>
      <c r="Q584" s="10" t="s">
        <v>55</v>
      </c>
      <c r="R584" s="10" t="s">
        <v>55</v>
      </c>
      <c r="S584" s="6">
        <v>3</v>
      </c>
      <c r="T584" s="6">
        <v>1</v>
      </c>
      <c r="U584" s="10" t="s">
        <v>55</v>
      </c>
      <c r="V584" s="6">
        <v>2</v>
      </c>
      <c r="W584" s="10" t="s">
        <v>55</v>
      </c>
      <c r="X584" s="10" t="s">
        <v>55</v>
      </c>
      <c r="Y584" s="10" t="s">
        <v>55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96</v>
      </c>
      <c r="I585" s="9" t="s">
        <v>6</v>
      </c>
      <c r="J585" s="9" t="s">
        <v>52</v>
      </c>
      <c r="K585" s="6">
        <v>213</v>
      </c>
      <c r="L585" s="6">
        <v>174</v>
      </c>
      <c r="M585" s="6">
        <v>152</v>
      </c>
      <c r="N585" s="6">
        <v>146</v>
      </c>
      <c r="O585" s="6">
        <v>5</v>
      </c>
      <c r="P585" s="10" t="s">
        <v>55</v>
      </c>
      <c r="Q585" s="6">
        <v>1</v>
      </c>
      <c r="R585" s="6">
        <v>22</v>
      </c>
      <c r="S585" s="6">
        <v>36</v>
      </c>
      <c r="T585" s="6">
        <v>13</v>
      </c>
      <c r="U585" s="6">
        <v>6</v>
      </c>
      <c r="V585" s="6">
        <v>17</v>
      </c>
      <c r="W585" s="6">
        <v>3</v>
      </c>
      <c r="X585" s="6">
        <v>131</v>
      </c>
      <c r="Y585" s="6">
        <v>130</v>
      </c>
      <c r="Z585" s="10" t="s">
        <v>55</v>
      </c>
      <c r="AA585" s="10" t="s">
        <v>55</v>
      </c>
      <c r="AB585" s="6">
        <v>1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96</v>
      </c>
      <c r="I586" s="9" t="s">
        <v>53</v>
      </c>
      <c r="J586" s="9" t="s">
        <v>30</v>
      </c>
      <c r="K586" s="6">
        <v>198</v>
      </c>
      <c r="L586" s="6">
        <v>138</v>
      </c>
      <c r="M586" s="6">
        <v>121</v>
      </c>
      <c r="N586" s="6">
        <v>119</v>
      </c>
      <c r="O586" s="6">
        <v>1</v>
      </c>
      <c r="P586" s="10" t="s">
        <v>55</v>
      </c>
      <c r="Q586" s="6">
        <v>1</v>
      </c>
      <c r="R586" s="6">
        <v>17</v>
      </c>
      <c r="S586" s="6">
        <v>57</v>
      </c>
      <c r="T586" s="6">
        <v>7</v>
      </c>
      <c r="U586" s="6">
        <v>26</v>
      </c>
      <c r="V586" s="6">
        <v>24</v>
      </c>
      <c r="W586" s="6">
        <v>3</v>
      </c>
      <c r="X586" s="6">
        <v>107</v>
      </c>
      <c r="Y586" s="6">
        <v>106</v>
      </c>
      <c r="Z586" s="10" t="s">
        <v>55</v>
      </c>
      <c r="AA586" s="10" t="s">
        <v>55</v>
      </c>
      <c r="AB586" s="6">
        <v>1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96</v>
      </c>
      <c r="I587" s="9" t="s">
        <v>53</v>
      </c>
      <c r="J587" s="9" t="s">
        <v>31</v>
      </c>
      <c r="K587" s="6">
        <v>26</v>
      </c>
      <c r="L587" s="6">
        <v>3</v>
      </c>
      <c r="M587" s="6">
        <v>3</v>
      </c>
      <c r="N587" s="6">
        <v>3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6">
        <v>23</v>
      </c>
      <c r="T587" s="10" t="s">
        <v>55</v>
      </c>
      <c r="U587" s="6">
        <v>23</v>
      </c>
      <c r="V587" s="10" t="s">
        <v>55</v>
      </c>
      <c r="W587" s="10" t="s">
        <v>55</v>
      </c>
      <c r="X587" s="6">
        <v>3</v>
      </c>
      <c r="Y587" s="6">
        <v>3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96</v>
      </c>
      <c r="I588" s="9" t="s">
        <v>53</v>
      </c>
      <c r="J588" s="9" t="s">
        <v>32</v>
      </c>
      <c r="K588" s="6">
        <v>14</v>
      </c>
      <c r="L588" s="6">
        <v>11</v>
      </c>
      <c r="M588" s="6">
        <v>9</v>
      </c>
      <c r="N588" s="6">
        <v>9</v>
      </c>
      <c r="O588" s="10" t="s">
        <v>55</v>
      </c>
      <c r="P588" s="10" t="s">
        <v>55</v>
      </c>
      <c r="Q588" s="10" t="s">
        <v>55</v>
      </c>
      <c r="R588" s="6">
        <v>2</v>
      </c>
      <c r="S588" s="6">
        <v>3</v>
      </c>
      <c r="T588" s="10" t="s">
        <v>55</v>
      </c>
      <c r="U588" s="6">
        <v>3</v>
      </c>
      <c r="V588" s="10" t="s">
        <v>55</v>
      </c>
      <c r="W588" s="10" t="s">
        <v>55</v>
      </c>
      <c r="X588" s="6">
        <v>9</v>
      </c>
      <c r="Y588" s="6">
        <v>9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96</v>
      </c>
      <c r="I589" s="9" t="s">
        <v>53</v>
      </c>
      <c r="J589" s="9" t="s">
        <v>33</v>
      </c>
      <c r="K589" s="6">
        <v>6</v>
      </c>
      <c r="L589" s="6">
        <v>5</v>
      </c>
      <c r="M589" s="6">
        <v>5</v>
      </c>
      <c r="N589" s="6">
        <v>5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6">
        <v>1</v>
      </c>
      <c r="T589" s="10" t="s">
        <v>55</v>
      </c>
      <c r="U589" s="10" t="s">
        <v>55</v>
      </c>
      <c r="V589" s="6">
        <v>1</v>
      </c>
      <c r="W589" s="10" t="s">
        <v>55</v>
      </c>
      <c r="X589" s="6">
        <v>5</v>
      </c>
      <c r="Y589" s="6">
        <v>5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96</v>
      </c>
      <c r="I590" s="9" t="s">
        <v>53</v>
      </c>
      <c r="J590" s="9" t="s">
        <v>34</v>
      </c>
      <c r="K590" s="6">
        <v>10</v>
      </c>
      <c r="L590" s="6">
        <v>10</v>
      </c>
      <c r="M590" s="6">
        <v>10</v>
      </c>
      <c r="N590" s="6">
        <v>10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6">
        <v>9</v>
      </c>
      <c r="Y590" s="6">
        <v>9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96</v>
      </c>
      <c r="I591" s="9" t="s">
        <v>53</v>
      </c>
      <c r="J591" s="9" t="s">
        <v>35</v>
      </c>
      <c r="K591" s="6">
        <v>17</v>
      </c>
      <c r="L591" s="6">
        <v>15</v>
      </c>
      <c r="M591" s="6">
        <v>13</v>
      </c>
      <c r="N591" s="6">
        <v>13</v>
      </c>
      <c r="O591" s="10" t="s">
        <v>55</v>
      </c>
      <c r="P591" s="10" t="s">
        <v>55</v>
      </c>
      <c r="Q591" s="10" t="s">
        <v>55</v>
      </c>
      <c r="R591" s="6">
        <v>2</v>
      </c>
      <c r="S591" s="6">
        <v>2</v>
      </c>
      <c r="T591" s="6">
        <v>1</v>
      </c>
      <c r="U591" s="10" t="s">
        <v>55</v>
      </c>
      <c r="V591" s="6">
        <v>1</v>
      </c>
      <c r="W591" s="10" t="s">
        <v>55</v>
      </c>
      <c r="X591" s="6">
        <v>11</v>
      </c>
      <c r="Y591" s="6">
        <v>11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96</v>
      </c>
      <c r="I592" s="9" t="s">
        <v>53</v>
      </c>
      <c r="J592" s="9" t="s">
        <v>36</v>
      </c>
      <c r="K592" s="6">
        <v>13</v>
      </c>
      <c r="L592" s="6">
        <v>12</v>
      </c>
      <c r="M592" s="6">
        <v>10</v>
      </c>
      <c r="N592" s="6">
        <v>10</v>
      </c>
      <c r="O592" s="10" t="s">
        <v>55</v>
      </c>
      <c r="P592" s="10" t="s">
        <v>55</v>
      </c>
      <c r="Q592" s="10" t="s">
        <v>55</v>
      </c>
      <c r="R592" s="6">
        <v>2</v>
      </c>
      <c r="S592" s="6">
        <v>1</v>
      </c>
      <c r="T592" s="10" t="s">
        <v>55</v>
      </c>
      <c r="U592" s="10" t="s">
        <v>55</v>
      </c>
      <c r="V592" s="6">
        <v>1</v>
      </c>
      <c r="W592" s="10" t="s">
        <v>55</v>
      </c>
      <c r="X592" s="6">
        <v>10</v>
      </c>
      <c r="Y592" s="6">
        <v>10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96</v>
      </c>
      <c r="I593" s="9" t="s">
        <v>53</v>
      </c>
      <c r="J593" s="9" t="s">
        <v>37</v>
      </c>
      <c r="K593" s="6">
        <v>22</v>
      </c>
      <c r="L593" s="6">
        <v>20</v>
      </c>
      <c r="M593" s="6">
        <v>17</v>
      </c>
      <c r="N593" s="6">
        <v>16</v>
      </c>
      <c r="O593" s="10" t="s">
        <v>55</v>
      </c>
      <c r="P593" s="10" t="s">
        <v>55</v>
      </c>
      <c r="Q593" s="6">
        <v>1</v>
      </c>
      <c r="R593" s="6">
        <v>3</v>
      </c>
      <c r="S593" s="6">
        <v>2</v>
      </c>
      <c r="T593" s="6">
        <v>1</v>
      </c>
      <c r="U593" s="10" t="s">
        <v>55</v>
      </c>
      <c r="V593" s="6">
        <v>1</v>
      </c>
      <c r="W593" s="10" t="s">
        <v>55</v>
      </c>
      <c r="X593" s="6">
        <v>15</v>
      </c>
      <c r="Y593" s="6">
        <v>14</v>
      </c>
      <c r="Z593" s="10" t="s">
        <v>55</v>
      </c>
      <c r="AA593" s="10" t="s">
        <v>55</v>
      </c>
      <c r="AB593" s="6">
        <v>1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96</v>
      </c>
      <c r="I594" s="9" t="s">
        <v>53</v>
      </c>
      <c r="J594" s="9" t="s">
        <v>38</v>
      </c>
      <c r="K594" s="6">
        <v>20</v>
      </c>
      <c r="L594" s="6">
        <v>18</v>
      </c>
      <c r="M594" s="6">
        <v>13</v>
      </c>
      <c r="N594" s="6">
        <v>13</v>
      </c>
      <c r="O594" s="10" t="s">
        <v>55</v>
      </c>
      <c r="P594" s="10" t="s">
        <v>55</v>
      </c>
      <c r="Q594" s="10" t="s">
        <v>55</v>
      </c>
      <c r="R594" s="6">
        <v>5</v>
      </c>
      <c r="S594" s="6">
        <v>2</v>
      </c>
      <c r="T594" s="10" t="s">
        <v>55</v>
      </c>
      <c r="U594" s="10" t="s">
        <v>55</v>
      </c>
      <c r="V594" s="6">
        <v>2</v>
      </c>
      <c r="W594" s="10" t="s">
        <v>55</v>
      </c>
      <c r="X594" s="6">
        <v>9</v>
      </c>
      <c r="Y594" s="6">
        <v>9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96</v>
      </c>
      <c r="I595" s="9" t="s">
        <v>53</v>
      </c>
      <c r="J595" s="9" t="s">
        <v>39</v>
      </c>
      <c r="K595" s="6">
        <v>19</v>
      </c>
      <c r="L595" s="6">
        <v>14</v>
      </c>
      <c r="M595" s="6">
        <v>12</v>
      </c>
      <c r="N595" s="6">
        <v>12</v>
      </c>
      <c r="O595" s="10" t="s">
        <v>55</v>
      </c>
      <c r="P595" s="10" t="s">
        <v>55</v>
      </c>
      <c r="Q595" s="10" t="s">
        <v>55</v>
      </c>
      <c r="R595" s="6">
        <v>2</v>
      </c>
      <c r="S595" s="6">
        <v>4</v>
      </c>
      <c r="T595" s="6">
        <v>2</v>
      </c>
      <c r="U595" s="10" t="s">
        <v>55</v>
      </c>
      <c r="V595" s="6">
        <v>2</v>
      </c>
      <c r="W595" s="6">
        <v>1</v>
      </c>
      <c r="X595" s="6">
        <v>10</v>
      </c>
      <c r="Y595" s="6">
        <v>10</v>
      </c>
      <c r="Z595" s="10" t="s">
        <v>55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96</v>
      </c>
      <c r="I596" s="9" t="s">
        <v>53</v>
      </c>
      <c r="J596" s="9" t="s">
        <v>40</v>
      </c>
      <c r="K596" s="6">
        <v>24</v>
      </c>
      <c r="L596" s="6">
        <v>21</v>
      </c>
      <c r="M596" s="6">
        <v>20</v>
      </c>
      <c r="N596" s="6">
        <v>19</v>
      </c>
      <c r="O596" s="6">
        <v>1</v>
      </c>
      <c r="P596" s="10" t="s">
        <v>55</v>
      </c>
      <c r="Q596" s="10" t="s">
        <v>55</v>
      </c>
      <c r="R596" s="6">
        <v>1</v>
      </c>
      <c r="S596" s="6">
        <v>3</v>
      </c>
      <c r="T596" s="6">
        <v>1</v>
      </c>
      <c r="U596" s="10" t="s">
        <v>55</v>
      </c>
      <c r="V596" s="6">
        <v>2</v>
      </c>
      <c r="W596" s="10" t="s">
        <v>55</v>
      </c>
      <c r="X596" s="6">
        <v>17</v>
      </c>
      <c r="Y596" s="6">
        <v>17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96</v>
      </c>
      <c r="I597" s="9" t="s">
        <v>53</v>
      </c>
      <c r="J597" s="9" t="s">
        <v>41</v>
      </c>
      <c r="K597" s="6">
        <v>14</v>
      </c>
      <c r="L597" s="6">
        <v>7</v>
      </c>
      <c r="M597" s="6">
        <v>7</v>
      </c>
      <c r="N597" s="6">
        <v>7</v>
      </c>
      <c r="O597" s="10" t="s">
        <v>55</v>
      </c>
      <c r="P597" s="10" t="s">
        <v>55</v>
      </c>
      <c r="Q597" s="10" t="s">
        <v>55</v>
      </c>
      <c r="R597" s="10" t="s">
        <v>55</v>
      </c>
      <c r="S597" s="6">
        <v>7</v>
      </c>
      <c r="T597" s="6">
        <v>1</v>
      </c>
      <c r="U597" s="10" t="s">
        <v>55</v>
      </c>
      <c r="V597" s="6">
        <v>6</v>
      </c>
      <c r="W597" s="10" t="s">
        <v>55</v>
      </c>
      <c r="X597" s="6">
        <v>7</v>
      </c>
      <c r="Y597" s="6">
        <v>7</v>
      </c>
      <c r="Z597" s="10" t="s">
        <v>55</v>
      </c>
      <c r="AA597" s="10" t="s">
        <v>55</v>
      </c>
      <c r="AB597" s="10" t="s">
        <v>55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96</v>
      </c>
      <c r="I598" s="9" t="s">
        <v>53</v>
      </c>
      <c r="J598" s="9" t="s">
        <v>42</v>
      </c>
      <c r="K598" s="6">
        <v>8</v>
      </c>
      <c r="L598" s="6">
        <v>2</v>
      </c>
      <c r="M598" s="6">
        <v>2</v>
      </c>
      <c r="N598" s="6">
        <v>2</v>
      </c>
      <c r="O598" s="10" t="s">
        <v>55</v>
      </c>
      <c r="P598" s="10" t="s">
        <v>55</v>
      </c>
      <c r="Q598" s="10" t="s">
        <v>55</v>
      </c>
      <c r="R598" s="10" t="s">
        <v>55</v>
      </c>
      <c r="S598" s="6">
        <v>6</v>
      </c>
      <c r="T598" s="6">
        <v>1</v>
      </c>
      <c r="U598" s="10" t="s">
        <v>55</v>
      </c>
      <c r="V598" s="6">
        <v>5</v>
      </c>
      <c r="W598" s="10" t="s">
        <v>55</v>
      </c>
      <c r="X598" s="6">
        <v>2</v>
      </c>
      <c r="Y598" s="6">
        <v>2</v>
      </c>
      <c r="Z598" s="10" t="s">
        <v>55</v>
      </c>
      <c r="AA598" s="10" t="s">
        <v>55</v>
      </c>
      <c r="AB598" s="10" t="s">
        <v>55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96</v>
      </c>
      <c r="I599" s="9" t="s">
        <v>53</v>
      </c>
      <c r="J599" s="9" t="s">
        <v>43</v>
      </c>
      <c r="K599" s="6">
        <v>3</v>
      </c>
      <c r="L599" s="10" t="s">
        <v>55</v>
      </c>
      <c r="M599" s="10" t="s">
        <v>55</v>
      </c>
      <c r="N599" s="10" t="s">
        <v>55</v>
      </c>
      <c r="O599" s="10" t="s">
        <v>55</v>
      </c>
      <c r="P599" s="10" t="s">
        <v>55</v>
      </c>
      <c r="Q599" s="10" t="s">
        <v>55</v>
      </c>
      <c r="R599" s="10" t="s">
        <v>55</v>
      </c>
      <c r="S599" s="6">
        <v>2</v>
      </c>
      <c r="T599" s="10" t="s">
        <v>55</v>
      </c>
      <c r="U599" s="10" t="s">
        <v>55</v>
      </c>
      <c r="V599" s="6">
        <v>2</v>
      </c>
      <c r="W599" s="6">
        <v>1</v>
      </c>
      <c r="X599" s="10" t="s">
        <v>55</v>
      </c>
      <c r="Y599" s="10" t="s">
        <v>55</v>
      </c>
      <c r="Z599" s="10" t="s">
        <v>55</v>
      </c>
      <c r="AA599" s="10" t="s">
        <v>55</v>
      </c>
      <c r="AB599" s="10" t="s">
        <v>55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96</v>
      </c>
      <c r="I600" s="9" t="s">
        <v>53</v>
      </c>
      <c r="J600" s="9" t="s">
        <v>44</v>
      </c>
      <c r="K600" s="6">
        <v>1</v>
      </c>
      <c r="L600" s="10" t="s">
        <v>55</v>
      </c>
      <c r="M600" s="10" t="s">
        <v>55</v>
      </c>
      <c r="N600" s="10" t="s">
        <v>55</v>
      </c>
      <c r="O600" s="10" t="s">
        <v>55</v>
      </c>
      <c r="P600" s="10" t="s">
        <v>55</v>
      </c>
      <c r="Q600" s="10" t="s">
        <v>55</v>
      </c>
      <c r="R600" s="10" t="s">
        <v>55</v>
      </c>
      <c r="S600" s="10" t="s">
        <v>55</v>
      </c>
      <c r="T600" s="10" t="s">
        <v>55</v>
      </c>
      <c r="U600" s="10" t="s">
        <v>55</v>
      </c>
      <c r="V600" s="10" t="s">
        <v>55</v>
      </c>
      <c r="W600" s="6">
        <v>1</v>
      </c>
      <c r="X600" s="10" t="s">
        <v>55</v>
      </c>
      <c r="Y600" s="10" t="s">
        <v>55</v>
      </c>
      <c r="Z600" s="10" t="s">
        <v>55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96</v>
      </c>
      <c r="I601" s="9" t="s">
        <v>53</v>
      </c>
      <c r="J601" s="9" t="s">
        <v>45</v>
      </c>
      <c r="K601" s="10" t="s">
        <v>55</v>
      </c>
      <c r="L601" s="10" t="s">
        <v>55</v>
      </c>
      <c r="M601" s="10" t="s">
        <v>55</v>
      </c>
      <c r="N601" s="10" t="s">
        <v>55</v>
      </c>
      <c r="O601" s="10" t="s">
        <v>55</v>
      </c>
      <c r="P601" s="10" t="s">
        <v>55</v>
      </c>
      <c r="Q601" s="10" t="s">
        <v>55</v>
      </c>
      <c r="R601" s="10" t="s">
        <v>55</v>
      </c>
      <c r="S601" s="10" t="s">
        <v>55</v>
      </c>
      <c r="T601" s="10" t="s">
        <v>55</v>
      </c>
      <c r="U601" s="10" t="s">
        <v>55</v>
      </c>
      <c r="V601" s="10" t="s">
        <v>55</v>
      </c>
      <c r="W601" s="10" t="s">
        <v>55</v>
      </c>
      <c r="X601" s="10" t="s">
        <v>55</v>
      </c>
      <c r="Y601" s="10" t="s">
        <v>55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96</v>
      </c>
      <c r="I602" s="9" t="s">
        <v>53</v>
      </c>
      <c r="J602" s="9" t="s">
        <v>46</v>
      </c>
      <c r="K602" s="6">
        <v>1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6">
        <v>1</v>
      </c>
      <c r="T602" s="10" t="s">
        <v>55</v>
      </c>
      <c r="U602" s="10" t="s">
        <v>55</v>
      </c>
      <c r="V602" s="6">
        <v>1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96</v>
      </c>
      <c r="I603" s="9" t="s">
        <v>53</v>
      </c>
      <c r="J603" s="9" t="s">
        <v>47</v>
      </c>
      <c r="K603" s="10" t="s">
        <v>55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10" t="s">
        <v>55</v>
      </c>
      <c r="T603" s="10" t="s">
        <v>55</v>
      </c>
      <c r="U603" s="10" t="s">
        <v>55</v>
      </c>
      <c r="V603" s="10" t="s">
        <v>55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96</v>
      </c>
      <c r="I604" s="9" t="s">
        <v>53</v>
      </c>
      <c r="J604" s="9" t="s">
        <v>48</v>
      </c>
      <c r="K604" s="6">
        <v>171</v>
      </c>
      <c r="L604" s="6">
        <v>129</v>
      </c>
      <c r="M604" s="6">
        <v>112</v>
      </c>
      <c r="N604" s="6">
        <v>110</v>
      </c>
      <c r="O604" s="6">
        <v>1</v>
      </c>
      <c r="P604" s="10" t="s">
        <v>55</v>
      </c>
      <c r="Q604" s="6">
        <v>1</v>
      </c>
      <c r="R604" s="6">
        <v>17</v>
      </c>
      <c r="S604" s="6">
        <v>41</v>
      </c>
      <c r="T604" s="6">
        <v>5</v>
      </c>
      <c r="U604" s="6">
        <v>26</v>
      </c>
      <c r="V604" s="6">
        <v>10</v>
      </c>
      <c r="W604" s="6">
        <v>1</v>
      </c>
      <c r="X604" s="6">
        <v>98</v>
      </c>
      <c r="Y604" s="6">
        <v>97</v>
      </c>
      <c r="Z604" s="10" t="s">
        <v>55</v>
      </c>
      <c r="AA604" s="10" t="s">
        <v>55</v>
      </c>
      <c r="AB604" s="6">
        <v>1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96</v>
      </c>
      <c r="I605" s="9" t="s">
        <v>53</v>
      </c>
      <c r="J605" s="9" t="s">
        <v>49</v>
      </c>
      <c r="K605" s="6">
        <v>27</v>
      </c>
      <c r="L605" s="6">
        <v>9</v>
      </c>
      <c r="M605" s="6">
        <v>9</v>
      </c>
      <c r="N605" s="6">
        <v>9</v>
      </c>
      <c r="O605" s="10" t="s">
        <v>55</v>
      </c>
      <c r="P605" s="10" t="s">
        <v>55</v>
      </c>
      <c r="Q605" s="10" t="s">
        <v>55</v>
      </c>
      <c r="R605" s="10" t="s">
        <v>55</v>
      </c>
      <c r="S605" s="6">
        <v>16</v>
      </c>
      <c r="T605" s="6">
        <v>2</v>
      </c>
      <c r="U605" s="10" t="s">
        <v>55</v>
      </c>
      <c r="V605" s="6">
        <v>14</v>
      </c>
      <c r="W605" s="6">
        <v>2</v>
      </c>
      <c r="X605" s="6">
        <v>9</v>
      </c>
      <c r="Y605" s="6">
        <v>9</v>
      </c>
      <c r="Z605" s="10" t="s">
        <v>55</v>
      </c>
      <c r="AA605" s="10" t="s">
        <v>55</v>
      </c>
      <c r="AB605" s="10" t="s">
        <v>55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96</v>
      </c>
      <c r="I606" s="9" t="s">
        <v>53</v>
      </c>
      <c r="J606" s="9" t="s">
        <v>50</v>
      </c>
      <c r="K606" s="6">
        <v>5</v>
      </c>
      <c r="L606" s="10" t="s">
        <v>55</v>
      </c>
      <c r="M606" s="10" t="s">
        <v>55</v>
      </c>
      <c r="N606" s="10" t="s">
        <v>55</v>
      </c>
      <c r="O606" s="10" t="s">
        <v>55</v>
      </c>
      <c r="P606" s="10" t="s">
        <v>55</v>
      </c>
      <c r="Q606" s="10" t="s">
        <v>55</v>
      </c>
      <c r="R606" s="10" t="s">
        <v>55</v>
      </c>
      <c r="S606" s="6">
        <v>3</v>
      </c>
      <c r="T606" s="10" t="s">
        <v>55</v>
      </c>
      <c r="U606" s="10" t="s">
        <v>55</v>
      </c>
      <c r="V606" s="6">
        <v>3</v>
      </c>
      <c r="W606" s="6">
        <v>2</v>
      </c>
      <c r="X606" s="10" t="s">
        <v>55</v>
      </c>
      <c r="Y606" s="10" t="s">
        <v>55</v>
      </c>
      <c r="Z606" s="10" t="s">
        <v>55</v>
      </c>
      <c r="AA606" s="10" t="s">
        <v>55</v>
      </c>
      <c r="AB606" s="10" t="s">
        <v>55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96</v>
      </c>
      <c r="I607" s="9" t="s">
        <v>53</v>
      </c>
      <c r="J607" s="9" t="s">
        <v>51</v>
      </c>
      <c r="K607" s="6">
        <v>1</v>
      </c>
      <c r="L607" s="10" t="s">
        <v>55</v>
      </c>
      <c r="M607" s="10" t="s">
        <v>55</v>
      </c>
      <c r="N607" s="10" t="s">
        <v>55</v>
      </c>
      <c r="O607" s="10" t="s">
        <v>55</v>
      </c>
      <c r="P607" s="10" t="s">
        <v>55</v>
      </c>
      <c r="Q607" s="10" t="s">
        <v>55</v>
      </c>
      <c r="R607" s="10" t="s">
        <v>55</v>
      </c>
      <c r="S607" s="6">
        <v>1</v>
      </c>
      <c r="T607" s="10" t="s">
        <v>55</v>
      </c>
      <c r="U607" s="10" t="s">
        <v>55</v>
      </c>
      <c r="V607" s="6">
        <v>1</v>
      </c>
      <c r="W607" s="10" t="s">
        <v>55</v>
      </c>
      <c r="X607" s="10" t="s">
        <v>55</v>
      </c>
      <c r="Y607" s="10" t="s">
        <v>55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96</v>
      </c>
      <c r="I608" s="9" t="s">
        <v>53</v>
      </c>
      <c r="J608" s="9" t="s">
        <v>52</v>
      </c>
      <c r="K608" s="6">
        <v>159</v>
      </c>
      <c r="L608" s="6">
        <v>133</v>
      </c>
      <c r="M608" s="6">
        <v>116</v>
      </c>
      <c r="N608" s="6">
        <v>114</v>
      </c>
      <c r="O608" s="6">
        <v>1</v>
      </c>
      <c r="P608" s="10" t="s">
        <v>55</v>
      </c>
      <c r="Q608" s="6">
        <v>1</v>
      </c>
      <c r="R608" s="6">
        <v>17</v>
      </c>
      <c r="S608" s="6">
        <v>25</v>
      </c>
      <c r="T608" s="6">
        <v>6</v>
      </c>
      <c r="U608" s="6">
        <v>3</v>
      </c>
      <c r="V608" s="6">
        <v>16</v>
      </c>
      <c r="W608" s="6">
        <v>1</v>
      </c>
      <c r="X608" s="6">
        <v>102</v>
      </c>
      <c r="Y608" s="6">
        <v>101</v>
      </c>
      <c r="Z608" s="10" t="s">
        <v>55</v>
      </c>
      <c r="AA608" s="10" t="s">
        <v>55</v>
      </c>
      <c r="AB608" s="6">
        <v>1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96</v>
      </c>
      <c r="I609" s="9" t="s">
        <v>54</v>
      </c>
      <c r="J609" s="9" t="s">
        <v>30</v>
      </c>
      <c r="K609" s="6">
        <v>90</v>
      </c>
      <c r="L609" s="6">
        <v>44</v>
      </c>
      <c r="M609" s="6">
        <v>39</v>
      </c>
      <c r="N609" s="6">
        <v>34</v>
      </c>
      <c r="O609" s="6">
        <v>4</v>
      </c>
      <c r="P609" s="6">
        <v>1</v>
      </c>
      <c r="Q609" s="10" t="s">
        <v>55</v>
      </c>
      <c r="R609" s="6">
        <v>5</v>
      </c>
      <c r="S609" s="6">
        <v>44</v>
      </c>
      <c r="T609" s="6">
        <v>16</v>
      </c>
      <c r="U609" s="6">
        <v>22</v>
      </c>
      <c r="V609" s="6">
        <v>6</v>
      </c>
      <c r="W609" s="6">
        <v>2</v>
      </c>
      <c r="X609" s="6">
        <v>30</v>
      </c>
      <c r="Y609" s="6">
        <v>29</v>
      </c>
      <c r="Z609" s="10" t="s">
        <v>55</v>
      </c>
      <c r="AA609" s="6">
        <v>1</v>
      </c>
      <c r="AB609" s="10" t="s">
        <v>55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96</v>
      </c>
      <c r="I610" s="9" t="s">
        <v>54</v>
      </c>
      <c r="J610" s="9" t="s">
        <v>31</v>
      </c>
      <c r="K610" s="6">
        <v>21</v>
      </c>
      <c r="L610" s="6">
        <v>2</v>
      </c>
      <c r="M610" s="6">
        <v>2</v>
      </c>
      <c r="N610" s="6">
        <v>1</v>
      </c>
      <c r="O610" s="10" t="s">
        <v>55</v>
      </c>
      <c r="P610" s="6">
        <v>1</v>
      </c>
      <c r="Q610" s="10" t="s">
        <v>55</v>
      </c>
      <c r="R610" s="10" t="s">
        <v>55</v>
      </c>
      <c r="S610" s="6">
        <v>19</v>
      </c>
      <c r="T610" s="10" t="s">
        <v>55</v>
      </c>
      <c r="U610" s="6">
        <v>19</v>
      </c>
      <c r="V610" s="10" t="s">
        <v>55</v>
      </c>
      <c r="W610" s="10" t="s">
        <v>55</v>
      </c>
      <c r="X610" s="6">
        <v>1</v>
      </c>
      <c r="Y610" s="10" t="s">
        <v>55</v>
      </c>
      <c r="Z610" s="10" t="s">
        <v>55</v>
      </c>
      <c r="AA610" s="6">
        <v>1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96</v>
      </c>
      <c r="I611" s="9" t="s">
        <v>54</v>
      </c>
      <c r="J611" s="9" t="s">
        <v>32</v>
      </c>
      <c r="K611" s="6">
        <v>7</v>
      </c>
      <c r="L611" s="6">
        <v>4</v>
      </c>
      <c r="M611" s="6">
        <v>4</v>
      </c>
      <c r="N611" s="6">
        <v>3</v>
      </c>
      <c r="O611" s="6">
        <v>1</v>
      </c>
      <c r="P611" s="10" t="s">
        <v>55</v>
      </c>
      <c r="Q611" s="10" t="s">
        <v>55</v>
      </c>
      <c r="R611" s="10" t="s">
        <v>55</v>
      </c>
      <c r="S611" s="6">
        <v>3</v>
      </c>
      <c r="T611" s="10" t="s">
        <v>55</v>
      </c>
      <c r="U611" s="6">
        <v>3</v>
      </c>
      <c r="V611" s="10" t="s">
        <v>55</v>
      </c>
      <c r="W611" s="10" t="s">
        <v>55</v>
      </c>
      <c r="X611" s="6">
        <v>3</v>
      </c>
      <c r="Y611" s="6">
        <v>3</v>
      </c>
      <c r="Z611" s="10" t="s">
        <v>55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96</v>
      </c>
      <c r="I612" s="9" t="s">
        <v>54</v>
      </c>
      <c r="J612" s="9" t="s">
        <v>33</v>
      </c>
      <c r="K612" s="6">
        <v>9</v>
      </c>
      <c r="L612" s="6">
        <v>7</v>
      </c>
      <c r="M612" s="6">
        <v>5</v>
      </c>
      <c r="N612" s="6">
        <v>5</v>
      </c>
      <c r="O612" s="10" t="s">
        <v>55</v>
      </c>
      <c r="P612" s="10" t="s">
        <v>55</v>
      </c>
      <c r="Q612" s="10" t="s">
        <v>55</v>
      </c>
      <c r="R612" s="6">
        <v>2</v>
      </c>
      <c r="S612" s="10" t="s">
        <v>55</v>
      </c>
      <c r="T612" s="10" t="s">
        <v>55</v>
      </c>
      <c r="U612" s="10" t="s">
        <v>55</v>
      </c>
      <c r="V612" s="10" t="s">
        <v>55</v>
      </c>
      <c r="W612" s="6">
        <v>2</v>
      </c>
      <c r="X612" s="6">
        <v>5</v>
      </c>
      <c r="Y612" s="6">
        <v>5</v>
      </c>
      <c r="Z612" s="10" t="s">
        <v>55</v>
      </c>
      <c r="AA612" s="10" t="s">
        <v>55</v>
      </c>
      <c r="AB612" s="10" t="s">
        <v>55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96</v>
      </c>
      <c r="I613" s="9" t="s">
        <v>54</v>
      </c>
      <c r="J613" s="9" t="s">
        <v>34</v>
      </c>
      <c r="K613" s="6">
        <v>10</v>
      </c>
      <c r="L613" s="6">
        <v>10</v>
      </c>
      <c r="M613" s="6">
        <v>10</v>
      </c>
      <c r="N613" s="6">
        <v>9</v>
      </c>
      <c r="O613" s="6">
        <v>1</v>
      </c>
      <c r="P613" s="10" t="s">
        <v>55</v>
      </c>
      <c r="Q613" s="10" t="s">
        <v>55</v>
      </c>
      <c r="R613" s="10" t="s">
        <v>55</v>
      </c>
      <c r="S613" s="10" t="s">
        <v>55</v>
      </c>
      <c r="T613" s="10" t="s">
        <v>55</v>
      </c>
      <c r="U613" s="10" t="s">
        <v>55</v>
      </c>
      <c r="V613" s="10" t="s">
        <v>55</v>
      </c>
      <c r="W613" s="10" t="s">
        <v>55</v>
      </c>
      <c r="X613" s="6">
        <v>7</v>
      </c>
      <c r="Y613" s="6">
        <v>7</v>
      </c>
      <c r="Z613" s="10" t="s">
        <v>55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96</v>
      </c>
      <c r="I614" s="9" t="s">
        <v>54</v>
      </c>
      <c r="J614" s="9" t="s">
        <v>35</v>
      </c>
      <c r="K614" s="6">
        <v>10</v>
      </c>
      <c r="L614" s="6">
        <v>8</v>
      </c>
      <c r="M614" s="6">
        <v>8</v>
      </c>
      <c r="N614" s="6">
        <v>8</v>
      </c>
      <c r="O614" s="10" t="s">
        <v>55</v>
      </c>
      <c r="P614" s="10" t="s">
        <v>55</v>
      </c>
      <c r="Q614" s="10" t="s">
        <v>55</v>
      </c>
      <c r="R614" s="10" t="s">
        <v>55</v>
      </c>
      <c r="S614" s="6">
        <v>2</v>
      </c>
      <c r="T614" s="6">
        <v>2</v>
      </c>
      <c r="U614" s="10" t="s">
        <v>55</v>
      </c>
      <c r="V614" s="10" t="s">
        <v>55</v>
      </c>
      <c r="W614" s="10" t="s">
        <v>55</v>
      </c>
      <c r="X614" s="6">
        <v>7</v>
      </c>
      <c r="Y614" s="6">
        <v>7</v>
      </c>
      <c r="Z614" s="10" t="s">
        <v>55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96</v>
      </c>
      <c r="I615" s="9" t="s">
        <v>54</v>
      </c>
      <c r="J615" s="9" t="s">
        <v>36</v>
      </c>
      <c r="K615" s="6">
        <v>4</v>
      </c>
      <c r="L615" s="6">
        <v>4</v>
      </c>
      <c r="M615" s="6">
        <v>4</v>
      </c>
      <c r="N615" s="6">
        <v>3</v>
      </c>
      <c r="O615" s="6">
        <v>1</v>
      </c>
      <c r="P615" s="10" t="s">
        <v>55</v>
      </c>
      <c r="Q615" s="10" t="s">
        <v>55</v>
      </c>
      <c r="R615" s="10" t="s">
        <v>55</v>
      </c>
      <c r="S615" s="10" t="s">
        <v>55</v>
      </c>
      <c r="T615" s="10" t="s">
        <v>55</v>
      </c>
      <c r="U615" s="10" t="s">
        <v>55</v>
      </c>
      <c r="V615" s="10" t="s">
        <v>55</v>
      </c>
      <c r="W615" s="10" t="s">
        <v>55</v>
      </c>
      <c r="X615" s="6">
        <v>3</v>
      </c>
      <c r="Y615" s="6">
        <v>3</v>
      </c>
      <c r="Z615" s="10" t="s">
        <v>55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96</v>
      </c>
      <c r="I616" s="9" t="s">
        <v>54</v>
      </c>
      <c r="J616" s="9" t="s">
        <v>37</v>
      </c>
      <c r="K616" s="6">
        <v>3</v>
      </c>
      <c r="L616" s="6">
        <v>1</v>
      </c>
      <c r="M616" s="6">
        <v>1</v>
      </c>
      <c r="N616" s="6">
        <v>1</v>
      </c>
      <c r="O616" s="10" t="s">
        <v>55</v>
      </c>
      <c r="P616" s="10" t="s">
        <v>55</v>
      </c>
      <c r="Q616" s="10" t="s">
        <v>55</v>
      </c>
      <c r="R616" s="10" t="s">
        <v>55</v>
      </c>
      <c r="S616" s="6">
        <v>2</v>
      </c>
      <c r="T616" s="6">
        <v>1</v>
      </c>
      <c r="U616" s="10" t="s">
        <v>55</v>
      </c>
      <c r="V616" s="6">
        <v>1</v>
      </c>
      <c r="W616" s="10" t="s">
        <v>55</v>
      </c>
      <c r="X616" s="6">
        <v>1</v>
      </c>
      <c r="Y616" s="6">
        <v>1</v>
      </c>
      <c r="Z616" s="10" t="s">
        <v>55</v>
      </c>
      <c r="AA616" s="10" t="s">
        <v>55</v>
      </c>
      <c r="AB616" s="10" t="s">
        <v>55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96</v>
      </c>
      <c r="I617" s="9" t="s">
        <v>54</v>
      </c>
      <c r="J617" s="9" t="s">
        <v>38</v>
      </c>
      <c r="K617" s="6">
        <v>3</v>
      </c>
      <c r="L617" s="6">
        <v>2</v>
      </c>
      <c r="M617" s="6">
        <v>2</v>
      </c>
      <c r="N617" s="6">
        <v>2</v>
      </c>
      <c r="O617" s="10" t="s">
        <v>55</v>
      </c>
      <c r="P617" s="10" t="s">
        <v>55</v>
      </c>
      <c r="Q617" s="10" t="s">
        <v>55</v>
      </c>
      <c r="R617" s="10" t="s">
        <v>55</v>
      </c>
      <c r="S617" s="6">
        <v>1</v>
      </c>
      <c r="T617" s="6">
        <v>1</v>
      </c>
      <c r="U617" s="10" t="s">
        <v>55</v>
      </c>
      <c r="V617" s="10" t="s">
        <v>55</v>
      </c>
      <c r="W617" s="10" t="s">
        <v>55</v>
      </c>
      <c r="X617" s="6">
        <v>2</v>
      </c>
      <c r="Y617" s="6">
        <v>2</v>
      </c>
      <c r="Z617" s="10" t="s">
        <v>55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96</v>
      </c>
      <c r="I618" s="9" t="s">
        <v>54</v>
      </c>
      <c r="J618" s="9" t="s">
        <v>39</v>
      </c>
      <c r="K618" s="6">
        <v>2</v>
      </c>
      <c r="L618" s="6">
        <v>2</v>
      </c>
      <c r="M618" s="6">
        <v>2</v>
      </c>
      <c r="N618" s="6">
        <v>1</v>
      </c>
      <c r="O618" s="6">
        <v>1</v>
      </c>
      <c r="P618" s="10" t="s">
        <v>55</v>
      </c>
      <c r="Q618" s="10" t="s">
        <v>55</v>
      </c>
      <c r="R618" s="10" t="s">
        <v>55</v>
      </c>
      <c r="S618" s="10" t="s">
        <v>55</v>
      </c>
      <c r="T618" s="10" t="s">
        <v>55</v>
      </c>
      <c r="U618" s="10" t="s">
        <v>55</v>
      </c>
      <c r="V618" s="10" t="s">
        <v>55</v>
      </c>
      <c r="W618" s="10" t="s">
        <v>55</v>
      </c>
      <c r="X618" s="6">
        <v>1</v>
      </c>
      <c r="Y618" s="6">
        <v>1</v>
      </c>
      <c r="Z618" s="10" t="s">
        <v>5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96</v>
      </c>
      <c r="I619" s="9" t="s">
        <v>54</v>
      </c>
      <c r="J619" s="9" t="s">
        <v>40</v>
      </c>
      <c r="K619" s="6">
        <v>3</v>
      </c>
      <c r="L619" s="6">
        <v>2</v>
      </c>
      <c r="M619" s="10" t="s">
        <v>55</v>
      </c>
      <c r="N619" s="10" t="s">
        <v>55</v>
      </c>
      <c r="O619" s="10" t="s">
        <v>55</v>
      </c>
      <c r="P619" s="10" t="s">
        <v>55</v>
      </c>
      <c r="Q619" s="10" t="s">
        <v>55</v>
      </c>
      <c r="R619" s="6">
        <v>2</v>
      </c>
      <c r="S619" s="6">
        <v>1</v>
      </c>
      <c r="T619" s="6">
        <v>1</v>
      </c>
      <c r="U619" s="10" t="s">
        <v>55</v>
      </c>
      <c r="V619" s="10" t="s">
        <v>55</v>
      </c>
      <c r="W619" s="10" t="s">
        <v>55</v>
      </c>
      <c r="X619" s="10" t="s">
        <v>55</v>
      </c>
      <c r="Y619" s="10" t="s">
        <v>55</v>
      </c>
      <c r="Z619" s="10" t="s">
        <v>5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96</v>
      </c>
      <c r="I620" s="9" t="s">
        <v>54</v>
      </c>
      <c r="J620" s="9" t="s">
        <v>41</v>
      </c>
      <c r="K620" s="6">
        <v>3</v>
      </c>
      <c r="L620" s="6">
        <v>1</v>
      </c>
      <c r="M620" s="10" t="s">
        <v>55</v>
      </c>
      <c r="N620" s="10" t="s">
        <v>55</v>
      </c>
      <c r="O620" s="10" t="s">
        <v>55</v>
      </c>
      <c r="P620" s="10" t="s">
        <v>55</v>
      </c>
      <c r="Q620" s="10" t="s">
        <v>55</v>
      </c>
      <c r="R620" s="6">
        <v>1</v>
      </c>
      <c r="S620" s="6">
        <v>2</v>
      </c>
      <c r="T620" s="6">
        <v>2</v>
      </c>
      <c r="U620" s="10" t="s">
        <v>55</v>
      </c>
      <c r="V620" s="10" t="s">
        <v>55</v>
      </c>
      <c r="W620" s="10" t="s">
        <v>55</v>
      </c>
      <c r="X620" s="10" t="s">
        <v>55</v>
      </c>
      <c r="Y620" s="10" t="s">
        <v>55</v>
      </c>
      <c r="Z620" s="10" t="s">
        <v>55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96</v>
      </c>
      <c r="I621" s="9" t="s">
        <v>54</v>
      </c>
      <c r="J621" s="9" t="s">
        <v>42</v>
      </c>
      <c r="K621" s="6">
        <v>2</v>
      </c>
      <c r="L621" s="10" t="s">
        <v>55</v>
      </c>
      <c r="M621" s="10" t="s">
        <v>55</v>
      </c>
      <c r="N621" s="10" t="s">
        <v>55</v>
      </c>
      <c r="O621" s="10" t="s">
        <v>55</v>
      </c>
      <c r="P621" s="10" t="s">
        <v>55</v>
      </c>
      <c r="Q621" s="10" t="s">
        <v>55</v>
      </c>
      <c r="R621" s="10" t="s">
        <v>55</v>
      </c>
      <c r="S621" s="6">
        <v>2</v>
      </c>
      <c r="T621" s="6">
        <v>2</v>
      </c>
      <c r="U621" s="10" t="s">
        <v>55</v>
      </c>
      <c r="V621" s="10" t="s">
        <v>55</v>
      </c>
      <c r="W621" s="10" t="s">
        <v>55</v>
      </c>
      <c r="X621" s="10" t="s">
        <v>55</v>
      </c>
      <c r="Y621" s="10" t="s">
        <v>55</v>
      </c>
      <c r="Z621" s="10" t="s">
        <v>55</v>
      </c>
      <c r="AA621" s="10" t="s">
        <v>55</v>
      </c>
      <c r="AB621" s="10" t="s">
        <v>55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96</v>
      </c>
      <c r="I622" s="9" t="s">
        <v>54</v>
      </c>
      <c r="J622" s="9" t="s">
        <v>43</v>
      </c>
      <c r="K622" s="6">
        <v>7</v>
      </c>
      <c r="L622" s="10" t="s">
        <v>55</v>
      </c>
      <c r="M622" s="10" t="s">
        <v>55</v>
      </c>
      <c r="N622" s="10" t="s">
        <v>55</v>
      </c>
      <c r="O622" s="10" t="s">
        <v>55</v>
      </c>
      <c r="P622" s="10" t="s">
        <v>55</v>
      </c>
      <c r="Q622" s="10" t="s">
        <v>55</v>
      </c>
      <c r="R622" s="10" t="s">
        <v>55</v>
      </c>
      <c r="S622" s="6">
        <v>7</v>
      </c>
      <c r="T622" s="6">
        <v>4</v>
      </c>
      <c r="U622" s="10" t="s">
        <v>55</v>
      </c>
      <c r="V622" s="6">
        <v>3</v>
      </c>
      <c r="W622" s="10" t="s">
        <v>55</v>
      </c>
      <c r="X622" s="10" t="s">
        <v>55</v>
      </c>
      <c r="Y622" s="10" t="s">
        <v>55</v>
      </c>
      <c r="Z622" s="10" t="s">
        <v>55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96</v>
      </c>
      <c r="I623" s="9" t="s">
        <v>54</v>
      </c>
      <c r="J623" s="9" t="s">
        <v>44</v>
      </c>
      <c r="K623" s="6">
        <v>4</v>
      </c>
      <c r="L623" s="6">
        <v>1</v>
      </c>
      <c r="M623" s="6">
        <v>1</v>
      </c>
      <c r="N623" s="6">
        <v>1</v>
      </c>
      <c r="O623" s="10" t="s">
        <v>55</v>
      </c>
      <c r="P623" s="10" t="s">
        <v>55</v>
      </c>
      <c r="Q623" s="10" t="s">
        <v>55</v>
      </c>
      <c r="R623" s="10" t="s">
        <v>55</v>
      </c>
      <c r="S623" s="6">
        <v>3</v>
      </c>
      <c r="T623" s="6">
        <v>2</v>
      </c>
      <c r="U623" s="10" t="s">
        <v>55</v>
      </c>
      <c r="V623" s="6">
        <v>1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96</v>
      </c>
      <c r="I624" s="9" t="s">
        <v>54</v>
      </c>
      <c r="J624" s="9" t="s">
        <v>45</v>
      </c>
      <c r="K624" s="6">
        <v>1</v>
      </c>
      <c r="L624" s="10" t="s">
        <v>55</v>
      </c>
      <c r="M624" s="10" t="s">
        <v>55</v>
      </c>
      <c r="N624" s="10" t="s">
        <v>55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6">
        <v>1</v>
      </c>
      <c r="T624" s="10" t="s">
        <v>55</v>
      </c>
      <c r="U624" s="10" t="s">
        <v>55</v>
      </c>
      <c r="V624" s="6">
        <v>1</v>
      </c>
      <c r="W624" s="10" t="s">
        <v>55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96</v>
      </c>
      <c r="I625" s="9" t="s">
        <v>54</v>
      </c>
      <c r="J625" s="9" t="s">
        <v>46</v>
      </c>
      <c r="K625" s="6">
        <v>1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6">
        <v>1</v>
      </c>
      <c r="T625" s="6">
        <v>1</v>
      </c>
      <c r="U625" s="10" t="s">
        <v>55</v>
      </c>
      <c r="V625" s="10" t="s">
        <v>55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96</v>
      </c>
      <c r="I626" s="9" t="s">
        <v>54</v>
      </c>
      <c r="J626" s="9" t="s">
        <v>47</v>
      </c>
      <c r="K626" s="10" t="s">
        <v>55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10" t="s">
        <v>55</v>
      </c>
      <c r="T626" s="10" t="s">
        <v>55</v>
      </c>
      <c r="U626" s="10" t="s">
        <v>55</v>
      </c>
      <c r="V626" s="10" t="s">
        <v>55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96</v>
      </c>
      <c r="I627" s="9" t="s">
        <v>54</v>
      </c>
      <c r="J627" s="9" t="s">
        <v>48</v>
      </c>
      <c r="K627" s="6">
        <v>72</v>
      </c>
      <c r="L627" s="6">
        <v>42</v>
      </c>
      <c r="M627" s="6">
        <v>38</v>
      </c>
      <c r="N627" s="6">
        <v>33</v>
      </c>
      <c r="O627" s="6">
        <v>4</v>
      </c>
      <c r="P627" s="6">
        <v>1</v>
      </c>
      <c r="Q627" s="10" t="s">
        <v>55</v>
      </c>
      <c r="R627" s="6">
        <v>4</v>
      </c>
      <c r="S627" s="6">
        <v>28</v>
      </c>
      <c r="T627" s="6">
        <v>5</v>
      </c>
      <c r="U627" s="6">
        <v>22</v>
      </c>
      <c r="V627" s="6">
        <v>1</v>
      </c>
      <c r="W627" s="6">
        <v>2</v>
      </c>
      <c r="X627" s="6">
        <v>30</v>
      </c>
      <c r="Y627" s="6">
        <v>29</v>
      </c>
      <c r="Z627" s="10" t="s">
        <v>55</v>
      </c>
      <c r="AA627" s="6">
        <v>1</v>
      </c>
      <c r="AB627" s="10" t="s">
        <v>55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96</v>
      </c>
      <c r="I628" s="9" t="s">
        <v>54</v>
      </c>
      <c r="J628" s="9" t="s">
        <v>49</v>
      </c>
      <c r="K628" s="6">
        <v>18</v>
      </c>
      <c r="L628" s="6">
        <v>2</v>
      </c>
      <c r="M628" s="6">
        <v>1</v>
      </c>
      <c r="N628" s="6">
        <v>1</v>
      </c>
      <c r="O628" s="10" t="s">
        <v>55</v>
      </c>
      <c r="P628" s="10" t="s">
        <v>55</v>
      </c>
      <c r="Q628" s="10" t="s">
        <v>55</v>
      </c>
      <c r="R628" s="6">
        <v>1</v>
      </c>
      <c r="S628" s="6">
        <v>16</v>
      </c>
      <c r="T628" s="6">
        <v>11</v>
      </c>
      <c r="U628" s="10" t="s">
        <v>55</v>
      </c>
      <c r="V628" s="6">
        <v>5</v>
      </c>
      <c r="W628" s="10" t="s">
        <v>55</v>
      </c>
      <c r="X628" s="10" t="s">
        <v>55</v>
      </c>
      <c r="Y628" s="10" t="s">
        <v>55</v>
      </c>
      <c r="Z628" s="10" t="s">
        <v>55</v>
      </c>
      <c r="AA628" s="10" t="s">
        <v>55</v>
      </c>
      <c r="AB628" s="10" t="s">
        <v>55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96</v>
      </c>
      <c r="I629" s="9" t="s">
        <v>54</v>
      </c>
      <c r="J629" s="9" t="s">
        <v>50</v>
      </c>
      <c r="K629" s="6">
        <v>13</v>
      </c>
      <c r="L629" s="6">
        <v>1</v>
      </c>
      <c r="M629" s="6">
        <v>1</v>
      </c>
      <c r="N629" s="6">
        <v>1</v>
      </c>
      <c r="O629" s="10" t="s">
        <v>55</v>
      </c>
      <c r="P629" s="10" t="s">
        <v>55</v>
      </c>
      <c r="Q629" s="10" t="s">
        <v>55</v>
      </c>
      <c r="R629" s="10" t="s">
        <v>55</v>
      </c>
      <c r="S629" s="6">
        <v>12</v>
      </c>
      <c r="T629" s="6">
        <v>7</v>
      </c>
      <c r="U629" s="10" t="s">
        <v>55</v>
      </c>
      <c r="V629" s="6">
        <v>5</v>
      </c>
      <c r="W629" s="10" t="s">
        <v>55</v>
      </c>
      <c r="X629" s="10" t="s">
        <v>55</v>
      </c>
      <c r="Y629" s="10" t="s">
        <v>55</v>
      </c>
      <c r="Z629" s="10" t="s">
        <v>55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96</v>
      </c>
      <c r="I630" s="9" t="s">
        <v>54</v>
      </c>
      <c r="J630" s="9" t="s">
        <v>51</v>
      </c>
      <c r="K630" s="6">
        <v>2</v>
      </c>
      <c r="L630" s="10" t="s">
        <v>55</v>
      </c>
      <c r="M630" s="10" t="s">
        <v>55</v>
      </c>
      <c r="N630" s="10" t="s">
        <v>55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6">
        <v>2</v>
      </c>
      <c r="T630" s="6">
        <v>1</v>
      </c>
      <c r="U630" s="10" t="s">
        <v>55</v>
      </c>
      <c r="V630" s="6">
        <v>1</v>
      </c>
      <c r="W630" s="10" t="s">
        <v>55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96</v>
      </c>
      <c r="I631" s="9" t="s">
        <v>54</v>
      </c>
      <c r="J631" s="9" t="s">
        <v>52</v>
      </c>
      <c r="K631" s="6">
        <v>54</v>
      </c>
      <c r="L631" s="6">
        <v>41</v>
      </c>
      <c r="M631" s="6">
        <v>36</v>
      </c>
      <c r="N631" s="6">
        <v>32</v>
      </c>
      <c r="O631" s="6">
        <v>4</v>
      </c>
      <c r="P631" s="10" t="s">
        <v>55</v>
      </c>
      <c r="Q631" s="10" t="s">
        <v>55</v>
      </c>
      <c r="R631" s="6">
        <v>5</v>
      </c>
      <c r="S631" s="6">
        <v>11</v>
      </c>
      <c r="T631" s="6">
        <v>7</v>
      </c>
      <c r="U631" s="6">
        <v>3</v>
      </c>
      <c r="V631" s="6">
        <v>1</v>
      </c>
      <c r="W631" s="6">
        <v>2</v>
      </c>
      <c r="X631" s="6">
        <v>29</v>
      </c>
      <c r="Y631" s="6">
        <v>29</v>
      </c>
      <c r="Z631" s="10" t="s">
        <v>55</v>
      </c>
      <c r="AA631" s="10" t="s">
        <v>55</v>
      </c>
      <c r="AB631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5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5F527E8-4796-41B9-B885-C4D76F247D09}">
  <sheetPr>
    <pageSetUpPr fitToPage="1"/>
  </sheetPr>
  <dimension ref="A1:S13"/>
  <sheetViews>
    <sheetView zoomScaleNormal="100" workbookViewId="0">
      <pane xSplit="3" ySplit="10" topLeftCell="D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3.75" style="11" customWidth="1"/>
    <col min="2" max="2" width="8.75" style="11" customWidth="1"/>
    <col min="3" max="3" width="11.25" style="11" customWidth="1"/>
    <col min="4" max="16384" width="12.625" style="11"/>
  </cols>
  <sheetData>
    <row r="1" spans="1:19" s="1" customFormat="1">
      <c r="A1" s="1" t="s">
        <v>0</v>
      </c>
    </row>
    <row r="2" spans="1:19" s="1" customFormat="1">
      <c r="A2" s="1" t="s">
        <v>312</v>
      </c>
    </row>
    <row r="3" spans="1:19" s="1" customFormat="1"/>
    <row r="4" spans="1:19" s="1" customFormat="1" outlineLevel="1">
      <c r="A4" s="1" t="s">
        <v>313</v>
      </c>
    </row>
    <row r="5" spans="1:19" s="1" customFormat="1">
      <c r="D5" s="3" t="s">
        <v>224</v>
      </c>
      <c r="E5" s="3" t="s">
        <v>224</v>
      </c>
      <c r="F5" s="3" t="s">
        <v>224</v>
      </c>
      <c r="G5" s="3" t="s">
        <v>224</v>
      </c>
      <c r="H5" s="3" t="s">
        <v>224</v>
      </c>
      <c r="I5" s="3" t="s">
        <v>224</v>
      </c>
      <c r="J5" s="3" t="s">
        <v>224</v>
      </c>
      <c r="K5" s="3" t="s">
        <v>224</v>
      </c>
      <c r="L5" s="3" t="s">
        <v>224</v>
      </c>
      <c r="M5" s="3" t="s">
        <v>224</v>
      </c>
      <c r="N5" s="3" t="s">
        <v>224</v>
      </c>
      <c r="O5" s="3" t="s">
        <v>224</v>
      </c>
      <c r="P5" s="3" t="s">
        <v>224</v>
      </c>
      <c r="Q5" s="3" t="s">
        <v>224</v>
      </c>
      <c r="R5" s="3" t="s">
        <v>224</v>
      </c>
      <c r="S5" s="3" t="s">
        <v>224</v>
      </c>
    </row>
    <row r="6" spans="1:19" s="1" customFormat="1" ht="24">
      <c r="D6" s="3" t="s">
        <v>314</v>
      </c>
      <c r="E6" s="3" t="s">
        <v>314</v>
      </c>
      <c r="F6" s="3" t="s">
        <v>314</v>
      </c>
      <c r="G6" s="3" t="s">
        <v>314</v>
      </c>
      <c r="H6" s="3" t="s">
        <v>314</v>
      </c>
      <c r="I6" s="3" t="s">
        <v>314</v>
      </c>
      <c r="J6" s="3" t="s">
        <v>314</v>
      </c>
      <c r="K6" s="3" t="s">
        <v>314</v>
      </c>
      <c r="L6" s="3" t="s">
        <v>314</v>
      </c>
      <c r="M6" s="3" t="s">
        <v>314</v>
      </c>
      <c r="N6" s="3" t="s">
        <v>314</v>
      </c>
      <c r="O6" s="3" t="s">
        <v>314</v>
      </c>
      <c r="P6" s="3" t="s">
        <v>314</v>
      </c>
      <c r="Q6" s="3" t="s">
        <v>314</v>
      </c>
      <c r="R6" s="3" t="s">
        <v>314</v>
      </c>
      <c r="S6" s="3" t="s">
        <v>314</v>
      </c>
    </row>
    <row r="7" spans="1:19" s="1" customFormat="1">
      <c r="D7" s="3">
        <v>1</v>
      </c>
      <c r="E7" s="3">
        <v>1</v>
      </c>
      <c r="F7" s="3">
        <v>2</v>
      </c>
      <c r="G7" s="3">
        <v>2</v>
      </c>
      <c r="H7" s="3">
        <v>1</v>
      </c>
      <c r="I7" s="3">
        <v>2</v>
      </c>
      <c r="J7" s="3">
        <v>2</v>
      </c>
      <c r="K7" s="3">
        <v>2</v>
      </c>
      <c r="L7" s="3">
        <v>2</v>
      </c>
      <c r="M7" s="3">
        <v>1</v>
      </c>
      <c r="N7" s="3">
        <v>2</v>
      </c>
      <c r="O7" s="3">
        <v>2</v>
      </c>
      <c r="P7" s="3">
        <v>2</v>
      </c>
      <c r="Q7" s="3">
        <v>2</v>
      </c>
      <c r="R7" s="3">
        <v>1</v>
      </c>
      <c r="S7" s="3">
        <v>1</v>
      </c>
    </row>
    <row r="8" spans="1:19" s="1" customFormat="1" ht="60">
      <c r="D8" s="3" t="s">
        <v>6</v>
      </c>
      <c r="E8" s="3" t="s">
        <v>315</v>
      </c>
      <c r="F8" s="3" t="s">
        <v>316</v>
      </c>
      <c r="G8" s="3" t="s">
        <v>317</v>
      </c>
      <c r="H8" s="3" t="s">
        <v>318</v>
      </c>
      <c r="I8" s="3" t="s">
        <v>319</v>
      </c>
      <c r="J8" s="3" t="s">
        <v>320</v>
      </c>
      <c r="K8" s="3" t="s">
        <v>321</v>
      </c>
      <c r="L8" s="3" t="s">
        <v>322</v>
      </c>
      <c r="M8" s="3" t="s">
        <v>323</v>
      </c>
      <c r="N8" s="3" t="s">
        <v>324</v>
      </c>
      <c r="O8" s="3" t="s">
        <v>325</v>
      </c>
      <c r="P8" s="3" t="s">
        <v>326</v>
      </c>
      <c r="Q8" s="3" t="s">
        <v>327</v>
      </c>
      <c r="R8" s="3" t="s">
        <v>328</v>
      </c>
      <c r="S8" s="3" t="s">
        <v>329</v>
      </c>
    </row>
    <row r="9" spans="1:19" s="1" customFormat="1">
      <c r="D9" s="4" t="s">
        <v>229</v>
      </c>
      <c r="E9" s="4" t="s">
        <v>229</v>
      </c>
      <c r="F9" s="4" t="s">
        <v>229</v>
      </c>
      <c r="G9" s="4" t="s">
        <v>229</v>
      </c>
      <c r="H9" s="4" t="s">
        <v>229</v>
      </c>
      <c r="I9" s="4" t="s">
        <v>229</v>
      </c>
      <c r="J9" s="4" t="s">
        <v>229</v>
      </c>
      <c r="K9" s="4" t="s">
        <v>229</v>
      </c>
      <c r="L9" s="4" t="s">
        <v>229</v>
      </c>
      <c r="M9" s="4" t="s">
        <v>229</v>
      </c>
      <c r="N9" s="4" t="s">
        <v>229</v>
      </c>
      <c r="O9" s="4" t="s">
        <v>229</v>
      </c>
      <c r="P9" s="4" t="s">
        <v>229</v>
      </c>
      <c r="Q9" s="4" t="s">
        <v>229</v>
      </c>
      <c r="R9" s="4" t="s">
        <v>229</v>
      </c>
      <c r="S9" s="4" t="s">
        <v>22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6</v>
      </c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6">
        <v>55704949</v>
      </c>
      <c r="E11" s="6">
        <v>676389</v>
      </c>
      <c r="F11" s="6">
        <v>477023</v>
      </c>
      <c r="G11" s="6">
        <v>199366</v>
      </c>
      <c r="H11" s="6">
        <v>637716</v>
      </c>
      <c r="I11" s="6">
        <v>321309</v>
      </c>
      <c r="J11" s="6">
        <v>127651</v>
      </c>
      <c r="K11" s="6">
        <v>21514</v>
      </c>
      <c r="L11" s="6">
        <v>167242</v>
      </c>
      <c r="M11" s="6">
        <v>32563936</v>
      </c>
      <c r="N11" s="6">
        <v>1953477</v>
      </c>
      <c r="O11" s="6">
        <v>28858646</v>
      </c>
      <c r="P11" s="6">
        <v>1125402</v>
      </c>
      <c r="Q11" s="6">
        <v>626411</v>
      </c>
      <c r="R11" s="6">
        <v>20555723</v>
      </c>
      <c r="S11" s="6">
        <v>1271185</v>
      </c>
    </row>
    <row r="12" spans="1:19">
      <c r="A12" s="9" t="s">
        <v>27</v>
      </c>
      <c r="B12" s="9" t="s">
        <v>57</v>
      </c>
      <c r="C12" s="9" t="s">
        <v>58</v>
      </c>
      <c r="D12" s="6">
        <v>716740</v>
      </c>
      <c r="E12" s="6">
        <v>24788</v>
      </c>
      <c r="F12" s="6">
        <v>17366</v>
      </c>
      <c r="G12" s="6">
        <v>7422</v>
      </c>
      <c r="H12" s="6">
        <v>19493</v>
      </c>
      <c r="I12" s="6">
        <v>10703</v>
      </c>
      <c r="J12" s="6">
        <v>3556</v>
      </c>
      <c r="K12" s="6">
        <v>608</v>
      </c>
      <c r="L12" s="6">
        <v>4626</v>
      </c>
      <c r="M12" s="6">
        <v>428137</v>
      </c>
      <c r="N12" s="6">
        <v>29012</v>
      </c>
      <c r="O12" s="6">
        <v>374200</v>
      </c>
      <c r="P12" s="6">
        <v>16941</v>
      </c>
      <c r="Q12" s="6">
        <v>7984</v>
      </c>
      <c r="R12" s="6">
        <v>232149</v>
      </c>
      <c r="S12" s="6">
        <v>12173</v>
      </c>
    </row>
    <row r="13" spans="1:19">
      <c r="A13" s="9" t="s">
        <v>56</v>
      </c>
      <c r="B13" s="9" t="s">
        <v>57</v>
      </c>
      <c r="C13" s="9" t="s">
        <v>59</v>
      </c>
      <c r="D13" s="6">
        <v>48996</v>
      </c>
      <c r="E13" s="6">
        <v>3021</v>
      </c>
      <c r="F13" s="6">
        <v>1534</v>
      </c>
      <c r="G13" s="6">
        <v>1487</v>
      </c>
      <c r="H13" s="6">
        <v>1574</v>
      </c>
      <c r="I13" s="6">
        <v>890</v>
      </c>
      <c r="J13" s="6">
        <v>234</v>
      </c>
      <c r="K13" s="6">
        <v>55</v>
      </c>
      <c r="L13" s="6">
        <v>395</v>
      </c>
      <c r="M13" s="6">
        <v>28048</v>
      </c>
      <c r="N13" s="6">
        <v>2038</v>
      </c>
      <c r="O13" s="6">
        <v>24424</v>
      </c>
      <c r="P13" s="6">
        <v>1110</v>
      </c>
      <c r="Q13" s="6">
        <v>476</v>
      </c>
      <c r="R13" s="6">
        <v>15979</v>
      </c>
      <c r="S13" s="6">
        <v>374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8" orientation="portrait" r:id="rId1"/>
</worksheet>
</file>

<file path=xl/worksheets/sheet5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EB7FA3D3-6E01-427A-8353-27339FEEEAB3}">
  <sheetPr>
    <pageSetUpPr fitToPage="1"/>
  </sheetPr>
  <dimension ref="A1:S13"/>
  <sheetViews>
    <sheetView zoomScaleNormal="100" workbookViewId="0">
      <pane xSplit="3" ySplit="10" topLeftCell="E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3.75" style="11" customWidth="1"/>
    <col min="2" max="2" width="8.75" style="11" customWidth="1"/>
    <col min="3" max="3" width="11.25" style="11" customWidth="1"/>
    <col min="4" max="16384" width="12.625" style="11"/>
  </cols>
  <sheetData>
    <row r="1" spans="1:19" s="1" customFormat="1">
      <c r="A1" s="1" t="s">
        <v>0</v>
      </c>
    </row>
    <row r="2" spans="1:19" s="1" customFormat="1">
      <c r="A2" s="1" t="s">
        <v>330</v>
      </c>
    </row>
    <row r="3" spans="1:19" s="1" customFormat="1"/>
    <row r="4" spans="1:19" s="1" customFormat="1" outlineLevel="1">
      <c r="A4" s="1" t="s">
        <v>313</v>
      </c>
    </row>
    <row r="5" spans="1:19" s="1" customFormat="1">
      <c r="D5" s="3" t="s">
        <v>209</v>
      </c>
      <c r="E5" s="3" t="s">
        <v>209</v>
      </c>
      <c r="F5" s="3" t="s">
        <v>209</v>
      </c>
      <c r="G5" s="3" t="s">
        <v>209</v>
      </c>
      <c r="H5" s="3" t="s">
        <v>209</v>
      </c>
      <c r="I5" s="3" t="s">
        <v>209</v>
      </c>
      <c r="J5" s="3" t="s">
        <v>209</v>
      </c>
      <c r="K5" s="3" t="s">
        <v>209</v>
      </c>
      <c r="L5" s="3" t="s">
        <v>209</v>
      </c>
      <c r="M5" s="3" t="s">
        <v>209</v>
      </c>
      <c r="N5" s="3" t="s">
        <v>209</v>
      </c>
      <c r="O5" s="3" t="s">
        <v>209</v>
      </c>
      <c r="P5" s="3" t="s">
        <v>209</v>
      </c>
      <c r="Q5" s="3" t="s">
        <v>209</v>
      </c>
      <c r="R5" s="3" t="s">
        <v>209</v>
      </c>
      <c r="S5" s="3" t="s">
        <v>209</v>
      </c>
    </row>
    <row r="6" spans="1:19" s="1" customFormat="1" ht="24">
      <c r="D6" s="3" t="s">
        <v>314</v>
      </c>
      <c r="E6" s="3" t="s">
        <v>314</v>
      </c>
      <c r="F6" s="3" t="s">
        <v>314</v>
      </c>
      <c r="G6" s="3" t="s">
        <v>314</v>
      </c>
      <c r="H6" s="3" t="s">
        <v>314</v>
      </c>
      <c r="I6" s="3" t="s">
        <v>314</v>
      </c>
      <c r="J6" s="3" t="s">
        <v>314</v>
      </c>
      <c r="K6" s="3" t="s">
        <v>314</v>
      </c>
      <c r="L6" s="3" t="s">
        <v>314</v>
      </c>
      <c r="M6" s="3" t="s">
        <v>314</v>
      </c>
      <c r="N6" s="3" t="s">
        <v>314</v>
      </c>
      <c r="O6" s="3" t="s">
        <v>314</v>
      </c>
      <c r="P6" s="3" t="s">
        <v>314</v>
      </c>
      <c r="Q6" s="3" t="s">
        <v>314</v>
      </c>
      <c r="R6" s="3" t="s">
        <v>314</v>
      </c>
      <c r="S6" s="3" t="s">
        <v>314</v>
      </c>
    </row>
    <row r="7" spans="1:19" s="1" customFormat="1">
      <c r="D7" s="3">
        <v>1</v>
      </c>
      <c r="E7" s="3">
        <v>1</v>
      </c>
      <c r="F7" s="3">
        <v>2</v>
      </c>
      <c r="G7" s="3">
        <v>2</v>
      </c>
      <c r="H7" s="3">
        <v>1</v>
      </c>
      <c r="I7" s="3">
        <v>2</v>
      </c>
      <c r="J7" s="3">
        <v>2</v>
      </c>
      <c r="K7" s="3">
        <v>2</v>
      </c>
      <c r="L7" s="3">
        <v>2</v>
      </c>
      <c r="M7" s="3">
        <v>1</v>
      </c>
      <c r="N7" s="3">
        <v>2</v>
      </c>
      <c r="O7" s="3">
        <v>2</v>
      </c>
      <c r="P7" s="3">
        <v>2</v>
      </c>
      <c r="Q7" s="3">
        <v>2</v>
      </c>
      <c r="R7" s="3">
        <v>1</v>
      </c>
      <c r="S7" s="3">
        <v>1</v>
      </c>
    </row>
    <row r="8" spans="1:19" s="1" customFormat="1" ht="60">
      <c r="D8" s="3" t="s">
        <v>6</v>
      </c>
      <c r="E8" s="3" t="s">
        <v>315</v>
      </c>
      <c r="F8" s="3" t="s">
        <v>316</v>
      </c>
      <c r="G8" s="3" t="s">
        <v>317</v>
      </c>
      <c r="H8" s="3" t="s">
        <v>318</v>
      </c>
      <c r="I8" s="3" t="s">
        <v>319</v>
      </c>
      <c r="J8" s="3" t="s">
        <v>320</v>
      </c>
      <c r="K8" s="3" t="s">
        <v>321</v>
      </c>
      <c r="L8" s="3" t="s">
        <v>322</v>
      </c>
      <c r="M8" s="3" t="s">
        <v>323</v>
      </c>
      <c r="N8" s="3" t="s">
        <v>324</v>
      </c>
      <c r="O8" s="3" t="s">
        <v>325</v>
      </c>
      <c r="P8" s="3" t="s">
        <v>326</v>
      </c>
      <c r="Q8" s="3" t="s">
        <v>327</v>
      </c>
      <c r="R8" s="3" t="s">
        <v>328</v>
      </c>
      <c r="S8" s="3" t="s">
        <v>329</v>
      </c>
    </row>
    <row r="9" spans="1:19" s="1" customFormat="1">
      <c r="D9" s="4" t="s">
        <v>19</v>
      </c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6</v>
      </c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6">
        <v>123162995</v>
      </c>
      <c r="E11" s="6">
        <v>1566410</v>
      </c>
      <c r="F11" s="6">
        <v>1172537</v>
      </c>
      <c r="G11" s="6">
        <v>393873</v>
      </c>
      <c r="H11" s="6">
        <v>2437777</v>
      </c>
      <c r="I11" s="6">
        <v>1271620</v>
      </c>
      <c r="J11" s="6">
        <v>450093</v>
      </c>
      <c r="K11" s="6">
        <v>80399</v>
      </c>
      <c r="L11" s="6">
        <v>635665</v>
      </c>
      <c r="M11" s="6">
        <v>83256708</v>
      </c>
      <c r="N11" s="6">
        <v>4182412</v>
      </c>
      <c r="O11" s="6">
        <v>73119538</v>
      </c>
      <c r="P11" s="6">
        <v>3833750</v>
      </c>
      <c r="Q11" s="6">
        <v>2121008</v>
      </c>
      <c r="R11" s="6">
        <v>32947514</v>
      </c>
      <c r="S11" s="6">
        <v>2954586</v>
      </c>
    </row>
    <row r="12" spans="1:19">
      <c r="A12" s="9" t="s">
        <v>27</v>
      </c>
      <c r="B12" s="9" t="s">
        <v>57</v>
      </c>
      <c r="C12" s="9" t="s">
        <v>58</v>
      </c>
      <c r="D12" s="6">
        <v>1678793</v>
      </c>
      <c r="E12" s="6">
        <v>61840</v>
      </c>
      <c r="F12" s="6">
        <v>48080</v>
      </c>
      <c r="G12" s="6">
        <v>13760</v>
      </c>
      <c r="H12" s="6">
        <v>77551</v>
      </c>
      <c r="I12" s="6">
        <v>43981</v>
      </c>
      <c r="J12" s="6">
        <v>13074</v>
      </c>
      <c r="K12" s="6">
        <v>2379</v>
      </c>
      <c r="L12" s="6">
        <v>18117</v>
      </c>
      <c r="M12" s="6">
        <v>1136622</v>
      </c>
      <c r="N12" s="6">
        <v>64486</v>
      </c>
      <c r="O12" s="6">
        <v>984385</v>
      </c>
      <c r="P12" s="6">
        <v>59482</v>
      </c>
      <c r="Q12" s="6">
        <v>28269</v>
      </c>
      <c r="R12" s="6">
        <v>372181</v>
      </c>
      <c r="S12" s="6">
        <v>30599</v>
      </c>
    </row>
    <row r="13" spans="1:19">
      <c r="A13" s="9" t="s">
        <v>56</v>
      </c>
      <c r="B13" s="9" t="s">
        <v>57</v>
      </c>
      <c r="C13" s="9" t="s">
        <v>59</v>
      </c>
      <c r="D13" s="6">
        <v>117827</v>
      </c>
      <c r="E13" s="6">
        <v>7184</v>
      </c>
      <c r="F13" s="6">
        <v>5190</v>
      </c>
      <c r="G13" s="6">
        <v>1994</v>
      </c>
      <c r="H13" s="6">
        <v>6733</v>
      </c>
      <c r="I13" s="6">
        <v>4061</v>
      </c>
      <c r="J13" s="6">
        <v>896</v>
      </c>
      <c r="K13" s="6">
        <v>221</v>
      </c>
      <c r="L13" s="6">
        <v>1555</v>
      </c>
      <c r="M13" s="6">
        <v>76289</v>
      </c>
      <c r="N13" s="6">
        <v>4565</v>
      </c>
      <c r="O13" s="6">
        <v>66052</v>
      </c>
      <c r="P13" s="6">
        <v>3966</v>
      </c>
      <c r="Q13" s="6">
        <v>1706</v>
      </c>
      <c r="R13" s="6">
        <v>26683</v>
      </c>
      <c r="S13" s="6">
        <v>93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6" orientation="portrait" r:id="rId1"/>
</worksheet>
</file>

<file path=xl/worksheets/sheet5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52BFB7EC-84F5-450B-B9A2-78D5DC949EC7}">
  <sheetPr>
    <pageSetUpPr fitToPage="1"/>
  </sheetPr>
  <dimension ref="A1:S13"/>
  <sheetViews>
    <sheetView zoomScaleNormal="100" workbookViewId="0">
      <pane xSplit="3" ySplit="10" topLeftCell="E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3.75" style="11" customWidth="1"/>
    <col min="2" max="2" width="8.75" style="11" customWidth="1"/>
    <col min="3" max="3" width="11.25" style="11" customWidth="1"/>
    <col min="4" max="16384" width="12.625" style="11"/>
  </cols>
  <sheetData>
    <row r="1" spans="1:19" s="1" customFormat="1">
      <c r="A1" s="1" t="s">
        <v>0</v>
      </c>
    </row>
    <row r="2" spans="1:19" s="1" customFormat="1">
      <c r="A2" s="1" t="s">
        <v>331</v>
      </c>
    </row>
    <row r="3" spans="1:19" s="1" customFormat="1"/>
    <row r="4" spans="1:19" s="1" customFormat="1" outlineLevel="1">
      <c r="A4" s="1" t="s">
        <v>313</v>
      </c>
    </row>
    <row r="5" spans="1:19" s="1" customFormat="1">
      <c r="D5" s="3" t="s">
        <v>106</v>
      </c>
      <c r="E5" s="3" t="s">
        <v>106</v>
      </c>
      <c r="F5" s="3" t="s">
        <v>106</v>
      </c>
      <c r="G5" s="3" t="s">
        <v>106</v>
      </c>
      <c r="H5" s="3" t="s">
        <v>106</v>
      </c>
      <c r="I5" s="3" t="s">
        <v>106</v>
      </c>
      <c r="J5" s="3" t="s">
        <v>106</v>
      </c>
      <c r="K5" s="3" t="s">
        <v>106</v>
      </c>
      <c r="L5" s="3" t="s">
        <v>106</v>
      </c>
      <c r="M5" s="3" t="s">
        <v>106</v>
      </c>
      <c r="N5" s="3" t="s">
        <v>106</v>
      </c>
      <c r="O5" s="3" t="s">
        <v>106</v>
      </c>
      <c r="P5" s="3" t="s">
        <v>106</v>
      </c>
      <c r="Q5" s="3" t="s">
        <v>106</v>
      </c>
      <c r="R5" s="3" t="s">
        <v>106</v>
      </c>
      <c r="S5" s="3" t="s">
        <v>106</v>
      </c>
    </row>
    <row r="6" spans="1:19" s="1" customFormat="1" ht="24">
      <c r="D6" s="3" t="s">
        <v>314</v>
      </c>
      <c r="E6" s="3" t="s">
        <v>314</v>
      </c>
      <c r="F6" s="3" t="s">
        <v>314</v>
      </c>
      <c r="G6" s="3" t="s">
        <v>314</v>
      </c>
      <c r="H6" s="3" t="s">
        <v>314</v>
      </c>
      <c r="I6" s="3" t="s">
        <v>314</v>
      </c>
      <c r="J6" s="3" t="s">
        <v>314</v>
      </c>
      <c r="K6" s="3" t="s">
        <v>314</v>
      </c>
      <c r="L6" s="3" t="s">
        <v>314</v>
      </c>
      <c r="M6" s="3" t="s">
        <v>314</v>
      </c>
      <c r="N6" s="3" t="s">
        <v>314</v>
      </c>
      <c r="O6" s="3" t="s">
        <v>314</v>
      </c>
      <c r="P6" s="3" t="s">
        <v>314</v>
      </c>
      <c r="Q6" s="3" t="s">
        <v>314</v>
      </c>
      <c r="R6" s="3" t="s">
        <v>314</v>
      </c>
      <c r="S6" s="3" t="s">
        <v>314</v>
      </c>
    </row>
    <row r="7" spans="1:19" s="1" customFormat="1">
      <c r="D7" s="3">
        <v>1</v>
      </c>
      <c r="E7" s="3">
        <v>1</v>
      </c>
      <c r="F7" s="3">
        <v>2</v>
      </c>
      <c r="G7" s="3">
        <v>2</v>
      </c>
      <c r="H7" s="3">
        <v>1</v>
      </c>
      <c r="I7" s="3">
        <v>2</v>
      </c>
      <c r="J7" s="3">
        <v>2</v>
      </c>
      <c r="K7" s="3">
        <v>2</v>
      </c>
      <c r="L7" s="3">
        <v>2</v>
      </c>
      <c r="M7" s="3">
        <v>1</v>
      </c>
      <c r="N7" s="3">
        <v>2</v>
      </c>
      <c r="O7" s="3">
        <v>2</v>
      </c>
      <c r="P7" s="3">
        <v>2</v>
      </c>
      <c r="Q7" s="3">
        <v>2</v>
      </c>
      <c r="R7" s="3">
        <v>1</v>
      </c>
      <c r="S7" s="3">
        <v>1</v>
      </c>
    </row>
    <row r="8" spans="1:19" s="1" customFormat="1" ht="60">
      <c r="D8" s="3" t="s">
        <v>6</v>
      </c>
      <c r="E8" s="3" t="s">
        <v>315</v>
      </c>
      <c r="F8" s="3" t="s">
        <v>316</v>
      </c>
      <c r="G8" s="3" t="s">
        <v>317</v>
      </c>
      <c r="H8" s="3" t="s">
        <v>318</v>
      </c>
      <c r="I8" s="3" t="s">
        <v>319</v>
      </c>
      <c r="J8" s="3" t="s">
        <v>320</v>
      </c>
      <c r="K8" s="3" t="s">
        <v>321</v>
      </c>
      <c r="L8" s="3" t="s">
        <v>322</v>
      </c>
      <c r="M8" s="3" t="s">
        <v>323</v>
      </c>
      <c r="N8" s="3" t="s">
        <v>324</v>
      </c>
      <c r="O8" s="3" t="s">
        <v>325</v>
      </c>
      <c r="P8" s="3" t="s">
        <v>326</v>
      </c>
      <c r="Q8" s="3" t="s">
        <v>327</v>
      </c>
      <c r="R8" s="3" t="s">
        <v>328</v>
      </c>
      <c r="S8" s="3" t="s">
        <v>329</v>
      </c>
    </row>
    <row r="9" spans="1:19" s="1" customFormat="1">
      <c r="D9" s="4" t="s">
        <v>19</v>
      </c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6</v>
      </c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6">
        <v>57459495</v>
      </c>
      <c r="E11" s="6">
        <v>1095421</v>
      </c>
      <c r="F11" s="6">
        <v>855075</v>
      </c>
      <c r="G11" s="6">
        <v>240346</v>
      </c>
      <c r="H11" s="6">
        <v>1798125</v>
      </c>
      <c r="I11" s="6">
        <v>971692</v>
      </c>
      <c r="J11" s="6">
        <v>309767</v>
      </c>
      <c r="K11" s="6">
        <v>61861</v>
      </c>
      <c r="L11" s="6">
        <v>454805</v>
      </c>
      <c r="M11" s="6">
        <v>52520386</v>
      </c>
      <c r="N11" s="6">
        <v>2707113</v>
      </c>
      <c r="O11" s="6">
        <v>45450734</v>
      </c>
      <c r="P11" s="6">
        <v>2832496</v>
      </c>
      <c r="Q11" s="6">
        <v>1530043</v>
      </c>
      <c r="R11" s="6">
        <v>27177</v>
      </c>
      <c r="S11" s="6">
        <v>2018386</v>
      </c>
    </row>
    <row r="12" spans="1:19">
      <c r="A12" s="9" t="s">
        <v>27</v>
      </c>
      <c r="B12" s="9" t="s">
        <v>57</v>
      </c>
      <c r="C12" s="9" t="s">
        <v>58</v>
      </c>
      <c r="D12" s="6">
        <v>815874</v>
      </c>
      <c r="E12" s="6">
        <v>43174</v>
      </c>
      <c r="F12" s="6">
        <v>34202</v>
      </c>
      <c r="G12" s="6">
        <v>8972</v>
      </c>
      <c r="H12" s="6">
        <v>55937</v>
      </c>
      <c r="I12" s="6">
        <v>33208</v>
      </c>
      <c r="J12" s="6">
        <v>8620</v>
      </c>
      <c r="K12" s="6">
        <v>1714</v>
      </c>
      <c r="L12" s="6">
        <v>12395</v>
      </c>
      <c r="M12" s="6">
        <v>695945</v>
      </c>
      <c r="N12" s="6">
        <v>41421</v>
      </c>
      <c r="O12" s="6">
        <v>592727</v>
      </c>
      <c r="P12" s="6">
        <v>42165</v>
      </c>
      <c r="Q12" s="6">
        <v>19632</v>
      </c>
      <c r="R12" s="6">
        <v>373</v>
      </c>
      <c r="S12" s="6">
        <v>20445</v>
      </c>
    </row>
    <row r="13" spans="1:19">
      <c r="A13" s="9" t="s">
        <v>56</v>
      </c>
      <c r="B13" s="9" t="s">
        <v>57</v>
      </c>
      <c r="C13" s="9" t="s">
        <v>59</v>
      </c>
      <c r="D13" s="6">
        <v>56819</v>
      </c>
      <c r="E13" s="6">
        <v>5193</v>
      </c>
      <c r="F13" s="6">
        <v>3572</v>
      </c>
      <c r="G13" s="6">
        <v>1621</v>
      </c>
      <c r="H13" s="6">
        <v>4789</v>
      </c>
      <c r="I13" s="6">
        <v>3019</v>
      </c>
      <c r="J13" s="6">
        <v>591</v>
      </c>
      <c r="K13" s="6">
        <v>148</v>
      </c>
      <c r="L13" s="6">
        <v>1031</v>
      </c>
      <c r="M13" s="6">
        <v>46201</v>
      </c>
      <c r="N13" s="6">
        <v>2987</v>
      </c>
      <c r="O13" s="6">
        <v>39181</v>
      </c>
      <c r="P13" s="6">
        <v>2843</v>
      </c>
      <c r="Q13" s="6">
        <v>1190</v>
      </c>
      <c r="R13" s="6">
        <v>28</v>
      </c>
      <c r="S13" s="6">
        <v>608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8" orientation="portrait" r:id="rId1"/>
</worksheet>
</file>

<file path=xl/worksheets/sheet5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B7836A5A-6FBE-4F66-BD93-C8E0C02E56DA}">
  <sheetPr>
    <pageSetUpPr fitToPage="1"/>
  </sheetPr>
  <dimension ref="A1:S13"/>
  <sheetViews>
    <sheetView zoomScaleNormal="100" workbookViewId="0">
      <pane xSplit="3" ySplit="10" topLeftCell="D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3.75" style="11" customWidth="1"/>
    <col min="2" max="2" width="8.75" style="11" customWidth="1"/>
    <col min="3" max="3" width="11.25" style="11" customWidth="1"/>
    <col min="4" max="16384" width="12.625" style="11"/>
  </cols>
  <sheetData>
    <row r="1" spans="1:19" s="1" customFormat="1">
      <c r="A1" s="1" t="s">
        <v>0</v>
      </c>
    </row>
    <row r="2" spans="1:19" s="1" customFormat="1">
      <c r="A2" s="1" t="s">
        <v>332</v>
      </c>
    </row>
    <row r="3" spans="1:19" s="1" customFormat="1"/>
    <row r="4" spans="1:19" s="1" customFormat="1" outlineLevel="1">
      <c r="A4" s="1" t="s">
        <v>313</v>
      </c>
    </row>
    <row r="5" spans="1:19" s="1" customFormat="1" ht="24">
      <c r="D5" s="3" t="s">
        <v>333</v>
      </c>
      <c r="E5" s="3" t="s">
        <v>333</v>
      </c>
      <c r="F5" s="3" t="s">
        <v>333</v>
      </c>
      <c r="G5" s="3" t="s">
        <v>333</v>
      </c>
      <c r="H5" s="3" t="s">
        <v>333</v>
      </c>
      <c r="I5" s="3" t="s">
        <v>333</v>
      </c>
      <c r="J5" s="3" t="s">
        <v>333</v>
      </c>
      <c r="K5" s="3" t="s">
        <v>333</v>
      </c>
      <c r="L5" s="3" t="s">
        <v>333</v>
      </c>
      <c r="M5" s="3" t="s">
        <v>333</v>
      </c>
      <c r="N5" s="3" t="s">
        <v>333</v>
      </c>
      <c r="O5" s="3" t="s">
        <v>333</v>
      </c>
      <c r="P5" s="3" t="s">
        <v>333</v>
      </c>
      <c r="Q5" s="3" t="s">
        <v>333</v>
      </c>
      <c r="R5" s="3" t="s">
        <v>333</v>
      </c>
      <c r="S5" s="3" t="s">
        <v>333</v>
      </c>
    </row>
    <row r="6" spans="1:19" s="1" customFormat="1" ht="24">
      <c r="D6" s="3" t="s">
        <v>314</v>
      </c>
      <c r="E6" s="3" t="s">
        <v>314</v>
      </c>
      <c r="F6" s="3" t="s">
        <v>314</v>
      </c>
      <c r="G6" s="3" t="s">
        <v>314</v>
      </c>
      <c r="H6" s="3" t="s">
        <v>314</v>
      </c>
      <c r="I6" s="3" t="s">
        <v>314</v>
      </c>
      <c r="J6" s="3" t="s">
        <v>314</v>
      </c>
      <c r="K6" s="3" t="s">
        <v>314</v>
      </c>
      <c r="L6" s="3" t="s">
        <v>314</v>
      </c>
      <c r="M6" s="3" t="s">
        <v>314</v>
      </c>
      <c r="N6" s="3" t="s">
        <v>314</v>
      </c>
      <c r="O6" s="3" t="s">
        <v>314</v>
      </c>
      <c r="P6" s="3" t="s">
        <v>314</v>
      </c>
      <c r="Q6" s="3" t="s">
        <v>314</v>
      </c>
      <c r="R6" s="3" t="s">
        <v>314</v>
      </c>
      <c r="S6" s="3" t="s">
        <v>314</v>
      </c>
    </row>
    <row r="7" spans="1:19" s="1" customFormat="1">
      <c r="D7" s="3">
        <v>1</v>
      </c>
      <c r="E7" s="3">
        <v>1</v>
      </c>
      <c r="F7" s="3">
        <v>2</v>
      </c>
      <c r="G7" s="3">
        <v>2</v>
      </c>
      <c r="H7" s="3">
        <v>1</v>
      </c>
      <c r="I7" s="3">
        <v>2</v>
      </c>
      <c r="J7" s="3">
        <v>2</v>
      </c>
      <c r="K7" s="3">
        <v>2</v>
      </c>
      <c r="L7" s="3">
        <v>2</v>
      </c>
      <c r="M7" s="3">
        <v>1</v>
      </c>
      <c r="N7" s="3">
        <v>2</v>
      </c>
      <c r="O7" s="3">
        <v>2</v>
      </c>
      <c r="P7" s="3">
        <v>2</v>
      </c>
      <c r="Q7" s="3">
        <v>2</v>
      </c>
      <c r="R7" s="3">
        <v>1</v>
      </c>
      <c r="S7" s="3">
        <v>1</v>
      </c>
    </row>
    <row r="8" spans="1:19" s="1" customFormat="1" ht="60">
      <c r="D8" s="3" t="s">
        <v>6</v>
      </c>
      <c r="E8" s="3" t="s">
        <v>315</v>
      </c>
      <c r="F8" s="3" t="s">
        <v>316</v>
      </c>
      <c r="G8" s="3" t="s">
        <v>317</v>
      </c>
      <c r="H8" s="3" t="s">
        <v>318</v>
      </c>
      <c r="I8" s="3" t="s">
        <v>319</v>
      </c>
      <c r="J8" s="3" t="s">
        <v>320</v>
      </c>
      <c r="K8" s="3" t="s">
        <v>321</v>
      </c>
      <c r="L8" s="3" t="s">
        <v>322</v>
      </c>
      <c r="M8" s="3" t="s">
        <v>323</v>
      </c>
      <c r="N8" s="3" t="s">
        <v>324</v>
      </c>
      <c r="O8" s="3" t="s">
        <v>325</v>
      </c>
      <c r="P8" s="3" t="s">
        <v>326</v>
      </c>
      <c r="Q8" s="3" t="s">
        <v>327</v>
      </c>
      <c r="R8" s="3" t="s">
        <v>328</v>
      </c>
      <c r="S8" s="3" t="s">
        <v>329</v>
      </c>
    </row>
    <row r="9" spans="1:19" s="1" customFormat="1">
      <c r="D9" s="4" t="s">
        <v>19</v>
      </c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26</v>
      </c>
      <c r="E10" s="2"/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7">
        <v>2.2109899999999998</v>
      </c>
      <c r="E11" s="7">
        <v>2.3158400000000001</v>
      </c>
      <c r="F11" s="7">
        <v>2.4580299999999999</v>
      </c>
      <c r="G11" s="7">
        <v>1.97563</v>
      </c>
      <c r="H11" s="7">
        <v>3.82267</v>
      </c>
      <c r="I11" s="7">
        <v>3.9576199999999999</v>
      </c>
      <c r="J11" s="7">
        <v>3.52597</v>
      </c>
      <c r="K11" s="7">
        <v>3.73705</v>
      </c>
      <c r="L11" s="7">
        <v>3.8008700000000002</v>
      </c>
      <c r="M11" s="7">
        <v>2.5567199999999999</v>
      </c>
      <c r="N11" s="7">
        <v>2.1410100000000001</v>
      </c>
      <c r="O11" s="7">
        <v>2.5337100000000001</v>
      </c>
      <c r="P11" s="7">
        <v>3.4065599999999998</v>
      </c>
      <c r="Q11" s="7">
        <v>3.3859699999999999</v>
      </c>
      <c r="R11" s="7">
        <v>1.60284</v>
      </c>
      <c r="S11" s="7">
        <v>2.3242799999999999</v>
      </c>
    </row>
    <row r="12" spans="1:19">
      <c r="A12" s="9" t="s">
        <v>27</v>
      </c>
      <c r="B12" s="9" t="s">
        <v>57</v>
      </c>
      <c r="C12" s="9" t="s">
        <v>58</v>
      </c>
      <c r="D12" s="7">
        <v>2.34226</v>
      </c>
      <c r="E12" s="7">
        <v>2.4947599999999999</v>
      </c>
      <c r="F12" s="7">
        <v>2.7686299999999999</v>
      </c>
      <c r="G12" s="7">
        <v>1.85395</v>
      </c>
      <c r="H12" s="7">
        <v>3.9784000000000002</v>
      </c>
      <c r="I12" s="7">
        <v>4.1092199999999997</v>
      </c>
      <c r="J12" s="7">
        <v>3.6766000000000001</v>
      </c>
      <c r="K12" s="7">
        <v>3.91283</v>
      </c>
      <c r="L12" s="7">
        <v>3.9163399999999999</v>
      </c>
      <c r="M12" s="7">
        <v>2.6548099999999999</v>
      </c>
      <c r="N12" s="7">
        <v>2.2227399999999999</v>
      </c>
      <c r="O12" s="7">
        <v>2.6306400000000001</v>
      </c>
      <c r="P12" s="7">
        <v>3.5111300000000001</v>
      </c>
      <c r="Q12" s="7">
        <v>3.5407099999999998</v>
      </c>
      <c r="R12" s="7">
        <v>1.6032</v>
      </c>
      <c r="S12" s="7">
        <v>2.5136799999999999</v>
      </c>
    </row>
    <row r="13" spans="1:19">
      <c r="A13" s="9" t="s">
        <v>56</v>
      </c>
      <c r="B13" s="9" t="s">
        <v>57</v>
      </c>
      <c r="C13" s="9" t="s">
        <v>59</v>
      </c>
      <c r="D13" s="7">
        <v>2.40483</v>
      </c>
      <c r="E13" s="7">
        <v>2.3780199999999998</v>
      </c>
      <c r="F13" s="7">
        <v>3.3833099999999998</v>
      </c>
      <c r="G13" s="7">
        <v>1.3409500000000001</v>
      </c>
      <c r="H13" s="7">
        <v>4.2776399999999999</v>
      </c>
      <c r="I13" s="7">
        <v>4.5629200000000001</v>
      </c>
      <c r="J13" s="7">
        <v>3.8290600000000001</v>
      </c>
      <c r="K13" s="7">
        <v>4.0181800000000001</v>
      </c>
      <c r="L13" s="7">
        <v>3.9367100000000002</v>
      </c>
      <c r="M13" s="7">
        <v>2.7199399999999998</v>
      </c>
      <c r="N13" s="7">
        <v>2.2399399999999998</v>
      </c>
      <c r="O13" s="7">
        <v>2.7043900000000001</v>
      </c>
      <c r="P13" s="7">
        <v>3.5729700000000002</v>
      </c>
      <c r="Q13" s="7">
        <v>3.5840299999999998</v>
      </c>
      <c r="R13" s="7">
        <v>1.66988</v>
      </c>
      <c r="S13" s="7">
        <v>2.508020000000000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8" orientation="portrait" r:id="rId1"/>
</worksheet>
</file>

<file path=xl/worksheets/sheet5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C59F102-041C-4345-822D-1C6E37963AD0}">
  <sheetPr>
    <pageSetUpPr fitToPage="1"/>
  </sheetPr>
  <dimension ref="A1:S226"/>
  <sheetViews>
    <sheetView zoomScaleNormal="100" workbookViewId="0">
      <pane xSplit="5" ySplit="10" topLeftCell="F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28.75" style="11" customWidth="1"/>
    <col min="5" max="5" width="31.25" style="11" customWidth="1"/>
    <col min="6" max="16384" width="12.625" style="11"/>
  </cols>
  <sheetData>
    <row r="1" spans="1:19" s="1" customFormat="1">
      <c r="A1" s="1" t="s">
        <v>0</v>
      </c>
    </row>
    <row r="2" spans="1:19" s="1" customFormat="1">
      <c r="A2" s="1" t="s">
        <v>334</v>
      </c>
    </row>
    <row r="3" spans="1:19" s="1" customFormat="1"/>
    <row r="4" spans="1:19" s="1" customFormat="1" hidden="1"/>
    <row r="5" spans="1:19" s="1" customFormat="1"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</v>
      </c>
      <c r="N5" s="3" t="s">
        <v>335</v>
      </c>
      <c r="O5" s="3" t="s">
        <v>335</v>
      </c>
      <c r="P5" s="3" t="s">
        <v>335</v>
      </c>
      <c r="Q5" s="3" t="s">
        <v>336</v>
      </c>
      <c r="R5" s="3" t="s">
        <v>336</v>
      </c>
      <c r="S5" s="3" t="s">
        <v>336</v>
      </c>
    </row>
    <row r="6" spans="1:19" s="1" customFormat="1">
      <c r="F6" s="3" t="s">
        <v>25</v>
      </c>
      <c r="G6" s="3" t="s">
        <v>25</v>
      </c>
      <c r="H6" s="3" t="s">
        <v>25</v>
      </c>
      <c r="I6" s="3" t="s">
        <v>25</v>
      </c>
      <c r="J6" s="3" t="s">
        <v>25</v>
      </c>
      <c r="K6" s="3" t="s">
        <v>25</v>
      </c>
      <c r="L6" s="3" t="s">
        <v>24</v>
      </c>
      <c r="M6" s="3" t="s">
        <v>24</v>
      </c>
      <c r="N6" s="3" t="s">
        <v>337</v>
      </c>
      <c r="O6" s="3" t="s">
        <v>337</v>
      </c>
      <c r="P6" s="3" t="s">
        <v>337</v>
      </c>
      <c r="Q6" s="3" t="s">
        <v>337</v>
      </c>
      <c r="R6" s="3" t="s">
        <v>337</v>
      </c>
      <c r="S6" s="3" t="s">
        <v>337</v>
      </c>
    </row>
    <row r="7" spans="1:19" s="1" customFormat="1">
      <c r="F7" s="3">
        <v>1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  <c r="S7" s="3">
        <v>1</v>
      </c>
    </row>
    <row r="8" spans="1:19" s="1" customFormat="1" ht="24">
      <c r="F8" s="3" t="s">
        <v>6</v>
      </c>
      <c r="G8" s="3" t="s">
        <v>338</v>
      </c>
      <c r="H8" s="3" t="s">
        <v>339</v>
      </c>
      <c r="I8" s="3" t="s">
        <v>340</v>
      </c>
      <c r="J8" s="3" t="s">
        <v>341</v>
      </c>
      <c r="K8" s="3" t="s">
        <v>342</v>
      </c>
      <c r="L8" s="3" t="s">
        <v>53</v>
      </c>
      <c r="M8" s="3" t="s">
        <v>54</v>
      </c>
      <c r="N8" s="3" t="s">
        <v>6</v>
      </c>
      <c r="O8" s="3" t="s">
        <v>343</v>
      </c>
      <c r="P8" s="3" t="s">
        <v>344</v>
      </c>
      <c r="Q8" s="3" t="s">
        <v>6</v>
      </c>
      <c r="R8" s="3" t="s">
        <v>343</v>
      </c>
      <c r="S8" s="3" t="s">
        <v>344</v>
      </c>
    </row>
    <row r="9" spans="1:19" s="1" customFormat="1"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19</v>
      </c>
      <c r="N9" s="4" t="s">
        <v>229</v>
      </c>
      <c r="O9" s="4" t="s">
        <v>229</v>
      </c>
      <c r="P9" s="4" t="s">
        <v>229</v>
      </c>
      <c r="Q9" s="4" t="s">
        <v>19</v>
      </c>
      <c r="R9" s="4" t="s">
        <v>19</v>
      </c>
      <c r="S9" s="4" t="s">
        <v>19</v>
      </c>
    </row>
    <row r="10" spans="1:19" s="1" customFormat="1">
      <c r="A10" s="2" t="s">
        <v>21</v>
      </c>
      <c r="B10" s="2" t="s">
        <v>22</v>
      </c>
      <c r="C10" s="2" t="s">
        <v>23</v>
      </c>
      <c r="D10" s="2" t="s">
        <v>345</v>
      </c>
      <c r="E10" s="2" t="s">
        <v>346</v>
      </c>
      <c r="F10" s="2" t="s">
        <v>26</v>
      </c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  <c r="S10" s="2"/>
    </row>
    <row r="11" spans="1:19">
      <c r="A11" s="5" t="s">
        <v>27</v>
      </c>
      <c r="B11" s="5" t="s">
        <v>28</v>
      </c>
      <c r="C11" s="5" t="s">
        <v>29</v>
      </c>
      <c r="D11" s="5" t="s">
        <v>347</v>
      </c>
      <c r="E11" s="5" t="s">
        <v>6</v>
      </c>
      <c r="F11" s="6">
        <v>126146099</v>
      </c>
      <c r="G11" s="6">
        <v>14955692</v>
      </c>
      <c r="H11" s="6">
        <v>72922764</v>
      </c>
      <c r="I11" s="6">
        <v>35335805</v>
      </c>
      <c r="J11" s="6">
        <v>2931838</v>
      </c>
      <c r="K11" s="6">
        <v>75380592</v>
      </c>
      <c r="L11" s="6">
        <v>61349581</v>
      </c>
      <c r="M11" s="6">
        <v>64796518</v>
      </c>
      <c r="N11" s="6">
        <v>55830154</v>
      </c>
      <c r="O11" s="6">
        <v>55704949</v>
      </c>
      <c r="P11" s="6">
        <v>125205</v>
      </c>
      <c r="Q11" s="6">
        <v>126146099</v>
      </c>
      <c r="R11" s="6">
        <v>123162995</v>
      </c>
      <c r="S11" s="6">
        <v>2983104</v>
      </c>
    </row>
    <row r="12" spans="1:19">
      <c r="A12" s="9" t="s">
        <v>27</v>
      </c>
      <c r="B12" s="9" t="s">
        <v>28</v>
      </c>
      <c r="C12" s="9" t="s">
        <v>29</v>
      </c>
      <c r="D12" s="9" t="s">
        <v>347</v>
      </c>
      <c r="E12" s="9" t="s">
        <v>348</v>
      </c>
      <c r="F12" s="6">
        <v>119320193</v>
      </c>
      <c r="G12" s="6">
        <v>14320692</v>
      </c>
      <c r="H12" s="6">
        <v>69640880</v>
      </c>
      <c r="I12" s="6">
        <v>32444764</v>
      </c>
      <c r="J12" s="6">
        <v>2913857</v>
      </c>
      <c r="K12" s="6">
        <v>71679887</v>
      </c>
      <c r="L12" s="6">
        <v>58059321</v>
      </c>
      <c r="M12" s="6">
        <v>61260872</v>
      </c>
      <c r="N12" s="6">
        <v>53162430</v>
      </c>
      <c r="O12" s="6">
        <v>53049287</v>
      </c>
      <c r="P12" s="6">
        <v>113143</v>
      </c>
      <c r="Q12" s="6">
        <v>119320193</v>
      </c>
      <c r="R12" s="6">
        <v>116595959</v>
      </c>
      <c r="S12" s="6">
        <v>2724234</v>
      </c>
    </row>
    <row r="13" spans="1:19">
      <c r="A13" s="9" t="s">
        <v>27</v>
      </c>
      <c r="B13" s="9" t="s">
        <v>28</v>
      </c>
      <c r="C13" s="9" t="s">
        <v>29</v>
      </c>
      <c r="D13" s="9" t="s">
        <v>56</v>
      </c>
      <c r="E13" s="9" t="s">
        <v>349</v>
      </c>
      <c r="F13" s="6">
        <v>90434647</v>
      </c>
      <c r="G13" s="6">
        <v>10970548</v>
      </c>
      <c r="H13" s="6">
        <v>54131169</v>
      </c>
      <c r="I13" s="6">
        <v>22745668</v>
      </c>
      <c r="J13" s="6">
        <v>2587262</v>
      </c>
      <c r="K13" s="6">
        <v>55244531</v>
      </c>
      <c r="L13" s="6">
        <v>44073713</v>
      </c>
      <c r="M13" s="6">
        <v>46360934</v>
      </c>
      <c r="N13" s="6">
        <v>41929596</v>
      </c>
      <c r="O13" s="6">
        <v>41858085</v>
      </c>
      <c r="P13" s="6">
        <v>71511</v>
      </c>
      <c r="Q13" s="6">
        <v>90434647</v>
      </c>
      <c r="R13" s="6">
        <v>88968308</v>
      </c>
      <c r="S13" s="6">
        <v>1466339</v>
      </c>
    </row>
    <row r="14" spans="1:19">
      <c r="A14" s="9" t="s">
        <v>27</v>
      </c>
      <c r="B14" s="9" t="s">
        <v>28</v>
      </c>
      <c r="C14" s="9" t="s">
        <v>29</v>
      </c>
      <c r="D14" s="9" t="s">
        <v>350</v>
      </c>
      <c r="E14" s="9" t="s">
        <v>351</v>
      </c>
      <c r="F14" s="6">
        <v>10995777</v>
      </c>
      <c r="G14" s="6">
        <v>1381173</v>
      </c>
      <c r="H14" s="6">
        <v>6822673</v>
      </c>
      <c r="I14" s="6">
        <v>2490602</v>
      </c>
      <c r="J14" s="6">
        <v>301329</v>
      </c>
      <c r="K14" s="6">
        <v>6910835</v>
      </c>
      <c r="L14" s="6">
        <v>5459813</v>
      </c>
      <c r="M14" s="6">
        <v>5535964</v>
      </c>
      <c r="N14" s="6">
        <v>5050302</v>
      </c>
      <c r="O14" s="6">
        <v>5040856</v>
      </c>
      <c r="P14" s="6">
        <v>9446</v>
      </c>
      <c r="Q14" s="6">
        <v>10995777</v>
      </c>
      <c r="R14" s="6">
        <v>10754373</v>
      </c>
      <c r="S14" s="6">
        <v>241404</v>
      </c>
    </row>
    <row r="15" spans="1:19">
      <c r="A15" s="9" t="s">
        <v>27</v>
      </c>
      <c r="B15" s="9" t="s">
        <v>28</v>
      </c>
      <c r="C15" s="9" t="s">
        <v>29</v>
      </c>
      <c r="D15" s="9" t="s">
        <v>352</v>
      </c>
      <c r="E15" s="9" t="s">
        <v>353</v>
      </c>
      <c r="F15" s="6">
        <v>2281042</v>
      </c>
      <c r="G15" s="6">
        <v>305313</v>
      </c>
      <c r="H15" s="6">
        <v>1422007</v>
      </c>
      <c r="I15" s="6">
        <v>498290</v>
      </c>
      <c r="J15" s="6">
        <v>55432</v>
      </c>
      <c r="K15" s="6">
        <v>1432509</v>
      </c>
      <c r="L15" s="6">
        <v>1146685</v>
      </c>
      <c r="M15" s="6">
        <v>1134357</v>
      </c>
      <c r="N15" s="6">
        <v>999250</v>
      </c>
      <c r="O15" s="6">
        <v>997012</v>
      </c>
      <c r="P15" s="6">
        <v>2238</v>
      </c>
      <c r="Q15" s="6">
        <v>2281042</v>
      </c>
      <c r="R15" s="6">
        <v>2230208</v>
      </c>
      <c r="S15" s="6">
        <v>50834</v>
      </c>
    </row>
    <row r="16" spans="1:19">
      <c r="A16" s="9" t="s">
        <v>27</v>
      </c>
      <c r="B16" s="9" t="s">
        <v>28</v>
      </c>
      <c r="C16" s="9" t="s">
        <v>29</v>
      </c>
      <c r="D16" s="9" t="s">
        <v>354</v>
      </c>
      <c r="E16" s="9" t="s">
        <v>355</v>
      </c>
      <c r="F16" s="6">
        <v>65124</v>
      </c>
      <c r="G16" s="6">
        <v>7883</v>
      </c>
      <c r="H16" s="6">
        <v>37429</v>
      </c>
      <c r="I16" s="6">
        <v>18648</v>
      </c>
      <c r="J16" s="6">
        <v>1164</v>
      </c>
      <c r="K16" s="6">
        <v>38518</v>
      </c>
      <c r="L16" s="6">
        <v>33456</v>
      </c>
      <c r="M16" s="6">
        <v>31668</v>
      </c>
      <c r="N16" s="6">
        <v>25404</v>
      </c>
      <c r="O16" s="6">
        <v>25309</v>
      </c>
      <c r="P16" s="6">
        <v>95</v>
      </c>
      <c r="Q16" s="6">
        <v>65124</v>
      </c>
      <c r="R16" s="6">
        <v>61759</v>
      </c>
      <c r="S16" s="6">
        <v>3365</v>
      </c>
    </row>
    <row r="17" spans="1:19">
      <c r="A17" s="9" t="s">
        <v>27</v>
      </c>
      <c r="B17" s="9" t="s">
        <v>28</v>
      </c>
      <c r="C17" s="9" t="s">
        <v>29</v>
      </c>
      <c r="D17" s="9" t="s">
        <v>354</v>
      </c>
      <c r="E17" s="9" t="s">
        <v>356</v>
      </c>
      <c r="F17" s="6">
        <v>111387</v>
      </c>
      <c r="G17" s="6">
        <v>14109</v>
      </c>
      <c r="H17" s="6">
        <v>67201</v>
      </c>
      <c r="I17" s="6">
        <v>27562</v>
      </c>
      <c r="J17" s="6">
        <v>2515</v>
      </c>
      <c r="K17" s="6">
        <v>68979</v>
      </c>
      <c r="L17" s="6">
        <v>57194</v>
      </c>
      <c r="M17" s="6">
        <v>54193</v>
      </c>
      <c r="N17" s="6">
        <v>47923</v>
      </c>
      <c r="O17" s="6">
        <v>47780</v>
      </c>
      <c r="P17" s="6">
        <v>143</v>
      </c>
      <c r="Q17" s="6">
        <v>111387</v>
      </c>
      <c r="R17" s="6">
        <v>109036</v>
      </c>
      <c r="S17" s="6">
        <v>2351</v>
      </c>
    </row>
    <row r="18" spans="1:19">
      <c r="A18" s="9" t="s">
        <v>27</v>
      </c>
      <c r="B18" s="9" t="s">
        <v>28</v>
      </c>
      <c r="C18" s="9" t="s">
        <v>29</v>
      </c>
      <c r="D18" s="9" t="s">
        <v>354</v>
      </c>
      <c r="E18" s="9" t="s">
        <v>357</v>
      </c>
      <c r="F18" s="6">
        <v>1532171</v>
      </c>
      <c r="G18" s="6">
        <v>205795</v>
      </c>
      <c r="H18" s="6">
        <v>962180</v>
      </c>
      <c r="I18" s="6">
        <v>326887</v>
      </c>
      <c r="J18" s="6">
        <v>37309</v>
      </c>
      <c r="K18" s="6">
        <v>968709</v>
      </c>
      <c r="L18" s="6">
        <v>769733</v>
      </c>
      <c r="M18" s="6">
        <v>762438</v>
      </c>
      <c r="N18" s="6">
        <v>677300</v>
      </c>
      <c r="O18" s="6">
        <v>675813</v>
      </c>
      <c r="P18" s="6">
        <v>1487</v>
      </c>
      <c r="Q18" s="6">
        <v>1532171</v>
      </c>
      <c r="R18" s="6">
        <v>1499202</v>
      </c>
      <c r="S18" s="6">
        <v>32969</v>
      </c>
    </row>
    <row r="19" spans="1:19">
      <c r="A19" s="9" t="s">
        <v>27</v>
      </c>
      <c r="B19" s="9" t="s">
        <v>28</v>
      </c>
      <c r="C19" s="9" t="s">
        <v>29</v>
      </c>
      <c r="D19" s="9" t="s">
        <v>354</v>
      </c>
      <c r="E19" s="9" t="s">
        <v>358</v>
      </c>
      <c r="F19" s="6">
        <v>572360</v>
      </c>
      <c r="G19" s="6">
        <v>77526</v>
      </c>
      <c r="H19" s="6">
        <v>355197</v>
      </c>
      <c r="I19" s="6">
        <v>125193</v>
      </c>
      <c r="J19" s="6">
        <v>14444</v>
      </c>
      <c r="K19" s="6">
        <v>356303</v>
      </c>
      <c r="L19" s="6">
        <v>286302</v>
      </c>
      <c r="M19" s="6">
        <v>286058</v>
      </c>
      <c r="N19" s="6">
        <v>248623</v>
      </c>
      <c r="O19" s="6">
        <v>248110</v>
      </c>
      <c r="P19" s="6">
        <v>513</v>
      </c>
      <c r="Q19" s="6">
        <v>572360</v>
      </c>
      <c r="R19" s="6">
        <v>560211</v>
      </c>
      <c r="S19" s="6">
        <v>12149</v>
      </c>
    </row>
    <row r="20" spans="1:19">
      <c r="A20" s="9" t="s">
        <v>27</v>
      </c>
      <c r="B20" s="9" t="s">
        <v>28</v>
      </c>
      <c r="C20" s="9" t="s">
        <v>29</v>
      </c>
      <c r="D20" s="9" t="s">
        <v>352</v>
      </c>
      <c r="E20" s="9" t="s">
        <v>359</v>
      </c>
      <c r="F20" s="6">
        <v>8714735</v>
      </c>
      <c r="G20" s="6">
        <v>1075860</v>
      </c>
      <c r="H20" s="6">
        <v>5400666</v>
      </c>
      <c r="I20" s="6">
        <v>1992312</v>
      </c>
      <c r="J20" s="6">
        <v>245897</v>
      </c>
      <c r="K20" s="6">
        <v>5478326</v>
      </c>
      <c r="L20" s="6">
        <v>4313128</v>
      </c>
      <c r="M20" s="6">
        <v>4401607</v>
      </c>
      <c r="N20" s="6">
        <v>4051052</v>
      </c>
      <c r="O20" s="6">
        <v>4043844</v>
      </c>
      <c r="P20" s="6">
        <v>7208</v>
      </c>
      <c r="Q20" s="6">
        <v>8714735</v>
      </c>
      <c r="R20" s="6">
        <v>8524165</v>
      </c>
      <c r="S20" s="6">
        <v>190570</v>
      </c>
    </row>
    <row r="21" spans="1:19">
      <c r="A21" s="9" t="s">
        <v>27</v>
      </c>
      <c r="B21" s="9" t="s">
        <v>28</v>
      </c>
      <c r="C21" s="9" t="s">
        <v>29</v>
      </c>
      <c r="D21" s="9" t="s">
        <v>354</v>
      </c>
      <c r="E21" s="9" t="s">
        <v>360</v>
      </c>
      <c r="F21" s="6">
        <v>6051459</v>
      </c>
      <c r="G21" s="6">
        <v>745079</v>
      </c>
      <c r="H21" s="6">
        <v>3744052</v>
      </c>
      <c r="I21" s="6">
        <v>1395656</v>
      </c>
      <c r="J21" s="6">
        <v>166672</v>
      </c>
      <c r="K21" s="6">
        <v>3798189</v>
      </c>
      <c r="L21" s="6">
        <v>2998580</v>
      </c>
      <c r="M21" s="6">
        <v>3052879</v>
      </c>
      <c r="N21" s="6">
        <v>2795921</v>
      </c>
      <c r="O21" s="6">
        <v>2790758</v>
      </c>
      <c r="P21" s="6">
        <v>5163</v>
      </c>
      <c r="Q21" s="6">
        <v>6051459</v>
      </c>
      <c r="R21" s="6">
        <v>5903735</v>
      </c>
      <c r="S21" s="6">
        <v>147724</v>
      </c>
    </row>
    <row r="22" spans="1:19">
      <c r="A22" s="9" t="s">
        <v>27</v>
      </c>
      <c r="B22" s="9" t="s">
        <v>28</v>
      </c>
      <c r="C22" s="9" t="s">
        <v>29</v>
      </c>
      <c r="D22" s="9" t="s">
        <v>354</v>
      </c>
      <c r="E22" s="9" t="s">
        <v>361</v>
      </c>
      <c r="F22" s="6">
        <v>2663276</v>
      </c>
      <c r="G22" s="6">
        <v>330781</v>
      </c>
      <c r="H22" s="6">
        <v>1656614</v>
      </c>
      <c r="I22" s="6">
        <v>596656</v>
      </c>
      <c r="J22" s="6">
        <v>79225</v>
      </c>
      <c r="K22" s="6">
        <v>1680137</v>
      </c>
      <c r="L22" s="6">
        <v>1314548</v>
      </c>
      <c r="M22" s="6">
        <v>1348728</v>
      </c>
      <c r="N22" s="6">
        <v>1255131</v>
      </c>
      <c r="O22" s="6">
        <v>1253086</v>
      </c>
      <c r="P22" s="6">
        <v>2045</v>
      </c>
      <c r="Q22" s="6">
        <v>2663276</v>
      </c>
      <c r="R22" s="6">
        <v>2620430</v>
      </c>
      <c r="S22" s="6">
        <v>42846</v>
      </c>
    </row>
    <row r="23" spans="1:19">
      <c r="A23" s="9" t="s">
        <v>27</v>
      </c>
      <c r="B23" s="9" t="s">
        <v>28</v>
      </c>
      <c r="C23" s="9" t="s">
        <v>29</v>
      </c>
      <c r="D23" s="9" t="s">
        <v>350</v>
      </c>
      <c r="E23" s="9" t="s">
        <v>362</v>
      </c>
      <c r="F23" s="6">
        <v>14440002</v>
      </c>
      <c r="G23" s="6">
        <v>1434252</v>
      </c>
      <c r="H23" s="6">
        <v>9030419</v>
      </c>
      <c r="I23" s="6">
        <v>3248264</v>
      </c>
      <c r="J23" s="6">
        <v>727067</v>
      </c>
      <c r="K23" s="6">
        <v>9259591</v>
      </c>
      <c r="L23" s="6">
        <v>6971348</v>
      </c>
      <c r="M23" s="6">
        <v>7468654</v>
      </c>
      <c r="N23" s="6">
        <v>7964299</v>
      </c>
      <c r="O23" s="6">
        <v>7941873</v>
      </c>
      <c r="P23" s="6">
        <v>22426</v>
      </c>
      <c r="Q23" s="6">
        <v>14440002</v>
      </c>
      <c r="R23" s="6">
        <v>14211245</v>
      </c>
      <c r="S23" s="6">
        <v>228757</v>
      </c>
    </row>
    <row r="24" spans="1:19">
      <c r="A24" s="9" t="s">
        <v>27</v>
      </c>
      <c r="B24" s="9" t="s">
        <v>28</v>
      </c>
      <c r="C24" s="9" t="s">
        <v>29</v>
      </c>
      <c r="D24" s="9" t="s">
        <v>352</v>
      </c>
      <c r="E24" s="9" t="s">
        <v>363</v>
      </c>
      <c r="F24" s="6">
        <v>6817863</v>
      </c>
      <c r="G24" s="6">
        <v>639878</v>
      </c>
      <c r="H24" s="6">
        <v>4331448</v>
      </c>
      <c r="I24" s="6">
        <v>1435782</v>
      </c>
      <c r="J24" s="6">
        <v>410755</v>
      </c>
      <c r="K24" s="6">
        <v>4451161</v>
      </c>
      <c r="L24" s="6">
        <v>3284318</v>
      </c>
      <c r="M24" s="6">
        <v>3533545</v>
      </c>
      <c r="N24" s="6">
        <v>3967391</v>
      </c>
      <c r="O24" s="6">
        <v>3951611</v>
      </c>
      <c r="P24" s="6">
        <v>15780</v>
      </c>
      <c r="Q24" s="6">
        <v>6817863</v>
      </c>
      <c r="R24" s="6">
        <v>6702700</v>
      </c>
      <c r="S24" s="6">
        <v>115163</v>
      </c>
    </row>
    <row r="25" spans="1:19">
      <c r="A25" s="9" t="s">
        <v>27</v>
      </c>
      <c r="B25" s="9" t="s">
        <v>28</v>
      </c>
      <c r="C25" s="9" t="s">
        <v>29</v>
      </c>
      <c r="D25" s="9" t="s">
        <v>354</v>
      </c>
      <c r="E25" s="9" t="s">
        <v>364</v>
      </c>
      <c r="F25" s="6">
        <v>4967340</v>
      </c>
      <c r="G25" s="6">
        <v>456517</v>
      </c>
      <c r="H25" s="6">
        <v>3157560</v>
      </c>
      <c r="I25" s="6">
        <v>1034258</v>
      </c>
      <c r="J25" s="6">
        <v>319005</v>
      </c>
      <c r="K25" s="6">
        <v>3247870</v>
      </c>
      <c r="L25" s="6">
        <v>2391547</v>
      </c>
      <c r="M25" s="6">
        <v>2575793</v>
      </c>
      <c r="N25" s="6">
        <v>2933947</v>
      </c>
      <c r="O25" s="6">
        <v>2920674</v>
      </c>
      <c r="P25" s="6">
        <v>13273</v>
      </c>
      <c r="Q25" s="6">
        <v>4967340</v>
      </c>
      <c r="R25" s="6">
        <v>4883007</v>
      </c>
      <c r="S25" s="6">
        <v>84333</v>
      </c>
    </row>
    <row r="26" spans="1:19">
      <c r="A26" s="9" t="s">
        <v>27</v>
      </c>
      <c r="B26" s="9" t="s">
        <v>28</v>
      </c>
      <c r="C26" s="9" t="s">
        <v>29</v>
      </c>
      <c r="D26" s="9" t="s">
        <v>354</v>
      </c>
      <c r="E26" s="9" t="s">
        <v>365</v>
      </c>
      <c r="F26" s="6">
        <v>1850523</v>
      </c>
      <c r="G26" s="6">
        <v>183361</v>
      </c>
      <c r="H26" s="6">
        <v>1173888</v>
      </c>
      <c r="I26" s="6">
        <v>401524</v>
      </c>
      <c r="J26" s="6">
        <v>91750</v>
      </c>
      <c r="K26" s="6">
        <v>1203291</v>
      </c>
      <c r="L26" s="6">
        <v>892771</v>
      </c>
      <c r="M26" s="6">
        <v>957752</v>
      </c>
      <c r="N26" s="6">
        <v>1033444</v>
      </c>
      <c r="O26" s="6">
        <v>1030937</v>
      </c>
      <c r="P26" s="6">
        <v>2507</v>
      </c>
      <c r="Q26" s="6">
        <v>1850523</v>
      </c>
      <c r="R26" s="6">
        <v>1819693</v>
      </c>
      <c r="S26" s="6">
        <v>30830</v>
      </c>
    </row>
    <row r="27" spans="1:19">
      <c r="A27" s="9" t="s">
        <v>27</v>
      </c>
      <c r="B27" s="9" t="s">
        <v>28</v>
      </c>
      <c r="C27" s="9" t="s">
        <v>29</v>
      </c>
      <c r="D27" s="9" t="s">
        <v>352</v>
      </c>
      <c r="E27" s="9" t="s">
        <v>366</v>
      </c>
      <c r="F27" s="6">
        <v>7622139</v>
      </c>
      <c r="G27" s="6">
        <v>794374</v>
      </c>
      <c r="H27" s="6">
        <v>4698971</v>
      </c>
      <c r="I27" s="6">
        <v>1812482</v>
      </c>
      <c r="J27" s="6">
        <v>316312</v>
      </c>
      <c r="K27" s="6">
        <v>4808430</v>
      </c>
      <c r="L27" s="6">
        <v>3687030</v>
      </c>
      <c r="M27" s="6">
        <v>3935109</v>
      </c>
      <c r="N27" s="6">
        <v>3996908</v>
      </c>
      <c r="O27" s="6">
        <v>3990262</v>
      </c>
      <c r="P27" s="6">
        <v>6646</v>
      </c>
      <c r="Q27" s="6">
        <v>7622139</v>
      </c>
      <c r="R27" s="6">
        <v>7508545</v>
      </c>
      <c r="S27" s="6">
        <v>113594</v>
      </c>
    </row>
    <row r="28" spans="1:19">
      <c r="A28" s="9" t="s">
        <v>27</v>
      </c>
      <c r="B28" s="9" t="s">
        <v>28</v>
      </c>
      <c r="C28" s="9" t="s">
        <v>29</v>
      </c>
      <c r="D28" s="9" t="s">
        <v>354</v>
      </c>
      <c r="E28" s="9" t="s">
        <v>367</v>
      </c>
      <c r="F28" s="6">
        <v>2731839</v>
      </c>
      <c r="G28" s="6">
        <v>271211</v>
      </c>
      <c r="H28" s="6">
        <v>1684486</v>
      </c>
      <c r="I28" s="6">
        <v>646383</v>
      </c>
      <c r="J28" s="6">
        <v>129759</v>
      </c>
      <c r="K28" s="6">
        <v>1728327</v>
      </c>
      <c r="L28" s="6">
        <v>1313187</v>
      </c>
      <c r="M28" s="6">
        <v>1418652</v>
      </c>
      <c r="N28" s="6">
        <v>1482313</v>
      </c>
      <c r="O28" s="6">
        <v>1478947</v>
      </c>
      <c r="P28" s="6">
        <v>3366</v>
      </c>
      <c r="Q28" s="6">
        <v>2731839</v>
      </c>
      <c r="R28" s="6">
        <v>2685101</v>
      </c>
      <c r="S28" s="6">
        <v>46738</v>
      </c>
    </row>
    <row r="29" spans="1:19">
      <c r="A29" s="9" t="s">
        <v>27</v>
      </c>
      <c r="B29" s="9" t="s">
        <v>28</v>
      </c>
      <c r="C29" s="9" t="s">
        <v>29</v>
      </c>
      <c r="D29" s="9" t="s">
        <v>354</v>
      </c>
      <c r="E29" s="9" t="s">
        <v>368</v>
      </c>
      <c r="F29" s="6">
        <v>4890300</v>
      </c>
      <c r="G29" s="6">
        <v>523163</v>
      </c>
      <c r="H29" s="6">
        <v>3014485</v>
      </c>
      <c r="I29" s="6">
        <v>1166099</v>
      </c>
      <c r="J29" s="6">
        <v>186553</v>
      </c>
      <c r="K29" s="6">
        <v>3080103</v>
      </c>
      <c r="L29" s="6">
        <v>2373843</v>
      </c>
      <c r="M29" s="6">
        <v>2516457</v>
      </c>
      <c r="N29" s="6">
        <v>2514595</v>
      </c>
      <c r="O29" s="6">
        <v>2511315</v>
      </c>
      <c r="P29" s="6">
        <v>3280</v>
      </c>
      <c r="Q29" s="6">
        <v>4890300</v>
      </c>
      <c r="R29" s="6">
        <v>4823444</v>
      </c>
      <c r="S29" s="6">
        <v>66856</v>
      </c>
    </row>
    <row r="30" spans="1:19">
      <c r="A30" s="9" t="s">
        <v>27</v>
      </c>
      <c r="B30" s="9" t="s">
        <v>28</v>
      </c>
      <c r="C30" s="9" t="s">
        <v>29</v>
      </c>
      <c r="D30" s="9" t="s">
        <v>350</v>
      </c>
      <c r="E30" s="9" t="s">
        <v>369</v>
      </c>
      <c r="F30" s="6">
        <v>64984312</v>
      </c>
      <c r="G30" s="6">
        <v>8152465</v>
      </c>
      <c r="H30" s="6">
        <v>38269385</v>
      </c>
      <c r="I30" s="6">
        <v>17004003</v>
      </c>
      <c r="J30" s="6">
        <v>1558459</v>
      </c>
      <c r="K30" s="6">
        <v>39065556</v>
      </c>
      <c r="L30" s="6">
        <v>31635091</v>
      </c>
      <c r="M30" s="6">
        <v>33349221</v>
      </c>
      <c r="N30" s="6">
        <v>28909725</v>
      </c>
      <c r="O30" s="6">
        <v>28870136</v>
      </c>
      <c r="P30" s="6">
        <v>39589</v>
      </c>
      <c r="Q30" s="6">
        <v>64984312</v>
      </c>
      <c r="R30" s="6">
        <v>63990035</v>
      </c>
      <c r="S30" s="6">
        <v>994277</v>
      </c>
    </row>
    <row r="31" spans="1:19">
      <c r="A31" s="9" t="s">
        <v>27</v>
      </c>
      <c r="B31" s="9" t="s">
        <v>28</v>
      </c>
      <c r="C31" s="9" t="s">
        <v>29</v>
      </c>
      <c r="D31" s="9" t="s">
        <v>352</v>
      </c>
      <c r="E31" s="9" t="s">
        <v>370</v>
      </c>
      <c r="F31" s="6">
        <v>28820790</v>
      </c>
      <c r="G31" s="6">
        <v>3572158</v>
      </c>
      <c r="H31" s="6">
        <v>17266470</v>
      </c>
      <c r="I31" s="6">
        <v>7180948</v>
      </c>
      <c r="J31" s="6">
        <v>801214</v>
      </c>
      <c r="K31" s="6">
        <v>17594888</v>
      </c>
      <c r="L31" s="6">
        <v>14117677</v>
      </c>
      <c r="M31" s="6">
        <v>14703113</v>
      </c>
      <c r="N31" s="6">
        <v>13116640</v>
      </c>
      <c r="O31" s="6">
        <v>13096803</v>
      </c>
      <c r="P31" s="6">
        <v>19837</v>
      </c>
      <c r="Q31" s="6">
        <v>28820790</v>
      </c>
      <c r="R31" s="6">
        <v>28323842</v>
      </c>
      <c r="S31" s="6">
        <v>496948</v>
      </c>
    </row>
    <row r="32" spans="1:19">
      <c r="A32" s="9" t="s">
        <v>27</v>
      </c>
      <c r="B32" s="9" t="s">
        <v>28</v>
      </c>
      <c r="C32" s="9" t="s">
        <v>29</v>
      </c>
      <c r="D32" s="9" t="s">
        <v>354</v>
      </c>
      <c r="E32" s="9" t="s">
        <v>371</v>
      </c>
      <c r="F32" s="6">
        <v>549</v>
      </c>
      <c r="G32" s="6">
        <v>92</v>
      </c>
      <c r="H32" s="6">
        <v>386</v>
      </c>
      <c r="I32" s="6">
        <v>56</v>
      </c>
      <c r="J32" s="6">
        <v>15</v>
      </c>
      <c r="K32" s="6">
        <v>383</v>
      </c>
      <c r="L32" s="6">
        <v>294</v>
      </c>
      <c r="M32" s="6">
        <v>255</v>
      </c>
      <c r="N32" s="6">
        <v>277</v>
      </c>
      <c r="O32" s="6">
        <v>276</v>
      </c>
      <c r="P32" s="6">
        <v>1</v>
      </c>
      <c r="Q32" s="6">
        <v>549</v>
      </c>
      <c r="R32" s="6">
        <v>543</v>
      </c>
      <c r="S32" s="6">
        <v>6</v>
      </c>
    </row>
    <row r="33" spans="1:19">
      <c r="A33" s="9" t="s">
        <v>27</v>
      </c>
      <c r="B33" s="9" t="s">
        <v>28</v>
      </c>
      <c r="C33" s="9" t="s">
        <v>29</v>
      </c>
      <c r="D33" s="9" t="s">
        <v>354</v>
      </c>
      <c r="E33" s="9" t="s">
        <v>372</v>
      </c>
      <c r="F33" s="6">
        <v>463707</v>
      </c>
      <c r="G33" s="6">
        <v>55918</v>
      </c>
      <c r="H33" s="6">
        <v>289444</v>
      </c>
      <c r="I33" s="6">
        <v>104810</v>
      </c>
      <c r="J33" s="6">
        <v>13535</v>
      </c>
      <c r="K33" s="6">
        <v>294848</v>
      </c>
      <c r="L33" s="6">
        <v>226197</v>
      </c>
      <c r="M33" s="6">
        <v>237510</v>
      </c>
      <c r="N33" s="6">
        <v>221065</v>
      </c>
      <c r="O33" s="6">
        <v>220623</v>
      </c>
      <c r="P33" s="6">
        <v>442</v>
      </c>
      <c r="Q33" s="6">
        <v>463707</v>
      </c>
      <c r="R33" s="6">
        <v>452073</v>
      </c>
      <c r="S33" s="6">
        <v>11634</v>
      </c>
    </row>
    <row r="34" spans="1:19">
      <c r="A34" s="9" t="s">
        <v>27</v>
      </c>
      <c r="B34" s="9" t="s">
        <v>28</v>
      </c>
      <c r="C34" s="9" t="s">
        <v>29</v>
      </c>
      <c r="D34" s="9" t="s">
        <v>354</v>
      </c>
      <c r="E34" s="9" t="s">
        <v>373</v>
      </c>
      <c r="F34" s="6">
        <v>2389236</v>
      </c>
      <c r="G34" s="6">
        <v>285611</v>
      </c>
      <c r="H34" s="6">
        <v>1449759</v>
      </c>
      <c r="I34" s="6">
        <v>565114</v>
      </c>
      <c r="J34" s="6">
        <v>88752</v>
      </c>
      <c r="K34" s="6">
        <v>1469642</v>
      </c>
      <c r="L34" s="6">
        <v>1171726</v>
      </c>
      <c r="M34" s="6">
        <v>1217510</v>
      </c>
      <c r="N34" s="6">
        <v>1147084</v>
      </c>
      <c r="O34" s="6">
        <v>1144899</v>
      </c>
      <c r="P34" s="6">
        <v>2185</v>
      </c>
      <c r="Q34" s="6">
        <v>2389236</v>
      </c>
      <c r="R34" s="6">
        <v>2323266</v>
      </c>
      <c r="S34" s="6">
        <v>65970</v>
      </c>
    </row>
    <row r="35" spans="1:19">
      <c r="A35" s="9" t="s">
        <v>27</v>
      </c>
      <c r="B35" s="9" t="s">
        <v>28</v>
      </c>
      <c r="C35" s="9" t="s">
        <v>29</v>
      </c>
      <c r="D35" s="9" t="s">
        <v>354</v>
      </c>
      <c r="E35" s="9" t="s">
        <v>374</v>
      </c>
      <c r="F35" s="6">
        <v>15587873</v>
      </c>
      <c r="G35" s="6">
        <v>1869577</v>
      </c>
      <c r="H35" s="6">
        <v>9268055</v>
      </c>
      <c r="I35" s="6">
        <v>4036721</v>
      </c>
      <c r="J35" s="6">
        <v>413520</v>
      </c>
      <c r="K35" s="6">
        <v>9488035</v>
      </c>
      <c r="L35" s="6">
        <v>7620309</v>
      </c>
      <c r="M35" s="6">
        <v>7967564</v>
      </c>
      <c r="N35" s="6">
        <v>7153980</v>
      </c>
      <c r="O35" s="6">
        <v>7144026</v>
      </c>
      <c r="P35" s="6">
        <v>9954</v>
      </c>
      <c r="Q35" s="6">
        <v>15587873</v>
      </c>
      <c r="R35" s="6">
        <v>15328391</v>
      </c>
      <c r="S35" s="6">
        <v>259482</v>
      </c>
    </row>
    <row r="36" spans="1:19">
      <c r="A36" s="9" t="s">
        <v>27</v>
      </c>
      <c r="B36" s="9" t="s">
        <v>28</v>
      </c>
      <c r="C36" s="9" t="s">
        <v>29</v>
      </c>
      <c r="D36" s="9" t="s">
        <v>354</v>
      </c>
      <c r="E36" s="9" t="s">
        <v>375</v>
      </c>
      <c r="F36" s="6">
        <v>1887078</v>
      </c>
      <c r="G36" s="6">
        <v>230277</v>
      </c>
      <c r="H36" s="6">
        <v>1141172</v>
      </c>
      <c r="I36" s="6">
        <v>456539</v>
      </c>
      <c r="J36" s="6">
        <v>59090</v>
      </c>
      <c r="K36" s="6">
        <v>1162422</v>
      </c>
      <c r="L36" s="6">
        <v>929025</v>
      </c>
      <c r="M36" s="6">
        <v>958053</v>
      </c>
      <c r="N36" s="6">
        <v>873188</v>
      </c>
      <c r="O36" s="6">
        <v>871574</v>
      </c>
      <c r="P36" s="6">
        <v>1614</v>
      </c>
      <c r="Q36" s="6">
        <v>1887078</v>
      </c>
      <c r="R36" s="6">
        <v>1850346</v>
      </c>
      <c r="S36" s="6">
        <v>36732</v>
      </c>
    </row>
    <row r="37" spans="1:19">
      <c r="A37" s="9" t="s">
        <v>27</v>
      </c>
      <c r="B37" s="9" t="s">
        <v>28</v>
      </c>
      <c r="C37" s="9" t="s">
        <v>29</v>
      </c>
      <c r="D37" s="9" t="s">
        <v>354</v>
      </c>
      <c r="E37" s="9" t="s">
        <v>376</v>
      </c>
      <c r="F37" s="6">
        <v>8492347</v>
      </c>
      <c r="G37" s="6">
        <v>1130683</v>
      </c>
      <c r="H37" s="6">
        <v>5117654</v>
      </c>
      <c r="I37" s="6">
        <v>2017708</v>
      </c>
      <c r="J37" s="6">
        <v>226302</v>
      </c>
      <c r="K37" s="6">
        <v>5179558</v>
      </c>
      <c r="L37" s="6">
        <v>4170126</v>
      </c>
      <c r="M37" s="6">
        <v>4322221</v>
      </c>
      <c r="N37" s="6">
        <v>3721046</v>
      </c>
      <c r="O37" s="6">
        <v>3715405</v>
      </c>
      <c r="P37" s="6">
        <v>5641</v>
      </c>
      <c r="Q37" s="6">
        <v>8492347</v>
      </c>
      <c r="R37" s="6">
        <v>8369223</v>
      </c>
      <c r="S37" s="6">
        <v>123124</v>
      </c>
    </row>
    <row r="38" spans="1:19">
      <c r="A38" s="9" t="s">
        <v>27</v>
      </c>
      <c r="B38" s="9" t="s">
        <v>28</v>
      </c>
      <c r="C38" s="9" t="s">
        <v>29</v>
      </c>
      <c r="D38" s="9" t="s">
        <v>352</v>
      </c>
      <c r="E38" s="9" t="s">
        <v>377</v>
      </c>
      <c r="F38" s="6">
        <v>20114569</v>
      </c>
      <c r="G38" s="6">
        <v>2489090</v>
      </c>
      <c r="H38" s="6">
        <v>11811602</v>
      </c>
      <c r="I38" s="6">
        <v>5337129</v>
      </c>
      <c r="J38" s="6">
        <v>476748</v>
      </c>
      <c r="K38" s="6">
        <v>12045372</v>
      </c>
      <c r="L38" s="6">
        <v>9726187</v>
      </c>
      <c r="M38" s="6">
        <v>10388382</v>
      </c>
      <c r="N38" s="6">
        <v>9089111</v>
      </c>
      <c r="O38" s="6">
        <v>9076741</v>
      </c>
      <c r="P38" s="6">
        <v>12370</v>
      </c>
      <c r="Q38" s="6">
        <v>20114569</v>
      </c>
      <c r="R38" s="6">
        <v>19759395</v>
      </c>
      <c r="S38" s="6">
        <v>355174</v>
      </c>
    </row>
    <row r="39" spans="1:19">
      <c r="A39" s="9" t="s">
        <v>27</v>
      </c>
      <c r="B39" s="9" t="s">
        <v>28</v>
      </c>
      <c r="C39" s="9" t="s">
        <v>29</v>
      </c>
      <c r="D39" s="9" t="s">
        <v>354</v>
      </c>
      <c r="E39" s="9" t="s">
        <v>378</v>
      </c>
      <c r="F39" s="6">
        <v>4592204</v>
      </c>
      <c r="G39" s="6">
        <v>570279</v>
      </c>
      <c r="H39" s="6">
        <v>2742465</v>
      </c>
      <c r="I39" s="6">
        <v>1155882</v>
      </c>
      <c r="J39" s="6">
        <v>123578</v>
      </c>
      <c r="K39" s="6">
        <v>2785808</v>
      </c>
      <c r="L39" s="6">
        <v>2222611</v>
      </c>
      <c r="M39" s="6">
        <v>2369593</v>
      </c>
      <c r="N39" s="6">
        <v>2101870</v>
      </c>
      <c r="O39" s="6">
        <v>2098803</v>
      </c>
      <c r="P39" s="6">
        <v>3067</v>
      </c>
      <c r="Q39" s="6">
        <v>4592204</v>
      </c>
      <c r="R39" s="6">
        <v>4505547</v>
      </c>
      <c r="S39" s="6">
        <v>86657</v>
      </c>
    </row>
    <row r="40" spans="1:19">
      <c r="A40" s="9" t="s">
        <v>27</v>
      </c>
      <c r="B40" s="9" t="s">
        <v>28</v>
      </c>
      <c r="C40" s="9" t="s">
        <v>29</v>
      </c>
      <c r="D40" s="9" t="s">
        <v>354</v>
      </c>
      <c r="E40" s="9" t="s">
        <v>379</v>
      </c>
      <c r="F40" s="6">
        <v>13262076</v>
      </c>
      <c r="G40" s="6">
        <v>1614798</v>
      </c>
      <c r="H40" s="6">
        <v>7694412</v>
      </c>
      <c r="I40" s="6">
        <v>3651934</v>
      </c>
      <c r="J40" s="6">
        <v>300932</v>
      </c>
      <c r="K40" s="6">
        <v>7877109</v>
      </c>
      <c r="L40" s="6">
        <v>6402301</v>
      </c>
      <c r="M40" s="6">
        <v>6859775</v>
      </c>
      <c r="N40" s="6">
        <v>5996371</v>
      </c>
      <c r="O40" s="6">
        <v>5988359</v>
      </c>
      <c r="P40" s="6">
        <v>8012</v>
      </c>
      <c r="Q40" s="6">
        <v>13262076</v>
      </c>
      <c r="R40" s="6">
        <v>13027149</v>
      </c>
      <c r="S40" s="6">
        <v>234927</v>
      </c>
    </row>
    <row r="41" spans="1:19">
      <c r="A41" s="9" t="s">
        <v>27</v>
      </c>
      <c r="B41" s="9" t="s">
        <v>28</v>
      </c>
      <c r="C41" s="9" t="s">
        <v>29</v>
      </c>
      <c r="D41" s="9" t="s">
        <v>354</v>
      </c>
      <c r="E41" s="9" t="s">
        <v>380</v>
      </c>
      <c r="F41" s="6">
        <v>604740</v>
      </c>
      <c r="G41" s="6">
        <v>83162</v>
      </c>
      <c r="H41" s="6">
        <v>365585</v>
      </c>
      <c r="I41" s="6">
        <v>142112</v>
      </c>
      <c r="J41" s="6">
        <v>13881</v>
      </c>
      <c r="K41" s="6">
        <v>368097</v>
      </c>
      <c r="L41" s="6">
        <v>292590</v>
      </c>
      <c r="M41" s="6">
        <v>312150</v>
      </c>
      <c r="N41" s="6">
        <v>262463</v>
      </c>
      <c r="O41" s="6">
        <v>262154</v>
      </c>
      <c r="P41" s="6">
        <v>309</v>
      </c>
      <c r="Q41" s="6">
        <v>604740</v>
      </c>
      <c r="R41" s="6">
        <v>595918</v>
      </c>
      <c r="S41" s="6">
        <v>8822</v>
      </c>
    </row>
    <row r="42" spans="1:19">
      <c r="A42" s="9" t="s">
        <v>27</v>
      </c>
      <c r="B42" s="9" t="s">
        <v>28</v>
      </c>
      <c r="C42" s="9" t="s">
        <v>29</v>
      </c>
      <c r="D42" s="9" t="s">
        <v>354</v>
      </c>
      <c r="E42" s="9" t="s">
        <v>381</v>
      </c>
      <c r="F42" s="6">
        <v>1655549</v>
      </c>
      <c r="G42" s="6">
        <v>220851</v>
      </c>
      <c r="H42" s="6">
        <v>1009140</v>
      </c>
      <c r="I42" s="6">
        <v>387201</v>
      </c>
      <c r="J42" s="6">
        <v>38357</v>
      </c>
      <c r="K42" s="6">
        <v>1014358</v>
      </c>
      <c r="L42" s="6">
        <v>808685</v>
      </c>
      <c r="M42" s="6">
        <v>846864</v>
      </c>
      <c r="N42" s="6">
        <v>728407</v>
      </c>
      <c r="O42" s="6">
        <v>727425</v>
      </c>
      <c r="P42" s="6">
        <v>982</v>
      </c>
      <c r="Q42" s="6">
        <v>1655549</v>
      </c>
      <c r="R42" s="6">
        <v>1630781</v>
      </c>
      <c r="S42" s="6">
        <v>24768</v>
      </c>
    </row>
    <row r="43" spans="1:19">
      <c r="A43" s="9" t="s">
        <v>27</v>
      </c>
      <c r="B43" s="9" t="s">
        <v>28</v>
      </c>
      <c r="C43" s="9" t="s">
        <v>29</v>
      </c>
      <c r="D43" s="9" t="s">
        <v>352</v>
      </c>
      <c r="E43" s="9" t="s">
        <v>382</v>
      </c>
      <c r="F43" s="6">
        <v>16048953</v>
      </c>
      <c r="G43" s="6">
        <v>2091217</v>
      </c>
      <c r="H43" s="6">
        <v>9191313</v>
      </c>
      <c r="I43" s="6">
        <v>4485926</v>
      </c>
      <c r="J43" s="6">
        <v>280497</v>
      </c>
      <c r="K43" s="6">
        <v>9425296</v>
      </c>
      <c r="L43" s="6">
        <v>7791227</v>
      </c>
      <c r="M43" s="6">
        <v>8257726</v>
      </c>
      <c r="N43" s="6">
        <v>6703974</v>
      </c>
      <c r="O43" s="6">
        <v>6696592</v>
      </c>
      <c r="P43" s="6">
        <v>7382</v>
      </c>
      <c r="Q43" s="6">
        <v>16048953</v>
      </c>
      <c r="R43" s="6">
        <v>15906798</v>
      </c>
      <c r="S43" s="6">
        <v>142155</v>
      </c>
    </row>
    <row r="44" spans="1:19">
      <c r="A44" s="9" t="s">
        <v>27</v>
      </c>
      <c r="B44" s="9" t="s">
        <v>28</v>
      </c>
      <c r="C44" s="9" t="s">
        <v>29</v>
      </c>
      <c r="D44" s="9" t="s">
        <v>354</v>
      </c>
      <c r="E44" s="9" t="s">
        <v>383</v>
      </c>
      <c r="F44" s="6">
        <v>426979</v>
      </c>
      <c r="G44" s="6">
        <v>55627</v>
      </c>
      <c r="H44" s="6">
        <v>242106</v>
      </c>
      <c r="I44" s="6">
        <v>121186</v>
      </c>
      <c r="J44" s="6">
        <v>8060</v>
      </c>
      <c r="K44" s="6">
        <v>249495</v>
      </c>
      <c r="L44" s="6">
        <v>207513</v>
      </c>
      <c r="M44" s="6">
        <v>219466</v>
      </c>
      <c r="N44" s="6">
        <v>179397</v>
      </c>
      <c r="O44" s="6">
        <v>179201</v>
      </c>
      <c r="P44" s="6">
        <v>196</v>
      </c>
      <c r="Q44" s="6">
        <v>426979</v>
      </c>
      <c r="R44" s="6">
        <v>422674</v>
      </c>
      <c r="S44" s="6">
        <v>4305</v>
      </c>
    </row>
    <row r="45" spans="1:19">
      <c r="A45" s="9" t="s">
        <v>27</v>
      </c>
      <c r="B45" s="9" t="s">
        <v>28</v>
      </c>
      <c r="C45" s="9" t="s">
        <v>29</v>
      </c>
      <c r="D45" s="9" t="s">
        <v>354</v>
      </c>
      <c r="E45" s="9" t="s">
        <v>384</v>
      </c>
      <c r="F45" s="6">
        <v>15218612</v>
      </c>
      <c r="G45" s="6">
        <v>1980401</v>
      </c>
      <c r="H45" s="6">
        <v>8713550</v>
      </c>
      <c r="I45" s="6">
        <v>4260279</v>
      </c>
      <c r="J45" s="6">
        <v>264382</v>
      </c>
      <c r="K45" s="6">
        <v>8936459</v>
      </c>
      <c r="L45" s="6">
        <v>7387589</v>
      </c>
      <c r="M45" s="6">
        <v>7831023</v>
      </c>
      <c r="N45" s="6">
        <v>6355703</v>
      </c>
      <c r="O45" s="6">
        <v>6348833</v>
      </c>
      <c r="P45" s="6">
        <v>6870</v>
      </c>
      <c r="Q45" s="6">
        <v>15218612</v>
      </c>
      <c r="R45" s="6">
        <v>15084171</v>
      </c>
      <c r="S45" s="6">
        <v>134441</v>
      </c>
    </row>
    <row r="46" spans="1:19">
      <c r="A46" s="9" t="s">
        <v>27</v>
      </c>
      <c r="B46" s="9" t="s">
        <v>28</v>
      </c>
      <c r="C46" s="9" t="s">
        <v>29</v>
      </c>
      <c r="D46" s="9" t="s">
        <v>354</v>
      </c>
      <c r="E46" s="9" t="s">
        <v>385</v>
      </c>
      <c r="F46" s="6">
        <v>403362</v>
      </c>
      <c r="G46" s="6">
        <v>55189</v>
      </c>
      <c r="H46" s="6">
        <v>235657</v>
      </c>
      <c r="I46" s="6">
        <v>104461</v>
      </c>
      <c r="J46" s="6">
        <v>8055</v>
      </c>
      <c r="K46" s="6">
        <v>239342</v>
      </c>
      <c r="L46" s="6">
        <v>196125</v>
      </c>
      <c r="M46" s="6">
        <v>207237</v>
      </c>
      <c r="N46" s="6">
        <v>168874</v>
      </c>
      <c r="O46" s="6">
        <v>168558</v>
      </c>
      <c r="P46" s="6">
        <v>316</v>
      </c>
      <c r="Q46" s="6">
        <v>403362</v>
      </c>
      <c r="R46" s="6">
        <v>399953</v>
      </c>
      <c r="S46" s="6">
        <v>3409</v>
      </c>
    </row>
    <row r="47" spans="1:19">
      <c r="A47" s="9" t="s">
        <v>27</v>
      </c>
      <c r="B47" s="9" t="s">
        <v>28</v>
      </c>
      <c r="C47" s="9" t="s">
        <v>29</v>
      </c>
      <c r="D47" s="9" t="s">
        <v>56</v>
      </c>
      <c r="E47" s="9" t="s">
        <v>386</v>
      </c>
      <c r="F47" s="6">
        <v>9812145</v>
      </c>
      <c r="G47" s="6">
        <v>1082452</v>
      </c>
      <c r="H47" s="6">
        <v>5161847</v>
      </c>
      <c r="I47" s="6">
        <v>3458581</v>
      </c>
      <c r="J47" s="6">
        <v>109265</v>
      </c>
      <c r="K47" s="6">
        <v>5475544</v>
      </c>
      <c r="L47" s="6">
        <v>4773778</v>
      </c>
      <c r="M47" s="6">
        <v>5038367</v>
      </c>
      <c r="N47" s="6">
        <v>3480890</v>
      </c>
      <c r="O47" s="6">
        <v>3464352</v>
      </c>
      <c r="P47" s="6">
        <v>16538</v>
      </c>
      <c r="Q47" s="6">
        <v>9812145</v>
      </c>
      <c r="R47" s="6">
        <v>9162790</v>
      </c>
      <c r="S47" s="6">
        <v>649355</v>
      </c>
    </row>
    <row r="48" spans="1:19">
      <c r="A48" s="9" t="s">
        <v>27</v>
      </c>
      <c r="B48" s="9" t="s">
        <v>28</v>
      </c>
      <c r="C48" s="9" t="s">
        <v>29</v>
      </c>
      <c r="D48" s="9" t="s">
        <v>56</v>
      </c>
      <c r="E48" s="9" t="s">
        <v>387</v>
      </c>
      <c r="F48" s="6">
        <v>19073401</v>
      </c>
      <c r="G48" s="6">
        <v>2267692</v>
      </c>
      <c r="H48" s="6">
        <v>10347864</v>
      </c>
      <c r="I48" s="6">
        <v>6240515</v>
      </c>
      <c r="J48" s="6">
        <v>217330</v>
      </c>
      <c r="K48" s="6">
        <v>10959812</v>
      </c>
      <c r="L48" s="6">
        <v>9211830</v>
      </c>
      <c r="M48" s="6">
        <v>9861571</v>
      </c>
      <c r="N48" s="6">
        <v>7751944</v>
      </c>
      <c r="O48" s="6">
        <v>7726850</v>
      </c>
      <c r="P48" s="6">
        <v>25094</v>
      </c>
      <c r="Q48" s="6">
        <v>19073401</v>
      </c>
      <c r="R48" s="6">
        <v>18464861</v>
      </c>
      <c r="S48" s="6">
        <v>608540</v>
      </c>
    </row>
    <row r="49" spans="1:19">
      <c r="A49" s="9" t="s">
        <v>27</v>
      </c>
      <c r="B49" s="9" t="s">
        <v>28</v>
      </c>
      <c r="C49" s="9" t="s">
        <v>29</v>
      </c>
      <c r="D49" s="9" t="s">
        <v>350</v>
      </c>
      <c r="E49" s="9" t="s">
        <v>388</v>
      </c>
      <c r="F49" s="6">
        <v>1389384</v>
      </c>
      <c r="G49" s="6">
        <v>172438</v>
      </c>
      <c r="H49" s="6">
        <v>797699</v>
      </c>
      <c r="I49" s="6">
        <v>392327</v>
      </c>
      <c r="J49" s="6">
        <v>26920</v>
      </c>
      <c r="K49" s="6">
        <v>827073</v>
      </c>
      <c r="L49" s="6">
        <v>684621</v>
      </c>
      <c r="M49" s="6">
        <v>704763</v>
      </c>
      <c r="N49" s="6">
        <v>595831</v>
      </c>
      <c r="O49" s="6">
        <v>593702</v>
      </c>
      <c r="P49" s="6">
        <v>2129</v>
      </c>
      <c r="Q49" s="6">
        <v>1389384</v>
      </c>
      <c r="R49" s="6">
        <v>1348412</v>
      </c>
      <c r="S49" s="6">
        <v>40972</v>
      </c>
    </row>
    <row r="50" spans="1:19">
      <c r="A50" s="9" t="s">
        <v>27</v>
      </c>
      <c r="B50" s="9" t="s">
        <v>28</v>
      </c>
      <c r="C50" s="9" t="s">
        <v>29</v>
      </c>
      <c r="D50" s="9" t="s">
        <v>352</v>
      </c>
      <c r="E50" s="9" t="s">
        <v>389</v>
      </c>
      <c r="F50" s="6">
        <v>277626</v>
      </c>
      <c r="G50" s="6">
        <v>34198</v>
      </c>
      <c r="H50" s="6">
        <v>162813</v>
      </c>
      <c r="I50" s="6">
        <v>74441</v>
      </c>
      <c r="J50" s="6">
        <v>6174</v>
      </c>
      <c r="K50" s="6">
        <v>168178</v>
      </c>
      <c r="L50" s="6">
        <v>139876</v>
      </c>
      <c r="M50" s="6">
        <v>137750</v>
      </c>
      <c r="N50" s="6">
        <v>119021</v>
      </c>
      <c r="O50" s="6">
        <v>118684</v>
      </c>
      <c r="P50" s="6">
        <v>337</v>
      </c>
      <c r="Q50" s="6">
        <v>277626</v>
      </c>
      <c r="R50" s="6">
        <v>271090</v>
      </c>
      <c r="S50" s="6">
        <v>6536</v>
      </c>
    </row>
    <row r="51" spans="1:19">
      <c r="A51" s="9" t="s">
        <v>27</v>
      </c>
      <c r="B51" s="9" t="s">
        <v>28</v>
      </c>
      <c r="C51" s="9" t="s">
        <v>29</v>
      </c>
      <c r="D51" s="9" t="s">
        <v>354</v>
      </c>
      <c r="E51" s="9" t="s">
        <v>390</v>
      </c>
      <c r="F51" s="6">
        <v>18474</v>
      </c>
      <c r="G51" s="6">
        <v>2134</v>
      </c>
      <c r="H51" s="6">
        <v>10803</v>
      </c>
      <c r="I51" s="6">
        <v>5153</v>
      </c>
      <c r="J51" s="6">
        <v>384</v>
      </c>
      <c r="K51" s="6">
        <v>10809</v>
      </c>
      <c r="L51" s="6">
        <v>9291</v>
      </c>
      <c r="M51" s="6">
        <v>9183</v>
      </c>
      <c r="N51" s="6">
        <v>6996</v>
      </c>
      <c r="O51" s="6">
        <v>6975</v>
      </c>
      <c r="P51" s="6">
        <v>21</v>
      </c>
      <c r="Q51" s="6">
        <v>18474</v>
      </c>
      <c r="R51" s="6">
        <v>17683</v>
      </c>
      <c r="S51" s="6">
        <v>791</v>
      </c>
    </row>
    <row r="52" spans="1:19">
      <c r="A52" s="9" t="s">
        <v>27</v>
      </c>
      <c r="B52" s="9" t="s">
        <v>28</v>
      </c>
      <c r="C52" s="9" t="s">
        <v>29</v>
      </c>
      <c r="D52" s="9" t="s">
        <v>354</v>
      </c>
      <c r="E52" s="9" t="s">
        <v>391</v>
      </c>
      <c r="F52" s="6">
        <v>29802</v>
      </c>
      <c r="G52" s="6">
        <v>3643</v>
      </c>
      <c r="H52" s="6">
        <v>17420</v>
      </c>
      <c r="I52" s="6">
        <v>7843</v>
      </c>
      <c r="J52" s="6">
        <v>896</v>
      </c>
      <c r="K52" s="6">
        <v>18054</v>
      </c>
      <c r="L52" s="6">
        <v>15263</v>
      </c>
      <c r="M52" s="6">
        <v>14539</v>
      </c>
      <c r="N52" s="6">
        <v>13228</v>
      </c>
      <c r="O52" s="6">
        <v>13181</v>
      </c>
      <c r="P52" s="6">
        <v>47</v>
      </c>
      <c r="Q52" s="6">
        <v>29802</v>
      </c>
      <c r="R52" s="6">
        <v>29467</v>
      </c>
      <c r="S52" s="6">
        <v>335</v>
      </c>
    </row>
    <row r="53" spans="1:19">
      <c r="A53" s="9" t="s">
        <v>27</v>
      </c>
      <c r="B53" s="9" t="s">
        <v>28</v>
      </c>
      <c r="C53" s="9" t="s">
        <v>29</v>
      </c>
      <c r="D53" s="9" t="s">
        <v>354</v>
      </c>
      <c r="E53" s="9" t="s">
        <v>392</v>
      </c>
      <c r="F53" s="6">
        <v>115832</v>
      </c>
      <c r="G53" s="6">
        <v>14153</v>
      </c>
      <c r="H53" s="6">
        <v>68754</v>
      </c>
      <c r="I53" s="6">
        <v>30596</v>
      </c>
      <c r="J53" s="6">
        <v>2329</v>
      </c>
      <c r="K53" s="6">
        <v>71142</v>
      </c>
      <c r="L53" s="6">
        <v>59008</v>
      </c>
      <c r="M53" s="6">
        <v>56824</v>
      </c>
      <c r="N53" s="6">
        <v>50169</v>
      </c>
      <c r="O53" s="6">
        <v>50013</v>
      </c>
      <c r="P53" s="6">
        <v>156</v>
      </c>
      <c r="Q53" s="6">
        <v>115832</v>
      </c>
      <c r="R53" s="6">
        <v>112265</v>
      </c>
      <c r="S53" s="6">
        <v>3567</v>
      </c>
    </row>
    <row r="54" spans="1:19">
      <c r="A54" s="9" t="s">
        <v>27</v>
      </c>
      <c r="B54" s="9" t="s">
        <v>28</v>
      </c>
      <c r="C54" s="9" t="s">
        <v>29</v>
      </c>
      <c r="D54" s="9" t="s">
        <v>354</v>
      </c>
      <c r="E54" s="9" t="s">
        <v>393</v>
      </c>
      <c r="F54" s="6">
        <v>113518</v>
      </c>
      <c r="G54" s="6">
        <v>14268</v>
      </c>
      <c r="H54" s="6">
        <v>65836</v>
      </c>
      <c r="I54" s="6">
        <v>30849</v>
      </c>
      <c r="J54" s="6">
        <v>2565</v>
      </c>
      <c r="K54" s="6">
        <v>68173</v>
      </c>
      <c r="L54" s="6">
        <v>56314</v>
      </c>
      <c r="M54" s="6">
        <v>57204</v>
      </c>
      <c r="N54" s="6">
        <v>48628</v>
      </c>
      <c r="O54" s="6">
        <v>48515</v>
      </c>
      <c r="P54" s="6">
        <v>113</v>
      </c>
      <c r="Q54" s="6">
        <v>113518</v>
      </c>
      <c r="R54" s="6">
        <v>111675</v>
      </c>
      <c r="S54" s="6">
        <v>1843</v>
      </c>
    </row>
    <row r="55" spans="1:19">
      <c r="A55" s="9" t="s">
        <v>27</v>
      </c>
      <c r="B55" s="9" t="s">
        <v>28</v>
      </c>
      <c r="C55" s="9" t="s">
        <v>29</v>
      </c>
      <c r="D55" s="9" t="s">
        <v>352</v>
      </c>
      <c r="E55" s="9" t="s">
        <v>394</v>
      </c>
      <c r="F55" s="6">
        <v>1111758</v>
      </c>
      <c r="G55" s="6">
        <v>138240</v>
      </c>
      <c r="H55" s="6">
        <v>634886</v>
      </c>
      <c r="I55" s="6">
        <v>317886</v>
      </c>
      <c r="J55" s="6">
        <v>20746</v>
      </c>
      <c r="K55" s="6">
        <v>658895</v>
      </c>
      <c r="L55" s="6">
        <v>544745</v>
      </c>
      <c r="M55" s="6">
        <v>567013</v>
      </c>
      <c r="N55" s="6">
        <v>476810</v>
      </c>
      <c r="O55" s="6">
        <v>475018</v>
      </c>
      <c r="P55" s="6">
        <v>1792</v>
      </c>
      <c r="Q55" s="6">
        <v>1111758</v>
      </c>
      <c r="R55" s="6">
        <v>1077322</v>
      </c>
      <c r="S55" s="6">
        <v>34436</v>
      </c>
    </row>
    <row r="56" spans="1:19">
      <c r="A56" s="9" t="s">
        <v>27</v>
      </c>
      <c r="B56" s="9" t="s">
        <v>28</v>
      </c>
      <c r="C56" s="9" t="s">
        <v>29</v>
      </c>
      <c r="D56" s="9" t="s">
        <v>354</v>
      </c>
      <c r="E56" s="9" t="s">
        <v>395</v>
      </c>
      <c r="F56" s="6">
        <v>501303</v>
      </c>
      <c r="G56" s="6">
        <v>60311</v>
      </c>
      <c r="H56" s="6">
        <v>288662</v>
      </c>
      <c r="I56" s="6">
        <v>142161</v>
      </c>
      <c r="J56" s="6">
        <v>10169</v>
      </c>
      <c r="K56" s="6">
        <v>298477</v>
      </c>
      <c r="L56" s="6">
        <v>246844</v>
      </c>
      <c r="M56" s="6">
        <v>254459</v>
      </c>
      <c r="N56" s="6">
        <v>217779</v>
      </c>
      <c r="O56" s="6">
        <v>216869</v>
      </c>
      <c r="P56" s="6">
        <v>910</v>
      </c>
      <c r="Q56" s="6">
        <v>501303</v>
      </c>
      <c r="R56" s="6">
        <v>481568</v>
      </c>
      <c r="S56" s="6">
        <v>19735</v>
      </c>
    </row>
    <row r="57" spans="1:19">
      <c r="A57" s="9" t="s">
        <v>27</v>
      </c>
      <c r="B57" s="9" t="s">
        <v>28</v>
      </c>
      <c r="C57" s="9" t="s">
        <v>29</v>
      </c>
      <c r="D57" s="9" t="s">
        <v>354</v>
      </c>
      <c r="E57" s="9" t="s">
        <v>396</v>
      </c>
      <c r="F57" s="6">
        <v>610455</v>
      </c>
      <c r="G57" s="6">
        <v>77929</v>
      </c>
      <c r="H57" s="6">
        <v>346224</v>
      </c>
      <c r="I57" s="6">
        <v>175725</v>
      </c>
      <c r="J57" s="6">
        <v>10577</v>
      </c>
      <c r="K57" s="6">
        <v>360418</v>
      </c>
      <c r="L57" s="6">
        <v>297901</v>
      </c>
      <c r="M57" s="6">
        <v>312554</v>
      </c>
      <c r="N57" s="6">
        <v>259031</v>
      </c>
      <c r="O57" s="6">
        <v>258149</v>
      </c>
      <c r="P57" s="6">
        <v>882</v>
      </c>
      <c r="Q57" s="6">
        <v>610455</v>
      </c>
      <c r="R57" s="6">
        <v>595754</v>
      </c>
      <c r="S57" s="6">
        <v>14701</v>
      </c>
    </row>
    <row r="58" spans="1:19">
      <c r="A58" s="9" t="s">
        <v>27</v>
      </c>
      <c r="B58" s="9" t="s">
        <v>28</v>
      </c>
      <c r="C58" s="9" t="s">
        <v>29</v>
      </c>
      <c r="D58" s="9" t="s">
        <v>350</v>
      </c>
      <c r="E58" s="9" t="s">
        <v>397</v>
      </c>
      <c r="F58" s="6">
        <v>1356032</v>
      </c>
      <c r="G58" s="6">
        <v>140243</v>
      </c>
      <c r="H58" s="6">
        <v>710526</v>
      </c>
      <c r="I58" s="6">
        <v>480063</v>
      </c>
      <c r="J58" s="6">
        <v>25200</v>
      </c>
      <c r="K58" s="6">
        <v>758079</v>
      </c>
      <c r="L58" s="6">
        <v>643071</v>
      </c>
      <c r="M58" s="6">
        <v>712961</v>
      </c>
      <c r="N58" s="6">
        <v>620550</v>
      </c>
      <c r="O58" s="6">
        <v>618619</v>
      </c>
      <c r="P58" s="6">
        <v>1931</v>
      </c>
      <c r="Q58" s="6">
        <v>1356032</v>
      </c>
      <c r="R58" s="6">
        <v>1320532</v>
      </c>
      <c r="S58" s="6">
        <v>35500</v>
      </c>
    </row>
    <row r="59" spans="1:19">
      <c r="A59" s="9" t="s">
        <v>27</v>
      </c>
      <c r="B59" s="9" t="s">
        <v>28</v>
      </c>
      <c r="C59" s="9" t="s">
        <v>29</v>
      </c>
      <c r="D59" s="9" t="s">
        <v>352</v>
      </c>
      <c r="E59" s="9" t="s">
        <v>398</v>
      </c>
      <c r="F59" s="6">
        <v>590839</v>
      </c>
      <c r="G59" s="6">
        <v>55945</v>
      </c>
      <c r="H59" s="6">
        <v>302711</v>
      </c>
      <c r="I59" s="6">
        <v>219882</v>
      </c>
      <c r="J59" s="6">
        <v>12301</v>
      </c>
      <c r="K59" s="6">
        <v>326059</v>
      </c>
      <c r="L59" s="6">
        <v>277417</v>
      </c>
      <c r="M59" s="6">
        <v>313422</v>
      </c>
      <c r="N59" s="6">
        <v>280249</v>
      </c>
      <c r="O59" s="6">
        <v>279327</v>
      </c>
      <c r="P59" s="6">
        <v>922</v>
      </c>
      <c r="Q59" s="6">
        <v>590839</v>
      </c>
      <c r="R59" s="6">
        <v>573109</v>
      </c>
      <c r="S59" s="6">
        <v>17730</v>
      </c>
    </row>
    <row r="60" spans="1:19">
      <c r="A60" s="9" t="s">
        <v>27</v>
      </c>
      <c r="B60" s="9" t="s">
        <v>28</v>
      </c>
      <c r="C60" s="9" t="s">
        <v>29</v>
      </c>
      <c r="D60" s="9" t="s">
        <v>354</v>
      </c>
      <c r="E60" s="9" t="s">
        <v>399</v>
      </c>
      <c r="F60" s="6">
        <v>364506</v>
      </c>
      <c r="G60" s="6">
        <v>32888</v>
      </c>
      <c r="H60" s="6">
        <v>185429</v>
      </c>
      <c r="I60" s="6">
        <v>137624</v>
      </c>
      <c r="J60" s="6">
        <v>8565</v>
      </c>
      <c r="K60" s="6">
        <v>200043</v>
      </c>
      <c r="L60" s="6">
        <v>170278</v>
      </c>
      <c r="M60" s="6">
        <v>194228</v>
      </c>
      <c r="N60" s="6">
        <v>176988</v>
      </c>
      <c r="O60" s="6">
        <v>176407</v>
      </c>
      <c r="P60" s="6">
        <v>581</v>
      </c>
      <c r="Q60" s="6">
        <v>364506</v>
      </c>
      <c r="R60" s="6">
        <v>351272</v>
      </c>
      <c r="S60" s="6">
        <v>13234</v>
      </c>
    </row>
    <row r="61" spans="1:19">
      <c r="A61" s="9" t="s">
        <v>27</v>
      </c>
      <c r="B61" s="9" t="s">
        <v>28</v>
      </c>
      <c r="C61" s="9" t="s">
        <v>29</v>
      </c>
      <c r="D61" s="9" t="s">
        <v>354</v>
      </c>
      <c r="E61" s="9" t="s">
        <v>400</v>
      </c>
      <c r="F61" s="6">
        <v>226333</v>
      </c>
      <c r="G61" s="6">
        <v>23057</v>
      </c>
      <c r="H61" s="6">
        <v>117282</v>
      </c>
      <c r="I61" s="6">
        <v>82258</v>
      </c>
      <c r="J61" s="6">
        <v>3736</v>
      </c>
      <c r="K61" s="6">
        <v>126016</v>
      </c>
      <c r="L61" s="6">
        <v>107139</v>
      </c>
      <c r="M61" s="6">
        <v>119194</v>
      </c>
      <c r="N61" s="6">
        <v>103261</v>
      </c>
      <c r="O61" s="6">
        <v>102920</v>
      </c>
      <c r="P61" s="6">
        <v>341</v>
      </c>
      <c r="Q61" s="6">
        <v>226333</v>
      </c>
      <c r="R61" s="6">
        <v>221837</v>
      </c>
      <c r="S61" s="6">
        <v>4496</v>
      </c>
    </row>
    <row r="62" spans="1:19">
      <c r="A62" s="9" t="s">
        <v>27</v>
      </c>
      <c r="B62" s="9" t="s">
        <v>28</v>
      </c>
      <c r="C62" s="9" t="s">
        <v>29</v>
      </c>
      <c r="D62" s="9" t="s">
        <v>352</v>
      </c>
      <c r="E62" s="9" t="s">
        <v>401</v>
      </c>
      <c r="F62" s="6">
        <v>765193</v>
      </c>
      <c r="G62" s="6">
        <v>84298</v>
      </c>
      <c r="H62" s="6">
        <v>407815</v>
      </c>
      <c r="I62" s="6">
        <v>260181</v>
      </c>
      <c r="J62" s="6">
        <v>12899</v>
      </c>
      <c r="K62" s="6">
        <v>432020</v>
      </c>
      <c r="L62" s="6">
        <v>365654</v>
      </c>
      <c r="M62" s="6">
        <v>399539</v>
      </c>
      <c r="N62" s="6">
        <v>340301</v>
      </c>
      <c r="O62" s="6">
        <v>339292</v>
      </c>
      <c r="P62" s="6">
        <v>1009</v>
      </c>
      <c r="Q62" s="6">
        <v>765193</v>
      </c>
      <c r="R62" s="6">
        <v>747423</v>
      </c>
      <c r="S62" s="6">
        <v>17770</v>
      </c>
    </row>
    <row r="63" spans="1:19">
      <c r="A63" s="9" t="s">
        <v>27</v>
      </c>
      <c r="B63" s="9" t="s">
        <v>28</v>
      </c>
      <c r="C63" s="9" t="s">
        <v>29</v>
      </c>
      <c r="D63" s="9" t="s">
        <v>354</v>
      </c>
      <c r="E63" s="9" t="s">
        <v>402</v>
      </c>
      <c r="F63" s="6">
        <v>234192</v>
      </c>
      <c r="G63" s="6">
        <v>22914</v>
      </c>
      <c r="H63" s="6">
        <v>120600</v>
      </c>
      <c r="I63" s="6">
        <v>86476</v>
      </c>
      <c r="J63" s="6">
        <v>4202</v>
      </c>
      <c r="K63" s="6">
        <v>129084</v>
      </c>
      <c r="L63" s="6">
        <v>110576</v>
      </c>
      <c r="M63" s="6">
        <v>123616</v>
      </c>
      <c r="N63" s="6">
        <v>107949</v>
      </c>
      <c r="O63" s="6">
        <v>107615</v>
      </c>
      <c r="P63" s="6">
        <v>334</v>
      </c>
      <c r="Q63" s="6">
        <v>234192</v>
      </c>
      <c r="R63" s="6">
        <v>226450</v>
      </c>
      <c r="S63" s="6">
        <v>7742</v>
      </c>
    </row>
    <row r="64" spans="1:19">
      <c r="A64" s="9" t="s">
        <v>27</v>
      </c>
      <c r="B64" s="9" t="s">
        <v>28</v>
      </c>
      <c r="C64" s="9" t="s">
        <v>29</v>
      </c>
      <c r="D64" s="9" t="s">
        <v>354</v>
      </c>
      <c r="E64" s="9" t="s">
        <v>403</v>
      </c>
      <c r="F64" s="6">
        <v>531001</v>
      </c>
      <c r="G64" s="6">
        <v>61384</v>
      </c>
      <c r="H64" s="6">
        <v>287215</v>
      </c>
      <c r="I64" s="6">
        <v>173705</v>
      </c>
      <c r="J64" s="6">
        <v>8697</v>
      </c>
      <c r="K64" s="6">
        <v>302936</v>
      </c>
      <c r="L64" s="6">
        <v>255078</v>
      </c>
      <c r="M64" s="6">
        <v>275923</v>
      </c>
      <c r="N64" s="6">
        <v>232352</v>
      </c>
      <c r="O64" s="6">
        <v>231677</v>
      </c>
      <c r="P64" s="6">
        <v>675</v>
      </c>
      <c r="Q64" s="6">
        <v>531001</v>
      </c>
      <c r="R64" s="6">
        <v>520973</v>
      </c>
      <c r="S64" s="6">
        <v>10028</v>
      </c>
    </row>
    <row r="65" spans="1:19">
      <c r="A65" s="9" t="s">
        <v>27</v>
      </c>
      <c r="B65" s="9" t="s">
        <v>28</v>
      </c>
      <c r="C65" s="9" t="s">
        <v>29</v>
      </c>
      <c r="D65" s="9" t="s">
        <v>350</v>
      </c>
      <c r="E65" s="9" t="s">
        <v>404</v>
      </c>
      <c r="F65" s="6">
        <v>6081902</v>
      </c>
      <c r="G65" s="6">
        <v>768030</v>
      </c>
      <c r="H65" s="6">
        <v>3372810</v>
      </c>
      <c r="I65" s="6">
        <v>1857333</v>
      </c>
      <c r="J65" s="6">
        <v>83729</v>
      </c>
      <c r="K65" s="6">
        <v>3523996</v>
      </c>
      <c r="L65" s="6">
        <v>2924326</v>
      </c>
      <c r="M65" s="6">
        <v>3157576</v>
      </c>
      <c r="N65" s="6">
        <v>2598859</v>
      </c>
      <c r="O65" s="6">
        <v>2592788</v>
      </c>
      <c r="P65" s="6">
        <v>6071</v>
      </c>
      <c r="Q65" s="6">
        <v>6081902</v>
      </c>
      <c r="R65" s="6">
        <v>5942618</v>
      </c>
      <c r="S65" s="6">
        <v>139284</v>
      </c>
    </row>
    <row r="66" spans="1:19">
      <c r="A66" s="9" t="s">
        <v>27</v>
      </c>
      <c r="B66" s="9" t="s">
        <v>28</v>
      </c>
      <c r="C66" s="9" t="s">
        <v>29</v>
      </c>
      <c r="D66" s="9" t="s">
        <v>352</v>
      </c>
      <c r="E66" s="9" t="s">
        <v>405</v>
      </c>
      <c r="F66" s="6">
        <v>3458732</v>
      </c>
      <c r="G66" s="6">
        <v>424038</v>
      </c>
      <c r="H66" s="6">
        <v>1911831</v>
      </c>
      <c r="I66" s="6">
        <v>1071459</v>
      </c>
      <c r="J66" s="6">
        <v>51404</v>
      </c>
      <c r="K66" s="6">
        <v>1999451</v>
      </c>
      <c r="L66" s="6">
        <v>1668111</v>
      </c>
      <c r="M66" s="6">
        <v>1790621</v>
      </c>
      <c r="N66" s="6">
        <v>1482434</v>
      </c>
      <c r="O66" s="6">
        <v>1478727</v>
      </c>
      <c r="P66" s="6">
        <v>3707</v>
      </c>
      <c r="Q66" s="6">
        <v>3458732</v>
      </c>
      <c r="R66" s="6">
        <v>3375988</v>
      </c>
      <c r="S66" s="6">
        <v>82744</v>
      </c>
    </row>
    <row r="67" spans="1:19">
      <c r="A67" s="9" t="s">
        <v>27</v>
      </c>
      <c r="B67" s="9" t="s">
        <v>28</v>
      </c>
      <c r="C67" s="9" t="s">
        <v>29</v>
      </c>
      <c r="D67" s="9" t="s">
        <v>354</v>
      </c>
      <c r="E67" s="9" t="s">
        <v>406</v>
      </c>
      <c r="F67" s="6">
        <v>551</v>
      </c>
      <c r="G67" s="6">
        <v>41</v>
      </c>
      <c r="H67" s="6">
        <v>250</v>
      </c>
      <c r="I67" s="6">
        <v>255</v>
      </c>
      <c r="J67" s="6">
        <v>5</v>
      </c>
      <c r="K67" s="6">
        <v>308</v>
      </c>
      <c r="L67" s="6">
        <v>263</v>
      </c>
      <c r="M67" s="6">
        <v>288</v>
      </c>
      <c r="N67" s="6">
        <v>240</v>
      </c>
      <c r="O67" s="6">
        <v>240</v>
      </c>
      <c r="P67" s="10" t="s">
        <v>55</v>
      </c>
      <c r="Q67" s="6">
        <v>551</v>
      </c>
      <c r="R67" s="6">
        <v>551</v>
      </c>
      <c r="S67" s="10" t="s">
        <v>55</v>
      </c>
    </row>
    <row r="68" spans="1:19">
      <c r="A68" s="9" t="s">
        <v>27</v>
      </c>
      <c r="B68" s="9" t="s">
        <v>28</v>
      </c>
      <c r="C68" s="9" t="s">
        <v>29</v>
      </c>
      <c r="D68" s="9" t="s">
        <v>354</v>
      </c>
      <c r="E68" s="9" t="s">
        <v>407</v>
      </c>
      <c r="F68" s="6">
        <v>47615</v>
      </c>
      <c r="G68" s="6">
        <v>6092</v>
      </c>
      <c r="H68" s="6">
        <v>26949</v>
      </c>
      <c r="I68" s="6">
        <v>13645</v>
      </c>
      <c r="J68" s="6">
        <v>929</v>
      </c>
      <c r="K68" s="6">
        <v>28207</v>
      </c>
      <c r="L68" s="6">
        <v>23034</v>
      </c>
      <c r="M68" s="6">
        <v>24581</v>
      </c>
      <c r="N68" s="6">
        <v>21333</v>
      </c>
      <c r="O68" s="6">
        <v>21287</v>
      </c>
      <c r="P68" s="6">
        <v>46</v>
      </c>
      <c r="Q68" s="6">
        <v>47615</v>
      </c>
      <c r="R68" s="6">
        <v>46449</v>
      </c>
      <c r="S68" s="6">
        <v>1166</v>
      </c>
    </row>
    <row r="69" spans="1:19">
      <c r="A69" s="9" t="s">
        <v>27</v>
      </c>
      <c r="B69" s="9" t="s">
        <v>28</v>
      </c>
      <c r="C69" s="9" t="s">
        <v>29</v>
      </c>
      <c r="D69" s="9" t="s">
        <v>354</v>
      </c>
      <c r="E69" s="9" t="s">
        <v>408</v>
      </c>
      <c r="F69" s="6">
        <v>243618</v>
      </c>
      <c r="G69" s="6">
        <v>28093</v>
      </c>
      <c r="H69" s="6">
        <v>134111</v>
      </c>
      <c r="I69" s="6">
        <v>76569</v>
      </c>
      <c r="J69" s="6">
        <v>4845</v>
      </c>
      <c r="K69" s="6">
        <v>140026</v>
      </c>
      <c r="L69" s="6">
        <v>116530</v>
      </c>
      <c r="M69" s="6">
        <v>127088</v>
      </c>
      <c r="N69" s="6">
        <v>110084</v>
      </c>
      <c r="O69" s="6">
        <v>109725</v>
      </c>
      <c r="P69" s="6">
        <v>359</v>
      </c>
      <c r="Q69" s="6">
        <v>243618</v>
      </c>
      <c r="R69" s="6">
        <v>234865</v>
      </c>
      <c r="S69" s="6">
        <v>8753</v>
      </c>
    </row>
    <row r="70" spans="1:19">
      <c r="A70" s="9" t="s">
        <v>27</v>
      </c>
      <c r="B70" s="9" t="s">
        <v>28</v>
      </c>
      <c r="C70" s="9" t="s">
        <v>29</v>
      </c>
      <c r="D70" s="9" t="s">
        <v>354</v>
      </c>
      <c r="E70" s="9" t="s">
        <v>409</v>
      </c>
      <c r="F70" s="6">
        <v>1885474</v>
      </c>
      <c r="G70" s="6">
        <v>221315</v>
      </c>
      <c r="H70" s="6">
        <v>1023729</v>
      </c>
      <c r="I70" s="6">
        <v>615481</v>
      </c>
      <c r="J70" s="6">
        <v>24949</v>
      </c>
      <c r="K70" s="6">
        <v>1078075</v>
      </c>
      <c r="L70" s="6">
        <v>907310</v>
      </c>
      <c r="M70" s="6">
        <v>978164</v>
      </c>
      <c r="N70" s="6">
        <v>807683</v>
      </c>
      <c r="O70" s="6">
        <v>805603</v>
      </c>
      <c r="P70" s="6">
        <v>2080</v>
      </c>
      <c r="Q70" s="6">
        <v>1885474</v>
      </c>
      <c r="R70" s="6">
        <v>1836641</v>
      </c>
      <c r="S70" s="6">
        <v>48833</v>
      </c>
    </row>
    <row r="71" spans="1:19">
      <c r="A71" s="9" t="s">
        <v>27</v>
      </c>
      <c r="B71" s="9" t="s">
        <v>28</v>
      </c>
      <c r="C71" s="9" t="s">
        <v>29</v>
      </c>
      <c r="D71" s="9" t="s">
        <v>354</v>
      </c>
      <c r="E71" s="9" t="s">
        <v>410</v>
      </c>
      <c r="F71" s="6">
        <v>248160</v>
      </c>
      <c r="G71" s="6">
        <v>30313</v>
      </c>
      <c r="H71" s="6">
        <v>138776</v>
      </c>
      <c r="I71" s="6">
        <v>74650</v>
      </c>
      <c r="J71" s="6">
        <v>4421</v>
      </c>
      <c r="K71" s="6">
        <v>144684</v>
      </c>
      <c r="L71" s="6">
        <v>119927</v>
      </c>
      <c r="M71" s="6">
        <v>128233</v>
      </c>
      <c r="N71" s="6">
        <v>107599</v>
      </c>
      <c r="O71" s="6">
        <v>107337</v>
      </c>
      <c r="P71" s="6">
        <v>262</v>
      </c>
      <c r="Q71" s="6">
        <v>248160</v>
      </c>
      <c r="R71" s="6">
        <v>243574</v>
      </c>
      <c r="S71" s="6">
        <v>4586</v>
      </c>
    </row>
    <row r="72" spans="1:19">
      <c r="A72" s="9" t="s">
        <v>27</v>
      </c>
      <c r="B72" s="9" t="s">
        <v>28</v>
      </c>
      <c r="C72" s="9" t="s">
        <v>29</v>
      </c>
      <c r="D72" s="9" t="s">
        <v>354</v>
      </c>
      <c r="E72" s="9" t="s">
        <v>411</v>
      </c>
      <c r="F72" s="6">
        <v>1033314</v>
      </c>
      <c r="G72" s="6">
        <v>138184</v>
      </c>
      <c r="H72" s="6">
        <v>588016</v>
      </c>
      <c r="I72" s="6">
        <v>290859</v>
      </c>
      <c r="J72" s="6">
        <v>16255</v>
      </c>
      <c r="K72" s="6">
        <v>608151</v>
      </c>
      <c r="L72" s="6">
        <v>501047</v>
      </c>
      <c r="M72" s="6">
        <v>532267</v>
      </c>
      <c r="N72" s="6">
        <v>435495</v>
      </c>
      <c r="O72" s="6">
        <v>434535</v>
      </c>
      <c r="P72" s="6">
        <v>960</v>
      </c>
      <c r="Q72" s="6">
        <v>1033314</v>
      </c>
      <c r="R72" s="6">
        <v>1013908</v>
      </c>
      <c r="S72" s="6">
        <v>19406</v>
      </c>
    </row>
    <row r="73" spans="1:19">
      <c r="A73" s="9" t="s">
        <v>27</v>
      </c>
      <c r="B73" s="9" t="s">
        <v>28</v>
      </c>
      <c r="C73" s="9" t="s">
        <v>29</v>
      </c>
      <c r="D73" s="9" t="s">
        <v>352</v>
      </c>
      <c r="E73" s="9" t="s">
        <v>412</v>
      </c>
      <c r="F73" s="6">
        <v>1617641</v>
      </c>
      <c r="G73" s="6">
        <v>209717</v>
      </c>
      <c r="H73" s="6">
        <v>897727</v>
      </c>
      <c r="I73" s="6">
        <v>488464</v>
      </c>
      <c r="J73" s="6">
        <v>21733</v>
      </c>
      <c r="K73" s="6">
        <v>934512</v>
      </c>
      <c r="L73" s="6">
        <v>772293</v>
      </c>
      <c r="M73" s="6">
        <v>845348</v>
      </c>
      <c r="N73" s="6">
        <v>702459</v>
      </c>
      <c r="O73" s="6">
        <v>700675</v>
      </c>
      <c r="P73" s="6">
        <v>1784</v>
      </c>
      <c r="Q73" s="6">
        <v>1617641</v>
      </c>
      <c r="R73" s="6">
        <v>1572711</v>
      </c>
      <c r="S73" s="6">
        <v>44930</v>
      </c>
    </row>
    <row r="74" spans="1:19">
      <c r="A74" s="9" t="s">
        <v>27</v>
      </c>
      <c r="B74" s="9" t="s">
        <v>28</v>
      </c>
      <c r="C74" s="9" t="s">
        <v>29</v>
      </c>
      <c r="D74" s="9" t="s">
        <v>354</v>
      </c>
      <c r="E74" s="9" t="s">
        <v>413</v>
      </c>
      <c r="F74" s="6">
        <v>403988</v>
      </c>
      <c r="G74" s="6">
        <v>49735</v>
      </c>
      <c r="H74" s="6">
        <v>223561</v>
      </c>
      <c r="I74" s="6">
        <v>124816</v>
      </c>
      <c r="J74" s="6">
        <v>5876</v>
      </c>
      <c r="K74" s="6">
        <v>233368</v>
      </c>
      <c r="L74" s="6">
        <v>192833</v>
      </c>
      <c r="M74" s="6">
        <v>211155</v>
      </c>
      <c r="N74" s="6">
        <v>180212</v>
      </c>
      <c r="O74" s="6">
        <v>179710</v>
      </c>
      <c r="P74" s="6">
        <v>502</v>
      </c>
      <c r="Q74" s="6">
        <v>403988</v>
      </c>
      <c r="R74" s="6">
        <v>392462</v>
      </c>
      <c r="S74" s="6">
        <v>11526</v>
      </c>
    </row>
    <row r="75" spans="1:19">
      <c r="A75" s="9" t="s">
        <v>27</v>
      </c>
      <c r="B75" s="9" t="s">
        <v>28</v>
      </c>
      <c r="C75" s="9" t="s">
        <v>29</v>
      </c>
      <c r="D75" s="9" t="s">
        <v>354</v>
      </c>
      <c r="E75" s="9" t="s">
        <v>414</v>
      </c>
      <c r="F75" s="6">
        <v>1042576</v>
      </c>
      <c r="G75" s="6">
        <v>134739</v>
      </c>
      <c r="H75" s="6">
        <v>576763</v>
      </c>
      <c r="I75" s="6">
        <v>317452</v>
      </c>
      <c r="J75" s="6">
        <v>13622</v>
      </c>
      <c r="K75" s="6">
        <v>600334</v>
      </c>
      <c r="L75" s="6">
        <v>496627</v>
      </c>
      <c r="M75" s="6">
        <v>545949</v>
      </c>
      <c r="N75" s="6">
        <v>450467</v>
      </c>
      <c r="O75" s="6">
        <v>449333</v>
      </c>
      <c r="P75" s="6">
        <v>1134</v>
      </c>
      <c r="Q75" s="6">
        <v>1042576</v>
      </c>
      <c r="R75" s="6">
        <v>1011683</v>
      </c>
      <c r="S75" s="6">
        <v>30893</v>
      </c>
    </row>
    <row r="76" spans="1:19">
      <c r="A76" s="9" t="s">
        <v>27</v>
      </c>
      <c r="B76" s="9" t="s">
        <v>28</v>
      </c>
      <c r="C76" s="9" t="s">
        <v>29</v>
      </c>
      <c r="D76" s="9" t="s">
        <v>354</v>
      </c>
      <c r="E76" s="9" t="s">
        <v>415</v>
      </c>
      <c r="F76" s="6">
        <v>55004</v>
      </c>
      <c r="G76" s="6">
        <v>7624</v>
      </c>
      <c r="H76" s="6">
        <v>31071</v>
      </c>
      <c r="I76" s="6">
        <v>15349</v>
      </c>
      <c r="J76" s="6">
        <v>960</v>
      </c>
      <c r="K76" s="6">
        <v>32387</v>
      </c>
      <c r="L76" s="6">
        <v>26299</v>
      </c>
      <c r="M76" s="6">
        <v>28705</v>
      </c>
      <c r="N76" s="6">
        <v>24766</v>
      </c>
      <c r="O76" s="6">
        <v>24709</v>
      </c>
      <c r="P76" s="6">
        <v>57</v>
      </c>
      <c r="Q76" s="6">
        <v>55004</v>
      </c>
      <c r="R76" s="6">
        <v>53998</v>
      </c>
      <c r="S76" s="6">
        <v>1006</v>
      </c>
    </row>
    <row r="77" spans="1:19">
      <c r="A77" s="9" t="s">
        <v>27</v>
      </c>
      <c r="B77" s="9" t="s">
        <v>28</v>
      </c>
      <c r="C77" s="9" t="s">
        <v>29</v>
      </c>
      <c r="D77" s="9" t="s">
        <v>354</v>
      </c>
      <c r="E77" s="9" t="s">
        <v>416</v>
      </c>
      <c r="F77" s="6">
        <v>116073</v>
      </c>
      <c r="G77" s="6">
        <v>17619</v>
      </c>
      <c r="H77" s="6">
        <v>66332</v>
      </c>
      <c r="I77" s="6">
        <v>30847</v>
      </c>
      <c r="J77" s="6">
        <v>1275</v>
      </c>
      <c r="K77" s="6">
        <v>68423</v>
      </c>
      <c r="L77" s="6">
        <v>56534</v>
      </c>
      <c r="M77" s="6">
        <v>59539</v>
      </c>
      <c r="N77" s="6">
        <v>47014</v>
      </c>
      <c r="O77" s="6">
        <v>46923</v>
      </c>
      <c r="P77" s="6">
        <v>91</v>
      </c>
      <c r="Q77" s="6">
        <v>116073</v>
      </c>
      <c r="R77" s="6">
        <v>114568</v>
      </c>
      <c r="S77" s="6">
        <v>1505</v>
      </c>
    </row>
    <row r="78" spans="1:19">
      <c r="A78" s="9" t="s">
        <v>27</v>
      </c>
      <c r="B78" s="9" t="s">
        <v>28</v>
      </c>
      <c r="C78" s="9" t="s">
        <v>29</v>
      </c>
      <c r="D78" s="9" t="s">
        <v>352</v>
      </c>
      <c r="E78" s="9" t="s">
        <v>417</v>
      </c>
      <c r="F78" s="6">
        <v>1005529</v>
      </c>
      <c r="G78" s="6">
        <v>134275</v>
      </c>
      <c r="H78" s="6">
        <v>563252</v>
      </c>
      <c r="I78" s="6">
        <v>297410</v>
      </c>
      <c r="J78" s="6">
        <v>10592</v>
      </c>
      <c r="K78" s="6">
        <v>590033</v>
      </c>
      <c r="L78" s="6">
        <v>483922</v>
      </c>
      <c r="M78" s="6">
        <v>521607</v>
      </c>
      <c r="N78" s="6">
        <v>413966</v>
      </c>
      <c r="O78" s="6">
        <v>413386</v>
      </c>
      <c r="P78" s="6">
        <v>580</v>
      </c>
      <c r="Q78" s="6">
        <v>1005529</v>
      </c>
      <c r="R78" s="6">
        <v>993919</v>
      </c>
      <c r="S78" s="6">
        <v>11610</v>
      </c>
    </row>
    <row r="79" spans="1:19">
      <c r="A79" s="9" t="s">
        <v>27</v>
      </c>
      <c r="B79" s="9" t="s">
        <v>28</v>
      </c>
      <c r="C79" s="9" t="s">
        <v>29</v>
      </c>
      <c r="D79" s="9" t="s">
        <v>354</v>
      </c>
      <c r="E79" s="9" t="s">
        <v>418</v>
      </c>
      <c r="F79" s="6">
        <v>62088</v>
      </c>
      <c r="G79" s="6">
        <v>8846</v>
      </c>
      <c r="H79" s="6">
        <v>34434</v>
      </c>
      <c r="I79" s="6">
        <v>18199</v>
      </c>
      <c r="J79" s="6">
        <v>609</v>
      </c>
      <c r="K79" s="6">
        <v>36227</v>
      </c>
      <c r="L79" s="6">
        <v>29856</v>
      </c>
      <c r="M79" s="6">
        <v>32232</v>
      </c>
      <c r="N79" s="6">
        <v>25540</v>
      </c>
      <c r="O79" s="6">
        <v>25495</v>
      </c>
      <c r="P79" s="6">
        <v>45</v>
      </c>
      <c r="Q79" s="6">
        <v>62088</v>
      </c>
      <c r="R79" s="6">
        <v>61366</v>
      </c>
      <c r="S79" s="6">
        <v>722</v>
      </c>
    </row>
    <row r="80" spans="1:19">
      <c r="A80" s="9" t="s">
        <v>27</v>
      </c>
      <c r="B80" s="9" t="s">
        <v>28</v>
      </c>
      <c r="C80" s="9" t="s">
        <v>29</v>
      </c>
      <c r="D80" s="9" t="s">
        <v>354</v>
      </c>
      <c r="E80" s="9" t="s">
        <v>419</v>
      </c>
      <c r="F80" s="6">
        <v>909815</v>
      </c>
      <c r="G80" s="6">
        <v>120473</v>
      </c>
      <c r="H80" s="6">
        <v>509237</v>
      </c>
      <c r="I80" s="6">
        <v>270391</v>
      </c>
      <c r="J80" s="6">
        <v>9714</v>
      </c>
      <c r="K80" s="6">
        <v>533852</v>
      </c>
      <c r="L80" s="6">
        <v>437899</v>
      </c>
      <c r="M80" s="6">
        <v>471916</v>
      </c>
      <c r="N80" s="6">
        <v>374775</v>
      </c>
      <c r="O80" s="6">
        <v>374254</v>
      </c>
      <c r="P80" s="6">
        <v>521</v>
      </c>
      <c r="Q80" s="6">
        <v>909815</v>
      </c>
      <c r="R80" s="6">
        <v>899151</v>
      </c>
      <c r="S80" s="6">
        <v>10664</v>
      </c>
    </row>
    <row r="81" spans="1:19">
      <c r="A81" s="9" t="s">
        <v>27</v>
      </c>
      <c r="B81" s="9" t="s">
        <v>28</v>
      </c>
      <c r="C81" s="9" t="s">
        <v>29</v>
      </c>
      <c r="D81" s="9" t="s">
        <v>354</v>
      </c>
      <c r="E81" s="9" t="s">
        <v>420</v>
      </c>
      <c r="F81" s="6">
        <v>33626</v>
      </c>
      <c r="G81" s="6">
        <v>4956</v>
      </c>
      <c r="H81" s="6">
        <v>19581</v>
      </c>
      <c r="I81" s="6">
        <v>8820</v>
      </c>
      <c r="J81" s="6">
        <v>269</v>
      </c>
      <c r="K81" s="6">
        <v>19954</v>
      </c>
      <c r="L81" s="6">
        <v>16167</v>
      </c>
      <c r="M81" s="6">
        <v>17459</v>
      </c>
      <c r="N81" s="6">
        <v>13651</v>
      </c>
      <c r="O81" s="6">
        <v>13637</v>
      </c>
      <c r="P81" s="6">
        <v>14</v>
      </c>
      <c r="Q81" s="6">
        <v>33626</v>
      </c>
      <c r="R81" s="6">
        <v>33402</v>
      </c>
      <c r="S81" s="6">
        <v>224</v>
      </c>
    </row>
    <row r="82" spans="1:19">
      <c r="A82" s="9" t="s">
        <v>27</v>
      </c>
      <c r="B82" s="9" t="s">
        <v>28</v>
      </c>
      <c r="C82" s="9" t="s">
        <v>29</v>
      </c>
      <c r="D82" s="9" t="s">
        <v>347</v>
      </c>
      <c r="E82" s="9" t="s">
        <v>421</v>
      </c>
      <c r="F82" s="6">
        <v>6825906</v>
      </c>
      <c r="G82" s="6">
        <v>635000</v>
      </c>
      <c r="H82" s="6">
        <v>3281884</v>
      </c>
      <c r="I82" s="6">
        <v>2891041</v>
      </c>
      <c r="J82" s="6">
        <v>17981</v>
      </c>
      <c r="K82" s="6">
        <v>3700705</v>
      </c>
      <c r="L82" s="6">
        <v>3290260</v>
      </c>
      <c r="M82" s="6">
        <v>3535646</v>
      </c>
      <c r="N82" s="6">
        <v>2667724</v>
      </c>
      <c r="O82" s="6">
        <v>2655662</v>
      </c>
      <c r="P82" s="6">
        <v>12062</v>
      </c>
      <c r="Q82" s="6">
        <v>6825906</v>
      </c>
      <c r="R82" s="6">
        <v>6567036</v>
      </c>
      <c r="S82" s="6">
        <v>258870</v>
      </c>
    </row>
    <row r="83" spans="1:19">
      <c r="A83" s="9" t="s">
        <v>27</v>
      </c>
      <c r="B83" s="9" t="s">
        <v>57</v>
      </c>
      <c r="C83" s="9" t="s">
        <v>58</v>
      </c>
      <c r="D83" s="9" t="s">
        <v>347</v>
      </c>
      <c r="E83" s="9" t="s">
        <v>6</v>
      </c>
      <c r="F83" s="6">
        <v>1738301</v>
      </c>
      <c r="G83" s="6">
        <v>228366</v>
      </c>
      <c r="H83" s="6">
        <v>944198</v>
      </c>
      <c r="I83" s="6">
        <v>540538</v>
      </c>
      <c r="J83" s="6">
        <v>25199</v>
      </c>
      <c r="K83" s="6">
        <v>994591</v>
      </c>
      <c r="L83" s="6">
        <v>822481</v>
      </c>
      <c r="M83" s="6">
        <v>915820</v>
      </c>
      <c r="N83" s="6">
        <v>719154</v>
      </c>
      <c r="O83" s="6">
        <v>716740</v>
      </c>
      <c r="P83" s="6">
        <v>2414</v>
      </c>
      <c r="Q83" s="6">
        <v>1738301</v>
      </c>
      <c r="R83" s="6">
        <v>1678793</v>
      </c>
      <c r="S83" s="6">
        <v>59508</v>
      </c>
    </row>
    <row r="84" spans="1:19">
      <c r="A84" s="9" t="s">
        <v>27</v>
      </c>
      <c r="B84" s="9" t="s">
        <v>57</v>
      </c>
      <c r="C84" s="9" t="s">
        <v>58</v>
      </c>
      <c r="D84" s="9" t="s">
        <v>347</v>
      </c>
      <c r="E84" s="9" t="s">
        <v>348</v>
      </c>
      <c r="F84" s="6">
        <v>1384431</v>
      </c>
      <c r="G84" s="6">
        <v>191362</v>
      </c>
      <c r="H84" s="6">
        <v>778926</v>
      </c>
      <c r="I84" s="6">
        <v>390113</v>
      </c>
      <c r="J84" s="6">
        <v>24030</v>
      </c>
      <c r="K84" s="6">
        <v>806620</v>
      </c>
      <c r="L84" s="6">
        <v>655377</v>
      </c>
      <c r="M84" s="6">
        <v>729054</v>
      </c>
      <c r="N84" s="6">
        <v>583475</v>
      </c>
      <c r="O84" s="6">
        <v>581758</v>
      </c>
      <c r="P84" s="6">
        <v>1717</v>
      </c>
      <c r="Q84" s="6">
        <v>1384431</v>
      </c>
      <c r="R84" s="6">
        <v>1339384</v>
      </c>
      <c r="S84" s="6">
        <v>45047</v>
      </c>
    </row>
    <row r="85" spans="1:19">
      <c r="A85" s="9" t="s">
        <v>27</v>
      </c>
      <c r="B85" s="9" t="s">
        <v>57</v>
      </c>
      <c r="C85" s="9" t="s">
        <v>58</v>
      </c>
      <c r="D85" s="9" t="s">
        <v>56</v>
      </c>
      <c r="E85" s="9" t="s">
        <v>349</v>
      </c>
      <c r="F85" s="6">
        <v>741822</v>
      </c>
      <c r="G85" s="6">
        <v>101816</v>
      </c>
      <c r="H85" s="6">
        <v>438296</v>
      </c>
      <c r="I85" s="6">
        <v>182122</v>
      </c>
      <c r="J85" s="6">
        <v>19588</v>
      </c>
      <c r="K85" s="6">
        <v>446128</v>
      </c>
      <c r="L85" s="6">
        <v>351489</v>
      </c>
      <c r="M85" s="6">
        <v>390333</v>
      </c>
      <c r="N85" s="6">
        <v>334713</v>
      </c>
      <c r="O85" s="6">
        <v>334044</v>
      </c>
      <c r="P85" s="6">
        <v>669</v>
      </c>
      <c r="Q85" s="6">
        <v>741822</v>
      </c>
      <c r="R85" s="6">
        <v>725159</v>
      </c>
      <c r="S85" s="6">
        <v>16663</v>
      </c>
    </row>
    <row r="86" spans="1:19">
      <c r="A86" s="9" t="s">
        <v>27</v>
      </c>
      <c r="B86" s="9" t="s">
        <v>57</v>
      </c>
      <c r="C86" s="9" t="s">
        <v>58</v>
      </c>
      <c r="D86" s="9" t="s">
        <v>350</v>
      </c>
      <c r="E86" s="9" t="s">
        <v>351</v>
      </c>
      <c r="F86" s="6">
        <v>87372</v>
      </c>
      <c r="G86" s="6">
        <v>11607</v>
      </c>
      <c r="H86" s="6">
        <v>54264</v>
      </c>
      <c r="I86" s="6">
        <v>18833</v>
      </c>
      <c r="J86" s="6">
        <v>2668</v>
      </c>
      <c r="K86" s="6">
        <v>54950</v>
      </c>
      <c r="L86" s="6">
        <v>41974</v>
      </c>
      <c r="M86" s="6">
        <v>45398</v>
      </c>
      <c r="N86" s="6">
        <v>40309</v>
      </c>
      <c r="O86" s="6">
        <v>40168</v>
      </c>
      <c r="P86" s="6">
        <v>141</v>
      </c>
      <c r="Q86" s="6">
        <v>87372</v>
      </c>
      <c r="R86" s="6">
        <v>84005</v>
      </c>
      <c r="S86" s="6">
        <v>3367</v>
      </c>
    </row>
    <row r="87" spans="1:19">
      <c r="A87" s="9" t="s">
        <v>27</v>
      </c>
      <c r="B87" s="9" t="s">
        <v>57</v>
      </c>
      <c r="C87" s="9" t="s">
        <v>58</v>
      </c>
      <c r="D87" s="9" t="s">
        <v>352</v>
      </c>
      <c r="E87" s="9" t="s">
        <v>353</v>
      </c>
      <c r="F87" s="6">
        <v>17215</v>
      </c>
      <c r="G87" s="6">
        <v>2402</v>
      </c>
      <c r="H87" s="6">
        <v>10905</v>
      </c>
      <c r="I87" s="6">
        <v>3339</v>
      </c>
      <c r="J87" s="6">
        <v>569</v>
      </c>
      <c r="K87" s="6">
        <v>11108</v>
      </c>
      <c r="L87" s="6">
        <v>8379</v>
      </c>
      <c r="M87" s="6">
        <v>8836</v>
      </c>
      <c r="N87" s="6">
        <v>8360</v>
      </c>
      <c r="O87" s="6">
        <v>8338</v>
      </c>
      <c r="P87" s="6">
        <v>22</v>
      </c>
      <c r="Q87" s="6">
        <v>17215</v>
      </c>
      <c r="R87" s="6">
        <v>16929</v>
      </c>
      <c r="S87" s="6">
        <v>286</v>
      </c>
    </row>
    <row r="88" spans="1:19">
      <c r="A88" s="9" t="s">
        <v>27</v>
      </c>
      <c r="B88" s="9" t="s">
        <v>57</v>
      </c>
      <c r="C88" s="9" t="s">
        <v>58</v>
      </c>
      <c r="D88" s="9" t="s">
        <v>354</v>
      </c>
      <c r="E88" s="9" t="s">
        <v>355</v>
      </c>
      <c r="F88" s="10" t="s">
        <v>55</v>
      </c>
      <c r="G88" s="10" t="s">
        <v>55</v>
      </c>
      <c r="H88" s="10" t="s">
        <v>55</v>
      </c>
      <c r="I88" s="10" t="s">
        <v>55</v>
      </c>
      <c r="J88" s="10" t="s">
        <v>55</v>
      </c>
      <c r="K88" s="10" t="s">
        <v>55</v>
      </c>
      <c r="L88" s="10" t="s">
        <v>55</v>
      </c>
      <c r="M88" s="10" t="s">
        <v>55</v>
      </c>
      <c r="N88" s="10" t="s">
        <v>55</v>
      </c>
      <c r="O88" s="10" t="s">
        <v>55</v>
      </c>
      <c r="P88" s="10" t="s">
        <v>55</v>
      </c>
      <c r="Q88" s="10" t="s">
        <v>55</v>
      </c>
      <c r="R88" s="10" t="s">
        <v>55</v>
      </c>
      <c r="S88" s="10" t="s">
        <v>55</v>
      </c>
    </row>
    <row r="89" spans="1:19">
      <c r="A89" s="9" t="s">
        <v>27</v>
      </c>
      <c r="B89" s="9" t="s">
        <v>57</v>
      </c>
      <c r="C89" s="9" t="s">
        <v>58</v>
      </c>
      <c r="D89" s="9" t="s">
        <v>354</v>
      </c>
      <c r="E89" s="9" t="s">
        <v>356</v>
      </c>
      <c r="F89" s="10" t="s">
        <v>55</v>
      </c>
      <c r="G89" s="10" t="s">
        <v>55</v>
      </c>
      <c r="H89" s="10" t="s">
        <v>55</v>
      </c>
      <c r="I89" s="10" t="s">
        <v>55</v>
      </c>
      <c r="J89" s="10" t="s">
        <v>55</v>
      </c>
      <c r="K89" s="10" t="s">
        <v>55</v>
      </c>
      <c r="L89" s="10" t="s">
        <v>55</v>
      </c>
      <c r="M89" s="10" t="s">
        <v>55</v>
      </c>
      <c r="N89" s="10" t="s">
        <v>55</v>
      </c>
      <c r="O89" s="10" t="s">
        <v>55</v>
      </c>
      <c r="P89" s="10" t="s">
        <v>55</v>
      </c>
      <c r="Q89" s="10" t="s">
        <v>55</v>
      </c>
      <c r="R89" s="10" t="s">
        <v>55</v>
      </c>
      <c r="S89" s="10" t="s">
        <v>55</v>
      </c>
    </row>
    <row r="90" spans="1:19">
      <c r="A90" s="9" t="s">
        <v>27</v>
      </c>
      <c r="B90" s="9" t="s">
        <v>57</v>
      </c>
      <c r="C90" s="9" t="s">
        <v>58</v>
      </c>
      <c r="D90" s="9" t="s">
        <v>354</v>
      </c>
      <c r="E90" s="9" t="s">
        <v>357</v>
      </c>
      <c r="F90" s="6">
        <v>11370</v>
      </c>
      <c r="G90" s="6">
        <v>1516</v>
      </c>
      <c r="H90" s="6">
        <v>7252</v>
      </c>
      <c r="I90" s="6">
        <v>2199</v>
      </c>
      <c r="J90" s="6">
        <v>403</v>
      </c>
      <c r="K90" s="6">
        <v>7476</v>
      </c>
      <c r="L90" s="6">
        <v>5553</v>
      </c>
      <c r="M90" s="6">
        <v>5817</v>
      </c>
      <c r="N90" s="6">
        <v>5703</v>
      </c>
      <c r="O90" s="6">
        <v>5688</v>
      </c>
      <c r="P90" s="6">
        <v>15</v>
      </c>
      <c r="Q90" s="6">
        <v>11370</v>
      </c>
      <c r="R90" s="6">
        <v>11167</v>
      </c>
      <c r="S90" s="6">
        <v>203</v>
      </c>
    </row>
    <row r="91" spans="1:19">
      <c r="A91" s="9" t="s">
        <v>27</v>
      </c>
      <c r="B91" s="9" t="s">
        <v>57</v>
      </c>
      <c r="C91" s="9" t="s">
        <v>58</v>
      </c>
      <c r="D91" s="9" t="s">
        <v>354</v>
      </c>
      <c r="E91" s="9" t="s">
        <v>358</v>
      </c>
      <c r="F91" s="6">
        <v>5845</v>
      </c>
      <c r="G91" s="6">
        <v>886</v>
      </c>
      <c r="H91" s="6">
        <v>3653</v>
      </c>
      <c r="I91" s="6">
        <v>1140</v>
      </c>
      <c r="J91" s="6">
        <v>166</v>
      </c>
      <c r="K91" s="6">
        <v>3632</v>
      </c>
      <c r="L91" s="6">
        <v>2826</v>
      </c>
      <c r="M91" s="6">
        <v>3019</v>
      </c>
      <c r="N91" s="6">
        <v>2657</v>
      </c>
      <c r="O91" s="6">
        <v>2650</v>
      </c>
      <c r="P91" s="6">
        <v>7</v>
      </c>
      <c r="Q91" s="6">
        <v>5845</v>
      </c>
      <c r="R91" s="6">
        <v>5762</v>
      </c>
      <c r="S91" s="6">
        <v>83</v>
      </c>
    </row>
    <row r="92" spans="1:19">
      <c r="A92" s="9" t="s">
        <v>27</v>
      </c>
      <c r="B92" s="9" t="s">
        <v>57</v>
      </c>
      <c r="C92" s="9" t="s">
        <v>58</v>
      </c>
      <c r="D92" s="9" t="s">
        <v>352</v>
      </c>
      <c r="E92" s="9" t="s">
        <v>359</v>
      </c>
      <c r="F92" s="6">
        <v>70157</v>
      </c>
      <c r="G92" s="6">
        <v>9205</v>
      </c>
      <c r="H92" s="6">
        <v>43359</v>
      </c>
      <c r="I92" s="6">
        <v>15494</v>
      </c>
      <c r="J92" s="6">
        <v>2099</v>
      </c>
      <c r="K92" s="6">
        <v>43842</v>
      </c>
      <c r="L92" s="6">
        <v>33595</v>
      </c>
      <c r="M92" s="6">
        <v>36562</v>
      </c>
      <c r="N92" s="6">
        <v>31949</v>
      </c>
      <c r="O92" s="6">
        <v>31830</v>
      </c>
      <c r="P92" s="6">
        <v>119</v>
      </c>
      <c r="Q92" s="6">
        <v>70157</v>
      </c>
      <c r="R92" s="6">
        <v>67076</v>
      </c>
      <c r="S92" s="6">
        <v>3081</v>
      </c>
    </row>
    <row r="93" spans="1:19">
      <c r="A93" s="9" t="s">
        <v>27</v>
      </c>
      <c r="B93" s="9" t="s">
        <v>57</v>
      </c>
      <c r="C93" s="9" t="s">
        <v>58</v>
      </c>
      <c r="D93" s="9" t="s">
        <v>354</v>
      </c>
      <c r="E93" s="9" t="s">
        <v>360</v>
      </c>
      <c r="F93" s="6">
        <v>40927</v>
      </c>
      <c r="G93" s="6">
        <v>4885</v>
      </c>
      <c r="H93" s="6">
        <v>26027</v>
      </c>
      <c r="I93" s="6">
        <v>8641</v>
      </c>
      <c r="J93" s="6">
        <v>1374</v>
      </c>
      <c r="K93" s="6">
        <v>26148</v>
      </c>
      <c r="L93" s="6">
        <v>19749</v>
      </c>
      <c r="M93" s="6">
        <v>21178</v>
      </c>
      <c r="N93" s="6">
        <v>19314</v>
      </c>
      <c r="O93" s="6">
        <v>19227</v>
      </c>
      <c r="P93" s="6">
        <v>87</v>
      </c>
      <c r="Q93" s="6">
        <v>40927</v>
      </c>
      <c r="R93" s="6">
        <v>38518</v>
      </c>
      <c r="S93" s="6">
        <v>2409</v>
      </c>
    </row>
    <row r="94" spans="1:19">
      <c r="A94" s="9" t="s">
        <v>27</v>
      </c>
      <c r="B94" s="9" t="s">
        <v>57</v>
      </c>
      <c r="C94" s="9" t="s">
        <v>58</v>
      </c>
      <c r="D94" s="9" t="s">
        <v>354</v>
      </c>
      <c r="E94" s="9" t="s">
        <v>361</v>
      </c>
      <c r="F94" s="6">
        <v>29230</v>
      </c>
      <c r="G94" s="6">
        <v>4320</v>
      </c>
      <c r="H94" s="6">
        <v>17332</v>
      </c>
      <c r="I94" s="6">
        <v>6853</v>
      </c>
      <c r="J94" s="6">
        <v>725</v>
      </c>
      <c r="K94" s="6">
        <v>17694</v>
      </c>
      <c r="L94" s="6">
        <v>13846</v>
      </c>
      <c r="M94" s="6">
        <v>15384</v>
      </c>
      <c r="N94" s="6">
        <v>12635</v>
      </c>
      <c r="O94" s="6">
        <v>12603</v>
      </c>
      <c r="P94" s="6">
        <v>32</v>
      </c>
      <c r="Q94" s="6">
        <v>29230</v>
      </c>
      <c r="R94" s="6">
        <v>28558</v>
      </c>
      <c r="S94" s="6">
        <v>672</v>
      </c>
    </row>
    <row r="95" spans="1:19">
      <c r="A95" s="9" t="s">
        <v>27</v>
      </c>
      <c r="B95" s="9" t="s">
        <v>57</v>
      </c>
      <c r="C95" s="9" t="s">
        <v>58</v>
      </c>
      <c r="D95" s="9" t="s">
        <v>350</v>
      </c>
      <c r="E95" s="9" t="s">
        <v>362</v>
      </c>
      <c r="F95" s="6">
        <v>103922</v>
      </c>
      <c r="G95" s="6">
        <v>10851</v>
      </c>
      <c r="H95" s="6">
        <v>64114</v>
      </c>
      <c r="I95" s="6">
        <v>22421</v>
      </c>
      <c r="J95" s="6">
        <v>6536</v>
      </c>
      <c r="K95" s="6">
        <v>64589</v>
      </c>
      <c r="L95" s="6">
        <v>48029</v>
      </c>
      <c r="M95" s="6">
        <v>55893</v>
      </c>
      <c r="N95" s="6">
        <v>58265</v>
      </c>
      <c r="O95" s="6">
        <v>58173</v>
      </c>
      <c r="P95" s="6">
        <v>92</v>
      </c>
      <c r="Q95" s="6">
        <v>103922</v>
      </c>
      <c r="R95" s="6">
        <v>101673</v>
      </c>
      <c r="S95" s="6">
        <v>2249</v>
      </c>
    </row>
    <row r="96" spans="1:19">
      <c r="A96" s="9" t="s">
        <v>27</v>
      </c>
      <c r="B96" s="9" t="s">
        <v>57</v>
      </c>
      <c r="C96" s="9" t="s">
        <v>58</v>
      </c>
      <c r="D96" s="9" t="s">
        <v>352</v>
      </c>
      <c r="E96" s="9" t="s">
        <v>363</v>
      </c>
      <c r="F96" s="6">
        <v>42209</v>
      </c>
      <c r="G96" s="6">
        <v>3730</v>
      </c>
      <c r="H96" s="6">
        <v>25915</v>
      </c>
      <c r="I96" s="6">
        <v>8847</v>
      </c>
      <c r="J96" s="6">
        <v>3717</v>
      </c>
      <c r="K96" s="6">
        <v>26441</v>
      </c>
      <c r="L96" s="6">
        <v>19047</v>
      </c>
      <c r="M96" s="6">
        <v>23162</v>
      </c>
      <c r="N96" s="6">
        <v>25713</v>
      </c>
      <c r="O96" s="6">
        <v>25675</v>
      </c>
      <c r="P96" s="6">
        <v>38</v>
      </c>
      <c r="Q96" s="6">
        <v>42209</v>
      </c>
      <c r="R96" s="6">
        <v>41222</v>
      </c>
      <c r="S96" s="6">
        <v>987</v>
      </c>
    </row>
    <row r="97" spans="1:19">
      <c r="A97" s="9" t="s">
        <v>27</v>
      </c>
      <c r="B97" s="9" t="s">
        <v>57</v>
      </c>
      <c r="C97" s="9" t="s">
        <v>58</v>
      </c>
      <c r="D97" s="9" t="s">
        <v>354</v>
      </c>
      <c r="E97" s="9" t="s">
        <v>364</v>
      </c>
      <c r="F97" s="6">
        <v>34810</v>
      </c>
      <c r="G97" s="6">
        <v>3013</v>
      </c>
      <c r="H97" s="6">
        <v>21233</v>
      </c>
      <c r="I97" s="6">
        <v>7282</v>
      </c>
      <c r="J97" s="6">
        <v>3282</v>
      </c>
      <c r="K97" s="6">
        <v>21763</v>
      </c>
      <c r="L97" s="6">
        <v>15773</v>
      </c>
      <c r="M97" s="6">
        <v>19037</v>
      </c>
      <c r="N97" s="6">
        <v>21321</v>
      </c>
      <c r="O97" s="6">
        <v>21286</v>
      </c>
      <c r="P97" s="6">
        <v>35</v>
      </c>
      <c r="Q97" s="6">
        <v>34810</v>
      </c>
      <c r="R97" s="6">
        <v>33885</v>
      </c>
      <c r="S97" s="6">
        <v>925</v>
      </c>
    </row>
    <row r="98" spans="1:19">
      <c r="A98" s="9" t="s">
        <v>27</v>
      </c>
      <c r="B98" s="9" t="s">
        <v>57</v>
      </c>
      <c r="C98" s="9" t="s">
        <v>58</v>
      </c>
      <c r="D98" s="9" t="s">
        <v>354</v>
      </c>
      <c r="E98" s="9" t="s">
        <v>365</v>
      </c>
      <c r="F98" s="6">
        <v>7399</v>
      </c>
      <c r="G98" s="6">
        <v>717</v>
      </c>
      <c r="H98" s="6">
        <v>4682</v>
      </c>
      <c r="I98" s="6">
        <v>1565</v>
      </c>
      <c r="J98" s="6">
        <v>435</v>
      </c>
      <c r="K98" s="6">
        <v>4678</v>
      </c>
      <c r="L98" s="6">
        <v>3274</v>
      </c>
      <c r="M98" s="6">
        <v>4125</v>
      </c>
      <c r="N98" s="6">
        <v>4392</v>
      </c>
      <c r="O98" s="6">
        <v>4389</v>
      </c>
      <c r="P98" s="6">
        <v>3</v>
      </c>
      <c r="Q98" s="6">
        <v>7399</v>
      </c>
      <c r="R98" s="6">
        <v>7337</v>
      </c>
      <c r="S98" s="6">
        <v>62</v>
      </c>
    </row>
    <row r="99" spans="1:19">
      <c r="A99" s="9" t="s">
        <v>27</v>
      </c>
      <c r="B99" s="9" t="s">
        <v>57</v>
      </c>
      <c r="C99" s="9" t="s">
        <v>58</v>
      </c>
      <c r="D99" s="9" t="s">
        <v>352</v>
      </c>
      <c r="E99" s="9" t="s">
        <v>366</v>
      </c>
      <c r="F99" s="6">
        <v>61713</v>
      </c>
      <c r="G99" s="6">
        <v>7121</v>
      </c>
      <c r="H99" s="6">
        <v>38199</v>
      </c>
      <c r="I99" s="6">
        <v>13574</v>
      </c>
      <c r="J99" s="6">
        <v>2819</v>
      </c>
      <c r="K99" s="6">
        <v>38148</v>
      </c>
      <c r="L99" s="6">
        <v>28982</v>
      </c>
      <c r="M99" s="6">
        <v>32731</v>
      </c>
      <c r="N99" s="6">
        <v>32552</v>
      </c>
      <c r="O99" s="6">
        <v>32498</v>
      </c>
      <c r="P99" s="6">
        <v>54</v>
      </c>
      <c r="Q99" s="6">
        <v>61713</v>
      </c>
      <c r="R99" s="6">
        <v>60451</v>
      </c>
      <c r="S99" s="6">
        <v>1262</v>
      </c>
    </row>
    <row r="100" spans="1:19">
      <c r="A100" s="9" t="s">
        <v>27</v>
      </c>
      <c r="B100" s="9" t="s">
        <v>57</v>
      </c>
      <c r="C100" s="9" t="s">
        <v>58</v>
      </c>
      <c r="D100" s="9" t="s">
        <v>354</v>
      </c>
      <c r="E100" s="9" t="s">
        <v>367</v>
      </c>
      <c r="F100" s="6">
        <v>25898</v>
      </c>
      <c r="G100" s="6">
        <v>2782</v>
      </c>
      <c r="H100" s="6">
        <v>16143</v>
      </c>
      <c r="I100" s="6">
        <v>5594</v>
      </c>
      <c r="J100" s="6">
        <v>1379</v>
      </c>
      <c r="K100" s="6">
        <v>16212</v>
      </c>
      <c r="L100" s="6">
        <v>12155</v>
      </c>
      <c r="M100" s="6">
        <v>13743</v>
      </c>
      <c r="N100" s="6">
        <v>14440</v>
      </c>
      <c r="O100" s="6">
        <v>14416</v>
      </c>
      <c r="P100" s="6">
        <v>24</v>
      </c>
      <c r="Q100" s="6">
        <v>25898</v>
      </c>
      <c r="R100" s="6">
        <v>25330</v>
      </c>
      <c r="S100" s="6">
        <v>568</v>
      </c>
    </row>
    <row r="101" spans="1:19">
      <c r="A101" s="9" t="s">
        <v>27</v>
      </c>
      <c r="B101" s="9" t="s">
        <v>57</v>
      </c>
      <c r="C101" s="9" t="s">
        <v>58</v>
      </c>
      <c r="D101" s="9" t="s">
        <v>354</v>
      </c>
      <c r="E101" s="9" t="s">
        <v>368</v>
      </c>
      <c r="F101" s="6">
        <v>35815</v>
      </c>
      <c r="G101" s="6">
        <v>4339</v>
      </c>
      <c r="H101" s="6">
        <v>22056</v>
      </c>
      <c r="I101" s="6">
        <v>7980</v>
      </c>
      <c r="J101" s="6">
        <v>1440</v>
      </c>
      <c r="K101" s="6">
        <v>21936</v>
      </c>
      <c r="L101" s="6">
        <v>16827</v>
      </c>
      <c r="M101" s="6">
        <v>18988</v>
      </c>
      <c r="N101" s="6">
        <v>18112</v>
      </c>
      <c r="O101" s="6">
        <v>18082</v>
      </c>
      <c r="P101" s="6">
        <v>30</v>
      </c>
      <c r="Q101" s="6">
        <v>35815</v>
      </c>
      <c r="R101" s="6">
        <v>35121</v>
      </c>
      <c r="S101" s="6">
        <v>694</v>
      </c>
    </row>
    <row r="102" spans="1:19">
      <c r="A102" s="9" t="s">
        <v>27</v>
      </c>
      <c r="B102" s="9" t="s">
        <v>57</v>
      </c>
      <c r="C102" s="9" t="s">
        <v>58</v>
      </c>
      <c r="D102" s="9" t="s">
        <v>350</v>
      </c>
      <c r="E102" s="9" t="s">
        <v>369</v>
      </c>
      <c r="F102" s="6">
        <v>550528</v>
      </c>
      <c r="G102" s="6">
        <v>79358</v>
      </c>
      <c r="H102" s="6">
        <v>319918</v>
      </c>
      <c r="I102" s="6">
        <v>140868</v>
      </c>
      <c r="J102" s="6">
        <v>10384</v>
      </c>
      <c r="K102" s="6">
        <v>326589</v>
      </c>
      <c r="L102" s="6">
        <v>261486</v>
      </c>
      <c r="M102" s="6">
        <v>289042</v>
      </c>
      <c r="N102" s="6">
        <v>236139</v>
      </c>
      <c r="O102" s="6">
        <v>235703</v>
      </c>
      <c r="P102" s="6">
        <v>436</v>
      </c>
      <c r="Q102" s="6">
        <v>550528</v>
      </c>
      <c r="R102" s="6">
        <v>539481</v>
      </c>
      <c r="S102" s="6">
        <v>11047</v>
      </c>
    </row>
    <row r="103" spans="1:19">
      <c r="A103" s="9" t="s">
        <v>27</v>
      </c>
      <c r="B103" s="9" t="s">
        <v>57</v>
      </c>
      <c r="C103" s="9" t="s">
        <v>58</v>
      </c>
      <c r="D103" s="9" t="s">
        <v>352</v>
      </c>
      <c r="E103" s="9" t="s">
        <v>370</v>
      </c>
      <c r="F103" s="6">
        <v>143345</v>
      </c>
      <c r="G103" s="6">
        <v>20763</v>
      </c>
      <c r="H103" s="6">
        <v>84960</v>
      </c>
      <c r="I103" s="6">
        <v>34037</v>
      </c>
      <c r="J103" s="6">
        <v>3585</v>
      </c>
      <c r="K103" s="6">
        <v>86349</v>
      </c>
      <c r="L103" s="6">
        <v>68674</v>
      </c>
      <c r="M103" s="6">
        <v>74671</v>
      </c>
      <c r="N103" s="6">
        <v>63271</v>
      </c>
      <c r="O103" s="6">
        <v>63142</v>
      </c>
      <c r="P103" s="6">
        <v>129</v>
      </c>
      <c r="Q103" s="6">
        <v>143345</v>
      </c>
      <c r="R103" s="6">
        <v>140019</v>
      </c>
      <c r="S103" s="6">
        <v>3326</v>
      </c>
    </row>
    <row r="104" spans="1:19">
      <c r="A104" s="9" t="s">
        <v>27</v>
      </c>
      <c r="B104" s="9" t="s">
        <v>57</v>
      </c>
      <c r="C104" s="9" t="s">
        <v>58</v>
      </c>
      <c r="D104" s="9" t="s">
        <v>354</v>
      </c>
      <c r="E104" s="9" t="s">
        <v>371</v>
      </c>
      <c r="F104" s="10" t="s">
        <v>55</v>
      </c>
      <c r="G104" s="10" t="s">
        <v>55</v>
      </c>
      <c r="H104" s="10" t="s">
        <v>55</v>
      </c>
      <c r="I104" s="10" t="s">
        <v>55</v>
      </c>
      <c r="J104" s="10" t="s">
        <v>55</v>
      </c>
      <c r="K104" s="10" t="s">
        <v>55</v>
      </c>
      <c r="L104" s="10" t="s">
        <v>55</v>
      </c>
      <c r="M104" s="10" t="s">
        <v>55</v>
      </c>
      <c r="N104" s="10" t="s">
        <v>55</v>
      </c>
      <c r="O104" s="10" t="s">
        <v>55</v>
      </c>
      <c r="P104" s="10" t="s">
        <v>55</v>
      </c>
      <c r="Q104" s="10" t="s">
        <v>55</v>
      </c>
      <c r="R104" s="10" t="s">
        <v>55</v>
      </c>
      <c r="S104" s="10" t="s">
        <v>55</v>
      </c>
    </row>
    <row r="105" spans="1:19">
      <c r="A105" s="9" t="s">
        <v>27</v>
      </c>
      <c r="B105" s="9" t="s">
        <v>57</v>
      </c>
      <c r="C105" s="9" t="s">
        <v>58</v>
      </c>
      <c r="D105" s="9" t="s">
        <v>354</v>
      </c>
      <c r="E105" s="9" t="s">
        <v>372</v>
      </c>
      <c r="F105" s="6">
        <v>2374</v>
      </c>
      <c r="G105" s="6">
        <v>349</v>
      </c>
      <c r="H105" s="6">
        <v>1372</v>
      </c>
      <c r="I105" s="6">
        <v>623</v>
      </c>
      <c r="J105" s="6">
        <v>30</v>
      </c>
      <c r="K105" s="6">
        <v>1423</v>
      </c>
      <c r="L105" s="6">
        <v>1118</v>
      </c>
      <c r="M105" s="6">
        <v>1256</v>
      </c>
      <c r="N105" s="6">
        <v>1007</v>
      </c>
      <c r="O105" s="6">
        <v>1002</v>
      </c>
      <c r="P105" s="6">
        <v>5</v>
      </c>
      <c r="Q105" s="6">
        <v>2374</v>
      </c>
      <c r="R105" s="6">
        <v>2339</v>
      </c>
      <c r="S105" s="6">
        <v>35</v>
      </c>
    </row>
    <row r="106" spans="1:19">
      <c r="A106" s="9" t="s">
        <v>27</v>
      </c>
      <c r="B106" s="9" t="s">
        <v>57</v>
      </c>
      <c r="C106" s="9" t="s">
        <v>58</v>
      </c>
      <c r="D106" s="9" t="s">
        <v>354</v>
      </c>
      <c r="E106" s="9" t="s">
        <v>373</v>
      </c>
      <c r="F106" s="6">
        <v>31292</v>
      </c>
      <c r="G106" s="6">
        <v>3770</v>
      </c>
      <c r="H106" s="6">
        <v>18504</v>
      </c>
      <c r="I106" s="6">
        <v>8082</v>
      </c>
      <c r="J106" s="6">
        <v>936</v>
      </c>
      <c r="K106" s="6">
        <v>18882</v>
      </c>
      <c r="L106" s="6">
        <v>14848</v>
      </c>
      <c r="M106" s="6">
        <v>16444</v>
      </c>
      <c r="N106" s="6">
        <v>15227</v>
      </c>
      <c r="O106" s="6">
        <v>15192</v>
      </c>
      <c r="P106" s="6">
        <v>35</v>
      </c>
      <c r="Q106" s="6">
        <v>31292</v>
      </c>
      <c r="R106" s="6">
        <v>30209</v>
      </c>
      <c r="S106" s="6">
        <v>1083</v>
      </c>
    </row>
    <row r="107" spans="1:19">
      <c r="A107" s="9" t="s">
        <v>27</v>
      </c>
      <c r="B107" s="9" t="s">
        <v>57</v>
      </c>
      <c r="C107" s="9" t="s">
        <v>58</v>
      </c>
      <c r="D107" s="9" t="s">
        <v>354</v>
      </c>
      <c r="E107" s="9" t="s">
        <v>374</v>
      </c>
      <c r="F107" s="6">
        <v>51104</v>
      </c>
      <c r="G107" s="6">
        <v>6876</v>
      </c>
      <c r="H107" s="6">
        <v>30626</v>
      </c>
      <c r="I107" s="6">
        <v>12079</v>
      </c>
      <c r="J107" s="6">
        <v>1523</v>
      </c>
      <c r="K107" s="6">
        <v>31061</v>
      </c>
      <c r="L107" s="6">
        <v>24669</v>
      </c>
      <c r="M107" s="6">
        <v>26435</v>
      </c>
      <c r="N107" s="6">
        <v>23074</v>
      </c>
      <c r="O107" s="6">
        <v>23038</v>
      </c>
      <c r="P107" s="6">
        <v>36</v>
      </c>
      <c r="Q107" s="6">
        <v>51104</v>
      </c>
      <c r="R107" s="6">
        <v>50081</v>
      </c>
      <c r="S107" s="6">
        <v>1023</v>
      </c>
    </row>
    <row r="108" spans="1:19">
      <c r="A108" s="9" t="s">
        <v>27</v>
      </c>
      <c r="B108" s="9" t="s">
        <v>57</v>
      </c>
      <c r="C108" s="9" t="s">
        <v>58</v>
      </c>
      <c r="D108" s="9" t="s">
        <v>354</v>
      </c>
      <c r="E108" s="9" t="s">
        <v>375</v>
      </c>
      <c r="F108" s="6">
        <v>2066</v>
      </c>
      <c r="G108" s="6">
        <v>268</v>
      </c>
      <c r="H108" s="6">
        <v>1202</v>
      </c>
      <c r="I108" s="6">
        <v>533</v>
      </c>
      <c r="J108" s="6">
        <v>63</v>
      </c>
      <c r="K108" s="6">
        <v>1223</v>
      </c>
      <c r="L108" s="6">
        <v>968</v>
      </c>
      <c r="M108" s="6">
        <v>1098</v>
      </c>
      <c r="N108" s="6">
        <v>897</v>
      </c>
      <c r="O108" s="6">
        <v>894</v>
      </c>
      <c r="P108" s="6">
        <v>3</v>
      </c>
      <c r="Q108" s="6">
        <v>2066</v>
      </c>
      <c r="R108" s="6">
        <v>2023</v>
      </c>
      <c r="S108" s="6">
        <v>43</v>
      </c>
    </row>
    <row r="109" spans="1:19">
      <c r="A109" s="9" t="s">
        <v>27</v>
      </c>
      <c r="B109" s="9" t="s">
        <v>57</v>
      </c>
      <c r="C109" s="9" t="s">
        <v>58</v>
      </c>
      <c r="D109" s="9" t="s">
        <v>354</v>
      </c>
      <c r="E109" s="9" t="s">
        <v>376</v>
      </c>
      <c r="F109" s="6">
        <v>56509</v>
      </c>
      <c r="G109" s="6">
        <v>9500</v>
      </c>
      <c r="H109" s="6">
        <v>33256</v>
      </c>
      <c r="I109" s="6">
        <v>12720</v>
      </c>
      <c r="J109" s="6">
        <v>1033</v>
      </c>
      <c r="K109" s="6">
        <v>33760</v>
      </c>
      <c r="L109" s="6">
        <v>27071</v>
      </c>
      <c r="M109" s="6">
        <v>29438</v>
      </c>
      <c r="N109" s="6">
        <v>23066</v>
      </c>
      <c r="O109" s="6">
        <v>23016</v>
      </c>
      <c r="P109" s="6">
        <v>50</v>
      </c>
      <c r="Q109" s="6">
        <v>56509</v>
      </c>
      <c r="R109" s="6">
        <v>55367</v>
      </c>
      <c r="S109" s="6">
        <v>1142</v>
      </c>
    </row>
    <row r="110" spans="1:19">
      <c r="A110" s="9" t="s">
        <v>27</v>
      </c>
      <c r="B110" s="9" t="s">
        <v>57</v>
      </c>
      <c r="C110" s="9" t="s">
        <v>58</v>
      </c>
      <c r="D110" s="9" t="s">
        <v>352</v>
      </c>
      <c r="E110" s="9" t="s">
        <v>377</v>
      </c>
      <c r="F110" s="6">
        <v>331295</v>
      </c>
      <c r="G110" s="6">
        <v>47049</v>
      </c>
      <c r="H110" s="6">
        <v>192623</v>
      </c>
      <c r="I110" s="6">
        <v>85464</v>
      </c>
      <c r="J110" s="6">
        <v>6159</v>
      </c>
      <c r="K110" s="6">
        <v>196714</v>
      </c>
      <c r="L110" s="6">
        <v>156871</v>
      </c>
      <c r="M110" s="6">
        <v>174424</v>
      </c>
      <c r="N110" s="6">
        <v>142971</v>
      </c>
      <c r="O110" s="6">
        <v>142701</v>
      </c>
      <c r="P110" s="6">
        <v>270</v>
      </c>
      <c r="Q110" s="6">
        <v>331295</v>
      </c>
      <c r="R110" s="6">
        <v>324350</v>
      </c>
      <c r="S110" s="6">
        <v>6945</v>
      </c>
    </row>
    <row r="111" spans="1:19">
      <c r="A111" s="9" t="s">
        <v>27</v>
      </c>
      <c r="B111" s="9" t="s">
        <v>57</v>
      </c>
      <c r="C111" s="9" t="s">
        <v>58</v>
      </c>
      <c r="D111" s="9" t="s">
        <v>354</v>
      </c>
      <c r="E111" s="9" t="s">
        <v>378</v>
      </c>
      <c r="F111" s="6">
        <v>132908</v>
      </c>
      <c r="G111" s="6">
        <v>17911</v>
      </c>
      <c r="H111" s="6">
        <v>77737</v>
      </c>
      <c r="I111" s="6">
        <v>34294</v>
      </c>
      <c r="J111" s="6">
        <v>2966</v>
      </c>
      <c r="K111" s="6">
        <v>79360</v>
      </c>
      <c r="L111" s="6">
        <v>62712</v>
      </c>
      <c r="M111" s="6">
        <v>70196</v>
      </c>
      <c r="N111" s="6">
        <v>59948</v>
      </c>
      <c r="O111" s="6">
        <v>59829</v>
      </c>
      <c r="P111" s="6">
        <v>119</v>
      </c>
      <c r="Q111" s="6">
        <v>132908</v>
      </c>
      <c r="R111" s="6">
        <v>129643</v>
      </c>
      <c r="S111" s="6">
        <v>3265</v>
      </c>
    </row>
    <row r="112" spans="1:19">
      <c r="A112" s="9" t="s">
        <v>27</v>
      </c>
      <c r="B112" s="9" t="s">
        <v>57</v>
      </c>
      <c r="C112" s="9" t="s">
        <v>58</v>
      </c>
      <c r="D112" s="9" t="s">
        <v>354</v>
      </c>
      <c r="E112" s="9" t="s">
        <v>379</v>
      </c>
      <c r="F112" s="6">
        <v>143124</v>
      </c>
      <c r="G112" s="6">
        <v>20409</v>
      </c>
      <c r="H112" s="6">
        <v>82126</v>
      </c>
      <c r="I112" s="6">
        <v>38316</v>
      </c>
      <c r="J112" s="6">
        <v>2273</v>
      </c>
      <c r="K112" s="6">
        <v>84158</v>
      </c>
      <c r="L112" s="6">
        <v>67647</v>
      </c>
      <c r="M112" s="6">
        <v>75477</v>
      </c>
      <c r="N112" s="6">
        <v>60296</v>
      </c>
      <c r="O112" s="6">
        <v>60192</v>
      </c>
      <c r="P112" s="6">
        <v>104</v>
      </c>
      <c r="Q112" s="6">
        <v>143124</v>
      </c>
      <c r="R112" s="6">
        <v>140365</v>
      </c>
      <c r="S112" s="6">
        <v>2759</v>
      </c>
    </row>
    <row r="113" spans="1:19">
      <c r="A113" s="9" t="s">
        <v>27</v>
      </c>
      <c r="B113" s="9" t="s">
        <v>57</v>
      </c>
      <c r="C113" s="9" t="s">
        <v>58</v>
      </c>
      <c r="D113" s="9" t="s">
        <v>354</v>
      </c>
      <c r="E113" s="9" t="s">
        <v>380</v>
      </c>
      <c r="F113" s="6">
        <v>40607</v>
      </c>
      <c r="G113" s="6">
        <v>6525</v>
      </c>
      <c r="H113" s="6">
        <v>24420</v>
      </c>
      <c r="I113" s="6">
        <v>8888</v>
      </c>
      <c r="J113" s="6">
        <v>774</v>
      </c>
      <c r="K113" s="6">
        <v>24540</v>
      </c>
      <c r="L113" s="6">
        <v>19457</v>
      </c>
      <c r="M113" s="6">
        <v>21150</v>
      </c>
      <c r="N113" s="6">
        <v>16981</v>
      </c>
      <c r="O113" s="6">
        <v>16941</v>
      </c>
      <c r="P113" s="6">
        <v>40</v>
      </c>
      <c r="Q113" s="6">
        <v>40607</v>
      </c>
      <c r="R113" s="6">
        <v>39837</v>
      </c>
      <c r="S113" s="6">
        <v>770</v>
      </c>
    </row>
    <row r="114" spans="1:19">
      <c r="A114" s="9" t="s">
        <v>27</v>
      </c>
      <c r="B114" s="9" t="s">
        <v>57</v>
      </c>
      <c r="C114" s="9" t="s">
        <v>58</v>
      </c>
      <c r="D114" s="9" t="s">
        <v>354</v>
      </c>
      <c r="E114" s="9" t="s">
        <v>381</v>
      </c>
      <c r="F114" s="6">
        <v>14656</v>
      </c>
      <c r="G114" s="6">
        <v>2204</v>
      </c>
      <c r="H114" s="6">
        <v>8340</v>
      </c>
      <c r="I114" s="6">
        <v>3966</v>
      </c>
      <c r="J114" s="6">
        <v>146</v>
      </c>
      <c r="K114" s="6">
        <v>8656</v>
      </c>
      <c r="L114" s="6">
        <v>7055</v>
      </c>
      <c r="M114" s="6">
        <v>7601</v>
      </c>
      <c r="N114" s="6">
        <v>5746</v>
      </c>
      <c r="O114" s="6">
        <v>5739</v>
      </c>
      <c r="P114" s="6">
        <v>7</v>
      </c>
      <c r="Q114" s="6">
        <v>14656</v>
      </c>
      <c r="R114" s="6">
        <v>14505</v>
      </c>
      <c r="S114" s="6">
        <v>151</v>
      </c>
    </row>
    <row r="115" spans="1:19">
      <c r="A115" s="9" t="s">
        <v>27</v>
      </c>
      <c r="B115" s="9" t="s">
        <v>57</v>
      </c>
      <c r="C115" s="9" t="s">
        <v>58</v>
      </c>
      <c r="D115" s="9" t="s">
        <v>352</v>
      </c>
      <c r="E115" s="9" t="s">
        <v>382</v>
      </c>
      <c r="F115" s="6">
        <v>75888</v>
      </c>
      <c r="G115" s="6">
        <v>11546</v>
      </c>
      <c r="H115" s="6">
        <v>42335</v>
      </c>
      <c r="I115" s="6">
        <v>21367</v>
      </c>
      <c r="J115" s="6">
        <v>640</v>
      </c>
      <c r="K115" s="6">
        <v>43526</v>
      </c>
      <c r="L115" s="6">
        <v>35941</v>
      </c>
      <c r="M115" s="6">
        <v>39947</v>
      </c>
      <c r="N115" s="6">
        <v>29897</v>
      </c>
      <c r="O115" s="6">
        <v>29860</v>
      </c>
      <c r="P115" s="6">
        <v>37</v>
      </c>
      <c r="Q115" s="6">
        <v>75888</v>
      </c>
      <c r="R115" s="6">
        <v>75112</v>
      </c>
      <c r="S115" s="6">
        <v>776</v>
      </c>
    </row>
    <row r="116" spans="1:19">
      <c r="A116" s="9" t="s">
        <v>27</v>
      </c>
      <c r="B116" s="9" t="s">
        <v>57</v>
      </c>
      <c r="C116" s="9" t="s">
        <v>58</v>
      </c>
      <c r="D116" s="9" t="s">
        <v>354</v>
      </c>
      <c r="E116" s="9" t="s">
        <v>383</v>
      </c>
      <c r="F116" s="6">
        <v>3161</v>
      </c>
      <c r="G116" s="6">
        <v>367</v>
      </c>
      <c r="H116" s="6">
        <v>1667</v>
      </c>
      <c r="I116" s="6">
        <v>1102</v>
      </c>
      <c r="J116" s="6">
        <v>25</v>
      </c>
      <c r="K116" s="6">
        <v>1805</v>
      </c>
      <c r="L116" s="6">
        <v>1475</v>
      </c>
      <c r="M116" s="6">
        <v>1686</v>
      </c>
      <c r="N116" s="6">
        <v>1327</v>
      </c>
      <c r="O116" s="6">
        <v>1327</v>
      </c>
      <c r="P116" s="10" t="s">
        <v>55</v>
      </c>
      <c r="Q116" s="6">
        <v>3161</v>
      </c>
      <c r="R116" s="6">
        <v>3161</v>
      </c>
      <c r="S116" s="10" t="s">
        <v>55</v>
      </c>
    </row>
    <row r="117" spans="1:19">
      <c r="A117" s="9" t="s">
        <v>27</v>
      </c>
      <c r="B117" s="9" t="s">
        <v>57</v>
      </c>
      <c r="C117" s="9" t="s">
        <v>58</v>
      </c>
      <c r="D117" s="9" t="s">
        <v>354</v>
      </c>
      <c r="E117" s="9" t="s">
        <v>384</v>
      </c>
      <c r="F117" s="6">
        <v>71525</v>
      </c>
      <c r="G117" s="6">
        <v>10961</v>
      </c>
      <c r="H117" s="6">
        <v>40010</v>
      </c>
      <c r="I117" s="6">
        <v>19946</v>
      </c>
      <c r="J117" s="6">
        <v>608</v>
      </c>
      <c r="K117" s="6">
        <v>41060</v>
      </c>
      <c r="L117" s="6">
        <v>33883</v>
      </c>
      <c r="M117" s="6">
        <v>37642</v>
      </c>
      <c r="N117" s="6">
        <v>28122</v>
      </c>
      <c r="O117" s="6">
        <v>28085</v>
      </c>
      <c r="P117" s="6">
        <v>37</v>
      </c>
      <c r="Q117" s="6">
        <v>71525</v>
      </c>
      <c r="R117" s="6">
        <v>70749</v>
      </c>
      <c r="S117" s="6">
        <v>776</v>
      </c>
    </row>
    <row r="118" spans="1:19">
      <c r="A118" s="9" t="s">
        <v>27</v>
      </c>
      <c r="B118" s="9" t="s">
        <v>57</v>
      </c>
      <c r="C118" s="9" t="s">
        <v>58</v>
      </c>
      <c r="D118" s="9" t="s">
        <v>354</v>
      </c>
      <c r="E118" s="9" t="s">
        <v>385</v>
      </c>
      <c r="F118" s="6">
        <v>1202</v>
      </c>
      <c r="G118" s="6">
        <v>218</v>
      </c>
      <c r="H118" s="6">
        <v>658</v>
      </c>
      <c r="I118" s="6">
        <v>319</v>
      </c>
      <c r="J118" s="6">
        <v>7</v>
      </c>
      <c r="K118" s="6">
        <v>661</v>
      </c>
      <c r="L118" s="6">
        <v>583</v>
      </c>
      <c r="M118" s="6">
        <v>619</v>
      </c>
      <c r="N118" s="6">
        <v>448</v>
      </c>
      <c r="O118" s="6">
        <v>448</v>
      </c>
      <c r="P118" s="10" t="s">
        <v>55</v>
      </c>
      <c r="Q118" s="6">
        <v>1202</v>
      </c>
      <c r="R118" s="6">
        <v>1202</v>
      </c>
      <c r="S118" s="10" t="s">
        <v>55</v>
      </c>
    </row>
    <row r="119" spans="1:19">
      <c r="A119" s="9" t="s">
        <v>27</v>
      </c>
      <c r="B119" s="9" t="s">
        <v>57</v>
      </c>
      <c r="C119" s="9" t="s">
        <v>58</v>
      </c>
      <c r="D119" s="9" t="s">
        <v>56</v>
      </c>
      <c r="E119" s="9" t="s">
        <v>386</v>
      </c>
      <c r="F119" s="6">
        <v>138812</v>
      </c>
      <c r="G119" s="6">
        <v>22752</v>
      </c>
      <c r="H119" s="6">
        <v>72534</v>
      </c>
      <c r="I119" s="6">
        <v>42714</v>
      </c>
      <c r="J119" s="6">
        <v>812</v>
      </c>
      <c r="K119" s="6">
        <v>75953</v>
      </c>
      <c r="L119" s="6">
        <v>66190</v>
      </c>
      <c r="M119" s="6">
        <v>72622</v>
      </c>
      <c r="N119" s="6">
        <v>45799</v>
      </c>
      <c r="O119" s="6">
        <v>45539</v>
      </c>
      <c r="P119" s="6">
        <v>260</v>
      </c>
      <c r="Q119" s="6">
        <v>138812</v>
      </c>
      <c r="R119" s="6">
        <v>130516</v>
      </c>
      <c r="S119" s="6">
        <v>8296</v>
      </c>
    </row>
    <row r="120" spans="1:19">
      <c r="A120" s="9" t="s">
        <v>27</v>
      </c>
      <c r="B120" s="9" t="s">
        <v>57</v>
      </c>
      <c r="C120" s="9" t="s">
        <v>58</v>
      </c>
      <c r="D120" s="9" t="s">
        <v>56</v>
      </c>
      <c r="E120" s="9" t="s">
        <v>387</v>
      </c>
      <c r="F120" s="6">
        <v>503797</v>
      </c>
      <c r="G120" s="6">
        <v>66794</v>
      </c>
      <c r="H120" s="6">
        <v>268096</v>
      </c>
      <c r="I120" s="6">
        <v>165277</v>
      </c>
      <c r="J120" s="6">
        <v>3630</v>
      </c>
      <c r="K120" s="6">
        <v>284539</v>
      </c>
      <c r="L120" s="6">
        <v>237698</v>
      </c>
      <c r="M120" s="6">
        <v>266099</v>
      </c>
      <c r="N120" s="6">
        <v>202963</v>
      </c>
      <c r="O120" s="6">
        <v>202175</v>
      </c>
      <c r="P120" s="6">
        <v>788</v>
      </c>
      <c r="Q120" s="6">
        <v>503797</v>
      </c>
      <c r="R120" s="6">
        <v>483709</v>
      </c>
      <c r="S120" s="6">
        <v>20088</v>
      </c>
    </row>
    <row r="121" spans="1:19">
      <c r="A121" s="9" t="s">
        <v>27</v>
      </c>
      <c r="B121" s="9" t="s">
        <v>57</v>
      </c>
      <c r="C121" s="9" t="s">
        <v>58</v>
      </c>
      <c r="D121" s="9" t="s">
        <v>350</v>
      </c>
      <c r="E121" s="9" t="s">
        <v>388</v>
      </c>
      <c r="F121" s="6">
        <v>27128</v>
      </c>
      <c r="G121" s="6">
        <v>3732</v>
      </c>
      <c r="H121" s="6">
        <v>15524</v>
      </c>
      <c r="I121" s="6">
        <v>7560</v>
      </c>
      <c r="J121" s="6">
        <v>312</v>
      </c>
      <c r="K121" s="6">
        <v>15713</v>
      </c>
      <c r="L121" s="6">
        <v>13239</v>
      </c>
      <c r="M121" s="6">
        <v>13889</v>
      </c>
      <c r="N121" s="6">
        <v>11378</v>
      </c>
      <c r="O121" s="6">
        <v>11328</v>
      </c>
      <c r="P121" s="6">
        <v>50</v>
      </c>
      <c r="Q121" s="6">
        <v>27128</v>
      </c>
      <c r="R121" s="6">
        <v>25579</v>
      </c>
      <c r="S121" s="6">
        <v>1549</v>
      </c>
    </row>
    <row r="122" spans="1:19">
      <c r="A122" s="9" t="s">
        <v>27</v>
      </c>
      <c r="B122" s="9" t="s">
        <v>57</v>
      </c>
      <c r="C122" s="9" t="s">
        <v>58</v>
      </c>
      <c r="D122" s="9" t="s">
        <v>352</v>
      </c>
      <c r="E122" s="9" t="s">
        <v>389</v>
      </c>
      <c r="F122" s="6">
        <v>7218</v>
      </c>
      <c r="G122" s="6">
        <v>958</v>
      </c>
      <c r="H122" s="6">
        <v>4370</v>
      </c>
      <c r="I122" s="6">
        <v>1825</v>
      </c>
      <c r="J122" s="6">
        <v>65</v>
      </c>
      <c r="K122" s="6">
        <v>4075</v>
      </c>
      <c r="L122" s="6">
        <v>3697</v>
      </c>
      <c r="M122" s="6">
        <v>3521</v>
      </c>
      <c r="N122" s="6">
        <v>2948</v>
      </c>
      <c r="O122" s="6">
        <v>2931</v>
      </c>
      <c r="P122" s="6">
        <v>17</v>
      </c>
      <c r="Q122" s="6">
        <v>7218</v>
      </c>
      <c r="R122" s="6">
        <v>6578</v>
      </c>
      <c r="S122" s="6">
        <v>640</v>
      </c>
    </row>
    <row r="123" spans="1:19">
      <c r="A123" s="9" t="s">
        <v>27</v>
      </c>
      <c r="B123" s="9" t="s">
        <v>57</v>
      </c>
      <c r="C123" s="9" t="s">
        <v>58</v>
      </c>
      <c r="D123" s="9" t="s">
        <v>354</v>
      </c>
      <c r="E123" s="9" t="s">
        <v>390</v>
      </c>
      <c r="F123" s="6">
        <v>562</v>
      </c>
      <c r="G123" s="6">
        <v>22</v>
      </c>
      <c r="H123" s="6">
        <v>525</v>
      </c>
      <c r="I123" s="6">
        <v>14</v>
      </c>
      <c r="J123" s="6">
        <v>1</v>
      </c>
      <c r="K123" s="6">
        <v>84</v>
      </c>
      <c r="L123" s="6">
        <v>388</v>
      </c>
      <c r="M123" s="6">
        <v>174</v>
      </c>
      <c r="N123" s="6">
        <v>73</v>
      </c>
      <c r="O123" s="6">
        <v>67</v>
      </c>
      <c r="P123" s="6">
        <v>6</v>
      </c>
      <c r="Q123" s="6">
        <v>562</v>
      </c>
      <c r="R123" s="6">
        <v>115</v>
      </c>
      <c r="S123" s="6">
        <v>447</v>
      </c>
    </row>
    <row r="124" spans="1:19">
      <c r="A124" s="9" t="s">
        <v>27</v>
      </c>
      <c r="B124" s="9" t="s">
        <v>57</v>
      </c>
      <c r="C124" s="9" t="s">
        <v>58</v>
      </c>
      <c r="D124" s="9" t="s">
        <v>354</v>
      </c>
      <c r="E124" s="9" t="s">
        <v>391</v>
      </c>
      <c r="F124" s="6">
        <v>395</v>
      </c>
      <c r="G124" s="6">
        <v>28</v>
      </c>
      <c r="H124" s="6">
        <v>229</v>
      </c>
      <c r="I124" s="6">
        <v>137</v>
      </c>
      <c r="J124" s="6">
        <v>1</v>
      </c>
      <c r="K124" s="6">
        <v>236</v>
      </c>
      <c r="L124" s="6">
        <v>216</v>
      </c>
      <c r="M124" s="6">
        <v>179</v>
      </c>
      <c r="N124" s="6">
        <v>185</v>
      </c>
      <c r="O124" s="6">
        <v>184</v>
      </c>
      <c r="P124" s="6">
        <v>1</v>
      </c>
      <c r="Q124" s="6">
        <v>395</v>
      </c>
      <c r="R124" s="6">
        <v>380</v>
      </c>
      <c r="S124" s="6">
        <v>15</v>
      </c>
    </row>
    <row r="125" spans="1:19">
      <c r="A125" s="9" t="s">
        <v>27</v>
      </c>
      <c r="B125" s="9" t="s">
        <v>57</v>
      </c>
      <c r="C125" s="9" t="s">
        <v>58</v>
      </c>
      <c r="D125" s="9" t="s">
        <v>354</v>
      </c>
      <c r="E125" s="9" t="s">
        <v>392</v>
      </c>
      <c r="F125" s="6">
        <v>3634</v>
      </c>
      <c r="G125" s="6">
        <v>554</v>
      </c>
      <c r="H125" s="6">
        <v>2087</v>
      </c>
      <c r="I125" s="6">
        <v>953</v>
      </c>
      <c r="J125" s="6">
        <v>40</v>
      </c>
      <c r="K125" s="6">
        <v>2148</v>
      </c>
      <c r="L125" s="6">
        <v>1806</v>
      </c>
      <c r="M125" s="6">
        <v>1828</v>
      </c>
      <c r="N125" s="6">
        <v>1545</v>
      </c>
      <c r="O125" s="6">
        <v>1537</v>
      </c>
      <c r="P125" s="6">
        <v>8</v>
      </c>
      <c r="Q125" s="6">
        <v>3634</v>
      </c>
      <c r="R125" s="6">
        <v>3480</v>
      </c>
      <c r="S125" s="6">
        <v>154</v>
      </c>
    </row>
    <row r="126" spans="1:19">
      <c r="A126" s="9" t="s">
        <v>27</v>
      </c>
      <c r="B126" s="9" t="s">
        <v>57</v>
      </c>
      <c r="C126" s="9" t="s">
        <v>58</v>
      </c>
      <c r="D126" s="9" t="s">
        <v>354</v>
      </c>
      <c r="E126" s="9" t="s">
        <v>393</v>
      </c>
      <c r="F126" s="6">
        <v>2627</v>
      </c>
      <c r="G126" s="6">
        <v>354</v>
      </c>
      <c r="H126" s="6">
        <v>1529</v>
      </c>
      <c r="I126" s="6">
        <v>721</v>
      </c>
      <c r="J126" s="6">
        <v>23</v>
      </c>
      <c r="K126" s="6">
        <v>1607</v>
      </c>
      <c r="L126" s="6">
        <v>1287</v>
      </c>
      <c r="M126" s="6">
        <v>1340</v>
      </c>
      <c r="N126" s="6">
        <v>1145</v>
      </c>
      <c r="O126" s="6">
        <v>1143</v>
      </c>
      <c r="P126" s="6">
        <v>2</v>
      </c>
      <c r="Q126" s="6">
        <v>2627</v>
      </c>
      <c r="R126" s="6">
        <v>2603</v>
      </c>
      <c r="S126" s="6">
        <v>24</v>
      </c>
    </row>
    <row r="127" spans="1:19">
      <c r="A127" s="9" t="s">
        <v>27</v>
      </c>
      <c r="B127" s="9" t="s">
        <v>57</v>
      </c>
      <c r="C127" s="9" t="s">
        <v>58</v>
      </c>
      <c r="D127" s="9" t="s">
        <v>352</v>
      </c>
      <c r="E127" s="9" t="s">
        <v>394</v>
      </c>
      <c r="F127" s="6">
        <v>19910</v>
      </c>
      <c r="G127" s="6">
        <v>2774</v>
      </c>
      <c r="H127" s="6">
        <v>11154</v>
      </c>
      <c r="I127" s="6">
        <v>5735</v>
      </c>
      <c r="J127" s="6">
        <v>247</v>
      </c>
      <c r="K127" s="6">
        <v>11638</v>
      </c>
      <c r="L127" s="6">
        <v>9542</v>
      </c>
      <c r="M127" s="6">
        <v>10368</v>
      </c>
      <c r="N127" s="6">
        <v>8430</v>
      </c>
      <c r="O127" s="6">
        <v>8397</v>
      </c>
      <c r="P127" s="6">
        <v>33</v>
      </c>
      <c r="Q127" s="6">
        <v>19910</v>
      </c>
      <c r="R127" s="6">
        <v>19001</v>
      </c>
      <c r="S127" s="6">
        <v>909</v>
      </c>
    </row>
    <row r="128" spans="1:19">
      <c r="A128" s="9" t="s">
        <v>27</v>
      </c>
      <c r="B128" s="9" t="s">
        <v>57</v>
      </c>
      <c r="C128" s="9" t="s">
        <v>58</v>
      </c>
      <c r="D128" s="9" t="s">
        <v>354</v>
      </c>
      <c r="E128" s="9" t="s">
        <v>395</v>
      </c>
      <c r="F128" s="6">
        <v>8071</v>
      </c>
      <c r="G128" s="6">
        <v>969</v>
      </c>
      <c r="H128" s="6">
        <v>4423</v>
      </c>
      <c r="I128" s="6">
        <v>2577</v>
      </c>
      <c r="J128" s="6">
        <v>102</v>
      </c>
      <c r="K128" s="6">
        <v>4650</v>
      </c>
      <c r="L128" s="6">
        <v>3904</v>
      </c>
      <c r="M128" s="6">
        <v>4167</v>
      </c>
      <c r="N128" s="6">
        <v>3591</v>
      </c>
      <c r="O128" s="6">
        <v>3579</v>
      </c>
      <c r="P128" s="6">
        <v>12</v>
      </c>
      <c r="Q128" s="6">
        <v>8071</v>
      </c>
      <c r="R128" s="6">
        <v>7775</v>
      </c>
      <c r="S128" s="6">
        <v>296</v>
      </c>
    </row>
    <row r="129" spans="1:19">
      <c r="A129" s="9" t="s">
        <v>27</v>
      </c>
      <c r="B129" s="9" t="s">
        <v>57</v>
      </c>
      <c r="C129" s="9" t="s">
        <v>58</v>
      </c>
      <c r="D129" s="9" t="s">
        <v>354</v>
      </c>
      <c r="E129" s="9" t="s">
        <v>396</v>
      </c>
      <c r="F129" s="6">
        <v>11839</v>
      </c>
      <c r="G129" s="6">
        <v>1805</v>
      </c>
      <c r="H129" s="6">
        <v>6731</v>
      </c>
      <c r="I129" s="6">
        <v>3158</v>
      </c>
      <c r="J129" s="6">
        <v>145</v>
      </c>
      <c r="K129" s="6">
        <v>6988</v>
      </c>
      <c r="L129" s="6">
        <v>5638</v>
      </c>
      <c r="M129" s="6">
        <v>6201</v>
      </c>
      <c r="N129" s="6">
        <v>4839</v>
      </c>
      <c r="O129" s="6">
        <v>4818</v>
      </c>
      <c r="P129" s="6">
        <v>21</v>
      </c>
      <c r="Q129" s="6">
        <v>11839</v>
      </c>
      <c r="R129" s="6">
        <v>11226</v>
      </c>
      <c r="S129" s="6">
        <v>613</v>
      </c>
    </row>
    <row r="130" spans="1:19">
      <c r="A130" s="9" t="s">
        <v>27</v>
      </c>
      <c r="B130" s="9" t="s">
        <v>57</v>
      </c>
      <c r="C130" s="9" t="s">
        <v>58</v>
      </c>
      <c r="D130" s="9" t="s">
        <v>350</v>
      </c>
      <c r="E130" s="9" t="s">
        <v>397</v>
      </c>
      <c r="F130" s="6">
        <v>31396</v>
      </c>
      <c r="G130" s="6">
        <v>3828</v>
      </c>
      <c r="H130" s="6">
        <v>16519</v>
      </c>
      <c r="I130" s="6">
        <v>10759</v>
      </c>
      <c r="J130" s="6">
        <v>290</v>
      </c>
      <c r="K130" s="6">
        <v>17498</v>
      </c>
      <c r="L130" s="6">
        <v>14495</v>
      </c>
      <c r="M130" s="6">
        <v>16901</v>
      </c>
      <c r="N130" s="6">
        <v>14160</v>
      </c>
      <c r="O130" s="6">
        <v>14094</v>
      </c>
      <c r="P130" s="6">
        <v>66</v>
      </c>
      <c r="Q130" s="6">
        <v>31396</v>
      </c>
      <c r="R130" s="6">
        <v>30015</v>
      </c>
      <c r="S130" s="6">
        <v>1381</v>
      </c>
    </row>
    <row r="131" spans="1:19">
      <c r="A131" s="9" t="s">
        <v>27</v>
      </c>
      <c r="B131" s="9" t="s">
        <v>57</v>
      </c>
      <c r="C131" s="9" t="s">
        <v>58</v>
      </c>
      <c r="D131" s="9" t="s">
        <v>352</v>
      </c>
      <c r="E131" s="9" t="s">
        <v>398</v>
      </c>
      <c r="F131" s="6">
        <v>16907</v>
      </c>
      <c r="G131" s="6">
        <v>1942</v>
      </c>
      <c r="H131" s="6">
        <v>8680</v>
      </c>
      <c r="I131" s="6">
        <v>6115</v>
      </c>
      <c r="J131" s="6">
        <v>170</v>
      </c>
      <c r="K131" s="6">
        <v>9235</v>
      </c>
      <c r="L131" s="6">
        <v>7761</v>
      </c>
      <c r="M131" s="6">
        <v>9146</v>
      </c>
      <c r="N131" s="6">
        <v>7862</v>
      </c>
      <c r="O131" s="6">
        <v>7821</v>
      </c>
      <c r="P131" s="6">
        <v>41</v>
      </c>
      <c r="Q131" s="6">
        <v>16907</v>
      </c>
      <c r="R131" s="6">
        <v>16125</v>
      </c>
      <c r="S131" s="6">
        <v>782</v>
      </c>
    </row>
    <row r="132" spans="1:19">
      <c r="A132" s="9" t="s">
        <v>27</v>
      </c>
      <c r="B132" s="9" t="s">
        <v>57</v>
      </c>
      <c r="C132" s="9" t="s">
        <v>58</v>
      </c>
      <c r="D132" s="9" t="s">
        <v>354</v>
      </c>
      <c r="E132" s="9" t="s">
        <v>399</v>
      </c>
      <c r="F132" s="6">
        <v>12657</v>
      </c>
      <c r="G132" s="6">
        <v>1362</v>
      </c>
      <c r="H132" s="6">
        <v>6247</v>
      </c>
      <c r="I132" s="6">
        <v>4926</v>
      </c>
      <c r="J132" s="6">
        <v>122</v>
      </c>
      <c r="K132" s="6">
        <v>6753</v>
      </c>
      <c r="L132" s="6">
        <v>5743</v>
      </c>
      <c r="M132" s="6">
        <v>6914</v>
      </c>
      <c r="N132" s="6">
        <v>5958</v>
      </c>
      <c r="O132" s="6">
        <v>5926</v>
      </c>
      <c r="P132" s="6">
        <v>32</v>
      </c>
      <c r="Q132" s="6">
        <v>12657</v>
      </c>
      <c r="R132" s="6">
        <v>11976</v>
      </c>
      <c r="S132" s="6">
        <v>681</v>
      </c>
    </row>
    <row r="133" spans="1:19">
      <c r="A133" s="9" t="s">
        <v>27</v>
      </c>
      <c r="B133" s="9" t="s">
        <v>57</v>
      </c>
      <c r="C133" s="9" t="s">
        <v>58</v>
      </c>
      <c r="D133" s="9" t="s">
        <v>354</v>
      </c>
      <c r="E133" s="9" t="s">
        <v>400</v>
      </c>
      <c r="F133" s="6">
        <v>4250</v>
      </c>
      <c r="G133" s="6">
        <v>580</v>
      </c>
      <c r="H133" s="6">
        <v>2433</v>
      </c>
      <c r="I133" s="6">
        <v>1189</v>
      </c>
      <c r="J133" s="6">
        <v>48</v>
      </c>
      <c r="K133" s="6">
        <v>2482</v>
      </c>
      <c r="L133" s="6">
        <v>2018</v>
      </c>
      <c r="M133" s="6">
        <v>2232</v>
      </c>
      <c r="N133" s="6">
        <v>1904</v>
      </c>
      <c r="O133" s="6">
        <v>1895</v>
      </c>
      <c r="P133" s="6">
        <v>9</v>
      </c>
      <c r="Q133" s="6">
        <v>4250</v>
      </c>
      <c r="R133" s="6">
        <v>4149</v>
      </c>
      <c r="S133" s="6">
        <v>101</v>
      </c>
    </row>
    <row r="134" spans="1:19">
      <c r="A134" s="9" t="s">
        <v>27</v>
      </c>
      <c r="B134" s="9" t="s">
        <v>57</v>
      </c>
      <c r="C134" s="9" t="s">
        <v>58</v>
      </c>
      <c r="D134" s="9" t="s">
        <v>352</v>
      </c>
      <c r="E134" s="9" t="s">
        <v>401</v>
      </c>
      <c r="F134" s="6">
        <v>14489</v>
      </c>
      <c r="G134" s="6">
        <v>1886</v>
      </c>
      <c r="H134" s="6">
        <v>7839</v>
      </c>
      <c r="I134" s="6">
        <v>4644</v>
      </c>
      <c r="J134" s="6">
        <v>120</v>
      </c>
      <c r="K134" s="6">
        <v>8263</v>
      </c>
      <c r="L134" s="6">
        <v>6734</v>
      </c>
      <c r="M134" s="6">
        <v>7755</v>
      </c>
      <c r="N134" s="6">
        <v>6298</v>
      </c>
      <c r="O134" s="6">
        <v>6273</v>
      </c>
      <c r="P134" s="6">
        <v>25</v>
      </c>
      <c r="Q134" s="6">
        <v>14489</v>
      </c>
      <c r="R134" s="6">
        <v>13890</v>
      </c>
      <c r="S134" s="6">
        <v>599</v>
      </c>
    </row>
    <row r="135" spans="1:19">
      <c r="A135" s="9" t="s">
        <v>27</v>
      </c>
      <c r="B135" s="9" t="s">
        <v>57</v>
      </c>
      <c r="C135" s="9" t="s">
        <v>58</v>
      </c>
      <c r="D135" s="9" t="s">
        <v>354</v>
      </c>
      <c r="E135" s="9" t="s">
        <v>402</v>
      </c>
      <c r="F135" s="6">
        <v>7307</v>
      </c>
      <c r="G135" s="6">
        <v>807</v>
      </c>
      <c r="H135" s="6">
        <v>3825</v>
      </c>
      <c r="I135" s="6">
        <v>2612</v>
      </c>
      <c r="J135" s="6">
        <v>63</v>
      </c>
      <c r="K135" s="6">
        <v>4093</v>
      </c>
      <c r="L135" s="6">
        <v>3351</v>
      </c>
      <c r="M135" s="6">
        <v>3956</v>
      </c>
      <c r="N135" s="6">
        <v>3221</v>
      </c>
      <c r="O135" s="6">
        <v>3201</v>
      </c>
      <c r="P135" s="6">
        <v>20</v>
      </c>
      <c r="Q135" s="6">
        <v>7307</v>
      </c>
      <c r="R135" s="6">
        <v>6818</v>
      </c>
      <c r="S135" s="6">
        <v>489</v>
      </c>
    </row>
    <row r="136" spans="1:19">
      <c r="A136" s="9" t="s">
        <v>27</v>
      </c>
      <c r="B136" s="9" t="s">
        <v>57</v>
      </c>
      <c r="C136" s="9" t="s">
        <v>58</v>
      </c>
      <c r="D136" s="9" t="s">
        <v>354</v>
      </c>
      <c r="E136" s="9" t="s">
        <v>403</v>
      </c>
      <c r="F136" s="6">
        <v>7182</v>
      </c>
      <c r="G136" s="6">
        <v>1079</v>
      </c>
      <c r="H136" s="6">
        <v>4014</v>
      </c>
      <c r="I136" s="6">
        <v>2032</v>
      </c>
      <c r="J136" s="6">
        <v>57</v>
      </c>
      <c r="K136" s="6">
        <v>4170</v>
      </c>
      <c r="L136" s="6">
        <v>3383</v>
      </c>
      <c r="M136" s="6">
        <v>3799</v>
      </c>
      <c r="N136" s="6">
        <v>3077</v>
      </c>
      <c r="O136" s="6">
        <v>3072</v>
      </c>
      <c r="P136" s="6">
        <v>5</v>
      </c>
      <c r="Q136" s="6">
        <v>7182</v>
      </c>
      <c r="R136" s="6">
        <v>7072</v>
      </c>
      <c r="S136" s="6">
        <v>110</v>
      </c>
    </row>
    <row r="137" spans="1:19">
      <c r="A137" s="9" t="s">
        <v>27</v>
      </c>
      <c r="B137" s="9" t="s">
        <v>57</v>
      </c>
      <c r="C137" s="9" t="s">
        <v>58</v>
      </c>
      <c r="D137" s="9" t="s">
        <v>350</v>
      </c>
      <c r="E137" s="9" t="s">
        <v>404</v>
      </c>
      <c r="F137" s="6">
        <v>182129</v>
      </c>
      <c r="G137" s="6">
        <v>26401</v>
      </c>
      <c r="H137" s="6">
        <v>99486</v>
      </c>
      <c r="I137" s="6">
        <v>54876</v>
      </c>
      <c r="J137" s="6">
        <v>1366</v>
      </c>
      <c r="K137" s="6">
        <v>103960</v>
      </c>
      <c r="L137" s="6">
        <v>86113</v>
      </c>
      <c r="M137" s="6">
        <v>96016</v>
      </c>
      <c r="N137" s="6">
        <v>74933</v>
      </c>
      <c r="O137" s="6">
        <v>74740</v>
      </c>
      <c r="P137" s="6">
        <v>193</v>
      </c>
      <c r="Q137" s="6">
        <v>182129</v>
      </c>
      <c r="R137" s="6">
        <v>177303</v>
      </c>
      <c r="S137" s="6">
        <v>4826</v>
      </c>
    </row>
    <row r="138" spans="1:19">
      <c r="A138" s="9" t="s">
        <v>27</v>
      </c>
      <c r="B138" s="9" t="s">
        <v>57</v>
      </c>
      <c r="C138" s="9" t="s">
        <v>58</v>
      </c>
      <c r="D138" s="9" t="s">
        <v>352</v>
      </c>
      <c r="E138" s="9" t="s">
        <v>405</v>
      </c>
      <c r="F138" s="6">
        <v>67201</v>
      </c>
      <c r="G138" s="6">
        <v>9108</v>
      </c>
      <c r="H138" s="6">
        <v>36583</v>
      </c>
      <c r="I138" s="6">
        <v>20945</v>
      </c>
      <c r="J138" s="6">
        <v>565</v>
      </c>
      <c r="K138" s="6">
        <v>38275</v>
      </c>
      <c r="L138" s="6">
        <v>31940</v>
      </c>
      <c r="M138" s="6">
        <v>35261</v>
      </c>
      <c r="N138" s="6">
        <v>28219</v>
      </c>
      <c r="O138" s="6">
        <v>28120</v>
      </c>
      <c r="P138" s="6">
        <v>99</v>
      </c>
      <c r="Q138" s="6">
        <v>67201</v>
      </c>
      <c r="R138" s="6">
        <v>64906</v>
      </c>
      <c r="S138" s="6">
        <v>2295</v>
      </c>
    </row>
    <row r="139" spans="1:19">
      <c r="A139" s="9" t="s">
        <v>27</v>
      </c>
      <c r="B139" s="9" t="s">
        <v>57</v>
      </c>
      <c r="C139" s="9" t="s">
        <v>58</v>
      </c>
      <c r="D139" s="9" t="s">
        <v>354</v>
      </c>
      <c r="E139" s="9" t="s">
        <v>406</v>
      </c>
      <c r="F139" s="10" t="s">
        <v>55</v>
      </c>
      <c r="G139" s="10" t="s">
        <v>55</v>
      </c>
      <c r="H139" s="10" t="s">
        <v>55</v>
      </c>
      <c r="I139" s="10" t="s">
        <v>55</v>
      </c>
      <c r="J139" s="10" t="s">
        <v>55</v>
      </c>
      <c r="K139" s="10" t="s">
        <v>55</v>
      </c>
      <c r="L139" s="10" t="s">
        <v>55</v>
      </c>
      <c r="M139" s="10" t="s">
        <v>55</v>
      </c>
      <c r="N139" s="10" t="s">
        <v>55</v>
      </c>
      <c r="O139" s="10" t="s">
        <v>55</v>
      </c>
      <c r="P139" s="10" t="s">
        <v>55</v>
      </c>
      <c r="Q139" s="10" t="s">
        <v>55</v>
      </c>
      <c r="R139" s="10" t="s">
        <v>55</v>
      </c>
      <c r="S139" s="10" t="s">
        <v>55</v>
      </c>
    </row>
    <row r="140" spans="1:19">
      <c r="A140" s="9" t="s">
        <v>27</v>
      </c>
      <c r="B140" s="9" t="s">
        <v>57</v>
      </c>
      <c r="C140" s="9" t="s">
        <v>58</v>
      </c>
      <c r="D140" s="9" t="s">
        <v>354</v>
      </c>
      <c r="E140" s="9" t="s">
        <v>407</v>
      </c>
      <c r="F140" s="6">
        <v>3030</v>
      </c>
      <c r="G140" s="6">
        <v>430</v>
      </c>
      <c r="H140" s="6">
        <v>1640</v>
      </c>
      <c r="I140" s="6">
        <v>933</v>
      </c>
      <c r="J140" s="6">
        <v>27</v>
      </c>
      <c r="K140" s="6">
        <v>1724</v>
      </c>
      <c r="L140" s="6">
        <v>1425</v>
      </c>
      <c r="M140" s="6">
        <v>1605</v>
      </c>
      <c r="N140" s="6">
        <v>1201</v>
      </c>
      <c r="O140" s="6">
        <v>1196</v>
      </c>
      <c r="P140" s="6">
        <v>5</v>
      </c>
      <c r="Q140" s="6">
        <v>3030</v>
      </c>
      <c r="R140" s="6">
        <v>2940</v>
      </c>
      <c r="S140" s="6">
        <v>90</v>
      </c>
    </row>
    <row r="141" spans="1:19">
      <c r="A141" s="9" t="s">
        <v>27</v>
      </c>
      <c r="B141" s="9" t="s">
        <v>57</v>
      </c>
      <c r="C141" s="9" t="s">
        <v>58</v>
      </c>
      <c r="D141" s="9" t="s">
        <v>354</v>
      </c>
      <c r="E141" s="9" t="s">
        <v>408</v>
      </c>
      <c r="F141" s="6">
        <v>12314</v>
      </c>
      <c r="G141" s="6">
        <v>1634</v>
      </c>
      <c r="H141" s="6">
        <v>6801</v>
      </c>
      <c r="I141" s="6">
        <v>3684</v>
      </c>
      <c r="J141" s="6">
        <v>195</v>
      </c>
      <c r="K141" s="6">
        <v>7121</v>
      </c>
      <c r="L141" s="6">
        <v>5830</v>
      </c>
      <c r="M141" s="6">
        <v>6484</v>
      </c>
      <c r="N141" s="6">
        <v>5600</v>
      </c>
      <c r="O141" s="6">
        <v>5587</v>
      </c>
      <c r="P141" s="6">
        <v>13</v>
      </c>
      <c r="Q141" s="6">
        <v>12314</v>
      </c>
      <c r="R141" s="6">
        <v>12112</v>
      </c>
      <c r="S141" s="6">
        <v>202</v>
      </c>
    </row>
    <row r="142" spans="1:19">
      <c r="A142" s="9" t="s">
        <v>27</v>
      </c>
      <c r="B142" s="9" t="s">
        <v>57</v>
      </c>
      <c r="C142" s="9" t="s">
        <v>58</v>
      </c>
      <c r="D142" s="9" t="s">
        <v>354</v>
      </c>
      <c r="E142" s="9" t="s">
        <v>409</v>
      </c>
      <c r="F142" s="6">
        <v>29090</v>
      </c>
      <c r="G142" s="6">
        <v>3662</v>
      </c>
      <c r="H142" s="6">
        <v>15446</v>
      </c>
      <c r="I142" s="6">
        <v>9800</v>
      </c>
      <c r="J142" s="6">
        <v>182</v>
      </c>
      <c r="K142" s="6">
        <v>16142</v>
      </c>
      <c r="L142" s="6">
        <v>13851</v>
      </c>
      <c r="M142" s="6">
        <v>15239</v>
      </c>
      <c r="N142" s="6">
        <v>12281</v>
      </c>
      <c r="O142" s="6">
        <v>12228</v>
      </c>
      <c r="P142" s="6">
        <v>53</v>
      </c>
      <c r="Q142" s="6">
        <v>29090</v>
      </c>
      <c r="R142" s="6">
        <v>27695</v>
      </c>
      <c r="S142" s="6">
        <v>1395</v>
      </c>
    </row>
    <row r="143" spans="1:19">
      <c r="A143" s="9" t="s">
        <v>27</v>
      </c>
      <c r="B143" s="9" t="s">
        <v>57</v>
      </c>
      <c r="C143" s="9" t="s">
        <v>58</v>
      </c>
      <c r="D143" s="9" t="s">
        <v>354</v>
      </c>
      <c r="E143" s="9" t="s">
        <v>410</v>
      </c>
      <c r="F143" s="6">
        <v>4807</v>
      </c>
      <c r="G143" s="6">
        <v>742</v>
      </c>
      <c r="H143" s="6">
        <v>2637</v>
      </c>
      <c r="I143" s="6">
        <v>1400</v>
      </c>
      <c r="J143" s="6">
        <v>28</v>
      </c>
      <c r="K143" s="6">
        <v>2779</v>
      </c>
      <c r="L143" s="6">
        <v>2271</v>
      </c>
      <c r="M143" s="6">
        <v>2536</v>
      </c>
      <c r="N143" s="6">
        <v>1984</v>
      </c>
      <c r="O143" s="6">
        <v>1978</v>
      </c>
      <c r="P143" s="6">
        <v>6</v>
      </c>
      <c r="Q143" s="6">
        <v>4807</v>
      </c>
      <c r="R143" s="6">
        <v>4684</v>
      </c>
      <c r="S143" s="6">
        <v>123</v>
      </c>
    </row>
    <row r="144" spans="1:19">
      <c r="A144" s="9" t="s">
        <v>27</v>
      </c>
      <c r="B144" s="9" t="s">
        <v>57</v>
      </c>
      <c r="C144" s="9" t="s">
        <v>58</v>
      </c>
      <c r="D144" s="9" t="s">
        <v>354</v>
      </c>
      <c r="E144" s="9" t="s">
        <v>411</v>
      </c>
      <c r="F144" s="6">
        <v>17960</v>
      </c>
      <c r="G144" s="6">
        <v>2640</v>
      </c>
      <c r="H144" s="6">
        <v>10059</v>
      </c>
      <c r="I144" s="6">
        <v>5128</v>
      </c>
      <c r="J144" s="6">
        <v>133</v>
      </c>
      <c r="K144" s="6">
        <v>10509</v>
      </c>
      <c r="L144" s="6">
        <v>8563</v>
      </c>
      <c r="M144" s="6">
        <v>9397</v>
      </c>
      <c r="N144" s="6">
        <v>7153</v>
      </c>
      <c r="O144" s="6">
        <v>7131</v>
      </c>
      <c r="P144" s="6">
        <v>22</v>
      </c>
      <c r="Q144" s="6">
        <v>17960</v>
      </c>
      <c r="R144" s="6">
        <v>17475</v>
      </c>
      <c r="S144" s="6">
        <v>485</v>
      </c>
    </row>
    <row r="145" spans="1:19">
      <c r="A145" s="9" t="s">
        <v>27</v>
      </c>
      <c r="B145" s="9" t="s">
        <v>57</v>
      </c>
      <c r="C145" s="9" t="s">
        <v>58</v>
      </c>
      <c r="D145" s="9" t="s">
        <v>352</v>
      </c>
      <c r="E145" s="9" t="s">
        <v>412</v>
      </c>
      <c r="F145" s="6">
        <v>78217</v>
      </c>
      <c r="G145" s="6">
        <v>12117</v>
      </c>
      <c r="H145" s="6">
        <v>43005</v>
      </c>
      <c r="I145" s="6">
        <v>22454</v>
      </c>
      <c r="J145" s="6">
        <v>641</v>
      </c>
      <c r="K145" s="6">
        <v>44501</v>
      </c>
      <c r="L145" s="6">
        <v>36815</v>
      </c>
      <c r="M145" s="6">
        <v>41402</v>
      </c>
      <c r="N145" s="6">
        <v>31651</v>
      </c>
      <c r="O145" s="6">
        <v>31574</v>
      </c>
      <c r="P145" s="6">
        <v>77</v>
      </c>
      <c r="Q145" s="6">
        <v>78217</v>
      </c>
      <c r="R145" s="6">
        <v>75849</v>
      </c>
      <c r="S145" s="6">
        <v>2368</v>
      </c>
    </row>
    <row r="146" spans="1:19">
      <c r="A146" s="9" t="s">
        <v>27</v>
      </c>
      <c r="B146" s="9" t="s">
        <v>57</v>
      </c>
      <c r="C146" s="9" t="s">
        <v>58</v>
      </c>
      <c r="D146" s="9" t="s">
        <v>354</v>
      </c>
      <c r="E146" s="9" t="s">
        <v>413</v>
      </c>
      <c r="F146" s="6">
        <v>25493</v>
      </c>
      <c r="G146" s="6">
        <v>3643</v>
      </c>
      <c r="H146" s="6">
        <v>14062</v>
      </c>
      <c r="I146" s="6">
        <v>7457</v>
      </c>
      <c r="J146" s="6">
        <v>331</v>
      </c>
      <c r="K146" s="6">
        <v>14656</v>
      </c>
      <c r="L146" s="6">
        <v>11905</v>
      </c>
      <c r="M146" s="6">
        <v>13588</v>
      </c>
      <c r="N146" s="6">
        <v>10418</v>
      </c>
      <c r="O146" s="6">
        <v>10389</v>
      </c>
      <c r="P146" s="6">
        <v>29</v>
      </c>
      <c r="Q146" s="6">
        <v>25493</v>
      </c>
      <c r="R146" s="6">
        <v>24579</v>
      </c>
      <c r="S146" s="6">
        <v>914</v>
      </c>
    </row>
    <row r="147" spans="1:19">
      <c r="A147" s="9" t="s">
        <v>27</v>
      </c>
      <c r="B147" s="9" t="s">
        <v>57</v>
      </c>
      <c r="C147" s="9" t="s">
        <v>58</v>
      </c>
      <c r="D147" s="9" t="s">
        <v>354</v>
      </c>
      <c r="E147" s="9" t="s">
        <v>414</v>
      </c>
      <c r="F147" s="6">
        <v>44868</v>
      </c>
      <c r="G147" s="6">
        <v>6772</v>
      </c>
      <c r="H147" s="6">
        <v>24481</v>
      </c>
      <c r="I147" s="6">
        <v>13333</v>
      </c>
      <c r="J147" s="6">
        <v>282</v>
      </c>
      <c r="K147" s="6">
        <v>25405</v>
      </c>
      <c r="L147" s="6">
        <v>21109</v>
      </c>
      <c r="M147" s="6">
        <v>23759</v>
      </c>
      <c r="N147" s="6">
        <v>18400</v>
      </c>
      <c r="O147" s="6">
        <v>18352</v>
      </c>
      <c r="P147" s="6">
        <v>48</v>
      </c>
      <c r="Q147" s="6">
        <v>44868</v>
      </c>
      <c r="R147" s="6">
        <v>43414</v>
      </c>
      <c r="S147" s="6">
        <v>1454</v>
      </c>
    </row>
    <row r="148" spans="1:19">
      <c r="A148" s="9" t="s">
        <v>27</v>
      </c>
      <c r="B148" s="9" t="s">
        <v>57</v>
      </c>
      <c r="C148" s="9" t="s">
        <v>58</v>
      </c>
      <c r="D148" s="9" t="s">
        <v>354</v>
      </c>
      <c r="E148" s="9" t="s">
        <v>415</v>
      </c>
      <c r="F148" s="6">
        <v>513</v>
      </c>
      <c r="G148" s="6">
        <v>88</v>
      </c>
      <c r="H148" s="6">
        <v>251</v>
      </c>
      <c r="I148" s="6">
        <v>173</v>
      </c>
      <c r="J148" s="6">
        <v>1</v>
      </c>
      <c r="K148" s="6">
        <v>263</v>
      </c>
      <c r="L148" s="6">
        <v>229</v>
      </c>
      <c r="M148" s="6">
        <v>284</v>
      </c>
      <c r="N148" s="6">
        <v>209</v>
      </c>
      <c r="O148" s="6">
        <v>209</v>
      </c>
      <c r="P148" s="10" t="s">
        <v>55</v>
      </c>
      <c r="Q148" s="6">
        <v>513</v>
      </c>
      <c r="R148" s="6">
        <v>513</v>
      </c>
      <c r="S148" s="10" t="s">
        <v>55</v>
      </c>
    </row>
    <row r="149" spans="1:19">
      <c r="A149" s="9" t="s">
        <v>27</v>
      </c>
      <c r="B149" s="9" t="s">
        <v>57</v>
      </c>
      <c r="C149" s="9" t="s">
        <v>58</v>
      </c>
      <c r="D149" s="9" t="s">
        <v>354</v>
      </c>
      <c r="E149" s="9" t="s">
        <v>416</v>
      </c>
      <c r="F149" s="6">
        <v>7343</v>
      </c>
      <c r="G149" s="6">
        <v>1614</v>
      </c>
      <c r="H149" s="6">
        <v>4211</v>
      </c>
      <c r="I149" s="6">
        <v>1491</v>
      </c>
      <c r="J149" s="6">
        <v>27</v>
      </c>
      <c r="K149" s="6">
        <v>4177</v>
      </c>
      <c r="L149" s="6">
        <v>3572</v>
      </c>
      <c r="M149" s="6">
        <v>3771</v>
      </c>
      <c r="N149" s="6">
        <v>2624</v>
      </c>
      <c r="O149" s="6">
        <v>2624</v>
      </c>
      <c r="P149" s="10" t="s">
        <v>55</v>
      </c>
      <c r="Q149" s="6">
        <v>7343</v>
      </c>
      <c r="R149" s="6">
        <v>7343</v>
      </c>
      <c r="S149" s="10" t="s">
        <v>55</v>
      </c>
    </row>
    <row r="150" spans="1:19">
      <c r="A150" s="9" t="s">
        <v>27</v>
      </c>
      <c r="B150" s="9" t="s">
        <v>57</v>
      </c>
      <c r="C150" s="9" t="s">
        <v>58</v>
      </c>
      <c r="D150" s="9" t="s">
        <v>352</v>
      </c>
      <c r="E150" s="9" t="s">
        <v>417</v>
      </c>
      <c r="F150" s="6">
        <v>36711</v>
      </c>
      <c r="G150" s="6">
        <v>5176</v>
      </c>
      <c r="H150" s="6">
        <v>19898</v>
      </c>
      <c r="I150" s="6">
        <v>11477</v>
      </c>
      <c r="J150" s="6">
        <v>160</v>
      </c>
      <c r="K150" s="6">
        <v>21184</v>
      </c>
      <c r="L150" s="6">
        <v>17358</v>
      </c>
      <c r="M150" s="6">
        <v>19353</v>
      </c>
      <c r="N150" s="6">
        <v>15063</v>
      </c>
      <c r="O150" s="6">
        <v>15046</v>
      </c>
      <c r="P150" s="6">
        <v>17</v>
      </c>
      <c r="Q150" s="6">
        <v>36711</v>
      </c>
      <c r="R150" s="6">
        <v>36548</v>
      </c>
      <c r="S150" s="6">
        <v>163</v>
      </c>
    </row>
    <row r="151" spans="1:19">
      <c r="A151" s="9" t="s">
        <v>27</v>
      </c>
      <c r="B151" s="9" t="s">
        <v>57</v>
      </c>
      <c r="C151" s="9" t="s">
        <v>58</v>
      </c>
      <c r="D151" s="9" t="s">
        <v>354</v>
      </c>
      <c r="E151" s="9" t="s">
        <v>418</v>
      </c>
      <c r="F151" s="6">
        <v>12306</v>
      </c>
      <c r="G151" s="6">
        <v>1784</v>
      </c>
      <c r="H151" s="6">
        <v>6767</v>
      </c>
      <c r="I151" s="6">
        <v>3707</v>
      </c>
      <c r="J151" s="6">
        <v>48</v>
      </c>
      <c r="K151" s="6">
        <v>7176</v>
      </c>
      <c r="L151" s="6">
        <v>5818</v>
      </c>
      <c r="M151" s="6">
        <v>6488</v>
      </c>
      <c r="N151" s="6">
        <v>5090</v>
      </c>
      <c r="O151" s="6">
        <v>5084</v>
      </c>
      <c r="P151" s="6">
        <v>6</v>
      </c>
      <c r="Q151" s="6">
        <v>12306</v>
      </c>
      <c r="R151" s="6">
        <v>12237</v>
      </c>
      <c r="S151" s="6">
        <v>69</v>
      </c>
    </row>
    <row r="152" spans="1:19">
      <c r="A152" s="9" t="s">
        <v>27</v>
      </c>
      <c r="B152" s="9" t="s">
        <v>57</v>
      </c>
      <c r="C152" s="9" t="s">
        <v>58</v>
      </c>
      <c r="D152" s="9" t="s">
        <v>354</v>
      </c>
      <c r="E152" s="9" t="s">
        <v>419</v>
      </c>
      <c r="F152" s="6">
        <v>23420</v>
      </c>
      <c r="G152" s="6">
        <v>3255</v>
      </c>
      <c r="H152" s="6">
        <v>12631</v>
      </c>
      <c r="I152" s="6">
        <v>7424</v>
      </c>
      <c r="J152" s="6">
        <v>110</v>
      </c>
      <c r="K152" s="6">
        <v>13452</v>
      </c>
      <c r="L152" s="6">
        <v>11073</v>
      </c>
      <c r="M152" s="6">
        <v>12347</v>
      </c>
      <c r="N152" s="6">
        <v>9571</v>
      </c>
      <c r="O152" s="6">
        <v>9560</v>
      </c>
      <c r="P152" s="6">
        <v>11</v>
      </c>
      <c r="Q152" s="6">
        <v>23420</v>
      </c>
      <c r="R152" s="6">
        <v>23326</v>
      </c>
      <c r="S152" s="6">
        <v>94</v>
      </c>
    </row>
    <row r="153" spans="1:19">
      <c r="A153" s="9" t="s">
        <v>27</v>
      </c>
      <c r="B153" s="9" t="s">
        <v>57</v>
      </c>
      <c r="C153" s="9" t="s">
        <v>58</v>
      </c>
      <c r="D153" s="9" t="s">
        <v>354</v>
      </c>
      <c r="E153" s="9" t="s">
        <v>420</v>
      </c>
      <c r="F153" s="6">
        <v>985</v>
      </c>
      <c r="G153" s="6">
        <v>137</v>
      </c>
      <c r="H153" s="6">
        <v>500</v>
      </c>
      <c r="I153" s="6">
        <v>346</v>
      </c>
      <c r="J153" s="6">
        <v>2</v>
      </c>
      <c r="K153" s="6">
        <v>556</v>
      </c>
      <c r="L153" s="6">
        <v>467</v>
      </c>
      <c r="M153" s="6">
        <v>518</v>
      </c>
      <c r="N153" s="6">
        <v>402</v>
      </c>
      <c r="O153" s="6">
        <v>402</v>
      </c>
      <c r="P153" s="10" t="s">
        <v>55</v>
      </c>
      <c r="Q153" s="6">
        <v>985</v>
      </c>
      <c r="R153" s="6">
        <v>985</v>
      </c>
      <c r="S153" s="10" t="s">
        <v>55</v>
      </c>
    </row>
    <row r="154" spans="1:19">
      <c r="A154" s="9" t="s">
        <v>27</v>
      </c>
      <c r="B154" s="9" t="s">
        <v>57</v>
      </c>
      <c r="C154" s="9" t="s">
        <v>58</v>
      </c>
      <c r="D154" s="9" t="s">
        <v>347</v>
      </c>
      <c r="E154" s="9" t="s">
        <v>421</v>
      </c>
      <c r="F154" s="6">
        <v>353870</v>
      </c>
      <c r="G154" s="6">
        <v>37004</v>
      </c>
      <c r="H154" s="6">
        <v>165272</v>
      </c>
      <c r="I154" s="6">
        <v>150425</v>
      </c>
      <c r="J154" s="6">
        <v>1169</v>
      </c>
      <c r="K154" s="6">
        <v>187971</v>
      </c>
      <c r="L154" s="6">
        <v>167104</v>
      </c>
      <c r="M154" s="6">
        <v>186766</v>
      </c>
      <c r="N154" s="6">
        <v>135679</v>
      </c>
      <c r="O154" s="6">
        <v>134982</v>
      </c>
      <c r="P154" s="6">
        <v>697</v>
      </c>
      <c r="Q154" s="6">
        <v>353870</v>
      </c>
      <c r="R154" s="6">
        <v>339409</v>
      </c>
      <c r="S154" s="6">
        <v>14461</v>
      </c>
    </row>
    <row r="155" spans="1:19">
      <c r="A155" s="9" t="s">
        <v>56</v>
      </c>
      <c r="B155" s="9" t="s">
        <v>57</v>
      </c>
      <c r="C155" s="9" t="s">
        <v>59</v>
      </c>
      <c r="D155" s="9" t="s">
        <v>347</v>
      </c>
      <c r="E155" s="9" t="s">
        <v>6</v>
      </c>
      <c r="F155" s="6">
        <v>123067</v>
      </c>
      <c r="G155" s="6">
        <v>14679</v>
      </c>
      <c r="H155" s="6">
        <v>65046</v>
      </c>
      <c r="I155" s="6">
        <v>42131</v>
      </c>
      <c r="J155" s="6">
        <v>1211</v>
      </c>
      <c r="K155" s="6">
        <v>68989</v>
      </c>
      <c r="L155" s="6">
        <v>57298</v>
      </c>
      <c r="M155" s="6">
        <v>65769</v>
      </c>
      <c r="N155" s="6">
        <v>49204</v>
      </c>
      <c r="O155" s="6">
        <v>48996</v>
      </c>
      <c r="P155" s="6">
        <v>208</v>
      </c>
      <c r="Q155" s="6">
        <v>123067</v>
      </c>
      <c r="R155" s="6">
        <v>117827</v>
      </c>
      <c r="S155" s="6">
        <v>5240</v>
      </c>
    </row>
    <row r="156" spans="1:19">
      <c r="A156" s="9" t="s">
        <v>56</v>
      </c>
      <c r="B156" s="9" t="s">
        <v>57</v>
      </c>
      <c r="C156" s="9" t="s">
        <v>59</v>
      </c>
      <c r="D156" s="9" t="s">
        <v>347</v>
      </c>
      <c r="E156" s="9" t="s">
        <v>348</v>
      </c>
      <c r="F156" s="6">
        <v>117345</v>
      </c>
      <c r="G156" s="6">
        <v>14362</v>
      </c>
      <c r="H156" s="6">
        <v>62767</v>
      </c>
      <c r="I156" s="6">
        <v>39006</v>
      </c>
      <c r="J156" s="6">
        <v>1210</v>
      </c>
      <c r="K156" s="6">
        <v>66217</v>
      </c>
      <c r="L156" s="6">
        <v>54577</v>
      </c>
      <c r="M156" s="6">
        <v>62768</v>
      </c>
      <c r="N156" s="6">
        <v>46791</v>
      </c>
      <c r="O156" s="6">
        <v>46593</v>
      </c>
      <c r="P156" s="6">
        <v>198</v>
      </c>
      <c r="Q156" s="6">
        <v>117345</v>
      </c>
      <c r="R156" s="6">
        <v>112239</v>
      </c>
      <c r="S156" s="6">
        <v>5106</v>
      </c>
    </row>
    <row r="157" spans="1:19">
      <c r="A157" s="9" t="s">
        <v>56</v>
      </c>
      <c r="B157" s="9" t="s">
        <v>57</v>
      </c>
      <c r="C157" s="9" t="s">
        <v>59</v>
      </c>
      <c r="D157" s="9" t="s">
        <v>56</v>
      </c>
      <c r="E157" s="9" t="s">
        <v>349</v>
      </c>
      <c r="F157" s="10" t="s">
        <v>55</v>
      </c>
      <c r="G157" s="10" t="s">
        <v>55</v>
      </c>
      <c r="H157" s="10" t="s">
        <v>55</v>
      </c>
      <c r="I157" s="10" t="s">
        <v>55</v>
      </c>
      <c r="J157" s="10" t="s">
        <v>55</v>
      </c>
      <c r="K157" s="10" t="s">
        <v>55</v>
      </c>
      <c r="L157" s="10" t="s">
        <v>55</v>
      </c>
      <c r="M157" s="10" t="s">
        <v>55</v>
      </c>
      <c r="N157" s="10" t="s">
        <v>55</v>
      </c>
      <c r="O157" s="10" t="s">
        <v>55</v>
      </c>
      <c r="P157" s="10" t="s">
        <v>55</v>
      </c>
      <c r="Q157" s="10" t="s">
        <v>55</v>
      </c>
      <c r="R157" s="10" t="s">
        <v>55</v>
      </c>
      <c r="S157" s="10" t="s">
        <v>55</v>
      </c>
    </row>
    <row r="158" spans="1:19">
      <c r="A158" s="9" t="s">
        <v>56</v>
      </c>
      <c r="B158" s="9" t="s">
        <v>57</v>
      </c>
      <c r="C158" s="9" t="s">
        <v>59</v>
      </c>
      <c r="D158" s="9" t="s">
        <v>350</v>
      </c>
      <c r="E158" s="9" t="s">
        <v>351</v>
      </c>
      <c r="F158" s="10" t="s">
        <v>55</v>
      </c>
      <c r="G158" s="10" t="s">
        <v>55</v>
      </c>
      <c r="H158" s="10" t="s">
        <v>55</v>
      </c>
      <c r="I158" s="10" t="s">
        <v>55</v>
      </c>
      <c r="J158" s="10" t="s">
        <v>55</v>
      </c>
      <c r="K158" s="10" t="s">
        <v>55</v>
      </c>
      <c r="L158" s="10" t="s">
        <v>55</v>
      </c>
      <c r="M158" s="10" t="s">
        <v>55</v>
      </c>
      <c r="N158" s="10" t="s">
        <v>55</v>
      </c>
      <c r="O158" s="10" t="s">
        <v>55</v>
      </c>
      <c r="P158" s="10" t="s">
        <v>55</v>
      </c>
      <c r="Q158" s="10" t="s">
        <v>55</v>
      </c>
      <c r="R158" s="10" t="s">
        <v>55</v>
      </c>
      <c r="S158" s="10" t="s">
        <v>55</v>
      </c>
    </row>
    <row r="159" spans="1:19">
      <c r="A159" s="9" t="s">
        <v>56</v>
      </c>
      <c r="B159" s="9" t="s">
        <v>57</v>
      </c>
      <c r="C159" s="9" t="s">
        <v>59</v>
      </c>
      <c r="D159" s="9" t="s">
        <v>352</v>
      </c>
      <c r="E159" s="9" t="s">
        <v>353</v>
      </c>
      <c r="F159" s="10" t="s">
        <v>55</v>
      </c>
      <c r="G159" s="10" t="s">
        <v>55</v>
      </c>
      <c r="H159" s="10" t="s">
        <v>55</v>
      </c>
      <c r="I159" s="10" t="s">
        <v>55</v>
      </c>
      <c r="J159" s="10" t="s">
        <v>55</v>
      </c>
      <c r="K159" s="10" t="s">
        <v>55</v>
      </c>
      <c r="L159" s="10" t="s">
        <v>55</v>
      </c>
      <c r="M159" s="10" t="s">
        <v>55</v>
      </c>
      <c r="N159" s="10" t="s">
        <v>55</v>
      </c>
      <c r="O159" s="10" t="s">
        <v>55</v>
      </c>
      <c r="P159" s="10" t="s">
        <v>55</v>
      </c>
      <c r="Q159" s="10" t="s">
        <v>55</v>
      </c>
      <c r="R159" s="10" t="s">
        <v>55</v>
      </c>
      <c r="S159" s="10" t="s">
        <v>55</v>
      </c>
    </row>
    <row r="160" spans="1:19">
      <c r="A160" s="9" t="s">
        <v>56</v>
      </c>
      <c r="B160" s="9" t="s">
        <v>57</v>
      </c>
      <c r="C160" s="9" t="s">
        <v>59</v>
      </c>
      <c r="D160" s="9" t="s">
        <v>354</v>
      </c>
      <c r="E160" s="9" t="s">
        <v>355</v>
      </c>
      <c r="F160" s="10" t="s">
        <v>55</v>
      </c>
      <c r="G160" s="10" t="s">
        <v>55</v>
      </c>
      <c r="H160" s="10" t="s">
        <v>55</v>
      </c>
      <c r="I160" s="10" t="s">
        <v>55</v>
      </c>
      <c r="J160" s="10" t="s">
        <v>55</v>
      </c>
      <c r="K160" s="10" t="s">
        <v>55</v>
      </c>
      <c r="L160" s="10" t="s">
        <v>55</v>
      </c>
      <c r="M160" s="10" t="s">
        <v>55</v>
      </c>
      <c r="N160" s="10" t="s">
        <v>55</v>
      </c>
      <c r="O160" s="10" t="s">
        <v>55</v>
      </c>
      <c r="P160" s="10" t="s">
        <v>55</v>
      </c>
      <c r="Q160" s="10" t="s">
        <v>55</v>
      </c>
      <c r="R160" s="10" t="s">
        <v>55</v>
      </c>
      <c r="S160" s="10" t="s">
        <v>55</v>
      </c>
    </row>
    <row r="161" spans="1:19">
      <c r="A161" s="9" t="s">
        <v>56</v>
      </c>
      <c r="B161" s="9" t="s">
        <v>57</v>
      </c>
      <c r="C161" s="9" t="s">
        <v>59</v>
      </c>
      <c r="D161" s="9" t="s">
        <v>354</v>
      </c>
      <c r="E161" s="9" t="s">
        <v>356</v>
      </c>
      <c r="F161" s="10" t="s">
        <v>55</v>
      </c>
      <c r="G161" s="10" t="s">
        <v>55</v>
      </c>
      <c r="H161" s="10" t="s">
        <v>55</v>
      </c>
      <c r="I161" s="10" t="s">
        <v>55</v>
      </c>
      <c r="J161" s="10" t="s">
        <v>55</v>
      </c>
      <c r="K161" s="10" t="s">
        <v>55</v>
      </c>
      <c r="L161" s="10" t="s">
        <v>55</v>
      </c>
      <c r="M161" s="10" t="s">
        <v>55</v>
      </c>
      <c r="N161" s="10" t="s">
        <v>55</v>
      </c>
      <c r="O161" s="10" t="s">
        <v>55</v>
      </c>
      <c r="P161" s="10" t="s">
        <v>55</v>
      </c>
      <c r="Q161" s="10" t="s">
        <v>55</v>
      </c>
      <c r="R161" s="10" t="s">
        <v>55</v>
      </c>
      <c r="S161" s="10" t="s">
        <v>55</v>
      </c>
    </row>
    <row r="162" spans="1:19">
      <c r="A162" s="9" t="s">
        <v>56</v>
      </c>
      <c r="B162" s="9" t="s">
        <v>57</v>
      </c>
      <c r="C162" s="9" t="s">
        <v>59</v>
      </c>
      <c r="D162" s="9" t="s">
        <v>354</v>
      </c>
      <c r="E162" s="9" t="s">
        <v>357</v>
      </c>
      <c r="F162" s="10" t="s">
        <v>55</v>
      </c>
      <c r="G162" s="10" t="s">
        <v>55</v>
      </c>
      <c r="H162" s="10" t="s">
        <v>55</v>
      </c>
      <c r="I162" s="10" t="s">
        <v>55</v>
      </c>
      <c r="J162" s="10" t="s">
        <v>55</v>
      </c>
      <c r="K162" s="10" t="s">
        <v>55</v>
      </c>
      <c r="L162" s="10" t="s">
        <v>55</v>
      </c>
      <c r="M162" s="10" t="s">
        <v>55</v>
      </c>
      <c r="N162" s="10" t="s">
        <v>55</v>
      </c>
      <c r="O162" s="10" t="s">
        <v>55</v>
      </c>
      <c r="P162" s="10" t="s">
        <v>55</v>
      </c>
      <c r="Q162" s="10" t="s">
        <v>55</v>
      </c>
      <c r="R162" s="10" t="s">
        <v>55</v>
      </c>
      <c r="S162" s="10" t="s">
        <v>55</v>
      </c>
    </row>
    <row r="163" spans="1:19">
      <c r="A163" s="9" t="s">
        <v>56</v>
      </c>
      <c r="B163" s="9" t="s">
        <v>57</v>
      </c>
      <c r="C163" s="9" t="s">
        <v>59</v>
      </c>
      <c r="D163" s="9" t="s">
        <v>354</v>
      </c>
      <c r="E163" s="9" t="s">
        <v>358</v>
      </c>
      <c r="F163" s="10" t="s">
        <v>55</v>
      </c>
      <c r="G163" s="10" t="s">
        <v>55</v>
      </c>
      <c r="H163" s="10" t="s">
        <v>55</v>
      </c>
      <c r="I163" s="10" t="s">
        <v>55</v>
      </c>
      <c r="J163" s="10" t="s">
        <v>55</v>
      </c>
      <c r="K163" s="10" t="s">
        <v>55</v>
      </c>
      <c r="L163" s="10" t="s">
        <v>55</v>
      </c>
      <c r="M163" s="10" t="s">
        <v>55</v>
      </c>
      <c r="N163" s="10" t="s">
        <v>55</v>
      </c>
      <c r="O163" s="10" t="s">
        <v>55</v>
      </c>
      <c r="P163" s="10" t="s">
        <v>55</v>
      </c>
      <c r="Q163" s="10" t="s">
        <v>55</v>
      </c>
      <c r="R163" s="10" t="s">
        <v>55</v>
      </c>
      <c r="S163" s="10" t="s">
        <v>55</v>
      </c>
    </row>
    <row r="164" spans="1:19">
      <c r="A164" s="9" t="s">
        <v>56</v>
      </c>
      <c r="B164" s="9" t="s">
        <v>57</v>
      </c>
      <c r="C164" s="9" t="s">
        <v>59</v>
      </c>
      <c r="D164" s="9" t="s">
        <v>352</v>
      </c>
      <c r="E164" s="9" t="s">
        <v>359</v>
      </c>
      <c r="F164" s="10" t="s">
        <v>55</v>
      </c>
      <c r="G164" s="10" t="s">
        <v>55</v>
      </c>
      <c r="H164" s="10" t="s">
        <v>55</v>
      </c>
      <c r="I164" s="10" t="s">
        <v>55</v>
      </c>
      <c r="J164" s="10" t="s">
        <v>55</v>
      </c>
      <c r="K164" s="10" t="s">
        <v>55</v>
      </c>
      <c r="L164" s="10" t="s">
        <v>55</v>
      </c>
      <c r="M164" s="10" t="s">
        <v>55</v>
      </c>
      <c r="N164" s="10" t="s">
        <v>55</v>
      </c>
      <c r="O164" s="10" t="s">
        <v>55</v>
      </c>
      <c r="P164" s="10" t="s">
        <v>55</v>
      </c>
      <c r="Q164" s="10" t="s">
        <v>55</v>
      </c>
      <c r="R164" s="10" t="s">
        <v>55</v>
      </c>
      <c r="S164" s="10" t="s">
        <v>55</v>
      </c>
    </row>
    <row r="165" spans="1:19">
      <c r="A165" s="9" t="s">
        <v>56</v>
      </c>
      <c r="B165" s="9" t="s">
        <v>57</v>
      </c>
      <c r="C165" s="9" t="s">
        <v>59</v>
      </c>
      <c r="D165" s="9" t="s">
        <v>354</v>
      </c>
      <c r="E165" s="9" t="s">
        <v>360</v>
      </c>
      <c r="F165" s="10" t="s">
        <v>55</v>
      </c>
      <c r="G165" s="10" t="s">
        <v>55</v>
      </c>
      <c r="H165" s="10" t="s">
        <v>55</v>
      </c>
      <c r="I165" s="10" t="s">
        <v>55</v>
      </c>
      <c r="J165" s="10" t="s">
        <v>55</v>
      </c>
      <c r="K165" s="10" t="s">
        <v>55</v>
      </c>
      <c r="L165" s="10" t="s">
        <v>55</v>
      </c>
      <c r="M165" s="10" t="s">
        <v>55</v>
      </c>
      <c r="N165" s="10" t="s">
        <v>55</v>
      </c>
      <c r="O165" s="10" t="s">
        <v>55</v>
      </c>
      <c r="P165" s="10" t="s">
        <v>55</v>
      </c>
      <c r="Q165" s="10" t="s">
        <v>55</v>
      </c>
      <c r="R165" s="10" t="s">
        <v>55</v>
      </c>
      <c r="S165" s="10" t="s">
        <v>55</v>
      </c>
    </row>
    <row r="166" spans="1:19">
      <c r="A166" s="9" t="s">
        <v>56</v>
      </c>
      <c r="B166" s="9" t="s">
        <v>57</v>
      </c>
      <c r="C166" s="9" t="s">
        <v>59</v>
      </c>
      <c r="D166" s="9" t="s">
        <v>354</v>
      </c>
      <c r="E166" s="9" t="s">
        <v>361</v>
      </c>
      <c r="F166" s="10" t="s">
        <v>55</v>
      </c>
      <c r="G166" s="10" t="s">
        <v>55</v>
      </c>
      <c r="H166" s="10" t="s">
        <v>55</v>
      </c>
      <c r="I166" s="10" t="s">
        <v>55</v>
      </c>
      <c r="J166" s="10" t="s">
        <v>55</v>
      </c>
      <c r="K166" s="10" t="s">
        <v>55</v>
      </c>
      <c r="L166" s="10" t="s">
        <v>55</v>
      </c>
      <c r="M166" s="10" t="s">
        <v>55</v>
      </c>
      <c r="N166" s="10" t="s">
        <v>55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10" t="s">
        <v>55</v>
      </c>
    </row>
    <row r="167" spans="1:19">
      <c r="A167" s="9" t="s">
        <v>56</v>
      </c>
      <c r="B167" s="9" t="s">
        <v>57</v>
      </c>
      <c r="C167" s="9" t="s">
        <v>59</v>
      </c>
      <c r="D167" s="9" t="s">
        <v>350</v>
      </c>
      <c r="E167" s="9" t="s">
        <v>362</v>
      </c>
      <c r="F167" s="10" t="s">
        <v>55</v>
      </c>
      <c r="G167" s="10" t="s">
        <v>55</v>
      </c>
      <c r="H167" s="10" t="s">
        <v>55</v>
      </c>
      <c r="I167" s="10" t="s">
        <v>55</v>
      </c>
      <c r="J167" s="10" t="s">
        <v>55</v>
      </c>
      <c r="K167" s="10" t="s">
        <v>55</v>
      </c>
      <c r="L167" s="10" t="s">
        <v>55</v>
      </c>
      <c r="M167" s="10" t="s">
        <v>55</v>
      </c>
      <c r="N167" s="10" t="s">
        <v>55</v>
      </c>
      <c r="O167" s="10" t="s">
        <v>55</v>
      </c>
      <c r="P167" s="10" t="s">
        <v>55</v>
      </c>
      <c r="Q167" s="10" t="s">
        <v>55</v>
      </c>
      <c r="R167" s="10" t="s">
        <v>55</v>
      </c>
      <c r="S167" s="10" t="s">
        <v>55</v>
      </c>
    </row>
    <row r="168" spans="1:19">
      <c r="A168" s="9" t="s">
        <v>56</v>
      </c>
      <c r="B168" s="9" t="s">
        <v>57</v>
      </c>
      <c r="C168" s="9" t="s">
        <v>59</v>
      </c>
      <c r="D168" s="9" t="s">
        <v>352</v>
      </c>
      <c r="E168" s="9" t="s">
        <v>363</v>
      </c>
      <c r="F168" s="10" t="s">
        <v>55</v>
      </c>
      <c r="G168" s="10" t="s">
        <v>55</v>
      </c>
      <c r="H168" s="10" t="s">
        <v>55</v>
      </c>
      <c r="I168" s="10" t="s">
        <v>55</v>
      </c>
      <c r="J168" s="10" t="s">
        <v>55</v>
      </c>
      <c r="K168" s="10" t="s">
        <v>55</v>
      </c>
      <c r="L168" s="10" t="s">
        <v>55</v>
      </c>
      <c r="M168" s="10" t="s">
        <v>55</v>
      </c>
      <c r="N168" s="10" t="s">
        <v>55</v>
      </c>
      <c r="O168" s="10" t="s">
        <v>55</v>
      </c>
      <c r="P168" s="10" t="s">
        <v>55</v>
      </c>
      <c r="Q168" s="10" t="s">
        <v>55</v>
      </c>
      <c r="R168" s="10" t="s">
        <v>55</v>
      </c>
      <c r="S168" s="10" t="s">
        <v>55</v>
      </c>
    </row>
    <row r="169" spans="1:19">
      <c r="A169" s="9" t="s">
        <v>56</v>
      </c>
      <c r="B169" s="9" t="s">
        <v>57</v>
      </c>
      <c r="C169" s="9" t="s">
        <v>59</v>
      </c>
      <c r="D169" s="9" t="s">
        <v>354</v>
      </c>
      <c r="E169" s="9" t="s">
        <v>364</v>
      </c>
      <c r="F169" s="10" t="s">
        <v>55</v>
      </c>
      <c r="G169" s="10" t="s">
        <v>55</v>
      </c>
      <c r="H169" s="10" t="s">
        <v>55</v>
      </c>
      <c r="I169" s="10" t="s">
        <v>55</v>
      </c>
      <c r="J169" s="10" t="s">
        <v>55</v>
      </c>
      <c r="K169" s="10" t="s">
        <v>55</v>
      </c>
      <c r="L169" s="10" t="s">
        <v>55</v>
      </c>
      <c r="M169" s="10" t="s">
        <v>55</v>
      </c>
      <c r="N169" s="10" t="s">
        <v>55</v>
      </c>
      <c r="O169" s="10" t="s">
        <v>55</v>
      </c>
      <c r="P169" s="10" t="s">
        <v>55</v>
      </c>
      <c r="Q169" s="10" t="s">
        <v>55</v>
      </c>
      <c r="R169" s="10" t="s">
        <v>55</v>
      </c>
      <c r="S169" s="10" t="s">
        <v>55</v>
      </c>
    </row>
    <row r="170" spans="1:19">
      <c r="A170" s="9" t="s">
        <v>56</v>
      </c>
      <c r="B170" s="9" t="s">
        <v>57</v>
      </c>
      <c r="C170" s="9" t="s">
        <v>59</v>
      </c>
      <c r="D170" s="9" t="s">
        <v>354</v>
      </c>
      <c r="E170" s="9" t="s">
        <v>365</v>
      </c>
      <c r="F170" s="10" t="s">
        <v>55</v>
      </c>
      <c r="G170" s="10" t="s">
        <v>55</v>
      </c>
      <c r="H170" s="10" t="s">
        <v>55</v>
      </c>
      <c r="I170" s="10" t="s">
        <v>55</v>
      </c>
      <c r="J170" s="10" t="s">
        <v>55</v>
      </c>
      <c r="K170" s="10" t="s">
        <v>55</v>
      </c>
      <c r="L170" s="10" t="s">
        <v>55</v>
      </c>
      <c r="M170" s="10" t="s">
        <v>55</v>
      </c>
      <c r="N170" s="10" t="s">
        <v>55</v>
      </c>
      <c r="O170" s="10" t="s">
        <v>55</v>
      </c>
      <c r="P170" s="10" t="s">
        <v>55</v>
      </c>
      <c r="Q170" s="10" t="s">
        <v>55</v>
      </c>
      <c r="R170" s="10" t="s">
        <v>55</v>
      </c>
      <c r="S170" s="10" t="s">
        <v>55</v>
      </c>
    </row>
    <row r="171" spans="1:19">
      <c r="A171" s="9" t="s">
        <v>56</v>
      </c>
      <c r="B171" s="9" t="s">
        <v>57</v>
      </c>
      <c r="C171" s="9" t="s">
        <v>59</v>
      </c>
      <c r="D171" s="9" t="s">
        <v>352</v>
      </c>
      <c r="E171" s="9" t="s">
        <v>366</v>
      </c>
      <c r="F171" s="10" t="s">
        <v>55</v>
      </c>
      <c r="G171" s="10" t="s">
        <v>55</v>
      </c>
      <c r="H171" s="10" t="s">
        <v>55</v>
      </c>
      <c r="I171" s="10" t="s">
        <v>55</v>
      </c>
      <c r="J171" s="10" t="s">
        <v>55</v>
      </c>
      <c r="K171" s="10" t="s">
        <v>55</v>
      </c>
      <c r="L171" s="10" t="s">
        <v>55</v>
      </c>
      <c r="M171" s="10" t="s">
        <v>55</v>
      </c>
      <c r="N171" s="10" t="s">
        <v>55</v>
      </c>
      <c r="O171" s="10" t="s">
        <v>55</v>
      </c>
      <c r="P171" s="10" t="s">
        <v>55</v>
      </c>
      <c r="Q171" s="10" t="s">
        <v>55</v>
      </c>
      <c r="R171" s="10" t="s">
        <v>55</v>
      </c>
      <c r="S171" s="10" t="s">
        <v>55</v>
      </c>
    </row>
    <row r="172" spans="1:19">
      <c r="A172" s="9" t="s">
        <v>56</v>
      </c>
      <c r="B172" s="9" t="s">
        <v>57</v>
      </c>
      <c r="C172" s="9" t="s">
        <v>59</v>
      </c>
      <c r="D172" s="9" t="s">
        <v>354</v>
      </c>
      <c r="E172" s="9" t="s">
        <v>367</v>
      </c>
      <c r="F172" s="10" t="s">
        <v>55</v>
      </c>
      <c r="G172" s="10" t="s">
        <v>55</v>
      </c>
      <c r="H172" s="10" t="s">
        <v>55</v>
      </c>
      <c r="I172" s="10" t="s">
        <v>55</v>
      </c>
      <c r="J172" s="10" t="s">
        <v>55</v>
      </c>
      <c r="K172" s="10" t="s">
        <v>55</v>
      </c>
      <c r="L172" s="10" t="s">
        <v>55</v>
      </c>
      <c r="M172" s="10" t="s">
        <v>55</v>
      </c>
      <c r="N172" s="10" t="s">
        <v>55</v>
      </c>
      <c r="O172" s="10" t="s">
        <v>55</v>
      </c>
      <c r="P172" s="10" t="s">
        <v>55</v>
      </c>
      <c r="Q172" s="10" t="s">
        <v>55</v>
      </c>
      <c r="R172" s="10" t="s">
        <v>55</v>
      </c>
      <c r="S172" s="10" t="s">
        <v>55</v>
      </c>
    </row>
    <row r="173" spans="1:19">
      <c r="A173" s="9" t="s">
        <v>56</v>
      </c>
      <c r="B173" s="9" t="s">
        <v>57</v>
      </c>
      <c r="C173" s="9" t="s">
        <v>59</v>
      </c>
      <c r="D173" s="9" t="s">
        <v>354</v>
      </c>
      <c r="E173" s="9" t="s">
        <v>368</v>
      </c>
      <c r="F173" s="10" t="s">
        <v>55</v>
      </c>
      <c r="G173" s="10" t="s">
        <v>55</v>
      </c>
      <c r="H173" s="10" t="s">
        <v>55</v>
      </c>
      <c r="I173" s="10" t="s">
        <v>55</v>
      </c>
      <c r="J173" s="10" t="s">
        <v>55</v>
      </c>
      <c r="K173" s="10" t="s">
        <v>55</v>
      </c>
      <c r="L173" s="10" t="s">
        <v>55</v>
      </c>
      <c r="M173" s="10" t="s">
        <v>55</v>
      </c>
      <c r="N173" s="10" t="s">
        <v>55</v>
      </c>
      <c r="O173" s="10" t="s">
        <v>55</v>
      </c>
      <c r="P173" s="10" t="s">
        <v>55</v>
      </c>
      <c r="Q173" s="10" t="s">
        <v>55</v>
      </c>
      <c r="R173" s="10" t="s">
        <v>55</v>
      </c>
      <c r="S173" s="10" t="s">
        <v>55</v>
      </c>
    </row>
    <row r="174" spans="1:19">
      <c r="A174" s="9" t="s">
        <v>56</v>
      </c>
      <c r="B174" s="9" t="s">
        <v>57</v>
      </c>
      <c r="C174" s="9" t="s">
        <v>59</v>
      </c>
      <c r="D174" s="9" t="s">
        <v>350</v>
      </c>
      <c r="E174" s="9" t="s">
        <v>369</v>
      </c>
      <c r="F174" s="10" t="s">
        <v>55</v>
      </c>
      <c r="G174" s="10" t="s">
        <v>55</v>
      </c>
      <c r="H174" s="10" t="s">
        <v>55</v>
      </c>
      <c r="I174" s="10" t="s">
        <v>55</v>
      </c>
      <c r="J174" s="10" t="s">
        <v>55</v>
      </c>
      <c r="K174" s="10" t="s">
        <v>55</v>
      </c>
      <c r="L174" s="10" t="s">
        <v>55</v>
      </c>
      <c r="M174" s="10" t="s">
        <v>55</v>
      </c>
      <c r="N174" s="10" t="s">
        <v>55</v>
      </c>
      <c r="O174" s="10" t="s">
        <v>55</v>
      </c>
      <c r="P174" s="10" t="s">
        <v>55</v>
      </c>
      <c r="Q174" s="10" t="s">
        <v>55</v>
      </c>
      <c r="R174" s="10" t="s">
        <v>55</v>
      </c>
      <c r="S174" s="10" t="s">
        <v>55</v>
      </c>
    </row>
    <row r="175" spans="1:19">
      <c r="A175" s="9" t="s">
        <v>56</v>
      </c>
      <c r="B175" s="9" t="s">
        <v>57</v>
      </c>
      <c r="C175" s="9" t="s">
        <v>59</v>
      </c>
      <c r="D175" s="9" t="s">
        <v>352</v>
      </c>
      <c r="E175" s="9" t="s">
        <v>370</v>
      </c>
      <c r="F175" s="10" t="s">
        <v>55</v>
      </c>
      <c r="G175" s="10" t="s">
        <v>55</v>
      </c>
      <c r="H175" s="10" t="s">
        <v>55</v>
      </c>
      <c r="I175" s="10" t="s">
        <v>55</v>
      </c>
      <c r="J175" s="10" t="s">
        <v>55</v>
      </c>
      <c r="K175" s="10" t="s">
        <v>55</v>
      </c>
      <c r="L175" s="10" t="s">
        <v>55</v>
      </c>
      <c r="M175" s="10" t="s">
        <v>55</v>
      </c>
      <c r="N175" s="10" t="s">
        <v>55</v>
      </c>
      <c r="O175" s="10" t="s">
        <v>55</v>
      </c>
      <c r="P175" s="10" t="s">
        <v>55</v>
      </c>
      <c r="Q175" s="10" t="s">
        <v>55</v>
      </c>
      <c r="R175" s="10" t="s">
        <v>55</v>
      </c>
      <c r="S175" s="10" t="s">
        <v>55</v>
      </c>
    </row>
    <row r="176" spans="1:19">
      <c r="A176" s="9" t="s">
        <v>56</v>
      </c>
      <c r="B176" s="9" t="s">
        <v>57</v>
      </c>
      <c r="C176" s="9" t="s">
        <v>59</v>
      </c>
      <c r="D176" s="9" t="s">
        <v>354</v>
      </c>
      <c r="E176" s="9" t="s">
        <v>371</v>
      </c>
      <c r="F176" s="10" t="s">
        <v>55</v>
      </c>
      <c r="G176" s="10" t="s">
        <v>55</v>
      </c>
      <c r="H176" s="10" t="s">
        <v>55</v>
      </c>
      <c r="I176" s="10" t="s">
        <v>55</v>
      </c>
      <c r="J176" s="10" t="s">
        <v>55</v>
      </c>
      <c r="K176" s="10" t="s">
        <v>55</v>
      </c>
      <c r="L176" s="10" t="s">
        <v>55</v>
      </c>
      <c r="M176" s="10" t="s">
        <v>55</v>
      </c>
      <c r="N176" s="10" t="s">
        <v>55</v>
      </c>
      <c r="O176" s="10" t="s">
        <v>55</v>
      </c>
      <c r="P176" s="10" t="s">
        <v>55</v>
      </c>
      <c r="Q176" s="10" t="s">
        <v>55</v>
      </c>
      <c r="R176" s="10" t="s">
        <v>55</v>
      </c>
      <c r="S176" s="10" t="s">
        <v>55</v>
      </c>
    </row>
    <row r="177" spans="1:19">
      <c r="A177" s="9" t="s">
        <v>56</v>
      </c>
      <c r="B177" s="9" t="s">
        <v>57</v>
      </c>
      <c r="C177" s="9" t="s">
        <v>59</v>
      </c>
      <c r="D177" s="9" t="s">
        <v>354</v>
      </c>
      <c r="E177" s="9" t="s">
        <v>372</v>
      </c>
      <c r="F177" s="10" t="s">
        <v>55</v>
      </c>
      <c r="G177" s="10" t="s">
        <v>55</v>
      </c>
      <c r="H177" s="10" t="s">
        <v>55</v>
      </c>
      <c r="I177" s="10" t="s">
        <v>55</v>
      </c>
      <c r="J177" s="10" t="s">
        <v>55</v>
      </c>
      <c r="K177" s="10" t="s">
        <v>55</v>
      </c>
      <c r="L177" s="10" t="s">
        <v>55</v>
      </c>
      <c r="M177" s="10" t="s">
        <v>55</v>
      </c>
      <c r="N177" s="10" t="s">
        <v>55</v>
      </c>
      <c r="O177" s="10" t="s">
        <v>55</v>
      </c>
      <c r="P177" s="10" t="s">
        <v>55</v>
      </c>
      <c r="Q177" s="10" t="s">
        <v>55</v>
      </c>
      <c r="R177" s="10" t="s">
        <v>55</v>
      </c>
      <c r="S177" s="10" t="s">
        <v>55</v>
      </c>
    </row>
    <row r="178" spans="1:19">
      <c r="A178" s="9" t="s">
        <v>56</v>
      </c>
      <c r="B178" s="9" t="s">
        <v>57</v>
      </c>
      <c r="C178" s="9" t="s">
        <v>59</v>
      </c>
      <c r="D178" s="9" t="s">
        <v>354</v>
      </c>
      <c r="E178" s="9" t="s">
        <v>373</v>
      </c>
      <c r="F178" s="10" t="s">
        <v>55</v>
      </c>
      <c r="G178" s="10" t="s">
        <v>55</v>
      </c>
      <c r="H178" s="10" t="s">
        <v>55</v>
      </c>
      <c r="I178" s="10" t="s">
        <v>55</v>
      </c>
      <c r="J178" s="10" t="s">
        <v>55</v>
      </c>
      <c r="K178" s="10" t="s">
        <v>55</v>
      </c>
      <c r="L178" s="10" t="s">
        <v>55</v>
      </c>
      <c r="M178" s="10" t="s">
        <v>55</v>
      </c>
      <c r="N178" s="10" t="s">
        <v>55</v>
      </c>
      <c r="O178" s="10" t="s">
        <v>55</v>
      </c>
      <c r="P178" s="10" t="s">
        <v>55</v>
      </c>
      <c r="Q178" s="10" t="s">
        <v>55</v>
      </c>
      <c r="R178" s="10" t="s">
        <v>55</v>
      </c>
      <c r="S178" s="10" t="s">
        <v>55</v>
      </c>
    </row>
    <row r="179" spans="1:19">
      <c r="A179" s="9" t="s">
        <v>56</v>
      </c>
      <c r="B179" s="9" t="s">
        <v>57</v>
      </c>
      <c r="C179" s="9" t="s">
        <v>59</v>
      </c>
      <c r="D179" s="9" t="s">
        <v>354</v>
      </c>
      <c r="E179" s="9" t="s">
        <v>374</v>
      </c>
      <c r="F179" s="10" t="s">
        <v>55</v>
      </c>
      <c r="G179" s="10" t="s">
        <v>55</v>
      </c>
      <c r="H179" s="10" t="s">
        <v>55</v>
      </c>
      <c r="I179" s="10" t="s">
        <v>55</v>
      </c>
      <c r="J179" s="10" t="s">
        <v>55</v>
      </c>
      <c r="K179" s="10" t="s">
        <v>55</v>
      </c>
      <c r="L179" s="10" t="s">
        <v>55</v>
      </c>
      <c r="M179" s="10" t="s">
        <v>55</v>
      </c>
      <c r="N179" s="10" t="s">
        <v>55</v>
      </c>
      <c r="O179" s="10" t="s">
        <v>55</v>
      </c>
      <c r="P179" s="10" t="s">
        <v>55</v>
      </c>
      <c r="Q179" s="10" t="s">
        <v>55</v>
      </c>
      <c r="R179" s="10" t="s">
        <v>55</v>
      </c>
      <c r="S179" s="10" t="s">
        <v>55</v>
      </c>
    </row>
    <row r="180" spans="1:19">
      <c r="A180" s="9" t="s">
        <v>56</v>
      </c>
      <c r="B180" s="9" t="s">
        <v>57</v>
      </c>
      <c r="C180" s="9" t="s">
        <v>59</v>
      </c>
      <c r="D180" s="9" t="s">
        <v>354</v>
      </c>
      <c r="E180" s="9" t="s">
        <v>375</v>
      </c>
      <c r="F180" s="10" t="s">
        <v>55</v>
      </c>
      <c r="G180" s="10" t="s">
        <v>55</v>
      </c>
      <c r="H180" s="10" t="s">
        <v>55</v>
      </c>
      <c r="I180" s="10" t="s">
        <v>55</v>
      </c>
      <c r="J180" s="10" t="s">
        <v>55</v>
      </c>
      <c r="K180" s="10" t="s">
        <v>55</v>
      </c>
      <c r="L180" s="10" t="s">
        <v>55</v>
      </c>
      <c r="M180" s="10" t="s">
        <v>55</v>
      </c>
      <c r="N180" s="10" t="s">
        <v>55</v>
      </c>
      <c r="O180" s="10" t="s">
        <v>55</v>
      </c>
      <c r="P180" s="10" t="s">
        <v>55</v>
      </c>
      <c r="Q180" s="10" t="s">
        <v>55</v>
      </c>
      <c r="R180" s="10" t="s">
        <v>55</v>
      </c>
      <c r="S180" s="10" t="s">
        <v>55</v>
      </c>
    </row>
    <row r="181" spans="1:19">
      <c r="A181" s="9" t="s">
        <v>56</v>
      </c>
      <c r="B181" s="9" t="s">
        <v>57</v>
      </c>
      <c r="C181" s="9" t="s">
        <v>59</v>
      </c>
      <c r="D181" s="9" t="s">
        <v>354</v>
      </c>
      <c r="E181" s="9" t="s">
        <v>376</v>
      </c>
      <c r="F181" s="10" t="s">
        <v>55</v>
      </c>
      <c r="G181" s="10" t="s">
        <v>55</v>
      </c>
      <c r="H181" s="10" t="s">
        <v>55</v>
      </c>
      <c r="I181" s="10" t="s">
        <v>55</v>
      </c>
      <c r="J181" s="10" t="s">
        <v>55</v>
      </c>
      <c r="K181" s="10" t="s">
        <v>55</v>
      </c>
      <c r="L181" s="10" t="s">
        <v>55</v>
      </c>
      <c r="M181" s="10" t="s">
        <v>55</v>
      </c>
      <c r="N181" s="10" t="s">
        <v>55</v>
      </c>
      <c r="O181" s="10" t="s">
        <v>55</v>
      </c>
      <c r="P181" s="10" t="s">
        <v>55</v>
      </c>
      <c r="Q181" s="10" t="s">
        <v>55</v>
      </c>
      <c r="R181" s="10" t="s">
        <v>55</v>
      </c>
      <c r="S181" s="10" t="s">
        <v>55</v>
      </c>
    </row>
    <row r="182" spans="1:19">
      <c r="A182" s="9" t="s">
        <v>56</v>
      </c>
      <c r="B182" s="9" t="s">
        <v>57</v>
      </c>
      <c r="C182" s="9" t="s">
        <v>59</v>
      </c>
      <c r="D182" s="9" t="s">
        <v>352</v>
      </c>
      <c r="E182" s="9" t="s">
        <v>377</v>
      </c>
      <c r="F182" s="10" t="s">
        <v>55</v>
      </c>
      <c r="G182" s="10" t="s">
        <v>55</v>
      </c>
      <c r="H182" s="10" t="s">
        <v>55</v>
      </c>
      <c r="I182" s="10" t="s">
        <v>55</v>
      </c>
      <c r="J182" s="10" t="s">
        <v>55</v>
      </c>
      <c r="K182" s="10" t="s">
        <v>55</v>
      </c>
      <c r="L182" s="10" t="s">
        <v>55</v>
      </c>
      <c r="M182" s="10" t="s">
        <v>55</v>
      </c>
      <c r="N182" s="10" t="s">
        <v>55</v>
      </c>
      <c r="O182" s="10" t="s">
        <v>55</v>
      </c>
      <c r="P182" s="10" t="s">
        <v>55</v>
      </c>
      <c r="Q182" s="10" t="s">
        <v>55</v>
      </c>
      <c r="R182" s="10" t="s">
        <v>55</v>
      </c>
      <c r="S182" s="10" t="s">
        <v>55</v>
      </c>
    </row>
    <row r="183" spans="1:19">
      <c r="A183" s="9" t="s">
        <v>56</v>
      </c>
      <c r="B183" s="9" t="s">
        <v>57</v>
      </c>
      <c r="C183" s="9" t="s">
        <v>59</v>
      </c>
      <c r="D183" s="9" t="s">
        <v>354</v>
      </c>
      <c r="E183" s="9" t="s">
        <v>378</v>
      </c>
      <c r="F183" s="10" t="s">
        <v>55</v>
      </c>
      <c r="G183" s="10" t="s">
        <v>55</v>
      </c>
      <c r="H183" s="10" t="s">
        <v>55</v>
      </c>
      <c r="I183" s="10" t="s">
        <v>55</v>
      </c>
      <c r="J183" s="10" t="s">
        <v>55</v>
      </c>
      <c r="K183" s="10" t="s">
        <v>55</v>
      </c>
      <c r="L183" s="10" t="s">
        <v>55</v>
      </c>
      <c r="M183" s="10" t="s">
        <v>55</v>
      </c>
      <c r="N183" s="10" t="s">
        <v>55</v>
      </c>
      <c r="O183" s="10" t="s">
        <v>55</v>
      </c>
      <c r="P183" s="10" t="s">
        <v>55</v>
      </c>
      <c r="Q183" s="10" t="s">
        <v>55</v>
      </c>
      <c r="R183" s="10" t="s">
        <v>55</v>
      </c>
      <c r="S183" s="10" t="s">
        <v>55</v>
      </c>
    </row>
    <row r="184" spans="1:19">
      <c r="A184" s="9" t="s">
        <v>56</v>
      </c>
      <c r="B184" s="9" t="s">
        <v>57</v>
      </c>
      <c r="C184" s="9" t="s">
        <v>59</v>
      </c>
      <c r="D184" s="9" t="s">
        <v>354</v>
      </c>
      <c r="E184" s="9" t="s">
        <v>379</v>
      </c>
      <c r="F184" s="10" t="s">
        <v>55</v>
      </c>
      <c r="G184" s="10" t="s">
        <v>55</v>
      </c>
      <c r="H184" s="10" t="s">
        <v>55</v>
      </c>
      <c r="I184" s="10" t="s">
        <v>55</v>
      </c>
      <c r="J184" s="10" t="s">
        <v>55</v>
      </c>
      <c r="K184" s="10" t="s">
        <v>55</v>
      </c>
      <c r="L184" s="10" t="s">
        <v>55</v>
      </c>
      <c r="M184" s="10" t="s">
        <v>55</v>
      </c>
      <c r="N184" s="10" t="s">
        <v>55</v>
      </c>
      <c r="O184" s="10" t="s">
        <v>55</v>
      </c>
      <c r="P184" s="10" t="s">
        <v>55</v>
      </c>
      <c r="Q184" s="10" t="s">
        <v>55</v>
      </c>
      <c r="R184" s="10" t="s">
        <v>55</v>
      </c>
      <c r="S184" s="10" t="s">
        <v>55</v>
      </c>
    </row>
    <row r="185" spans="1:19">
      <c r="A185" s="9" t="s">
        <v>56</v>
      </c>
      <c r="B185" s="9" t="s">
        <v>57</v>
      </c>
      <c r="C185" s="9" t="s">
        <v>59</v>
      </c>
      <c r="D185" s="9" t="s">
        <v>354</v>
      </c>
      <c r="E185" s="9" t="s">
        <v>380</v>
      </c>
      <c r="F185" s="10" t="s">
        <v>55</v>
      </c>
      <c r="G185" s="10" t="s">
        <v>55</v>
      </c>
      <c r="H185" s="10" t="s">
        <v>55</v>
      </c>
      <c r="I185" s="10" t="s">
        <v>55</v>
      </c>
      <c r="J185" s="10" t="s">
        <v>55</v>
      </c>
      <c r="K185" s="10" t="s">
        <v>55</v>
      </c>
      <c r="L185" s="10" t="s">
        <v>55</v>
      </c>
      <c r="M185" s="10" t="s">
        <v>55</v>
      </c>
      <c r="N185" s="10" t="s">
        <v>55</v>
      </c>
      <c r="O185" s="10" t="s">
        <v>55</v>
      </c>
      <c r="P185" s="10" t="s">
        <v>55</v>
      </c>
      <c r="Q185" s="10" t="s">
        <v>55</v>
      </c>
      <c r="R185" s="10" t="s">
        <v>55</v>
      </c>
      <c r="S185" s="10" t="s">
        <v>55</v>
      </c>
    </row>
    <row r="186" spans="1:19">
      <c r="A186" s="9" t="s">
        <v>56</v>
      </c>
      <c r="B186" s="9" t="s">
        <v>57</v>
      </c>
      <c r="C186" s="9" t="s">
        <v>59</v>
      </c>
      <c r="D186" s="9" t="s">
        <v>354</v>
      </c>
      <c r="E186" s="9" t="s">
        <v>381</v>
      </c>
      <c r="F186" s="10" t="s">
        <v>55</v>
      </c>
      <c r="G186" s="10" t="s">
        <v>55</v>
      </c>
      <c r="H186" s="10" t="s">
        <v>55</v>
      </c>
      <c r="I186" s="10" t="s">
        <v>55</v>
      </c>
      <c r="J186" s="10" t="s">
        <v>55</v>
      </c>
      <c r="K186" s="10" t="s">
        <v>55</v>
      </c>
      <c r="L186" s="10" t="s">
        <v>55</v>
      </c>
      <c r="M186" s="10" t="s">
        <v>55</v>
      </c>
      <c r="N186" s="10" t="s">
        <v>55</v>
      </c>
      <c r="O186" s="10" t="s">
        <v>55</v>
      </c>
      <c r="P186" s="10" t="s">
        <v>55</v>
      </c>
      <c r="Q186" s="10" t="s">
        <v>55</v>
      </c>
      <c r="R186" s="10" t="s">
        <v>55</v>
      </c>
      <c r="S186" s="10" t="s">
        <v>55</v>
      </c>
    </row>
    <row r="187" spans="1:19">
      <c r="A187" s="9" t="s">
        <v>56</v>
      </c>
      <c r="B187" s="9" t="s">
        <v>57</v>
      </c>
      <c r="C187" s="9" t="s">
        <v>59</v>
      </c>
      <c r="D187" s="9" t="s">
        <v>352</v>
      </c>
      <c r="E187" s="9" t="s">
        <v>382</v>
      </c>
      <c r="F187" s="10" t="s">
        <v>55</v>
      </c>
      <c r="G187" s="10" t="s">
        <v>55</v>
      </c>
      <c r="H187" s="10" t="s">
        <v>55</v>
      </c>
      <c r="I187" s="10" t="s">
        <v>55</v>
      </c>
      <c r="J187" s="10" t="s">
        <v>55</v>
      </c>
      <c r="K187" s="10" t="s">
        <v>55</v>
      </c>
      <c r="L187" s="10" t="s">
        <v>55</v>
      </c>
      <c r="M187" s="10" t="s">
        <v>55</v>
      </c>
      <c r="N187" s="10" t="s">
        <v>55</v>
      </c>
      <c r="O187" s="10" t="s">
        <v>55</v>
      </c>
      <c r="P187" s="10" t="s">
        <v>55</v>
      </c>
      <c r="Q187" s="10" t="s">
        <v>55</v>
      </c>
      <c r="R187" s="10" t="s">
        <v>55</v>
      </c>
      <c r="S187" s="10" t="s">
        <v>55</v>
      </c>
    </row>
    <row r="188" spans="1:19">
      <c r="A188" s="9" t="s">
        <v>56</v>
      </c>
      <c r="B188" s="9" t="s">
        <v>57</v>
      </c>
      <c r="C188" s="9" t="s">
        <v>59</v>
      </c>
      <c r="D188" s="9" t="s">
        <v>354</v>
      </c>
      <c r="E188" s="9" t="s">
        <v>383</v>
      </c>
      <c r="F188" s="10" t="s">
        <v>55</v>
      </c>
      <c r="G188" s="10" t="s">
        <v>55</v>
      </c>
      <c r="H188" s="10" t="s">
        <v>55</v>
      </c>
      <c r="I188" s="10" t="s">
        <v>55</v>
      </c>
      <c r="J188" s="10" t="s">
        <v>55</v>
      </c>
      <c r="K188" s="10" t="s">
        <v>55</v>
      </c>
      <c r="L188" s="10" t="s">
        <v>55</v>
      </c>
      <c r="M188" s="10" t="s">
        <v>55</v>
      </c>
      <c r="N188" s="10" t="s">
        <v>55</v>
      </c>
      <c r="O188" s="10" t="s">
        <v>55</v>
      </c>
      <c r="P188" s="10" t="s">
        <v>55</v>
      </c>
      <c r="Q188" s="10" t="s">
        <v>55</v>
      </c>
      <c r="R188" s="10" t="s">
        <v>55</v>
      </c>
      <c r="S188" s="10" t="s">
        <v>55</v>
      </c>
    </row>
    <row r="189" spans="1:19">
      <c r="A189" s="9" t="s">
        <v>56</v>
      </c>
      <c r="B189" s="9" t="s">
        <v>57</v>
      </c>
      <c r="C189" s="9" t="s">
        <v>59</v>
      </c>
      <c r="D189" s="9" t="s">
        <v>354</v>
      </c>
      <c r="E189" s="9" t="s">
        <v>384</v>
      </c>
      <c r="F189" s="10" t="s">
        <v>55</v>
      </c>
      <c r="G189" s="10" t="s">
        <v>55</v>
      </c>
      <c r="H189" s="10" t="s">
        <v>55</v>
      </c>
      <c r="I189" s="10" t="s">
        <v>55</v>
      </c>
      <c r="J189" s="10" t="s">
        <v>55</v>
      </c>
      <c r="K189" s="10" t="s">
        <v>55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10" t="s">
        <v>55</v>
      </c>
    </row>
    <row r="190" spans="1:19">
      <c r="A190" s="9" t="s">
        <v>56</v>
      </c>
      <c r="B190" s="9" t="s">
        <v>57</v>
      </c>
      <c r="C190" s="9" t="s">
        <v>59</v>
      </c>
      <c r="D190" s="9" t="s">
        <v>354</v>
      </c>
      <c r="E190" s="9" t="s">
        <v>385</v>
      </c>
      <c r="F190" s="10" t="s">
        <v>55</v>
      </c>
      <c r="G190" s="10" t="s">
        <v>55</v>
      </c>
      <c r="H190" s="10" t="s">
        <v>55</v>
      </c>
      <c r="I190" s="10" t="s">
        <v>55</v>
      </c>
      <c r="J190" s="10" t="s">
        <v>55</v>
      </c>
      <c r="K190" s="10" t="s">
        <v>55</v>
      </c>
      <c r="L190" s="10" t="s">
        <v>55</v>
      </c>
      <c r="M190" s="10" t="s">
        <v>55</v>
      </c>
      <c r="N190" s="10" t="s">
        <v>55</v>
      </c>
      <c r="O190" s="10" t="s">
        <v>55</v>
      </c>
      <c r="P190" s="10" t="s">
        <v>55</v>
      </c>
      <c r="Q190" s="10" t="s">
        <v>55</v>
      </c>
      <c r="R190" s="10" t="s">
        <v>55</v>
      </c>
      <c r="S190" s="10" t="s">
        <v>55</v>
      </c>
    </row>
    <row r="191" spans="1:19">
      <c r="A191" s="9" t="s">
        <v>56</v>
      </c>
      <c r="B191" s="9" t="s">
        <v>57</v>
      </c>
      <c r="C191" s="9" t="s">
        <v>59</v>
      </c>
      <c r="D191" s="9" t="s">
        <v>56</v>
      </c>
      <c r="E191" s="9" t="s">
        <v>386</v>
      </c>
      <c r="F191" s="10" t="s">
        <v>55</v>
      </c>
      <c r="G191" s="10" t="s">
        <v>55</v>
      </c>
      <c r="H191" s="10" t="s">
        <v>55</v>
      </c>
      <c r="I191" s="10" t="s">
        <v>55</v>
      </c>
      <c r="J191" s="10" t="s">
        <v>55</v>
      </c>
      <c r="K191" s="10" t="s">
        <v>55</v>
      </c>
      <c r="L191" s="10" t="s">
        <v>55</v>
      </c>
      <c r="M191" s="10" t="s">
        <v>55</v>
      </c>
      <c r="N191" s="10" t="s">
        <v>55</v>
      </c>
      <c r="O191" s="10" t="s">
        <v>55</v>
      </c>
      <c r="P191" s="10" t="s">
        <v>55</v>
      </c>
      <c r="Q191" s="10" t="s">
        <v>55</v>
      </c>
      <c r="R191" s="10" t="s">
        <v>55</v>
      </c>
      <c r="S191" s="10" t="s">
        <v>55</v>
      </c>
    </row>
    <row r="192" spans="1:19">
      <c r="A192" s="9" t="s">
        <v>56</v>
      </c>
      <c r="B192" s="9" t="s">
        <v>57</v>
      </c>
      <c r="C192" s="9" t="s">
        <v>59</v>
      </c>
      <c r="D192" s="9" t="s">
        <v>56</v>
      </c>
      <c r="E192" s="9" t="s">
        <v>387</v>
      </c>
      <c r="F192" s="6">
        <v>117345</v>
      </c>
      <c r="G192" s="6">
        <v>14362</v>
      </c>
      <c r="H192" s="6">
        <v>62767</v>
      </c>
      <c r="I192" s="6">
        <v>39006</v>
      </c>
      <c r="J192" s="6">
        <v>1210</v>
      </c>
      <c r="K192" s="6">
        <v>66217</v>
      </c>
      <c r="L192" s="6">
        <v>54577</v>
      </c>
      <c r="M192" s="6">
        <v>62768</v>
      </c>
      <c r="N192" s="6">
        <v>46791</v>
      </c>
      <c r="O192" s="6">
        <v>46593</v>
      </c>
      <c r="P192" s="6">
        <v>198</v>
      </c>
      <c r="Q192" s="6">
        <v>117345</v>
      </c>
      <c r="R192" s="6">
        <v>112239</v>
      </c>
      <c r="S192" s="6">
        <v>5106</v>
      </c>
    </row>
    <row r="193" spans="1:19">
      <c r="A193" s="9" t="s">
        <v>56</v>
      </c>
      <c r="B193" s="9" t="s">
        <v>57</v>
      </c>
      <c r="C193" s="9" t="s">
        <v>59</v>
      </c>
      <c r="D193" s="9" t="s">
        <v>350</v>
      </c>
      <c r="E193" s="9" t="s">
        <v>388</v>
      </c>
      <c r="F193" s="6">
        <v>2727</v>
      </c>
      <c r="G193" s="6">
        <v>265</v>
      </c>
      <c r="H193" s="6">
        <v>1579</v>
      </c>
      <c r="I193" s="6">
        <v>836</v>
      </c>
      <c r="J193" s="6">
        <v>47</v>
      </c>
      <c r="K193" s="6">
        <v>1244</v>
      </c>
      <c r="L193" s="6">
        <v>1420</v>
      </c>
      <c r="M193" s="6">
        <v>1307</v>
      </c>
      <c r="N193" s="6">
        <v>977</v>
      </c>
      <c r="O193" s="6">
        <v>965</v>
      </c>
      <c r="P193" s="6">
        <v>12</v>
      </c>
      <c r="Q193" s="6">
        <v>2727</v>
      </c>
      <c r="R193" s="6">
        <v>2057</v>
      </c>
      <c r="S193" s="6">
        <v>670</v>
      </c>
    </row>
    <row r="194" spans="1:19">
      <c r="A194" s="9" t="s">
        <v>56</v>
      </c>
      <c r="B194" s="9" t="s">
        <v>57</v>
      </c>
      <c r="C194" s="9" t="s">
        <v>59</v>
      </c>
      <c r="D194" s="9" t="s">
        <v>352</v>
      </c>
      <c r="E194" s="9" t="s">
        <v>389</v>
      </c>
      <c r="F194" s="6">
        <v>850</v>
      </c>
      <c r="G194" s="6">
        <v>58</v>
      </c>
      <c r="H194" s="6">
        <v>689</v>
      </c>
      <c r="I194" s="6">
        <v>95</v>
      </c>
      <c r="J194" s="6">
        <v>8</v>
      </c>
      <c r="K194" s="6">
        <v>265</v>
      </c>
      <c r="L194" s="6">
        <v>531</v>
      </c>
      <c r="M194" s="6">
        <v>319</v>
      </c>
      <c r="N194" s="6">
        <v>211</v>
      </c>
      <c r="O194" s="6">
        <v>205</v>
      </c>
      <c r="P194" s="6">
        <v>6</v>
      </c>
      <c r="Q194" s="6">
        <v>850</v>
      </c>
      <c r="R194" s="6">
        <v>403</v>
      </c>
      <c r="S194" s="6">
        <v>447</v>
      </c>
    </row>
    <row r="195" spans="1:19">
      <c r="A195" s="9" t="s">
        <v>56</v>
      </c>
      <c r="B195" s="9" t="s">
        <v>57</v>
      </c>
      <c r="C195" s="9" t="s">
        <v>59</v>
      </c>
      <c r="D195" s="9" t="s">
        <v>354</v>
      </c>
      <c r="E195" s="9" t="s">
        <v>390</v>
      </c>
      <c r="F195" s="6">
        <v>492</v>
      </c>
      <c r="G195" s="6">
        <v>2</v>
      </c>
      <c r="H195" s="6">
        <v>488</v>
      </c>
      <c r="I195" s="6">
        <v>2</v>
      </c>
      <c r="J195" s="10" t="s">
        <v>55</v>
      </c>
      <c r="K195" s="6">
        <v>42</v>
      </c>
      <c r="L195" s="6">
        <v>354</v>
      </c>
      <c r="M195" s="6">
        <v>138</v>
      </c>
      <c r="N195" s="6">
        <v>44</v>
      </c>
      <c r="O195" s="6">
        <v>38</v>
      </c>
      <c r="P195" s="6">
        <v>6</v>
      </c>
      <c r="Q195" s="6">
        <v>492</v>
      </c>
      <c r="R195" s="6">
        <v>45</v>
      </c>
      <c r="S195" s="6">
        <v>447</v>
      </c>
    </row>
    <row r="196" spans="1:19">
      <c r="A196" s="9" t="s">
        <v>56</v>
      </c>
      <c r="B196" s="9" t="s">
        <v>57</v>
      </c>
      <c r="C196" s="9" t="s">
        <v>59</v>
      </c>
      <c r="D196" s="9" t="s">
        <v>354</v>
      </c>
      <c r="E196" s="9" t="s">
        <v>391</v>
      </c>
      <c r="F196" s="10" t="s">
        <v>55</v>
      </c>
      <c r="G196" s="10" t="s">
        <v>55</v>
      </c>
      <c r="H196" s="10" t="s">
        <v>55</v>
      </c>
      <c r="I196" s="10" t="s">
        <v>55</v>
      </c>
      <c r="J196" s="10" t="s">
        <v>55</v>
      </c>
      <c r="K196" s="10" t="s">
        <v>55</v>
      </c>
      <c r="L196" s="10" t="s">
        <v>55</v>
      </c>
      <c r="M196" s="10" t="s">
        <v>55</v>
      </c>
      <c r="N196" s="10" t="s">
        <v>55</v>
      </c>
      <c r="O196" s="10" t="s">
        <v>55</v>
      </c>
      <c r="P196" s="10" t="s">
        <v>55</v>
      </c>
      <c r="Q196" s="10" t="s">
        <v>55</v>
      </c>
      <c r="R196" s="10" t="s">
        <v>55</v>
      </c>
      <c r="S196" s="10" t="s">
        <v>55</v>
      </c>
    </row>
    <row r="197" spans="1:19">
      <c r="A197" s="9" t="s">
        <v>56</v>
      </c>
      <c r="B197" s="9" t="s">
        <v>57</v>
      </c>
      <c r="C197" s="9" t="s">
        <v>59</v>
      </c>
      <c r="D197" s="9" t="s">
        <v>354</v>
      </c>
      <c r="E197" s="9" t="s">
        <v>392</v>
      </c>
      <c r="F197" s="6">
        <v>358</v>
      </c>
      <c r="G197" s="6">
        <v>56</v>
      </c>
      <c r="H197" s="6">
        <v>201</v>
      </c>
      <c r="I197" s="6">
        <v>93</v>
      </c>
      <c r="J197" s="6">
        <v>8</v>
      </c>
      <c r="K197" s="6">
        <v>223</v>
      </c>
      <c r="L197" s="6">
        <v>177</v>
      </c>
      <c r="M197" s="6">
        <v>181</v>
      </c>
      <c r="N197" s="6">
        <v>167</v>
      </c>
      <c r="O197" s="6">
        <v>167</v>
      </c>
      <c r="P197" s="10" t="s">
        <v>55</v>
      </c>
      <c r="Q197" s="6">
        <v>358</v>
      </c>
      <c r="R197" s="6">
        <v>358</v>
      </c>
      <c r="S197" s="10" t="s">
        <v>55</v>
      </c>
    </row>
    <row r="198" spans="1:19">
      <c r="A198" s="9" t="s">
        <v>56</v>
      </c>
      <c r="B198" s="9" t="s">
        <v>57</v>
      </c>
      <c r="C198" s="9" t="s">
        <v>59</v>
      </c>
      <c r="D198" s="9" t="s">
        <v>354</v>
      </c>
      <c r="E198" s="9" t="s">
        <v>393</v>
      </c>
      <c r="F198" s="10" t="s">
        <v>55</v>
      </c>
      <c r="G198" s="10" t="s">
        <v>55</v>
      </c>
      <c r="H198" s="10" t="s">
        <v>55</v>
      </c>
      <c r="I198" s="10" t="s">
        <v>55</v>
      </c>
      <c r="J198" s="10" t="s">
        <v>55</v>
      </c>
      <c r="K198" s="10" t="s">
        <v>55</v>
      </c>
      <c r="L198" s="10" t="s">
        <v>55</v>
      </c>
      <c r="M198" s="10" t="s">
        <v>55</v>
      </c>
      <c r="N198" s="10" t="s">
        <v>55</v>
      </c>
      <c r="O198" s="10" t="s">
        <v>55</v>
      </c>
      <c r="P198" s="10" t="s">
        <v>55</v>
      </c>
      <c r="Q198" s="10" t="s">
        <v>55</v>
      </c>
      <c r="R198" s="10" t="s">
        <v>55</v>
      </c>
      <c r="S198" s="10" t="s">
        <v>55</v>
      </c>
    </row>
    <row r="199" spans="1:19">
      <c r="A199" s="9" t="s">
        <v>56</v>
      </c>
      <c r="B199" s="9" t="s">
        <v>57</v>
      </c>
      <c r="C199" s="9" t="s">
        <v>59</v>
      </c>
      <c r="D199" s="9" t="s">
        <v>352</v>
      </c>
      <c r="E199" s="9" t="s">
        <v>394</v>
      </c>
      <c r="F199" s="6">
        <v>1877</v>
      </c>
      <c r="G199" s="6">
        <v>207</v>
      </c>
      <c r="H199" s="6">
        <v>890</v>
      </c>
      <c r="I199" s="6">
        <v>741</v>
      </c>
      <c r="J199" s="6">
        <v>39</v>
      </c>
      <c r="K199" s="6">
        <v>979</v>
      </c>
      <c r="L199" s="6">
        <v>889</v>
      </c>
      <c r="M199" s="6">
        <v>988</v>
      </c>
      <c r="N199" s="6">
        <v>766</v>
      </c>
      <c r="O199" s="6">
        <v>760</v>
      </c>
      <c r="P199" s="6">
        <v>6</v>
      </c>
      <c r="Q199" s="6">
        <v>1877</v>
      </c>
      <c r="R199" s="6">
        <v>1654</v>
      </c>
      <c r="S199" s="6">
        <v>223</v>
      </c>
    </row>
    <row r="200" spans="1:19">
      <c r="A200" s="9" t="s">
        <v>56</v>
      </c>
      <c r="B200" s="9" t="s">
        <v>57</v>
      </c>
      <c r="C200" s="9" t="s">
        <v>59</v>
      </c>
      <c r="D200" s="9" t="s">
        <v>354</v>
      </c>
      <c r="E200" s="9" t="s">
        <v>395</v>
      </c>
      <c r="F200" s="6">
        <v>1877</v>
      </c>
      <c r="G200" s="6">
        <v>207</v>
      </c>
      <c r="H200" s="6">
        <v>890</v>
      </c>
      <c r="I200" s="6">
        <v>741</v>
      </c>
      <c r="J200" s="6">
        <v>39</v>
      </c>
      <c r="K200" s="6">
        <v>979</v>
      </c>
      <c r="L200" s="6">
        <v>889</v>
      </c>
      <c r="M200" s="6">
        <v>988</v>
      </c>
      <c r="N200" s="6">
        <v>766</v>
      </c>
      <c r="O200" s="6">
        <v>760</v>
      </c>
      <c r="P200" s="6">
        <v>6</v>
      </c>
      <c r="Q200" s="6">
        <v>1877</v>
      </c>
      <c r="R200" s="6">
        <v>1654</v>
      </c>
      <c r="S200" s="6">
        <v>223</v>
      </c>
    </row>
    <row r="201" spans="1:19">
      <c r="A201" s="9" t="s">
        <v>56</v>
      </c>
      <c r="B201" s="9" t="s">
        <v>57</v>
      </c>
      <c r="C201" s="9" t="s">
        <v>59</v>
      </c>
      <c r="D201" s="9" t="s">
        <v>354</v>
      </c>
      <c r="E201" s="9" t="s">
        <v>396</v>
      </c>
      <c r="F201" s="10" t="s">
        <v>55</v>
      </c>
      <c r="G201" s="10" t="s">
        <v>55</v>
      </c>
      <c r="H201" s="10" t="s">
        <v>55</v>
      </c>
      <c r="I201" s="10" t="s">
        <v>55</v>
      </c>
      <c r="J201" s="10" t="s">
        <v>55</v>
      </c>
      <c r="K201" s="10" t="s">
        <v>55</v>
      </c>
      <c r="L201" s="10" t="s">
        <v>55</v>
      </c>
      <c r="M201" s="10" t="s">
        <v>55</v>
      </c>
      <c r="N201" s="10" t="s">
        <v>55</v>
      </c>
      <c r="O201" s="10" t="s">
        <v>55</v>
      </c>
      <c r="P201" s="10" t="s">
        <v>55</v>
      </c>
      <c r="Q201" s="10" t="s">
        <v>55</v>
      </c>
      <c r="R201" s="10" t="s">
        <v>55</v>
      </c>
      <c r="S201" s="10" t="s">
        <v>55</v>
      </c>
    </row>
    <row r="202" spans="1:19">
      <c r="A202" s="9" t="s">
        <v>56</v>
      </c>
      <c r="B202" s="9" t="s">
        <v>57</v>
      </c>
      <c r="C202" s="9" t="s">
        <v>59</v>
      </c>
      <c r="D202" s="9" t="s">
        <v>350</v>
      </c>
      <c r="E202" s="9" t="s">
        <v>397</v>
      </c>
      <c r="F202" s="6">
        <v>8357</v>
      </c>
      <c r="G202" s="6">
        <v>842</v>
      </c>
      <c r="H202" s="6">
        <v>4201</v>
      </c>
      <c r="I202" s="6">
        <v>3198</v>
      </c>
      <c r="J202" s="6">
        <v>116</v>
      </c>
      <c r="K202" s="6">
        <v>4586</v>
      </c>
      <c r="L202" s="6">
        <v>3779</v>
      </c>
      <c r="M202" s="6">
        <v>4578</v>
      </c>
      <c r="N202" s="6">
        <v>3883</v>
      </c>
      <c r="O202" s="6">
        <v>3863</v>
      </c>
      <c r="P202" s="6">
        <v>20</v>
      </c>
      <c r="Q202" s="6">
        <v>8357</v>
      </c>
      <c r="R202" s="6">
        <v>7838</v>
      </c>
      <c r="S202" s="6">
        <v>519</v>
      </c>
    </row>
    <row r="203" spans="1:19">
      <c r="A203" s="9" t="s">
        <v>56</v>
      </c>
      <c r="B203" s="9" t="s">
        <v>57</v>
      </c>
      <c r="C203" s="9" t="s">
        <v>59</v>
      </c>
      <c r="D203" s="9" t="s">
        <v>352</v>
      </c>
      <c r="E203" s="9" t="s">
        <v>398</v>
      </c>
      <c r="F203" s="6">
        <v>4476</v>
      </c>
      <c r="G203" s="6">
        <v>438</v>
      </c>
      <c r="H203" s="6">
        <v>2089</v>
      </c>
      <c r="I203" s="6">
        <v>1874</v>
      </c>
      <c r="J203" s="6">
        <v>75</v>
      </c>
      <c r="K203" s="6">
        <v>2307</v>
      </c>
      <c r="L203" s="6">
        <v>1966</v>
      </c>
      <c r="M203" s="6">
        <v>2510</v>
      </c>
      <c r="N203" s="6">
        <v>2112</v>
      </c>
      <c r="O203" s="6">
        <v>2102</v>
      </c>
      <c r="P203" s="6">
        <v>10</v>
      </c>
      <c r="Q203" s="6">
        <v>4476</v>
      </c>
      <c r="R203" s="6">
        <v>4152</v>
      </c>
      <c r="S203" s="6">
        <v>324</v>
      </c>
    </row>
    <row r="204" spans="1:19">
      <c r="A204" s="9" t="s">
        <v>56</v>
      </c>
      <c r="B204" s="9" t="s">
        <v>57</v>
      </c>
      <c r="C204" s="9" t="s">
        <v>59</v>
      </c>
      <c r="D204" s="9" t="s">
        <v>354</v>
      </c>
      <c r="E204" s="9" t="s">
        <v>399</v>
      </c>
      <c r="F204" s="6">
        <v>4476</v>
      </c>
      <c r="G204" s="6">
        <v>438</v>
      </c>
      <c r="H204" s="6">
        <v>2089</v>
      </c>
      <c r="I204" s="6">
        <v>1874</v>
      </c>
      <c r="J204" s="6">
        <v>75</v>
      </c>
      <c r="K204" s="6">
        <v>2307</v>
      </c>
      <c r="L204" s="6">
        <v>1966</v>
      </c>
      <c r="M204" s="6">
        <v>2510</v>
      </c>
      <c r="N204" s="6">
        <v>2112</v>
      </c>
      <c r="O204" s="6">
        <v>2102</v>
      </c>
      <c r="P204" s="6">
        <v>10</v>
      </c>
      <c r="Q204" s="6">
        <v>4476</v>
      </c>
      <c r="R204" s="6">
        <v>4152</v>
      </c>
      <c r="S204" s="6">
        <v>324</v>
      </c>
    </row>
    <row r="205" spans="1:19">
      <c r="A205" s="9" t="s">
        <v>56</v>
      </c>
      <c r="B205" s="9" t="s">
        <v>57</v>
      </c>
      <c r="C205" s="9" t="s">
        <v>59</v>
      </c>
      <c r="D205" s="9" t="s">
        <v>354</v>
      </c>
      <c r="E205" s="9" t="s">
        <v>400</v>
      </c>
      <c r="F205" s="10" t="s">
        <v>55</v>
      </c>
      <c r="G205" s="10" t="s">
        <v>55</v>
      </c>
      <c r="H205" s="10" t="s">
        <v>55</v>
      </c>
      <c r="I205" s="10" t="s">
        <v>55</v>
      </c>
      <c r="J205" s="10" t="s">
        <v>55</v>
      </c>
      <c r="K205" s="10" t="s">
        <v>55</v>
      </c>
      <c r="L205" s="10" t="s">
        <v>55</v>
      </c>
      <c r="M205" s="10" t="s">
        <v>55</v>
      </c>
      <c r="N205" s="10" t="s">
        <v>55</v>
      </c>
      <c r="O205" s="10" t="s">
        <v>55</v>
      </c>
      <c r="P205" s="10" t="s">
        <v>55</v>
      </c>
      <c r="Q205" s="10" t="s">
        <v>55</v>
      </c>
      <c r="R205" s="10" t="s">
        <v>55</v>
      </c>
      <c r="S205" s="10" t="s">
        <v>55</v>
      </c>
    </row>
    <row r="206" spans="1:19">
      <c r="A206" s="9" t="s">
        <v>56</v>
      </c>
      <c r="B206" s="9" t="s">
        <v>57</v>
      </c>
      <c r="C206" s="9" t="s">
        <v>59</v>
      </c>
      <c r="D206" s="9" t="s">
        <v>352</v>
      </c>
      <c r="E206" s="9" t="s">
        <v>401</v>
      </c>
      <c r="F206" s="6">
        <v>3881</v>
      </c>
      <c r="G206" s="6">
        <v>404</v>
      </c>
      <c r="H206" s="6">
        <v>2112</v>
      </c>
      <c r="I206" s="6">
        <v>1324</v>
      </c>
      <c r="J206" s="6">
        <v>41</v>
      </c>
      <c r="K206" s="6">
        <v>2279</v>
      </c>
      <c r="L206" s="6">
        <v>1813</v>
      </c>
      <c r="M206" s="6">
        <v>2068</v>
      </c>
      <c r="N206" s="6">
        <v>1771</v>
      </c>
      <c r="O206" s="6">
        <v>1761</v>
      </c>
      <c r="P206" s="6">
        <v>10</v>
      </c>
      <c r="Q206" s="6">
        <v>3881</v>
      </c>
      <c r="R206" s="6">
        <v>3686</v>
      </c>
      <c r="S206" s="6">
        <v>195</v>
      </c>
    </row>
    <row r="207" spans="1:19">
      <c r="A207" s="9" t="s">
        <v>56</v>
      </c>
      <c r="B207" s="9" t="s">
        <v>57</v>
      </c>
      <c r="C207" s="9" t="s">
        <v>59</v>
      </c>
      <c r="D207" s="9" t="s">
        <v>354</v>
      </c>
      <c r="E207" s="9" t="s">
        <v>402</v>
      </c>
      <c r="F207" s="6">
        <v>3881</v>
      </c>
      <c r="G207" s="6">
        <v>404</v>
      </c>
      <c r="H207" s="6">
        <v>2112</v>
      </c>
      <c r="I207" s="6">
        <v>1324</v>
      </c>
      <c r="J207" s="6">
        <v>41</v>
      </c>
      <c r="K207" s="6">
        <v>2279</v>
      </c>
      <c r="L207" s="6">
        <v>1813</v>
      </c>
      <c r="M207" s="6">
        <v>2068</v>
      </c>
      <c r="N207" s="6">
        <v>1771</v>
      </c>
      <c r="O207" s="6">
        <v>1761</v>
      </c>
      <c r="P207" s="6">
        <v>10</v>
      </c>
      <c r="Q207" s="6">
        <v>3881</v>
      </c>
      <c r="R207" s="6">
        <v>3686</v>
      </c>
      <c r="S207" s="6">
        <v>195</v>
      </c>
    </row>
    <row r="208" spans="1:19">
      <c r="A208" s="9" t="s">
        <v>56</v>
      </c>
      <c r="B208" s="9" t="s">
        <v>57</v>
      </c>
      <c r="C208" s="9" t="s">
        <v>59</v>
      </c>
      <c r="D208" s="9" t="s">
        <v>354</v>
      </c>
      <c r="E208" s="9" t="s">
        <v>403</v>
      </c>
      <c r="F208" s="10" t="s">
        <v>55</v>
      </c>
      <c r="G208" s="10" t="s">
        <v>55</v>
      </c>
      <c r="H208" s="10" t="s">
        <v>55</v>
      </c>
      <c r="I208" s="10" t="s">
        <v>55</v>
      </c>
      <c r="J208" s="10" t="s">
        <v>55</v>
      </c>
      <c r="K208" s="10" t="s">
        <v>55</v>
      </c>
      <c r="L208" s="10" t="s">
        <v>55</v>
      </c>
      <c r="M208" s="10" t="s">
        <v>55</v>
      </c>
      <c r="N208" s="10" t="s">
        <v>55</v>
      </c>
      <c r="O208" s="10" t="s">
        <v>55</v>
      </c>
      <c r="P208" s="10" t="s">
        <v>55</v>
      </c>
      <c r="Q208" s="10" t="s">
        <v>55</v>
      </c>
      <c r="R208" s="10" t="s">
        <v>55</v>
      </c>
      <c r="S208" s="10" t="s">
        <v>55</v>
      </c>
    </row>
    <row r="209" spans="1:19">
      <c r="A209" s="9" t="s">
        <v>56</v>
      </c>
      <c r="B209" s="9" t="s">
        <v>57</v>
      </c>
      <c r="C209" s="9" t="s">
        <v>59</v>
      </c>
      <c r="D209" s="9" t="s">
        <v>350</v>
      </c>
      <c r="E209" s="9" t="s">
        <v>404</v>
      </c>
      <c r="F209" s="6">
        <v>55568</v>
      </c>
      <c r="G209" s="6">
        <v>7490</v>
      </c>
      <c r="H209" s="6">
        <v>30489</v>
      </c>
      <c r="I209" s="6">
        <v>16887</v>
      </c>
      <c r="J209" s="6">
        <v>702</v>
      </c>
      <c r="K209" s="6">
        <v>31803</v>
      </c>
      <c r="L209" s="6">
        <v>26107</v>
      </c>
      <c r="M209" s="6">
        <v>29461</v>
      </c>
      <c r="N209" s="6">
        <v>23340</v>
      </c>
      <c r="O209" s="6">
        <v>23291</v>
      </c>
      <c r="P209" s="6">
        <v>49</v>
      </c>
      <c r="Q209" s="6">
        <v>55568</v>
      </c>
      <c r="R209" s="6">
        <v>54327</v>
      </c>
      <c r="S209" s="6">
        <v>1241</v>
      </c>
    </row>
    <row r="210" spans="1:19">
      <c r="A210" s="9" t="s">
        <v>56</v>
      </c>
      <c r="B210" s="9" t="s">
        <v>57</v>
      </c>
      <c r="C210" s="9" t="s">
        <v>59</v>
      </c>
      <c r="D210" s="9" t="s">
        <v>352</v>
      </c>
      <c r="E210" s="9" t="s">
        <v>405</v>
      </c>
      <c r="F210" s="6">
        <v>14603</v>
      </c>
      <c r="G210" s="6">
        <v>1792</v>
      </c>
      <c r="H210" s="6">
        <v>7935</v>
      </c>
      <c r="I210" s="6">
        <v>4659</v>
      </c>
      <c r="J210" s="6">
        <v>217</v>
      </c>
      <c r="K210" s="6">
        <v>8406</v>
      </c>
      <c r="L210" s="6">
        <v>6847</v>
      </c>
      <c r="M210" s="6">
        <v>7756</v>
      </c>
      <c r="N210" s="6">
        <v>6561</v>
      </c>
      <c r="O210" s="6">
        <v>6548</v>
      </c>
      <c r="P210" s="6">
        <v>13</v>
      </c>
      <c r="Q210" s="6">
        <v>14603</v>
      </c>
      <c r="R210" s="6">
        <v>14423</v>
      </c>
      <c r="S210" s="6">
        <v>180</v>
      </c>
    </row>
    <row r="211" spans="1:19">
      <c r="A211" s="9" t="s">
        <v>56</v>
      </c>
      <c r="B211" s="9" t="s">
        <v>57</v>
      </c>
      <c r="C211" s="9" t="s">
        <v>59</v>
      </c>
      <c r="D211" s="9" t="s">
        <v>354</v>
      </c>
      <c r="E211" s="9" t="s">
        <v>406</v>
      </c>
      <c r="F211" s="10" t="s">
        <v>55</v>
      </c>
      <c r="G211" s="10" t="s">
        <v>55</v>
      </c>
      <c r="H211" s="10" t="s">
        <v>55</v>
      </c>
      <c r="I211" s="10" t="s">
        <v>55</v>
      </c>
      <c r="J211" s="10" t="s">
        <v>55</v>
      </c>
      <c r="K211" s="10" t="s">
        <v>55</v>
      </c>
      <c r="L211" s="10" t="s">
        <v>55</v>
      </c>
      <c r="M211" s="10" t="s">
        <v>55</v>
      </c>
      <c r="N211" s="10" t="s">
        <v>55</v>
      </c>
      <c r="O211" s="10" t="s">
        <v>55</v>
      </c>
      <c r="P211" s="10" t="s">
        <v>55</v>
      </c>
      <c r="Q211" s="10" t="s">
        <v>55</v>
      </c>
      <c r="R211" s="10" t="s">
        <v>55</v>
      </c>
      <c r="S211" s="10" t="s">
        <v>55</v>
      </c>
    </row>
    <row r="212" spans="1:19">
      <c r="A212" s="9" t="s">
        <v>56</v>
      </c>
      <c r="B212" s="9" t="s">
        <v>57</v>
      </c>
      <c r="C212" s="9" t="s">
        <v>59</v>
      </c>
      <c r="D212" s="9" t="s">
        <v>354</v>
      </c>
      <c r="E212" s="9" t="s">
        <v>407</v>
      </c>
      <c r="F212" s="6">
        <v>1244</v>
      </c>
      <c r="G212" s="6">
        <v>174</v>
      </c>
      <c r="H212" s="6">
        <v>702</v>
      </c>
      <c r="I212" s="6">
        <v>357</v>
      </c>
      <c r="J212" s="6">
        <v>11</v>
      </c>
      <c r="K212" s="6">
        <v>726</v>
      </c>
      <c r="L212" s="6">
        <v>601</v>
      </c>
      <c r="M212" s="6">
        <v>643</v>
      </c>
      <c r="N212" s="6">
        <v>514</v>
      </c>
      <c r="O212" s="6">
        <v>512</v>
      </c>
      <c r="P212" s="6">
        <v>2</v>
      </c>
      <c r="Q212" s="6">
        <v>1244</v>
      </c>
      <c r="R212" s="6">
        <v>1242</v>
      </c>
      <c r="S212" s="6">
        <v>2</v>
      </c>
    </row>
    <row r="213" spans="1:19">
      <c r="A213" s="9" t="s">
        <v>56</v>
      </c>
      <c r="B213" s="9" t="s">
        <v>57</v>
      </c>
      <c r="C213" s="9" t="s">
        <v>59</v>
      </c>
      <c r="D213" s="9" t="s">
        <v>354</v>
      </c>
      <c r="E213" s="9" t="s">
        <v>408</v>
      </c>
      <c r="F213" s="6">
        <v>8356</v>
      </c>
      <c r="G213" s="6">
        <v>996</v>
      </c>
      <c r="H213" s="6">
        <v>4598</v>
      </c>
      <c r="I213" s="6">
        <v>2593</v>
      </c>
      <c r="J213" s="6">
        <v>169</v>
      </c>
      <c r="K213" s="6">
        <v>4840</v>
      </c>
      <c r="L213" s="6">
        <v>3925</v>
      </c>
      <c r="M213" s="6">
        <v>4431</v>
      </c>
      <c r="N213" s="6">
        <v>3939</v>
      </c>
      <c r="O213" s="6">
        <v>3931</v>
      </c>
      <c r="P213" s="6">
        <v>8</v>
      </c>
      <c r="Q213" s="6">
        <v>8356</v>
      </c>
      <c r="R213" s="6">
        <v>8233</v>
      </c>
      <c r="S213" s="6">
        <v>123</v>
      </c>
    </row>
    <row r="214" spans="1:19">
      <c r="A214" s="9" t="s">
        <v>56</v>
      </c>
      <c r="B214" s="9" t="s">
        <v>57</v>
      </c>
      <c r="C214" s="9" t="s">
        <v>59</v>
      </c>
      <c r="D214" s="9" t="s">
        <v>354</v>
      </c>
      <c r="E214" s="9" t="s">
        <v>409</v>
      </c>
      <c r="F214" s="6">
        <v>5003</v>
      </c>
      <c r="G214" s="6">
        <v>622</v>
      </c>
      <c r="H214" s="6">
        <v>2635</v>
      </c>
      <c r="I214" s="6">
        <v>1709</v>
      </c>
      <c r="J214" s="6">
        <v>37</v>
      </c>
      <c r="K214" s="6">
        <v>2840</v>
      </c>
      <c r="L214" s="6">
        <v>2321</v>
      </c>
      <c r="M214" s="6">
        <v>2682</v>
      </c>
      <c r="N214" s="6">
        <v>2108</v>
      </c>
      <c r="O214" s="6">
        <v>2105</v>
      </c>
      <c r="P214" s="6">
        <v>3</v>
      </c>
      <c r="Q214" s="6">
        <v>5003</v>
      </c>
      <c r="R214" s="6">
        <v>4948</v>
      </c>
      <c r="S214" s="6">
        <v>55</v>
      </c>
    </row>
    <row r="215" spans="1:19">
      <c r="A215" s="9" t="s">
        <v>56</v>
      </c>
      <c r="B215" s="9" t="s">
        <v>57</v>
      </c>
      <c r="C215" s="9" t="s">
        <v>59</v>
      </c>
      <c r="D215" s="9" t="s">
        <v>354</v>
      </c>
      <c r="E215" s="9" t="s">
        <v>410</v>
      </c>
      <c r="F215" s="10" t="s">
        <v>55</v>
      </c>
      <c r="G215" s="10" t="s">
        <v>55</v>
      </c>
      <c r="H215" s="10" t="s">
        <v>55</v>
      </c>
      <c r="I215" s="10" t="s">
        <v>55</v>
      </c>
      <c r="J215" s="10" t="s">
        <v>55</v>
      </c>
      <c r="K215" s="10" t="s">
        <v>55</v>
      </c>
      <c r="L215" s="10" t="s">
        <v>55</v>
      </c>
      <c r="M215" s="10" t="s">
        <v>55</v>
      </c>
      <c r="N215" s="10" t="s">
        <v>55</v>
      </c>
      <c r="O215" s="10" t="s">
        <v>55</v>
      </c>
      <c r="P215" s="10" t="s">
        <v>55</v>
      </c>
      <c r="Q215" s="10" t="s">
        <v>55</v>
      </c>
      <c r="R215" s="10" t="s">
        <v>55</v>
      </c>
      <c r="S215" s="10" t="s">
        <v>55</v>
      </c>
    </row>
    <row r="216" spans="1:19">
      <c r="A216" s="9" t="s">
        <v>56</v>
      </c>
      <c r="B216" s="9" t="s">
        <v>57</v>
      </c>
      <c r="C216" s="9" t="s">
        <v>59</v>
      </c>
      <c r="D216" s="9" t="s">
        <v>354</v>
      </c>
      <c r="E216" s="9" t="s">
        <v>411</v>
      </c>
      <c r="F216" s="10" t="s">
        <v>55</v>
      </c>
      <c r="G216" s="10" t="s">
        <v>55</v>
      </c>
      <c r="H216" s="10" t="s">
        <v>55</v>
      </c>
      <c r="I216" s="10" t="s">
        <v>55</v>
      </c>
      <c r="J216" s="10" t="s">
        <v>55</v>
      </c>
      <c r="K216" s="10" t="s">
        <v>55</v>
      </c>
      <c r="L216" s="10" t="s">
        <v>55</v>
      </c>
      <c r="M216" s="10" t="s">
        <v>55</v>
      </c>
      <c r="N216" s="10" t="s">
        <v>55</v>
      </c>
      <c r="O216" s="10" t="s">
        <v>55</v>
      </c>
      <c r="P216" s="10" t="s">
        <v>55</v>
      </c>
      <c r="Q216" s="10" t="s">
        <v>55</v>
      </c>
      <c r="R216" s="10" t="s">
        <v>55</v>
      </c>
      <c r="S216" s="10" t="s">
        <v>55</v>
      </c>
    </row>
    <row r="217" spans="1:19">
      <c r="A217" s="9" t="s">
        <v>56</v>
      </c>
      <c r="B217" s="9" t="s">
        <v>57</v>
      </c>
      <c r="C217" s="9" t="s">
        <v>59</v>
      </c>
      <c r="D217" s="9" t="s">
        <v>352</v>
      </c>
      <c r="E217" s="9" t="s">
        <v>412</v>
      </c>
      <c r="F217" s="6">
        <v>38431</v>
      </c>
      <c r="G217" s="6">
        <v>5288</v>
      </c>
      <c r="H217" s="6">
        <v>21084</v>
      </c>
      <c r="I217" s="6">
        <v>11598</v>
      </c>
      <c r="J217" s="6">
        <v>461</v>
      </c>
      <c r="K217" s="6">
        <v>21894</v>
      </c>
      <c r="L217" s="6">
        <v>18068</v>
      </c>
      <c r="M217" s="6">
        <v>20363</v>
      </c>
      <c r="N217" s="6">
        <v>15766</v>
      </c>
      <c r="O217" s="6">
        <v>15733</v>
      </c>
      <c r="P217" s="6">
        <v>33</v>
      </c>
      <c r="Q217" s="6">
        <v>38431</v>
      </c>
      <c r="R217" s="6">
        <v>37402</v>
      </c>
      <c r="S217" s="6">
        <v>1029</v>
      </c>
    </row>
    <row r="218" spans="1:19">
      <c r="A218" s="9" t="s">
        <v>56</v>
      </c>
      <c r="B218" s="9" t="s">
        <v>57</v>
      </c>
      <c r="C218" s="9" t="s">
        <v>59</v>
      </c>
      <c r="D218" s="9" t="s">
        <v>354</v>
      </c>
      <c r="E218" s="9" t="s">
        <v>413</v>
      </c>
      <c r="F218" s="6">
        <v>24049</v>
      </c>
      <c r="G218" s="6">
        <v>3508</v>
      </c>
      <c r="H218" s="6">
        <v>13322</v>
      </c>
      <c r="I218" s="6">
        <v>6889</v>
      </c>
      <c r="J218" s="6">
        <v>330</v>
      </c>
      <c r="K218" s="6">
        <v>13838</v>
      </c>
      <c r="L218" s="6">
        <v>11249</v>
      </c>
      <c r="M218" s="6">
        <v>12800</v>
      </c>
      <c r="N218" s="6">
        <v>9927</v>
      </c>
      <c r="O218" s="6">
        <v>9902</v>
      </c>
      <c r="P218" s="6">
        <v>25</v>
      </c>
      <c r="Q218" s="6">
        <v>24049</v>
      </c>
      <c r="R218" s="6">
        <v>23401</v>
      </c>
      <c r="S218" s="6">
        <v>648</v>
      </c>
    </row>
    <row r="219" spans="1:19">
      <c r="A219" s="9" t="s">
        <v>56</v>
      </c>
      <c r="B219" s="9" t="s">
        <v>57</v>
      </c>
      <c r="C219" s="9" t="s">
        <v>59</v>
      </c>
      <c r="D219" s="9" t="s">
        <v>354</v>
      </c>
      <c r="E219" s="9" t="s">
        <v>414</v>
      </c>
      <c r="F219" s="6">
        <v>14382</v>
      </c>
      <c r="G219" s="6">
        <v>1780</v>
      </c>
      <c r="H219" s="6">
        <v>7762</v>
      </c>
      <c r="I219" s="6">
        <v>4709</v>
      </c>
      <c r="J219" s="6">
        <v>131</v>
      </c>
      <c r="K219" s="6">
        <v>8056</v>
      </c>
      <c r="L219" s="6">
        <v>6819</v>
      </c>
      <c r="M219" s="6">
        <v>7563</v>
      </c>
      <c r="N219" s="6">
        <v>5839</v>
      </c>
      <c r="O219" s="6">
        <v>5831</v>
      </c>
      <c r="P219" s="6">
        <v>8</v>
      </c>
      <c r="Q219" s="6">
        <v>14382</v>
      </c>
      <c r="R219" s="6">
        <v>14001</v>
      </c>
      <c r="S219" s="6">
        <v>381</v>
      </c>
    </row>
    <row r="220" spans="1:19">
      <c r="A220" s="9" t="s">
        <v>56</v>
      </c>
      <c r="B220" s="9" t="s">
        <v>57</v>
      </c>
      <c r="C220" s="9" t="s">
        <v>59</v>
      </c>
      <c r="D220" s="9" t="s">
        <v>354</v>
      </c>
      <c r="E220" s="9" t="s">
        <v>415</v>
      </c>
      <c r="F220" s="10" t="s">
        <v>55</v>
      </c>
      <c r="G220" s="10" t="s">
        <v>55</v>
      </c>
      <c r="H220" s="10" t="s">
        <v>55</v>
      </c>
      <c r="I220" s="10" t="s">
        <v>55</v>
      </c>
      <c r="J220" s="10" t="s">
        <v>55</v>
      </c>
      <c r="K220" s="10" t="s">
        <v>55</v>
      </c>
      <c r="L220" s="10" t="s">
        <v>55</v>
      </c>
      <c r="M220" s="10" t="s">
        <v>55</v>
      </c>
      <c r="N220" s="10" t="s">
        <v>55</v>
      </c>
      <c r="O220" s="10" t="s">
        <v>55</v>
      </c>
      <c r="P220" s="10" t="s">
        <v>55</v>
      </c>
      <c r="Q220" s="10" t="s">
        <v>55</v>
      </c>
      <c r="R220" s="10" t="s">
        <v>55</v>
      </c>
      <c r="S220" s="10" t="s">
        <v>55</v>
      </c>
    </row>
    <row r="221" spans="1:19">
      <c r="A221" s="9" t="s">
        <v>56</v>
      </c>
      <c r="B221" s="9" t="s">
        <v>57</v>
      </c>
      <c r="C221" s="9" t="s">
        <v>59</v>
      </c>
      <c r="D221" s="9" t="s">
        <v>354</v>
      </c>
      <c r="E221" s="9" t="s">
        <v>416</v>
      </c>
      <c r="F221" s="10" t="s">
        <v>55</v>
      </c>
      <c r="G221" s="10" t="s">
        <v>55</v>
      </c>
      <c r="H221" s="10" t="s">
        <v>55</v>
      </c>
      <c r="I221" s="10" t="s">
        <v>55</v>
      </c>
      <c r="J221" s="10" t="s">
        <v>55</v>
      </c>
      <c r="K221" s="10" t="s">
        <v>55</v>
      </c>
      <c r="L221" s="10" t="s">
        <v>55</v>
      </c>
      <c r="M221" s="10" t="s">
        <v>55</v>
      </c>
      <c r="N221" s="10" t="s">
        <v>55</v>
      </c>
      <c r="O221" s="10" t="s">
        <v>55</v>
      </c>
      <c r="P221" s="10" t="s">
        <v>55</v>
      </c>
      <c r="Q221" s="10" t="s">
        <v>55</v>
      </c>
      <c r="R221" s="10" t="s">
        <v>55</v>
      </c>
      <c r="S221" s="10" t="s">
        <v>55</v>
      </c>
    </row>
    <row r="222" spans="1:19">
      <c r="A222" s="9" t="s">
        <v>56</v>
      </c>
      <c r="B222" s="9" t="s">
        <v>57</v>
      </c>
      <c r="C222" s="9" t="s">
        <v>59</v>
      </c>
      <c r="D222" s="9" t="s">
        <v>352</v>
      </c>
      <c r="E222" s="9" t="s">
        <v>417</v>
      </c>
      <c r="F222" s="6">
        <v>2534</v>
      </c>
      <c r="G222" s="6">
        <v>410</v>
      </c>
      <c r="H222" s="6">
        <v>1470</v>
      </c>
      <c r="I222" s="6">
        <v>630</v>
      </c>
      <c r="J222" s="6">
        <v>24</v>
      </c>
      <c r="K222" s="6">
        <v>1503</v>
      </c>
      <c r="L222" s="6">
        <v>1192</v>
      </c>
      <c r="M222" s="6">
        <v>1342</v>
      </c>
      <c r="N222" s="6">
        <v>1013</v>
      </c>
      <c r="O222" s="6">
        <v>1010</v>
      </c>
      <c r="P222" s="6">
        <v>3</v>
      </c>
      <c r="Q222" s="6">
        <v>2534</v>
      </c>
      <c r="R222" s="6">
        <v>2502</v>
      </c>
      <c r="S222" s="6">
        <v>32</v>
      </c>
    </row>
    <row r="223" spans="1:19">
      <c r="A223" s="9" t="s">
        <v>56</v>
      </c>
      <c r="B223" s="9" t="s">
        <v>57</v>
      </c>
      <c r="C223" s="9" t="s">
        <v>59</v>
      </c>
      <c r="D223" s="9" t="s">
        <v>354</v>
      </c>
      <c r="E223" s="9" t="s">
        <v>418</v>
      </c>
      <c r="F223" s="10" t="s">
        <v>55</v>
      </c>
      <c r="G223" s="10" t="s">
        <v>55</v>
      </c>
      <c r="H223" s="10" t="s">
        <v>55</v>
      </c>
      <c r="I223" s="10" t="s">
        <v>55</v>
      </c>
      <c r="J223" s="10" t="s">
        <v>55</v>
      </c>
      <c r="K223" s="10" t="s">
        <v>55</v>
      </c>
      <c r="L223" s="10" t="s">
        <v>55</v>
      </c>
      <c r="M223" s="10" t="s">
        <v>55</v>
      </c>
      <c r="N223" s="10" t="s">
        <v>55</v>
      </c>
      <c r="O223" s="10" t="s">
        <v>55</v>
      </c>
      <c r="P223" s="10" t="s">
        <v>55</v>
      </c>
      <c r="Q223" s="10" t="s">
        <v>55</v>
      </c>
      <c r="R223" s="10" t="s">
        <v>55</v>
      </c>
      <c r="S223" s="10" t="s">
        <v>55</v>
      </c>
    </row>
    <row r="224" spans="1:19">
      <c r="A224" s="9" t="s">
        <v>56</v>
      </c>
      <c r="B224" s="9" t="s">
        <v>57</v>
      </c>
      <c r="C224" s="9" t="s">
        <v>59</v>
      </c>
      <c r="D224" s="9" t="s">
        <v>354</v>
      </c>
      <c r="E224" s="9" t="s">
        <v>419</v>
      </c>
      <c r="F224" s="6">
        <v>2534</v>
      </c>
      <c r="G224" s="6">
        <v>410</v>
      </c>
      <c r="H224" s="6">
        <v>1470</v>
      </c>
      <c r="I224" s="6">
        <v>630</v>
      </c>
      <c r="J224" s="6">
        <v>24</v>
      </c>
      <c r="K224" s="6">
        <v>1503</v>
      </c>
      <c r="L224" s="6">
        <v>1192</v>
      </c>
      <c r="M224" s="6">
        <v>1342</v>
      </c>
      <c r="N224" s="6">
        <v>1013</v>
      </c>
      <c r="O224" s="6">
        <v>1010</v>
      </c>
      <c r="P224" s="6">
        <v>3</v>
      </c>
      <c r="Q224" s="6">
        <v>2534</v>
      </c>
      <c r="R224" s="6">
        <v>2502</v>
      </c>
      <c r="S224" s="6">
        <v>32</v>
      </c>
    </row>
    <row r="225" spans="1:19">
      <c r="A225" s="9" t="s">
        <v>56</v>
      </c>
      <c r="B225" s="9" t="s">
        <v>57</v>
      </c>
      <c r="C225" s="9" t="s">
        <v>59</v>
      </c>
      <c r="D225" s="9" t="s">
        <v>354</v>
      </c>
      <c r="E225" s="9" t="s">
        <v>420</v>
      </c>
      <c r="F225" s="10" t="s">
        <v>55</v>
      </c>
      <c r="G225" s="10" t="s">
        <v>55</v>
      </c>
      <c r="H225" s="10" t="s">
        <v>55</v>
      </c>
      <c r="I225" s="10" t="s">
        <v>55</v>
      </c>
      <c r="J225" s="10" t="s">
        <v>55</v>
      </c>
      <c r="K225" s="10" t="s">
        <v>55</v>
      </c>
      <c r="L225" s="10" t="s">
        <v>55</v>
      </c>
      <c r="M225" s="10" t="s">
        <v>55</v>
      </c>
      <c r="N225" s="10" t="s">
        <v>55</v>
      </c>
      <c r="O225" s="10" t="s">
        <v>55</v>
      </c>
      <c r="P225" s="10" t="s">
        <v>55</v>
      </c>
      <c r="Q225" s="10" t="s">
        <v>55</v>
      </c>
      <c r="R225" s="10" t="s">
        <v>55</v>
      </c>
      <c r="S225" s="10" t="s">
        <v>55</v>
      </c>
    </row>
    <row r="226" spans="1:19">
      <c r="A226" s="9" t="s">
        <v>56</v>
      </c>
      <c r="B226" s="9" t="s">
        <v>57</v>
      </c>
      <c r="C226" s="9" t="s">
        <v>59</v>
      </c>
      <c r="D226" s="9" t="s">
        <v>347</v>
      </c>
      <c r="E226" s="9" t="s">
        <v>421</v>
      </c>
      <c r="F226" s="6">
        <v>5722</v>
      </c>
      <c r="G226" s="6">
        <v>317</v>
      </c>
      <c r="H226" s="6">
        <v>2279</v>
      </c>
      <c r="I226" s="6">
        <v>3125</v>
      </c>
      <c r="J226" s="6">
        <v>1</v>
      </c>
      <c r="K226" s="6">
        <v>2772</v>
      </c>
      <c r="L226" s="6">
        <v>2721</v>
      </c>
      <c r="M226" s="6">
        <v>3001</v>
      </c>
      <c r="N226" s="6">
        <v>2413</v>
      </c>
      <c r="O226" s="6">
        <v>2403</v>
      </c>
      <c r="P226" s="6">
        <v>10</v>
      </c>
      <c r="Q226" s="6">
        <v>5722</v>
      </c>
      <c r="R226" s="6">
        <v>5588</v>
      </c>
      <c r="S226" s="6">
        <v>134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30" orientation="portrait" r:id="rId1"/>
</worksheet>
</file>

<file path=xl/worksheets/sheet5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9F9E3674-712B-41B1-B227-471219E47CB4}">
  <sheetPr>
    <pageSetUpPr fitToPage="1"/>
  </sheetPr>
  <dimension ref="A1:R46"/>
  <sheetViews>
    <sheetView zoomScaleNormal="100" workbookViewId="0">
      <pane xSplit="4" ySplit="10" topLeftCell="E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/>
  <cols>
    <col min="1" max="1" width="3.75" style="11" customWidth="1"/>
    <col min="2" max="2" width="8.75" style="11" customWidth="1"/>
    <col min="3" max="3" width="11.25" style="11" customWidth="1"/>
    <col min="4" max="4" width="25" style="11" customWidth="1"/>
    <col min="5" max="16384" width="12.625" style="11"/>
  </cols>
  <sheetData>
    <row r="1" spans="1:18" s="1" customFormat="1">
      <c r="A1" s="1" t="s">
        <v>0</v>
      </c>
    </row>
    <row r="2" spans="1:18" s="1" customFormat="1">
      <c r="A2" s="1" t="s">
        <v>422</v>
      </c>
    </row>
    <row r="3" spans="1:18" s="1" customFormat="1"/>
    <row r="4" spans="1:18" s="1" customFormat="1" hidden="1"/>
    <row r="5" spans="1:18" s="1" customFormat="1">
      <c r="E5" s="3" t="s">
        <v>3</v>
      </c>
      <c r="F5" s="3" t="s">
        <v>3</v>
      </c>
      <c r="G5" s="3" t="s">
        <v>3</v>
      </c>
      <c r="H5" s="3" t="s">
        <v>3</v>
      </c>
      <c r="I5" s="3" t="s">
        <v>3</v>
      </c>
      <c r="J5" s="3" t="s">
        <v>3</v>
      </c>
      <c r="K5" s="3" t="s">
        <v>3</v>
      </c>
      <c r="L5" s="3" t="s">
        <v>3</v>
      </c>
      <c r="M5" s="3" t="s">
        <v>335</v>
      </c>
      <c r="N5" s="3" t="s">
        <v>335</v>
      </c>
      <c r="O5" s="3" t="s">
        <v>335</v>
      </c>
      <c r="P5" s="3" t="s">
        <v>336</v>
      </c>
      <c r="Q5" s="3" t="s">
        <v>336</v>
      </c>
      <c r="R5" s="3" t="s">
        <v>336</v>
      </c>
    </row>
    <row r="6" spans="1:18" s="1" customFormat="1">
      <c r="E6" s="3" t="s">
        <v>25</v>
      </c>
      <c r="F6" s="3" t="s">
        <v>25</v>
      </c>
      <c r="G6" s="3" t="s">
        <v>25</v>
      </c>
      <c r="H6" s="3" t="s">
        <v>25</v>
      </c>
      <c r="I6" s="3" t="s">
        <v>25</v>
      </c>
      <c r="J6" s="3" t="s">
        <v>25</v>
      </c>
      <c r="K6" s="3" t="s">
        <v>24</v>
      </c>
      <c r="L6" s="3" t="s">
        <v>24</v>
      </c>
      <c r="M6" s="3" t="s">
        <v>337</v>
      </c>
      <c r="N6" s="3" t="s">
        <v>337</v>
      </c>
      <c r="O6" s="3" t="s">
        <v>337</v>
      </c>
      <c r="P6" s="3" t="s">
        <v>337</v>
      </c>
      <c r="Q6" s="3" t="s">
        <v>337</v>
      </c>
      <c r="R6" s="3" t="s">
        <v>337</v>
      </c>
    </row>
    <row r="7" spans="1:18" s="1" customFormat="1">
      <c r="E7" s="3">
        <v>1</v>
      </c>
      <c r="F7" s="3">
        <v>1</v>
      </c>
      <c r="G7" s="3">
        <v>1</v>
      </c>
      <c r="H7" s="3">
        <v>1</v>
      </c>
      <c r="I7" s="3">
        <v>1</v>
      </c>
      <c r="J7" s="3">
        <v>1</v>
      </c>
      <c r="K7" s="3">
        <v>1</v>
      </c>
      <c r="L7" s="3">
        <v>1</v>
      </c>
      <c r="M7" s="3">
        <v>1</v>
      </c>
      <c r="N7" s="3">
        <v>1</v>
      </c>
      <c r="O7" s="3">
        <v>1</v>
      </c>
      <c r="P7" s="3">
        <v>1</v>
      </c>
      <c r="Q7" s="3">
        <v>1</v>
      </c>
      <c r="R7" s="3">
        <v>1</v>
      </c>
    </row>
    <row r="8" spans="1:18" s="1" customFormat="1" ht="24">
      <c r="E8" s="3" t="s">
        <v>6</v>
      </c>
      <c r="F8" s="3" t="s">
        <v>338</v>
      </c>
      <c r="G8" s="3" t="s">
        <v>339</v>
      </c>
      <c r="H8" s="3" t="s">
        <v>340</v>
      </c>
      <c r="I8" s="3" t="s">
        <v>341</v>
      </c>
      <c r="J8" s="3" t="s">
        <v>342</v>
      </c>
      <c r="K8" s="3" t="s">
        <v>53</v>
      </c>
      <c r="L8" s="3" t="s">
        <v>54</v>
      </c>
      <c r="M8" s="3" t="s">
        <v>6</v>
      </c>
      <c r="N8" s="3" t="s">
        <v>343</v>
      </c>
      <c r="O8" s="3" t="s">
        <v>344</v>
      </c>
      <c r="P8" s="3" t="s">
        <v>6</v>
      </c>
      <c r="Q8" s="3" t="s">
        <v>343</v>
      </c>
      <c r="R8" s="3" t="s">
        <v>344</v>
      </c>
    </row>
    <row r="9" spans="1:18" s="1" customFormat="1">
      <c r="E9" s="4" t="s">
        <v>19</v>
      </c>
      <c r="F9" s="4" t="s">
        <v>19</v>
      </c>
      <c r="G9" s="4" t="s">
        <v>19</v>
      </c>
      <c r="H9" s="4" t="s">
        <v>19</v>
      </c>
      <c r="I9" s="4" t="s">
        <v>19</v>
      </c>
      <c r="J9" s="4" t="s">
        <v>19</v>
      </c>
      <c r="K9" s="4" t="s">
        <v>19</v>
      </c>
      <c r="L9" s="4" t="s">
        <v>19</v>
      </c>
      <c r="M9" s="4" t="s">
        <v>229</v>
      </c>
      <c r="N9" s="4" t="s">
        <v>229</v>
      </c>
      <c r="O9" s="4" t="s">
        <v>229</v>
      </c>
      <c r="P9" s="4" t="s">
        <v>19</v>
      </c>
      <c r="Q9" s="4" t="s">
        <v>19</v>
      </c>
      <c r="R9" s="4" t="s">
        <v>19</v>
      </c>
    </row>
    <row r="10" spans="1:18" s="1" customFormat="1">
      <c r="A10" s="2" t="s">
        <v>21</v>
      </c>
      <c r="B10" s="2" t="s">
        <v>22</v>
      </c>
      <c r="C10" s="2" t="s">
        <v>23</v>
      </c>
      <c r="D10" s="2" t="s">
        <v>346</v>
      </c>
      <c r="E10" s="2" t="s">
        <v>26</v>
      </c>
      <c r="F10" s="2"/>
      <c r="G10" s="2"/>
      <c r="H10" s="2"/>
      <c r="I10" s="2"/>
      <c r="J10" s="2"/>
      <c r="K10" s="2"/>
      <c r="L10" s="2"/>
      <c r="M10" s="2"/>
      <c r="N10" s="2"/>
      <c r="O10" s="2"/>
      <c r="P10" s="2"/>
      <c r="Q10" s="2"/>
      <c r="R10" s="2"/>
    </row>
    <row r="11" spans="1:18">
      <c r="A11" s="5" t="s">
        <v>27</v>
      </c>
      <c r="B11" s="5" t="s">
        <v>28</v>
      </c>
      <c r="C11" s="5" t="s">
        <v>29</v>
      </c>
      <c r="D11" s="5" t="s">
        <v>6</v>
      </c>
      <c r="E11" s="6">
        <v>126146099</v>
      </c>
      <c r="F11" s="6">
        <v>14955692</v>
      </c>
      <c r="G11" s="6">
        <v>72922764</v>
      </c>
      <c r="H11" s="6">
        <v>35335805</v>
      </c>
      <c r="I11" s="6">
        <v>2931838</v>
      </c>
      <c r="J11" s="6">
        <v>75380592</v>
      </c>
      <c r="K11" s="6">
        <v>61349581</v>
      </c>
      <c r="L11" s="6">
        <v>64796518</v>
      </c>
      <c r="M11" s="6">
        <v>55830154</v>
      </c>
      <c r="N11" s="6">
        <v>55704949</v>
      </c>
      <c r="O11" s="6">
        <v>125205</v>
      </c>
      <c r="P11" s="6">
        <v>126146099</v>
      </c>
      <c r="Q11" s="6">
        <v>123162995</v>
      </c>
      <c r="R11" s="6">
        <v>2983104</v>
      </c>
    </row>
    <row r="12" spans="1:18">
      <c r="A12" s="9" t="s">
        <v>27</v>
      </c>
      <c r="B12" s="9" t="s">
        <v>28</v>
      </c>
      <c r="C12" s="9" t="s">
        <v>29</v>
      </c>
      <c r="D12" s="9" t="s">
        <v>348</v>
      </c>
      <c r="E12" s="6">
        <v>119320193</v>
      </c>
      <c r="F12" s="6">
        <v>14320692</v>
      </c>
      <c r="G12" s="6">
        <v>69640880</v>
      </c>
      <c r="H12" s="6">
        <v>32444764</v>
      </c>
      <c r="I12" s="6">
        <v>2913857</v>
      </c>
      <c r="J12" s="6">
        <v>71679887</v>
      </c>
      <c r="K12" s="6">
        <v>58059321</v>
      </c>
      <c r="L12" s="6">
        <v>61260872</v>
      </c>
      <c r="M12" s="6">
        <v>53162430</v>
      </c>
      <c r="N12" s="6">
        <v>53049287</v>
      </c>
      <c r="O12" s="6">
        <v>113143</v>
      </c>
      <c r="P12" s="6">
        <v>119320193</v>
      </c>
      <c r="Q12" s="6">
        <v>116595959</v>
      </c>
      <c r="R12" s="6">
        <v>2724234</v>
      </c>
    </row>
    <row r="13" spans="1:18">
      <c r="A13" s="9" t="s">
        <v>27</v>
      </c>
      <c r="B13" s="9" t="s">
        <v>28</v>
      </c>
      <c r="C13" s="9" t="s">
        <v>29</v>
      </c>
      <c r="D13" s="9" t="s">
        <v>349</v>
      </c>
      <c r="E13" s="6">
        <v>90434647</v>
      </c>
      <c r="F13" s="6">
        <v>10970548</v>
      </c>
      <c r="G13" s="6">
        <v>54131169</v>
      </c>
      <c r="H13" s="6">
        <v>22745668</v>
      </c>
      <c r="I13" s="6">
        <v>2587262</v>
      </c>
      <c r="J13" s="6">
        <v>55244531</v>
      </c>
      <c r="K13" s="6">
        <v>44073713</v>
      </c>
      <c r="L13" s="6">
        <v>46360934</v>
      </c>
      <c r="M13" s="6">
        <v>41929596</v>
      </c>
      <c r="N13" s="6">
        <v>41858085</v>
      </c>
      <c r="O13" s="6">
        <v>71511</v>
      </c>
      <c r="P13" s="6">
        <v>90434647</v>
      </c>
      <c r="Q13" s="6">
        <v>88968308</v>
      </c>
      <c r="R13" s="6">
        <v>1466339</v>
      </c>
    </row>
    <row r="14" spans="1:18">
      <c r="A14" s="9" t="s">
        <v>27</v>
      </c>
      <c r="B14" s="9" t="s">
        <v>28</v>
      </c>
      <c r="C14" s="9" t="s">
        <v>29</v>
      </c>
      <c r="D14" s="9" t="s">
        <v>351</v>
      </c>
      <c r="E14" s="6">
        <v>10995777</v>
      </c>
      <c r="F14" s="6">
        <v>1381173</v>
      </c>
      <c r="G14" s="6">
        <v>6822673</v>
      </c>
      <c r="H14" s="6">
        <v>2490602</v>
      </c>
      <c r="I14" s="6">
        <v>301329</v>
      </c>
      <c r="J14" s="6">
        <v>6910835</v>
      </c>
      <c r="K14" s="6">
        <v>5459813</v>
      </c>
      <c r="L14" s="6">
        <v>5535964</v>
      </c>
      <c r="M14" s="6">
        <v>5050302</v>
      </c>
      <c r="N14" s="6">
        <v>5040856</v>
      </c>
      <c r="O14" s="6">
        <v>9446</v>
      </c>
      <c r="P14" s="6">
        <v>10995777</v>
      </c>
      <c r="Q14" s="6">
        <v>10754373</v>
      </c>
      <c r="R14" s="6">
        <v>241404</v>
      </c>
    </row>
    <row r="15" spans="1:18">
      <c r="A15" s="9" t="s">
        <v>27</v>
      </c>
      <c r="B15" s="9" t="s">
        <v>28</v>
      </c>
      <c r="C15" s="9" t="s">
        <v>29</v>
      </c>
      <c r="D15" s="9" t="s">
        <v>362</v>
      </c>
      <c r="E15" s="6">
        <v>14440002</v>
      </c>
      <c r="F15" s="6">
        <v>1434252</v>
      </c>
      <c r="G15" s="6">
        <v>9030419</v>
      </c>
      <c r="H15" s="6">
        <v>3248264</v>
      </c>
      <c r="I15" s="6">
        <v>727067</v>
      </c>
      <c r="J15" s="6">
        <v>9259591</v>
      </c>
      <c r="K15" s="6">
        <v>6971348</v>
      </c>
      <c r="L15" s="6">
        <v>7468654</v>
      </c>
      <c r="M15" s="6">
        <v>7964299</v>
      </c>
      <c r="N15" s="6">
        <v>7941873</v>
      </c>
      <c r="O15" s="6">
        <v>22426</v>
      </c>
      <c r="P15" s="6">
        <v>14440002</v>
      </c>
      <c r="Q15" s="6">
        <v>14211245</v>
      </c>
      <c r="R15" s="6">
        <v>228757</v>
      </c>
    </row>
    <row r="16" spans="1:18">
      <c r="A16" s="9" t="s">
        <v>27</v>
      </c>
      <c r="B16" s="9" t="s">
        <v>28</v>
      </c>
      <c r="C16" s="9" t="s">
        <v>29</v>
      </c>
      <c r="D16" s="9" t="s">
        <v>369</v>
      </c>
      <c r="E16" s="6">
        <v>64984312</v>
      </c>
      <c r="F16" s="6">
        <v>8152465</v>
      </c>
      <c r="G16" s="6">
        <v>38269385</v>
      </c>
      <c r="H16" s="6">
        <v>17004003</v>
      </c>
      <c r="I16" s="6">
        <v>1558459</v>
      </c>
      <c r="J16" s="6">
        <v>39065556</v>
      </c>
      <c r="K16" s="6">
        <v>31635091</v>
      </c>
      <c r="L16" s="6">
        <v>33349221</v>
      </c>
      <c r="M16" s="6">
        <v>28909725</v>
      </c>
      <c r="N16" s="6">
        <v>28870136</v>
      </c>
      <c r="O16" s="6">
        <v>39589</v>
      </c>
      <c r="P16" s="6">
        <v>64984312</v>
      </c>
      <c r="Q16" s="6">
        <v>63990035</v>
      </c>
      <c r="R16" s="6">
        <v>994277</v>
      </c>
    </row>
    <row r="17" spans="1:18">
      <c r="A17" s="9" t="s">
        <v>27</v>
      </c>
      <c r="B17" s="9" t="s">
        <v>28</v>
      </c>
      <c r="C17" s="9" t="s">
        <v>29</v>
      </c>
      <c r="D17" s="9" t="s">
        <v>386</v>
      </c>
      <c r="E17" s="6">
        <v>9812145</v>
      </c>
      <c r="F17" s="6">
        <v>1082452</v>
      </c>
      <c r="G17" s="6">
        <v>5161847</v>
      </c>
      <c r="H17" s="6">
        <v>3458581</v>
      </c>
      <c r="I17" s="6">
        <v>109265</v>
      </c>
      <c r="J17" s="6">
        <v>5475544</v>
      </c>
      <c r="K17" s="6">
        <v>4773778</v>
      </c>
      <c r="L17" s="6">
        <v>5038367</v>
      </c>
      <c r="M17" s="6">
        <v>3480890</v>
      </c>
      <c r="N17" s="6">
        <v>3464352</v>
      </c>
      <c r="O17" s="6">
        <v>16538</v>
      </c>
      <c r="P17" s="6">
        <v>9812145</v>
      </c>
      <c r="Q17" s="6">
        <v>9162790</v>
      </c>
      <c r="R17" s="6">
        <v>649355</v>
      </c>
    </row>
    <row r="18" spans="1:18">
      <c r="A18" s="9" t="s">
        <v>27</v>
      </c>
      <c r="B18" s="9" t="s">
        <v>28</v>
      </c>
      <c r="C18" s="9" t="s">
        <v>29</v>
      </c>
      <c r="D18" s="9" t="s">
        <v>387</v>
      </c>
      <c r="E18" s="6">
        <v>19073401</v>
      </c>
      <c r="F18" s="6">
        <v>2267692</v>
      </c>
      <c r="G18" s="6">
        <v>10347864</v>
      </c>
      <c r="H18" s="6">
        <v>6240515</v>
      </c>
      <c r="I18" s="6">
        <v>217330</v>
      </c>
      <c r="J18" s="6">
        <v>10959812</v>
      </c>
      <c r="K18" s="6">
        <v>9211830</v>
      </c>
      <c r="L18" s="6">
        <v>9861571</v>
      </c>
      <c r="M18" s="6">
        <v>7751944</v>
      </c>
      <c r="N18" s="6">
        <v>7726850</v>
      </c>
      <c r="O18" s="6">
        <v>25094</v>
      </c>
      <c r="P18" s="6">
        <v>19073401</v>
      </c>
      <c r="Q18" s="6">
        <v>18464861</v>
      </c>
      <c r="R18" s="6">
        <v>608540</v>
      </c>
    </row>
    <row r="19" spans="1:18">
      <c r="A19" s="9" t="s">
        <v>27</v>
      </c>
      <c r="B19" s="9" t="s">
        <v>28</v>
      </c>
      <c r="C19" s="9" t="s">
        <v>29</v>
      </c>
      <c r="D19" s="9" t="s">
        <v>388</v>
      </c>
      <c r="E19" s="6">
        <v>1389384</v>
      </c>
      <c r="F19" s="6">
        <v>172438</v>
      </c>
      <c r="G19" s="6">
        <v>797699</v>
      </c>
      <c r="H19" s="6">
        <v>392327</v>
      </c>
      <c r="I19" s="6">
        <v>26920</v>
      </c>
      <c r="J19" s="6">
        <v>827073</v>
      </c>
      <c r="K19" s="6">
        <v>684621</v>
      </c>
      <c r="L19" s="6">
        <v>704763</v>
      </c>
      <c r="M19" s="6">
        <v>595831</v>
      </c>
      <c r="N19" s="6">
        <v>593702</v>
      </c>
      <c r="O19" s="6">
        <v>2129</v>
      </c>
      <c r="P19" s="6">
        <v>1389384</v>
      </c>
      <c r="Q19" s="6">
        <v>1348412</v>
      </c>
      <c r="R19" s="6">
        <v>40972</v>
      </c>
    </row>
    <row r="20" spans="1:18">
      <c r="A20" s="9" t="s">
        <v>27</v>
      </c>
      <c r="B20" s="9" t="s">
        <v>28</v>
      </c>
      <c r="C20" s="9" t="s">
        <v>29</v>
      </c>
      <c r="D20" s="9" t="s">
        <v>397</v>
      </c>
      <c r="E20" s="6">
        <v>1356032</v>
      </c>
      <c r="F20" s="6">
        <v>140243</v>
      </c>
      <c r="G20" s="6">
        <v>710526</v>
      </c>
      <c r="H20" s="6">
        <v>480063</v>
      </c>
      <c r="I20" s="6">
        <v>25200</v>
      </c>
      <c r="J20" s="6">
        <v>758079</v>
      </c>
      <c r="K20" s="6">
        <v>643071</v>
      </c>
      <c r="L20" s="6">
        <v>712961</v>
      </c>
      <c r="M20" s="6">
        <v>620550</v>
      </c>
      <c r="N20" s="6">
        <v>618619</v>
      </c>
      <c r="O20" s="6">
        <v>1931</v>
      </c>
      <c r="P20" s="6">
        <v>1356032</v>
      </c>
      <c r="Q20" s="6">
        <v>1320532</v>
      </c>
      <c r="R20" s="6">
        <v>35500</v>
      </c>
    </row>
    <row r="21" spans="1:18">
      <c r="A21" s="9" t="s">
        <v>27</v>
      </c>
      <c r="B21" s="9" t="s">
        <v>28</v>
      </c>
      <c r="C21" s="9" t="s">
        <v>29</v>
      </c>
      <c r="D21" s="9" t="s">
        <v>404</v>
      </c>
      <c r="E21" s="6">
        <v>6081902</v>
      </c>
      <c r="F21" s="6">
        <v>768030</v>
      </c>
      <c r="G21" s="6">
        <v>3372810</v>
      </c>
      <c r="H21" s="6">
        <v>1857333</v>
      </c>
      <c r="I21" s="6">
        <v>83729</v>
      </c>
      <c r="J21" s="6">
        <v>3523996</v>
      </c>
      <c r="K21" s="6">
        <v>2924326</v>
      </c>
      <c r="L21" s="6">
        <v>3157576</v>
      </c>
      <c r="M21" s="6">
        <v>2598859</v>
      </c>
      <c r="N21" s="6">
        <v>2592788</v>
      </c>
      <c r="O21" s="6">
        <v>6071</v>
      </c>
      <c r="P21" s="6">
        <v>6081902</v>
      </c>
      <c r="Q21" s="6">
        <v>5942618</v>
      </c>
      <c r="R21" s="6">
        <v>139284</v>
      </c>
    </row>
    <row r="22" spans="1:18">
      <c r="A22" s="9" t="s">
        <v>27</v>
      </c>
      <c r="B22" s="9" t="s">
        <v>28</v>
      </c>
      <c r="C22" s="9" t="s">
        <v>29</v>
      </c>
      <c r="D22" s="9" t="s">
        <v>421</v>
      </c>
      <c r="E22" s="6">
        <v>6825906</v>
      </c>
      <c r="F22" s="6">
        <v>635000</v>
      </c>
      <c r="G22" s="6">
        <v>3281884</v>
      </c>
      <c r="H22" s="6">
        <v>2891041</v>
      </c>
      <c r="I22" s="6">
        <v>17981</v>
      </c>
      <c r="J22" s="6">
        <v>3700705</v>
      </c>
      <c r="K22" s="6">
        <v>3290260</v>
      </c>
      <c r="L22" s="6">
        <v>3535646</v>
      </c>
      <c r="M22" s="6">
        <v>2667724</v>
      </c>
      <c r="N22" s="6">
        <v>2655662</v>
      </c>
      <c r="O22" s="6">
        <v>12062</v>
      </c>
      <c r="P22" s="6">
        <v>6825906</v>
      </c>
      <c r="Q22" s="6">
        <v>6567036</v>
      </c>
      <c r="R22" s="6">
        <v>258870</v>
      </c>
    </row>
    <row r="23" spans="1:18">
      <c r="A23" s="9" t="s">
        <v>27</v>
      </c>
      <c r="B23" s="9" t="s">
        <v>57</v>
      </c>
      <c r="C23" s="9" t="s">
        <v>58</v>
      </c>
      <c r="D23" s="9" t="s">
        <v>6</v>
      </c>
      <c r="E23" s="6">
        <v>1738301</v>
      </c>
      <c r="F23" s="6">
        <v>228366</v>
      </c>
      <c r="G23" s="6">
        <v>944198</v>
      </c>
      <c r="H23" s="6">
        <v>540538</v>
      </c>
      <c r="I23" s="6">
        <v>25199</v>
      </c>
      <c r="J23" s="6">
        <v>994591</v>
      </c>
      <c r="K23" s="6">
        <v>822481</v>
      </c>
      <c r="L23" s="6">
        <v>915820</v>
      </c>
      <c r="M23" s="6">
        <v>719154</v>
      </c>
      <c r="N23" s="6">
        <v>716740</v>
      </c>
      <c r="O23" s="6">
        <v>2414</v>
      </c>
      <c r="P23" s="6">
        <v>1738301</v>
      </c>
      <c r="Q23" s="6">
        <v>1678793</v>
      </c>
      <c r="R23" s="6">
        <v>59508</v>
      </c>
    </row>
    <row r="24" spans="1:18">
      <c r="A24" s="9" t="s">
        <v>27</v>
      </c>
      <c r="B24" s="9" t="s">
        <v>57</v>
      </c>
      <c r="C24" s="9" t="s">
        <v>58</v>
      </c>
      <c r="D24" s="9" t="s">
        <v>348</v>
      </c>
      <c r="E24" s="6">
        <v>1384431</v>
      </c>
      <c r="F24" s="6">
        <v>191362</v>
      </c>
      <c r="G24" s="6">
        <v>778926</v>
      </c>
      <c r="H24" s="6">
        <v>390113</v>
      </c>
      <c r="I24" s="6">
        <v>24030</v>
      </c>
      <c r="J24" s="6">
        <v>806620</v>
      </c>
      <c r="K24" s="6">
        <v>655377</v>
      </c>
      <c r="L24" s="6">
        <v>729054</v>
      </c>
      <c r="M24" s="6">
        <v>583475</v>
      </c>
      <c r="N24" s="6">
        <v>581758</v>
      </c>
      <c r="O24" s="6">
        <v>1717</v>
      </c>
      <c r="P24" s="6">
        <v>1384431</v>
      </c>
      <c r="Q24" s="6">
        <v>1339384</v>
      </c>
      <c r="R24" s="6">
        <v>45047</v>
      </c>
    </row>
    <row r="25" spans="1:18">
      <c r="A25" s="9" t="s">
        <v>27</v>
      </c>
      <c r="B25" s="9" t="s">
        <v>57</v>
      </c>
      <c r="C25" s="9" t="s">
        <v>58</v>
      </c>
      <c r="D25" s="9" t="s">
        <v>349</v>
      </c>
      <c r="E25" s="6">
        <v>741822</v>
      </c>
      <c r="F25" s="6">
        <v>101816</v>
      </c>
      <c r="G25" s="6">
        <v>438296</v>
      </c>
      <c r="H25" s="6">
        <v>182122</v>
      </c>
      <c r="I25" s="6">
        <v>19588</v>
      </c>
      <c r="J25" s="6">
        <v>446128</v>
      </c>
      <c r="K25" s="6">
        <v>351489</v>
      </c>
      <c r="L25" s="6">
        <v>390333</v>
      </c>
      <c r="M25" s="6">
        <v>334713</v>
      </c>
      <c r="N25" s="6">
        <v>334044</v>
      </c>
      <c r="O25" s="6">
        <v>669</v>
      </c>
      <c r="P25" s="6">
        <v>741822</v>
      </c>
      <c r="Q25" s="6">
        <v>725159</v>
      </c>
      <c r="R25" s="6">
        <v>16663</v>
      </c>
    </row>
    <row r="26" spans="1:18">
      <c r="A26" s="9" t="s">
        <v>27</v>
      </c>
      <c r="B26" s="9" t="s">
        <v>57</v>
      </c>
      <c r="C26" s="9" t="s">
        <v>58</v>
      </c>
      <c r="D26" s="9" t="s">
        <v>351</v>
      </c>
      <c r="E26" s="6">
        <v>87372</v>
      </c>
      <c r="F26" s="6">
        <v>11607</v>
      </c>
      <c r="G26" s="6">
        <v>54264</v>
      </c>
      <c r="H26" s="6">
        <v>18833</v>
      </c>
      <c r="I26" s="6">
        <v>2668</v>
      </c>
      <c r="J26" s="6">
        <v>54950</v>
      </c>
      <c r="K26" s="6">
        <v>41974</v>
      </c>
      <c r="L26" s="6">
        <v>45398</v>
      </c>
      <c r="M26" s="6">
        <v>40309</v>
      </c>
      <c r="N26" s="6">
        <v>40168</v>
      </c>
      <c r="O26" s="6">
        <v>141</v>
      </c>
      <c r="P26" s="6">
        <v>87372</v>
      </c>
      <c r="Q26" s="6">
        <v>84005</v>
      </c>
      <c r="R26" s="6">
        <v>3367</v>
      </c>
    </row>
    <row r="27" spans="1:18">
      <c r="A27" s="9" t="s">
        <v>27</v>
      </c>
      <c r="B27" s="9" t="s">
        <v>57</v>
      </c>
      <c r="C27" s="9" t="s">
        <v>58</v>
      </c>
      <c r="D27" s="9" t="s">
        <v>362</v>
      </c>
      <c r="E27" s="6">
        <v>103922</v>
      </c>
      <c r="F27" s="6">
        <v>10851</v>
      </c>
      <c r="G27" s="6">
        <v>64114</v>
      </c>
      <c r="H27" s="6">
        <v>22421</v>
      </c>
      <c r="I27" s="6">
        <v>6536</v>
      </c>
      <c r="J27" s="6">
        <v>64589</v>
      </c>
      <c r="K27" s="6">
        <v>48029</v>
      </c>
      <c r="L27" s="6">
        <v>55893</v>
      </c>
      <c r="M27" s="6">
        <v>58265</v>
      </c>
      <c r="N27" s="6">
        <v>58173</v>
      </c>
      <c r="O27" s="6">
        <v>92</v>
      </c>
      <c r="P27" s="6">
        <v>103922</v>
      </c>
      <c r="Q27" s="6">
        <v>101673</v>
      </c>
      <c r="R27" s="6">
        <v>2249</v>
      </c>
    </row>
    <row r="28" spans="1:18">
      <c r="A28" s="9" t="s">
        <v>27</v>
      </c>
      <c r="B28" s="9" t="s">
        <v>57</v>
      </c>
      <c r="C28" s="9" t="s">
        <v>58</v>
      </c>
      <c r="D28" s="9" t="s">
        <v>369</v>
      </c>
      <c r="E28" s="6">
        <v>550528</v>
      </c>
      <c r="F28" s="6">
        <v>79358</v>
      </c>
      <c r="G28" s="6">
        <v>319918</v>
      </c>
      <c r="H28" s="6">
        <v>140868</v>
      </c>
      <c r="I28" s="6">
        <v>10384</v>
      </c>
      <c r="J28" s="6">
        <v>326589</v>
      </c>
      <c r="K28" s="6">
        <v>261486</v>
      </c>
      <c r="L28" s="6">
        <v>289042</v>
      </c>
      <c r="M28" s="6">
        <v>236139</v>
      </c>
      <c r="N28" s="6">
        <v>235703</v>
      </c>
      <c r="O28" s="6">
        <v>436</v>
      </c>
      <c r="P28" s="6">
        <v>550528</v>
      </c>
      <c r="Q28" s="6">
        <v>539481</v>
      </c>
      <c r="R28" s="6">
        <v>11047</v>
      </c>
    </row>
    <row r="29" spans="1:18">
      <c r="A29" s="9" t="s">
        <v>27</v>
      </c>
      <c r="B29" s="9" t="s">
        <v>57</v>
      </c>
      <c r="C29" s="9" t="s">
        <v>58</v>
      </c>
      <c r="D29" s="9" t="s">
        <v>386</v>
      </c>
      <c r="E29" s="6">
        <v>138812</v>
      </c>
      <c r="F29" s="6">
        <v>22752</v>
      </c>
      <c r="G29" s="6">
        <v>72534</v>
      </c>
      <c r="H29" s="6">
        <v>42714</v>
      </c>
      <c r="I29" s="6">
        <v>812</v>
      </c>
      <c r="J29" s="6">
        <v>75953</v>
      </c>
      <c r="K29" s="6">
        <v>66190</v>
      </c>
      <c r="L29" s="6">
        <v>72622</v>
      </c>
      <c r="M29" s="6">
        <v>45799</v>
      </c>
      <c r="N29" s="6">
        <v>45539</v>
      </c>
      <c r="O29" s="6">
        <v>260</v>
      </c>
      <c r="P29" s="6">
        <v>138812</v>
      </c>
      <c r="Q29" s="6">
        <v>130516</v>
      </c>
      <c r="R29" s="6">
        <v>8296</v>
      </c>
    </row>
    <row r="30" spans="1:18">
      <c r="A30" s="9" t="s">
        <v>27</v>
      </c>
      <c r="B30" s="9" t="s">
        <v>57</v>
      </c>
      <c r="C30" s="9" t="s">
        <v>58</v>
      </c>
      <c r="D30" s="9" t="s">
        <v>387</v>
      </c>
      <c r="E30" s="6">
        <v>503797</v>
      </c>
      <c r="F30" s="6">
        <v>66794</v>
      </c>
      <c r="G30" s="6">
        <v>268096</v>
      </c>
      <c r="H30" s="6">
        <v>165277</v>
      </c>
      <c r="I30" s="6">
        <v>3630</v>
      </c>
      <c r="J30" s="6">
        <v>284539</v>
      </c>
      <c r="K30" s="6">
        <v>237698</v>
      </c>
      <c r="L30" s="6">
        <v>266099</v>
      </c>
      <c r="M30" s="6">
        <v>202963</v>
      </c>
      <c r="N30" s="6">
        <v>202175</v>
      </c>
      <c r="O30" s="6">
        <v>788</v>
      </c>
      <c r="P30" s="6">
        <v>503797</v>
      </c>
      <c r="Q30" s="6">
        <v>483709</v>
      </c>
      <c r="R30" s="6">
        <v>20088</v>
      </c>
    </row>
    <row r="31" spans="1:18">
      <c r="A31" s="9" t="s">
        <v>27</v>
      </c>
      <c r="B31" s="9" t="s">
        <v>57</v>
      </c>
      <c r="C31" s="9" t="s">
        <v>58</v>
      </c>
      <c r="D31" s="9" t="s">
        <v>388</v>
      </c>
      <c r="E31" s="6">
        <v>27128</v>
      </c>
      <c r="F31" s="6">
        <v>3732</v>
      </c>
      <c r="G31" s="6">
        <v>15524</v>
      </c>
      <c r="H31" s="6">
        <v>7560</v>
      </c>
      <c r="I31" s="6">
        <v>312</v>
      </c>
      <c r="J31" s="6">
        <v>15713</v>
      </c>
      <c r="K31" s="6">
        <v>13239</v>
      </c>
      <c r="L31" s="6">
        <v>13889</v>
      </c>
      <c r="M31" s="6">
        <v>11378</v>
      </c>
      <c r="N31" s="6">
        <v>11328</v>
      </c>
      <c r="O31" s="6">
        <v>50</v>
      </c>
      <c r="P31" s="6">
        <v>27128</v>
      </c>
      <c r="Q31" s="6">
        <v>25579</v>
      </c>
      <c r="R31" s="6">
        <v>1549</v>
      </c>
    </row>
    <row r="32" spans="1:18">
      <c r="A32" s="9" t="s">
        <v>27</v>
      </c>
      <c r="B32" s="9" t="s">
        <v>57</v>
      </c>
      <c r="C32" s="9" t="s">
        <v>58</v>
      </c>
      <c r="D32" s="9" t="s">
        <v>397</v>
      </c>
      <c r="E32" s="6">
        <v>31396</v>
      </c>
      <c r="F32" s="6">
        <v>3828</v>
      </c>
      <c r="G32" s="6">
        <v>16519</v>
      </c>
      <c r="H32" s="6">
        <v>10759</v>
      </c>
      <c r="I32" s="6">
        <v>290</v>
      </c>
      <c r="J32" s="6">
        <v>17498</v>
      </c>
      <c r="K32" s="6">
        <v>14495</v>
      </c>
      <c r="L32" s="6">
        <v>16901</v>
      </c>
      <c r="M32" s="6">
        <v>14160</v>
      </c>
      <c r="N32" s="6">
        <v>14094</v>
      </c>
      <c r="O32" s="6">
        <v>66</v>
      </c>
      <c r="P32" s="6">
        <v>31396</v>
      </c>
      <c r="Q32" s="6">
        <v>30015</v>
      </c>
      <c r="R32" s="6">
        <v>1381</v>
      </c>
    </row>
    <row r="33" spans="1:18">
      <c r="A33" s="9" t="s">
        <v>27</v>
      </c>
      <c r="B33" s="9" t="s">
        <v>57</v>
      </c>
      <c r="C33" s="9" t="s">
        <v>58</v>
      </c>
      <c r="D33" s="9" t="s">
        <v>404</v>
      </c>
      <c r="E33" s="6">
        <v>182129</v>
      </c>
      <c r="F33" s="6">
        <v>26401</v>
      </c>
      <c r="G33" s="6">
        <v>99486</v>
      </c>
      <c r="H33" s="6">
        <v>54876</v>
      </c>
      <c r="I33" s="6">
        <v>1366</v>
      </c>
      <c r="J33" s="6">
        <v>103960</v>
      </c>
      <c r="K33" s="6">
        <v>86113</v>
      </c>
      <c r="L33" s="6">
        <v>96016</v>
      </c>
      <c r="M33" s="6">
        <v>74933</v>
      </c>
      <c r="N33" s="6">
        <v>74740</v>
      </c>
      <c r="O33" s="6">
        <v>193</v>
      </c>
      <c r="P33" s="6">
        <v>182129</v>
      </c>
      <c r="Q33" s="6">
        <v>177303</v>
      </c>
      <c r="R33" s="6">
        <v>4826</v>
      </c>
    </row>
    <row r="34" spans="1:18">
      <c r="A34" s="9" t="s">
        <v>27</v>
      </c>
      <c r="B34" s="9" t="s">
        <v>57</v>
      </c>
      <c r="C34" s="9" t="s">
        <v>58</v>
      </c>
      <c r="D34" s="9" t="s">
        <v>421</v>
      </c>
      <c r="E34" s="6">
        <v>353870</v>
      </c>
      <c r="F34" s="6">
        <v>37004</v>
      </c>
      <c r="G34" s="6">
        <v>165272</v>
      </c>
      <c r="H34" s="6">
        <v>150425</v>
      </c>
      <c r="I34" s="6">
        <v>1169</v>
      </c>
      <c r="J34" s="6">
        <v>187971</v>
      </c>
      <c r="K34" s="6">
        <v>167104</v>
      </c>
      <c r="L34" s="6">
        <v>186766</v>
      </c>
      <c r="M34" s="6">
        <v>135679</v>
      </c>
      <c r="N34" s="6">
        <v>134982</v>
      </c>
      <c r="O34" s="6">
        <v>697</v>
      </c>
      <c r="P34" s="6">
        <v>353870</v>
      </c>
      <c r="Q34" s="6">
        <v>339409</v>
      </c>
      <c r="R34" s="6">
        <v>14461</v>
      </c>
    </row>
    <row r="35" spans="1:18">
      <c r="A35" s="9" t="s">
        <v>56</v>
      </c>
      <c r="B35" s="9" t="s">
        <v>57</v>
      </c>
      <c r="C35" s="9" t="s">
        <v>59</v>
      </c>
      <c r="D35" s="9" t="s">
        <v>6</v>
      </c>
      <c r="E35" s="6">
        <v>123067</v>
      </c>
      <c r="F35" s="6">
        <v>14679</v>
      </c>
      <c r="G35" s="6">
        <v>65046</v>
      </c>
      <c r="H35" s="6">
        <v>42131</v>
      </c>
      <c r="I35" s="6">
        <v>1211</v>
      </c>
      <c r="J35" s="6">
        <v>68989</v>
      </c>
      <c r="K35" s="6">
        <v>57298</v>
      </c>
      <c r="L35" s="6">
        <v>65769</v>
      </c>
      <c r="M35" s="6">
        <v>49204</v>
      </c>
      <c r="N35" s="6">
        <v>48996</v>
      </c>
      <c r="O35" s="6">
        <v>208</v>
      </c>
      <c r="P35" s="6">
        <v>123067</v>
      </c>
      <c r="Q35" s="6">
        <v>117827</v>
      </c>
      <c r="R35" s="6">
        <v>5240</v>
      </c>
    </row>
    <row r="36" spans="1:18">
      <c r="A36" s="9" t="s">
        <v>56</v>
      </c>
      <c r="B36" s="9" t="s">
        <v>57</v>
      </c>
      <c r="C36" s="9" t="s">
        <v>59</v>
      </c>
      <c r="D36" s="9" t="s">
        <v>348</v>
      </c>
      <c r="E36" s="6">
        <v>117345</v>
      </c>
      <c r="F36" s="6">
        <v>14362</v>
      </c>
      <c r="G36" s="6">
        <v>62767</v>
      </c>
      <c r="H36" s="6">
        <v>39006</v>
      </c>
      <c r="I36" s="6">
        <v>1210</v>
      </c>
      <c r="J36" s="6">
        <v>66217</v>
      </c>
      <c r="K36" s="6">
        <v>54577</v>
      </c>
      <c r="L36" s="6">
        <v>62768</v>
      </c>
      <c r="M36" s="6">
        <v>46791</v>
      </c>
      <c r="N36" s="6">
        <v>46593</v>
      </c>
      <c r="O36" s="6">
        <v>198</v>
      </c>
      <c r="P36" s="6">
        <v>117345</v>
      </c>
      <c r="Q36" s="6">
        <v>112239</v>
      </c>
      <c r="R36" s="6">
        <v>5106</v>
      </c>
    </row>
    <row r="37" spans="1:18">
      <c r="A37" s="9" t="s">
        <v>56</v>
      </c>
      <c r="B37" s="9" t="s">
        <v>57</v>
      </c>
      <c r="C37" s="9" t="s">
        <v>59</v>
      </c>
      <c r="D37" s="9" t="s">
        <v>349</v>
      </c>
      <c r="E37" s="10" t="s">
        <v>55</v>
      </c>
      <c r="F37" s="10" t="s">
        <v>55</v>
      </c>
      <c r="G37" s="10" t="s">
        <v>55</v>
      </c>
      <c r="H37" s="10" t="s">
        <v>55</v>
      </c>
      <c r="I37" s="10" t="s">
        <v>55</v>
      </c>
      <c r="J37" s="10" t="s">
        <v>55</v>
      </c>
      <c r="K37" s="10" t="s">
        <v>55</v>
      </c>
      <c r="L37" s="10" t="s">
        <v>55</v>
      </c>
      <c r="M37" s="10" t="s">
        <v>55</v>
      </c>
      <c r="N37" s="10" t="s">
        <v>55</v>
      </c>
      <c r="O37" s="10" t="s">
        <v>55</v>
      </c>
      <c r="P37" s="10" t="s">
        <v>55</v>
      </c>
      <c r="Q37" s="10" t="s">
        <v>55</v>
      </c>
      <c r="R37" s="10" t="s">
        <v>55</v>
      </c>
    </row>
    <row r="38" spans="1:18">
      <c r="A38" s="9" t="s">
        <v>56</v>
      </c>
      <c r="B38" s="9" t="s">
        <v>57</v>
      </c>
      <c r="C38" s="9" t="s">
        <v>59</v>
      </c>
      <c r="D38" s="9" t="s">
        <v>351</v>
      </c>
      <c r="E38" s="10" t="s">
        <v>55</v>
      </c>
      <c r="F38" s="10" t="s">
        <v>55</v>
      </c>
      <c r="G38" s="10" t="s">
        <v>55</v>
      </c>
      <c r="H38" s="10" t="s">
        <v>55</v>
      </c>
      <c r="I38" s="10" t="s">
        <v>55</v>
      </c>
      <c r="J38" s="10" t="s">
        <v>55</v>
      </c>
      <c r="K38" s="10" t="s">
        <v>55</v>
      </c>
      <c r="L38" s="10" t="s">
        <v>55</v>
      </c>
      <c r="M38" s="10" t="s">
        <v>55</v>
      </c>
      <c r="N38" s="10" t="s">
        <v>55</v>
      </c>
      <c r="O38" s="10" t="s">
        <v>55</v>
      </c>
      <c r="P38" s="10" t="s">
        <v>55</v>
      </c>
      <c r="Q38" s="10" t="s">
        <v>55</v>
      </c>
      <c r="R38" s="10" t="s">
        <v>55</v>
      </c>
    </row>
    <row r="39" spans="1:18">
      <c r="A39" s="9" t="s">
        <v>56</v>
      </c>
      <c r="B39" s="9" t="s">
        <v>57</v>
      </c>
      <c r="C39" s="9" t="s">
        <v>59</v>
      </c>
      <c r="D39" s="9" t="s">
        <v>362</v>
      </c>
      <c r="E39" s="10" t="s">
        <v>55</v>
      </c>
      <c r="F39" s="10" t="s">
        <v>55</v>
      </c>
      <c r="G39" s="10" t="s">
        <v>55</v>
      </c>
      <c r="H39" s="10" t="s">
        <v>55</v>
      </c>
      <c r="I39" s="10" t="s">
        <v>55</v>
      </c>
      <c r="J39" s="10" t="s">
        <v>55</v>
      </c>
      <c r="K39" s="10" t="s">
        <v>55</v>
      </c>
      <c r="L39" s="10" t="s">
        <v>55</v>
      </c>
      <c r="M39" s="10" t="s">
        <v>55</v>
      </c>
      <c r="N39" s="10" t="s">
        <v>55</v>
      </c>
      <c r="O39" s="10" t="s">
        <v>55</v>
      </c>
      <c r="P39" s="10" t="s">
        <v>55</v>
      </c>
      <c r="Q39" s="10" t="s">
        <v>55</v>
      </c>
      <c r="R39" s="10" t="s">
        <v>55</v>
      </c>
    </row>
    <row r="40" spans="1:18">
      <c r="A40" s="9" t="s">
        <v>56</v>
      </c>
      <c r="B40" s="9" t="s">
        <v>57</v>
      </c>
      <c r="C40" s="9" t="s">
        <v>59</v>
      </c>
      <c r="D40" s="9" t="s">
        <v>369</v>
      </c>
      <c r="E40" s="10" t="s">
        <v>55</v>
      </c>
      <c r="F40" s="10" t="s">
        <v>55</v>
      </c>
      <c r="G40" s="10" t="s">
        <v>55</v>
      </c>
      <c r="H40" s="10" t="s">
        <v>55</v>
      </c>
      <c r="I40" s="10" t="s">
        <v>55</v>
      </c>
      <c r="J40" s="10" t="s">
        <v>55</v>
      </c>
      <c r="K40" s="10" t="s">
        <v>55</v>
      </c>
      <c r="L40" s="10" t="s">
        <v>55</v>
      </c>
      <c r="M40" s="10" t="s">
        <v>55</v>
      </c>
      <c r="N40" s="10" t="s">
        <v>55</v>
      </c>
      <c r="O40" s="10" t="s">
        <v>55</v>
      </c>
      <c r="P40" s="10" t="s">
        <v>55</v>
      </c>
      <c r="Q40" s="10" t="s">
        <v>55</v>
      </c>
      <c r="R40" s="10" t="s">
        <v>55</v>
      </c>
    </row>
    <row r="41" spans="1:18">
      <c r="A41" s="9" t="s">
        <v>56</v>
      </c>
      <c r="B41" s="9" t="s">
        <v>57</v>
      </c>
      <c r="C41" s="9" t="s">
        <v>59</v>
      </c>
      <c r="D41" s="9" t="s">
        <v>386</v>
      </c>
      <c r="E41" s="10" t="s">
        <v>55</v>
      </c>
      <c r="F41" s="10" t="s">
        <v>55</v>
      </c>
      <c r="G41" s="10" t="s">
        <v>55</v>
      </c>
      <c r="H41" s="10" t="s">
        <v>55</v>
      </c>
      <c r="I41" s="10" t="s">
        <v>55</v>
      </c>
      <c r="J41" s="10" t="s">
        <v>55</v>
      </c>
      <c r="K41" s="10" t="s">
        <v>55</v>
      </c>
      <c r="L41" s="10" t="s">
        <v>55</v>
      </c>
      <c r="M41" s="10" t="s">
        <v>55</v>
      </c>
      <c r="N41" s="10" t="s">
        <v>55</v>
      </c>
      <c r="O41" s="10" t="s">
        <v>55</v>
      </c>
      <c r="P41" s="10" t="s">
        <v>55</v>
      </c>
      <c r="Q41" s="10" t="s">
        <v>55</v>
      </c>
      <c r="R41" s="10" t="s">
        <v>55</v>
      </c>
    </row>
    <row r="42" spans="1:18">
      <c r="A42" s="9" t="s">
        <v>56</v>
      </c>
      <c r="B42" s="9" t="s">
        <v>57</v>
      </c>
      <c r="C42" s="9" t="s">
        <v>59</v>
      </c>
      <c r="D42" s="9" t="s">
        <v>387</v>
      </c>
      <c r="E42" s="6">
        <v>117345</v>
      </c>
      <c r="F42" s="6">
        <v>14362</v>
      </c>
      <c r="G42" s="6">
        <v>62767</v>
      </c>
      <c r="H42" s="6">
        <v>39006</v>
      </c>
      <c r="I42" s="6">
        <v>1210</v>
      </c>
      <c r="J42" s="6">
        <v>66217</v>
      </c>
      <c r="K42" s="6">
        <v>54577</v>
      </c>
      <c r="L42" s="6">
        <v>62768</v>
      </c>
      <c r="M42" s="6">
        <v>46791</v>
      </c>
      <c r="N42" s="6">
        <v>46593</v>
      </c>
      <c r="O42" s="6">
        <v>198</v>
      </c>
      <c r="P42" s="6">
        <v>117345</v>
      </c>
      <c r="Q42" s="6">
        <v>112239</v>
      </c>
      <c r="R42" s="6">
        <v>5106</v>
      </c>
    </row>
    <row r="43" spans="1:18">
      <c r="A43" s="9" t="s">
        <v>56</v>
      </c>
      <c r="B43" s="9" t="s">
        <v>57</v>
      </c>
      <c r="C43" s="9" t="s">
        <v>59</v>
      </c>
      <c r="D43" s="9" t="s">
        <v>388</v>
      </c>
      <c r="E43" s="6">
        <v>2727</v>
      </c>
      <c r="F43" s="6">
        <v>265</v>
      </c>
      <c r="G43" s="6">
        <v>1579</v>
      </c>
      <c r="H43" s="6">
        <v>836</v>
      </c>
      <c r="I43" s="6">
        <v>47</v>
      </c>
      <c r="J43" s="6">
        <v>1244</v>
      </c>
      <c r="K43" s="6">
        <v>1420</v>
      </c>
      <c r="L43" s="6">
        <v>1307</v>
      </c>
      <c r="M43" s="6">
        <v>977</v>
      </c>
      <c r="N43" s="6">
        <v>965</v>
      </c>
      <c r="O43" s="6">
        <v>12</v>
      </c>
      <c r="P43" s="6">
        <v>2727</v>
      </c>
      <c r="Q43" s="6">
        <v>2057</v>
      </c>
      <c r="R43" s="6">
        <v>670</v>
      </c>
    </row>
    <row r="44" spans="1:18">
      <c r="A44" s="9" t="s">
        <v>56</v>
      </c>
      <c r="B44" s="9" t="s">
        <v>57</v>
      </c>
      <c r="C44" s="9" t="s">
        <v>59</v>
      </c>
      <c r="D44" s="9" t="s">
        <v>397</v>
      </c>
      <c r="E44" s="6">
        <v>8357</v>
      </c>
      <c r="F44" s="6">
        <v>842</v>
      </c>
      <c r="G44" s="6">
        <v>4201</v>
      </c>
      <c r="H44" s="6">
        <v>3198</v>
      </c>
      <c r="I44" s="6">
        <v>116</v>
      </c>
      <c r="J44" s="6">
        <v>4586</v>
      </c>
      <c r="K44" s="6">
        <v>3779</v>
      </c>
      <c r="L44" s="6">
        <v>4578</v>
      </c>
      <c r="M44" s="6">
        <v>3883</v>
      </c>
      <c r="N44" s="6">
        <v>3863</v>
      </c>
      <c r="O44" s="6">
        <v>20</v>
      </c>
      <c r="P44" s="6">
        <v>8357</v>
      </c>
      <c r="Q44" s="6">
        <v>7838</v>
      </c>
      <c r="R44" s="6">
        <v>519</v>
      </c>
    </row>
    <row r="45" spans="1:18">
      <c r="A45" s="9" t="s">
        <v>56</v>
      </c>
      <c r="B45" s="9" t="s">
        <v>57</v>
      </c>
      <c r="C45" s="9" t="s">
        <v>59</v>
      </c>
      <c r="D45" s="9" t="s">
        <v>404</v>
      </c>
      <c r="E45" s="6">
        <v>55568</v>
      </c>
      <c r="F45" s="6">
        <v>7490</v>
      </c>
      <c r="G45" s="6">
        <v>30489</v>
      </c>
      <c r="H45" s="6">
        <v>16887</v>
      </c>
      <c r="I45" s="6">
        <v>702</v>
      </c>
      <c r="J45" s="6">
        <v>31803</v>
      </c>
      <c r="K45" s="6">
        <v>26107</v>
      </c>
      <c r="L45" s="6">
        <v>29461</v>
      </c>
      <c r="M45" s="6">
        <v>23340</v>
      </c>
      <c r="N45" s="6">
        <v>23291</v>
      </c>
      <c r="O45" s="6">
        <v>49</v>
      </c>
      <c r="P45" s="6">
        <v>55568</v>
      </c>
      <c r="Q45" s="6">
        <v>54327</v>
      </c>
      <c r="R45" s="6">
        <v>1241</v>
      </c>
    </row>
    <row r="46" spans="1:18">
      <c r="A46" s="9" t="s">
        <v>56</v>
      </c>
      <c r="B46" s="9" t="s">
        <v>57</v>
      </c>
      <c r="C46" s="9" t="s">
        <v>59</v>
      </c>
      <c r="D46" s="9" t="s">
        <v>421</v>
      </c>
      <c r="E46" s="6">
        <v>5722</v>
      </c>
      <c r="F46" s="6">
        <v>317</v>
      </c>
      <c r="G46" s="6">
        <v>2279</v>
      </c>
      <c r="H46" s="6">
        <v>3125</v>
      </c>
      <c r="I46" s="6">
        <v>1</v>
      </c>
      <c r="J46" s="6">
        <v>2772</v>
      </c>
      <c r="K46" s="6">
        <v>2721</v>
      </c>
      <c r="L46" s="6">
        <v>3001</v>
      </c>
      <c r="M46" s="6">
        <v>2413</v>
      </c>
      <c r="N46" s="6">
        <v>2403</v>
      </c>
      <c r="O46" s="6">
        <v>10</v>
      </c>
      <c r="P46" s="6">
        <v>5722</v>
      </c>
      <c r="Q46" s="6">
        <v>5588</v>
      </c>
      <c r="R46" s="6">
        <v>134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41" orientation="portrait" r:id="rId1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1B2E8D0-2C52-4CA2-B314-81464C7D0975}">
  <sheetPr>
    <pageSetUpPr fitToPage="1"/>
  </sheetPr>
  <dimension ref="A1:AB631"/>
  <sheetViews>
    <sheetView zoomScaleNormal="100" workbookViewId="0">
      <pane xSplit="10" ySplit="10" topLeftCell="K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97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98</v>
      </c>
      <c r="I11" s="5" t="s">
        <v>6</v>
      </c>
      <c r="J11" s="5" t="s">
        <v>30</v>
      </c>
      <c r="K11" s="6">
        <v>60468842</v>
      </c>
      <c r="L11" s="6">
        <v>36270166</v>
      </c>
      <c r="M11" s="6">
        <v>35613100</v>
      </c>
      <c r="N11" s="6">
        <v>28771244</v>
      </c>
      <c r="O11" s="6">
        <v>5892202</v>
      </c>
      <c r="P11" s="6">
        <v>20614</v>
      </c>
      <c r="Q11" s="6">
        <v>929040</v>
      </c>
      <c r="R11" s="6">
        <v>657066</v>
      </c>
      <c r="S11" s="6">
        <v>19153372</v>
      </c>
      <c r="T11" s="6">
        <v>9284747</v>
      </c>
      <c r="U11" s="6">
        <v>27143</v>
      </c>
      <c r="V11" s="6">
        <v>9841482</v>
      </c>
      <c r="W11" s="6">
        <v>5045304</v>
      </c>
      <c r="X11" s="6">
        <v>30438766</v>
      </c>
      <c r="Y11" s="6">
        <v>25099839</v>
      </c>
      <c r="Z11" s="6">
        <v>4640885</v>
      </c>
      <c r="AA11" s="6">
        <v>18503</v>
      </c>
      <c r="AB11" s="6">
        <v>679539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98</v>
      </c>
      <c r="I12" s="9" t="s">
        <v>6</v>
      </c>
      <c r="J12" s="9" t="s">
        <v>31</v>
      </c>
      <c r="K12" s="6">
        <v>15600</v>
      </c>
      <c r="L12" s="6">
        <v>6457</v>
      </c>
      <c r="M12" s="6">
        <v>5834</v>
      </c>
      <c r="N12" s="6">
        <v>4336</v>
      </c>
      <c r="O12" s="6">
        <v>597</v>
      </c>
      <c r="P12" s="6">
        <v>535</v>
      </c>
      <c r="Q12" s="6">
        <v>366</v>
      </c>
      <c r="R12" s="6">
        <v>623</v>
      </c>
      <c r="S12" s="6">
        <v>5047</v>
      </c>
      <c r="T12" s="6">
        <v>2815</v>
      </c>
      <c r="U12" s="6">
        <v>1798</v>
      </c>
      <c r="V12" s="6">
        <v>434</v>
      </c>
      <c r="W12" s="6">
        <v>4096</v>
      </c>
      <c r="X12" s="6">
        <v>5357</v>
      </c>
      <c r="Y12" s="6">
        <v>4009</v>
      </c>
      <c r="Z12" s="6">
        <v>513</v>
      </c>
      <c r="AA12" s="6">
        <v>518</v>
      </c>
      <c r="AB12" s="6">
        <v>317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98</v>
      </c>
      <c r="I13" s="9" t="s">
        <v>6</v>
      </c>
      <c r="J13" s="9" t="s">
        <v>32</v>
      </c>
      <c r="K13" s="6">
        <v>322747</v>
      </c>
      <c r="L13" s="6">
        <v>196074</v>
      </c>
      <c r="M13" s="6">
        <v>189276</v>
      </c>
      <c r="N13" s="6">
        <v>154814</v>
      </c>
      <c r="O13" s="6">
        <v>19344</v>
      </c>
      <c r="P13" s="6">
        <v>1951</v>
      </c>
      <c r="Q13" s="6">
        <v>13167</v>
      </c>
      <c r="R13" s="6">
        <v>6798</v>
      </c>
      <c r="S13" s="6">
        <v>56251</v>
      </c>
      <c r="T13" s="6">
        <v>51161</v>
      </c>
      <c r="U13" s="6">
        <v>2719</v>
      </c>
      <c r="V13" s="6">
        <v>2371</v>
      </c>
      <c r="W13" s="6">
        <v>70422</v>
      </c>
      <c r="X13" s="6">
        <v>178617</v>
      </c>
      <c r="Y13" s="6">
        <v>147021</v>
      </c>
      <c r="Z13" s="6">
        <v>17055</v>
      </c>
      <c r="AA13" s="6">
        <v>1896</v>
      </c>
      <c r="AB13" s="6">
        <v>12645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98</v>
      </c>
      <c r="I14" s="9" t="s">
        <v>6</v>
      </c>
      <c r="J14" s="9" t="s">
        <v>33</v>
      </c>
      <c r="K14" s="6">
        <v>1702399</v>
      </c>
      <c r="L14" s="6">
        <v>1203583</v>
      </c>
      <c r="M14" s="6">
        <v>1181628</v>
      </c>
      <c r="N14" s="6">
        <v>998957</v>
      </c>
      <c r="O14" s="6">
        <v>98646</v>
      </c>
      <c r="P14" s="6">
        <v>2713</v>
      </c>
      <c r="Q14" s="6">
        <v>81312</v>
      </c>
      <c r="R14" s="6">
        <v>21955</v>
      </c>
      <c r="S14" s="6">
        <v>229741</v>
      </c>
      <c r="T14" s="6">
        <v>219697</v>
      </c>
      <c r="U14" s="6">
        <v>3460</v>
      </c>
      <c r="V14" s="6">
        <v>6584</v>
      </c>
      <c r="W14" s="6">
        <v>269075</v>
      </c>
      <c r="X14" s="6">
        <v>1130338</v>
      </c>
      <c r="Y14" s="6">
        <v>961605</v>
      </c>
      <c r="Z14" s="6">
        <v>86518</v>
      </c>
      <c r="AA14" s="6">
        <v>2596</v>
      </c>
      <c r="AB14" s="6">
        <v>79619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98</v>
      </c>
      <c r="I15" s="9" t="s">
        <v>6</v>
      </c>
      <c r="J15" s="9" t="s">
        <v>34</v>
      </c>
      <c r="K15" s="6">
        <v>3386775</v>
      </c>
      <c r="L15" s="6">
        <v>2432605</v>
      </c>
      <c r="M15" s="6">
        <v>2399504</v>
      </c>
      <c r="N15" s="6">
        <v>2010886</v>
      </c>
      <c r="O15" s="6">
        <v>239242</v>
      </c>
      <c r="P15" s="6">
        <v>4050</v>
      </c>
      <c r="Q15" s="6">
        <v>145326</v>
      </c>
      <c r="R15" s="6">
        <v>33101</v>
      </c>
      <c r="S15" s="6">
        <v>481834</v>
      </c>
      <c r="T15" s="6">
        <v>466574</v>
      </c>
      <c r="U15" s="6">
        <v>4318</v>
      </c>
      <c r="V15" s="6">
        <v>10942</v>
      </c>
      <c r="W15" s="6">
        <v>472336</v>
      </c>
      <c r="X15" s="6">
        <v>2263311</v>
      </c>
      <c r="Y15" s="6">
        <v>1912380</v>
      </c>
      <c r="Z15" s="6">
        <v>205026</v>
      </c>
      <c r="AA15" s="6">
        <v>3879</v>
      </c>
      <c r="AB15" s="6">
        <v>142026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98</v>
      </c>
      <c r="I16" s="9" t="s">
        <v>6</v>
      </c>
      <c r="J16" s="9" t="s">
        <v>35</v>
      </c>
      <c r="K16" s="6">
        <v>4615042</v>
      </c>
      <c r="L16" s="6">
        <v>3407005</v>
      </c>
      <c r="M16" s="6">
        <v>3364452</v>
      </c>
      <c r="N16" s="6">
        <v>2824783</v>
      </c>
      <c r="O16" s="6">
        <v>425718</v>
      </c>
      <c r="P16" s="6">
        <v>2945</v>
      </c>
      <c r="Q16" s="6">
        <v>111006</v>
      </c>
      <c r="R16" s="6">
        <v>42553</v>
      </c>
      <c r="S16" s="6">
        <v>598287</v>
      </c>
      <c r="T16" s="6">
        <v>581334</v>
      </c>
      <c r="U16" s="6">
        <v>3573</v>
      </c>
      <c r="V16" s="6">
        <v>13380</v>
      </c>
      <c r="W16" s="6">
        <v>609750</v>
      </c>
      <c r="X16" s="6">
        <v>3111151</v>
      </c>
      <c r="Y16" s="6">
        <v>2634737</v>
      </c>
      <c r="Z16" s="6">
        <v>367126</v>
      </c>
      <c r="AA16" s="6">
        <v>2739</v>
      </c>
      <c r="AB16" s="6">
        <v>106549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98</v>
      </c>
      <c r="I17" s="9" t="s">
        <v>6</v>
      </c>
      <c r="J17" s="9" t="s">
        <v>36</v>
      </c>
      <c r="K17" s="6">
        <v>5535405</v>
      </c>
      <c r="L17" s="6">
        <v>4286622</v>
      </c>
      <c r="M17" s="6">
        <v>4234185</v>
      </c>
      <c r="N17" s="6">
        <v>3540610</v>
      </c>
      <c r="O17" s="6">
        <v>635137</v>
      </c>
      <c r="P17" s="6">
        <v>2244</v>
      </c>
      <c r="Q17" s="6">
        <v>56194</v>
      </c>
      <c r="R17" s="6">
        <v>52437</v>
      </c>
      <c r="S17" s="6">
        <v>597028</v>
      </c>
      <c r="T17" s="6">
        <v>576772</v>
      </c>
      <c r="U17" s="6">
        <v>2789</v>
      </c>
      <c r="V17" s="6">
        <v>17467</v>
      </c>
      <c r="W17" s="6">
        <v>651755</v>
      </c>
      <c r="X17" s="6">
        <v>3881353</v>
      </c>
      <c r="Y17" s="6">
        <v>3267459</v>
      </c>
      <c r="Z17" s="6">
        <v>560612</v>
      </c>
      <c r="AA17" s="6">
        <v>2025</v>
      </c>
      <c r="AB17" s="6">
        <v>51257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98</v>
      </c>
      <c r="I18" s="9" t="s">
        <v>6</v>
      </c>
      <c r="J18" s="9" t="s">
        <v>37</v>
      </c>
      <c r="K18" s="6">
        <v>6444119</v>
      </c>
      <c r="L18" s="6">
        <v>5145355</v>
      </c>
      <c r="M18" s="6">
        <v>5075949</v>
      </c>
      <c r="N18" s="6">
        <v>4195553</v>
      </c>
      <c r="O18" s="6">
        <v>834460</v>
      </c>
      <c r="P18" s="6">
        <v>1801</v>
      </c>
      <c r="Q18" s="6">
        <v>44135</v>
      </c>
      <c r="R18" s="6">
        <v>69406</v>
      </c>
      <c r="S18" s="6">
        <v>648549</v>
      </c>
      <c r="T18" s="6">
        <v>617233</v>
      </c>
      <c r="U18" s="6">
        <v>2095</v>
      </c>
      <c r="V18" s="6">
        <v>29221</v>
      </c>
      <c r="W18" s="6">
        <v>650215</v>
      </c>
      <c r="X18" s="6">
        <v>4642911</v>
      </c>
      <c r="Y18" s="6">
        <v>3856338</v>
      </c>
      <c r="Z18" s="6">
        <v>747477</v>
      </c>
      <c r="AA18" s="6">
        <v>1622</v>
      </c>
      <c r="AB18" s="6">
        <v>37474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98</v>
      </c>
      <c r="I19" s="9" t="s">
        <v>6</v>
      </c>
      <c r="J19" s="9" t="s">
        <v>38</v>
      </c>
      <c r="K19" s="6">
        <v>5768587</v>
      </c>
      <c r="L19" s="6">
        <v>4637690</v>
      </c>
      <c r="M19" s="6">
        <v>4566198</v>
      </c>
      <c r="N19" s="6">
        <v>3766983</v>
      </c>
      <c r="O19" s="6">
        <v>751926</v>
      </c>
      <c r="P19" s="6">
        <v>1214</v>
      </c>
      <c r="Q19" s="6">
        <v>46075</v>
      </c>
      <c r="R19" s="6">
        <v>71492</v>
      </c>
      <c r="S19" s="6">
        <v>647767</v>
      </c>
      <c r="T19" s="6">
        <v>607713</v>
      </c>
      <c r="U19" s="6">
        <v>1359</v>
      </c>
      <c r="V19" s="6">
        <v>38695</v>
      </c>
      <c r="W19" s="6">
        <v>483130</v>
      </c>
      <c r="X19" s="6">
        <v>4137662</v>
      </c>
      <c r="Y19" s="6">
        <v>3433205</v>
      </c>
      <c r="Z19" s="6">
        <v>665763</v>
      </c>
      <c r="AA19" s="6">
        <v>1033</v>
      </c>
      <c r="AB19" s="6">
        <v>37661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98</v>
      </c>
      <c r="I20" s="9" t="s">
        <v>6</v>
      </c>
      <c r="J20" s="9" t="s">
        <v>39</v>
      </c>
      <c r="K20" s="6">
        <v>5483125</v>
      </c>
      <c r="L20" s="6">
        <v>4384684</v>
      </c>
      <c r="M20" s="6">
        <v>4306727</v>
      </c>
      <c r="N20" s="6">
        <v>3576705</v>
      </c>
      <c r="O20" s="6">
        <v>675960</v>
      </c>
      <c r="P20" s="6">
        <v>843</v>
      </c>
      <c r="Q20" s="6">
        <v>53219</v>
      </c>
      <c r="R20" s="6">
        <v>77957</v>
      </c>
      <c r="S20" s="6">
        <v>780382</v>
      </c>
      <c r="T20" s="6">
        <v>713303</v>
      </c>
      <c r="U20" s="6">
        <v>1101</v>
      </c>
      <c r="V20" s="6">
        <v>65978</v>
      </c>
      <c r="W20" s="6">
        <v>318059</v>
      </c>
      <c r="X20" s="6">
        <v>3842424</v>
      </c>
      <c r="Y20" s="6">
        <v>3223908</v>
      </c>
      <c r="Z20" s="6">
        <v>575398</v>
      </c>
      <c r="AA20" s="6">
        <v>702</v>
      </c>
      <c r="AB20" s="6">
        <v>42416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98</v>
      </c>
      <c r="I21" s="9" t="s">
        <v>6</v>
      </c>
      <c r="J21" s="9" t="s">
        <v>40</v>
      </c>
      <c r="K21" s="6">
        <v>5349388</v>
      </c>
      <c r="L21" s="6">
        <v>3847942</v>
      </c>
      <c r="M21" s="6">
        <v>3739069</v>
      </c>
      <c r="N21" s="6">
        <v>3038606</v>
      </c>
      <c r="O21" s="6">
        <v>638449</v>
      </c>
      <c r="P21" s="6">
        <v>679</v>
      </c>
      <c r="Q21" s="6">
        <v>61335</v>
      </c>
      <c r="R21" s="6">
        <v>108873</v>
      </c>
      <c r="S21" s="6">
        <v>1291117</v>
      </c>
      <c r="T21" s="6">
        <v>990011</v>
      </c>
      <c r="U21" s="6">
        <v>1083</v>
      </c>
      <c r="V21" s="6">
        <v>300023</v>
      </c>
      <c r="W21" s="6">
        <v>210329</v>
      </c>
      <c r="X21" s="6">
        <v>3163750</v>
      </c>
      <c r="Y21" s="6">
        <v>2616781</v>
      </c>
      <c r="Z21" s="6">
        <v>502597</v>
      </c>
      <c r="AA21" s="6">
        <v>549</v>
      </c>
      <c r="AB21" s="6">
        <v>43823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98</v>
      </c>
      <c r="I22" s="9" t="s">
        <v>6</v>
      </c>
      <c r="J22" s="9" t="s">
        <v>41</v>
      </c>
      <c r="K22" s="6">
        <v>5934516</v>
      </c>
      <c r="L22" s="6">
        <v>3035873</v>
      </c>
      <c r="M22" s="6">
        <v>2940171</v>
      </c>
      <c r="N22" s="6">
        <v>2190017</v>
      </c>
      <c r="O22" s="6">
        <v>662221</v>
      </c>
      <c r="P22" s="6">
        <v>630</v>
      </c>
      <c r="Q22" s="6">
        <v>87303</v>
      </c>
      <c r="R22" s="6">
        <v>95702</v>
      </c>
      <c r="S22" s="6">
        <v>2683496</v>
      </c>
      <c r="T22" s="6">
        <v>1392096</v>
      </c>
      <c r="U22" s="6">
        <v>803</v>
      </c>
      <c r="V22" s="6">
        <v>1290597</v>
      </c>
      <c r="W22" s="6">
        <v>215147</v>
      </c>
      <c r="X22" s="6">
        <v>2152427</v>
      </c>
      <c r="Y22" s="6">
        <v>1644167</v>
      </c>
      <c r="Z22" s="6">
        <v>458409</v>
      </c>
      <c r="AA22" s="6">
        <v>450</v>
      </c>
      <c r="AB22" s="6">
        <v>49401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98</v>
      </c>
      <c r="I23" s="9" t="s">
        <v>6</v>
      </c>
      <c r="J23" s="9" t="s">
        <v>42</v>
      </c>
      <c r="K23" s="6">
        <v>6463632</v>
      </c>
      <c r="L23" s="6">
        <v>2239846</v>
      </c>
      <c r="M23" s="6">
        <v>2190114</v>
      </c>
      <c r="N23" s="6">
        <v>1542733</v>
      </c>
      <c r="O23" s="6">
        <v>542806</v>
      </c>
      <c r="P23" s="6">
        <v>460</v>
      </c>
      <c r="Q23" s="6">
        <v>104115</v>
      </c>
      <c r="R23" s="6">
        <v>49732</v>
      </c>
      <c r="S23" s="6">
        <v>3904990</v>
      </c>
      <c r="T23" s="6">
        <v>1471823</v>
      </c>
      <c r="U23" s="6">
        <v>796</v>
      </c>
      <c r="V23" s="6">
        <v>2432371</v>
      </c>
      <c r="W23" s="6">
        <v>318796</v>
      </c>
      <c r="X23" s="6">
        <v>1344450</v>
      </c>
      <c r="Y23" s="6">
        <v>981802</v>
      </c>
      <c r="Z23" s="6">
        <v>316461</v>
      </c>
      <c r="AA23" s="6">
        <v>277</v>
      </c>
      <c r="AB23" s="6">
        <v>45910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98</v>
      </c>
      <c r="I24" s="9" t="s">
        <v>6</v>
      </c>
      <c r="J24" s="9" t="s">
        <v>43</v>
      </c>
      <c r="K24" s="6">
        <v>4607291</v>
      </c>
      <c r="L24" s="6">
        <v>938455</v>
      </c>
      <c r="M24" s="6">
        <v>919782</v>
      </c>
      <c r="N24" s="6">
        <v>611565</v>
      </c>
      <c r="O24" s="6">
        <v>240781</v>
      </c>
      <c r="P24" s="6">
        <v>294</v>
      </c>
      <c r="Q24" s="6">
        <v>67142</v>
      </c>
      <c r="R24" s="6">
        <v>18673</v>
      </c>
      <c r="S24" s="6">
        <v>3327894</v>
      </c>
      <c r="T24" s="6">
        <v>918166</v>
      </c>
      <c r="U24" s="6">
        <v>618</v>
      </c>
      <c r="V24" s="6">
        <v>2409110</v>
      </c>
      <c r="W24" s="6">
        <v>340942</v>
      </c>
      <c r="X24" s="6">
        <v>431487</v>
      </c>
      <c r="Y24" s="6">
        <v>308368</v>
      </c>
      <c r="Z24" s="6">
        <v>103333</v>
      </c>
      <c r="AA24" s="6">
        <v>127</v>
      </c>
      <c r="AB24" s="6">
        <v>19659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98</v>
      </c>
      <c r="I25" s="9" t="s">
        <v>6</v>
      </c>
      <c r="J25" s="9" t="s">
        <v>44</v>
      </c>
      <c r="K25" s="6">
        <v>2944843</v>
      </c>
      <c r="L25" s="6">
        <v>372797</v>
      </c>
      <c r="M25" s="6">
        <v>366910</v>
      </c>
      <c r="N25" s="6">
        <v>233454</v>
      </c>
      <c r="O25" s="6">
        <v>94587</v>
      </c>
      <c r="P25" s="6">
        <v>171</v>
      </c>
      <c r="Q25" s="6">
        <v>38698</v>
      </c>
      <c r="R25" s="6">
        <v>5887</v>
      </c>
      <c r="S25" s="6">
        <v>2304675</v>
      </c>
      <c r="T25" s="6">
        <v>471771</v>
      </c>
      <c r="U25" s="6">
        <v>421</v>
      </c>
      <c r="V25" s="6">
        <v>1832483</v>
      </c>
      <c r="W25" s="6">
        <v>267371</v>
      </c>
      <c r="X25" s="6">
        <v>118543</v>
      </c>
      <c r="Y25" s="6">
        <v>83718</v>
      </c>
      <c r="Z25" s="6">
        <v>27275</v>
      </c>
      <c r="AA25" s="6">
        <v>62</v>
      </c>
      <c r="AB25" s="6">
        <v>7488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98</v>
      </c>
      <c r="I26" s="9" t="s">
        <v>6</v>
      </c>
      <c r="J26" s="9" t="s">
        <v>45</v>
      </c>
      <c r="K26" s="6">
        <v>1446735</v>
      </c>
      <c r="L26" s="6">
        <v>114213</v>
      </c>
      <c r="M26" s="6">
        <v>112657</v>
      </c>
      <c r="N26" s="6">
        <v>69120</v>
      </c>
      <c r="O26" s="6">
        <v>27596</v>
      </c>
      <c r="P26" s="6">
        <v>67</v>
      </c>
      <c r="Q26" s="6">
        <v>15874</v>
      </c>
      <c r="R26" s="6">
        <v>1556</v>
      </c>
      <c r="S26" s="6">
        <v>1202595</v>
      </c>
      <c r="T26" s="6">
        <v>171342</v>
      </c>
      <c r="U26" s="6">
        <v>153</v>
      </c>
      <c r="V26" s="6">
        <v>1031100</v>
      </c>
      <c r="W26" s="6">
        <v>129927</v>
      </c>
      <c r="X26" s="6">
        <v>29683</v>
      </c>
      <c r="Y26" s="6">
        <v>20705</v>
      </c>
      <c r="Z26" s="6">
        <v>6299</v>
      </c>
      <c r="AA26" s="6">
        <v>21</v>
      </c>
      <c r="AB26" s="6">
        <v>2658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98</v>
      </c>
      <c r="I27" s="9" t="s">
        <v>6</v>
      </c>
      <c r="J27" s="9" t="s">
        <v>46</v>
      </c>
      <c r="K27" s="6">
        <v>397903</v>
      </c>
      <c r="L27" s="6">
        <v>19586</v>
      </c>
      <c r="M27" s="6">
        <v>19291</v>
      </c>
      <c r="N27" s="6">
        <v>11300</v>
      </c>
      <c r="O27" s="6">
        <v>4481</v>
      </c>
      <c r="P27" s="6">
        <v>16</v>
      </c>
      <c r="Q27" s="6">
        <v>3494</v>
      </c>
      <c r="R27" s="6">
        <v>295</v>
      </c>
      <c r="S27" s="6">
        <v>347695</v>
      </c>
      <c r="T27" s="6">
        <v>30560</v>
      </c>
      <c r="U27" s="6">
        <v>49</v>
      </c>
      <c r="V27" s="6">
        <v>317086</v>
      </c>
      <c r="W27" s="6">
        <v>30622</v>
      </c>
      <c r="X27" s="6">
        <v>4896</v>
      </c>
      <c r="Y27" s="6">
        <v>3342</v>
      </c>
      <c r="Z27" s="6">
        <v>973</v>
      </c>
      <c r="AA27" s="6">
        <v>6</v>
      </c>
      <c r="AB27" s="6">
        <v>575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98</v>
      </c>
      <c r="I28" s="9" t="s">
        <v>6</v>
      </c>
      <c r="J28" s="9" t="s">
        <v>47</v>
      </c>
      <c r="K28" s="6">
        <v>50735</v>
      </c>
      <c r="L28" s="6">
        <v>1379</v>
      </c>
      <c r="M28" s="6">
        <v>1353</v>
      </c>
      <c r="N28" s="6">
        <v>822</v>
      </c>
      <c r="O28" s="6">
        <v>251</v>
      </c>
      <c r="P28" s="6">
        <v>1</v>
      </c>
      <c r="Q28" s="6">
        <v>279</v>
      </c>
      <c r="R28" s="6">
        <v>26</v>
      </c>
      <c r="S28" s="6">
        <v>46024</v>
      </c>
      <c r="T28" s="6">
        <v>2376</v>
      </c>
      <c r="U28" s="6">
        <v>8</v>
      </c>
      <c r="V28" s="6">
        <v>43640</v>
      </c>
      <c r="W28" s="6">
        <v>3332</v>
      </c>
      <c r="X28" s="6">
        <v>406</v>
      </c>
      <c r="Y28" s="6">
        <v>294</v>
      </c>
      <c r="Z28" s="6">
        <v>50</v>
      </c>
      <c r="AA28" s="6">
        <v>1</v>
      </c>
      <c r="AB28" s="6">
        <v>61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98</v>
      </c>
      <c r="I29" s="9" t="s">
        <v>6</v>
      </c>
      <c r="J29" s="9" t="s">
        <v>48</v>
      </c>
      <c r="K29" s="6">
        <v>38623187</v>
      </c>
      <c r="L29" s="6">
        <v>29548017</v>
      </c>
      <c r="M29" s="6">
        <v>29062822</v>
      </c>
      <c r="N29" s="6">
        <v>24112233</v>
      </c>
      <c r="O29" s="6">
        <v>4319479</v>
      </c>
      <c r="P29" s="6">
        <v>18975</v>
      </c>
      <c r="Q29" s="6">
        <v>612135</v>
      </c>
      <c r="R29" s="6">
        <v>485195</v>
      </c>
      <c r="S29" s="6">
        <v>5336003</v>
      </c>
      <c r="T29" s="6">
        <v>4826613</v>
      </c>
      <c r="U29" s="6">
        <v>24295</v>
      </c>
      <c r="V29" s="6">
        <v>485095</v>
      </c>
      <c r="W29" s="6">
        <v>3739167</v>
      </c>
      <c r="X29" s="6">
        <v>26356874</v>
      </c>
      <c r="Y29" s="6">
        <v>22057443</v>
      </c>
      <c r="Z29" s="6">
        <v>3728085</v>
      </c>
      <c r="AA29" s="6">
        <v>17559</v>
      </c>
      <c r="AB29" s="6">
        <v>553787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98</v>
      </c>
      <c r="I30" s="9" t="s">
        <v>6</v>
      </c>
      <c r="J30" s="9" t="s">
        <v>49</v>
      </c>
      <c r="K30" s="6">
        <v>21845655</v>
      </c>
      <c r="L30" s="6">
        <v>6722149</v>
      </c>
      <c r="M30" s="6">
        <v>6550278</v>
      </c>
      <c r="N30" s="6">
        <v>4659011</v>
      </c>
      <c r="O30" s="6">
        <v>1572723</v>
      </c>
      <c r="P30" s="6">
        <v>1639</v>
      </c>
      <c r="Q30" s="6">
        <v>316905</v>
      </c>
      <c r="R30" s="6">
        <v>171871</v>
      </c>
      <c r="S30" s="6">
        <v>13817369</v>
      </c>
      <c r="T30" s="6">
        <v>4458134</v>
      </c>
      <c r="U30" s="6">
        <v>2848</v>
      </c>
      <c r="V30" s="6">
        <v>9356387</v>
      </c>
      <c r="W30" s="6">
        <v>1306137</v>
      </c>
      <c r="X30" s="6">
        <v>4081892</v>
      </c>
      <c r="Y30" s="6">
        <v>3042396</v>
      </c>
      <c r="Z30" s="6">
        <v>912800</v>
      </c>
      <c r="AA30" s="6">
        <v>944</v>
      </c>
      <c r="AB30" s="6">
        <v>125752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98</v>
      </c>
      <c r="I31" s="9" t="s">
        <v>6</v>
      </c>
      <c r="J31" s="9" t="s">
        <v>50</v>
      </c>
      <c r="K31" s="6">
        <v>9447507</v>
      </c>
      <c r="L31" s="6">
        <v>1446430</v>
      </c>
      <c r="M31" s="6">
        <v>1419993</v>
      </c>
      <c r="N31" s="6">
        <v>926261</v>
      </c>
      <c r="O31" s="6">
        <v>367696</v>
      </c>
      <c r="P31" s="6">
        <v>549</v>
      </c>
      <c r="Q31" s="6">
        <v>125487</v>
      </c>
      <c r="R31" s="6">
        <v>26437</v>
      </c>
      <c r="S31" s="6">
        <v>7228883</v>
      </c>
      <c r="T31" s="6">
        <v>1594215</v>
      </c>
      <c r="U31" s="6">
        <v>1249</v>
      </c>
      <c r="V31" s="6">
        <v>5633419</v>
      </c>
      <c r="W31" s="6">
        <v>772194</v>
      </c>
      <c r="X31" s="6">
        <v>585015</v>
      </c>
      <c r="Y31" s="6">
        <v>416427</v>
      </c>
      <c r="Z31" s="6">
        <v>137930</v>
      </c>
      <c r="AA31" s="6">
        <v>217</v>
      </c>
      <c r="AB31" s="6">
        <v>30441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98</v>
      </c>
      <c r="I32" s="9" t="s">
        <v>6</v>
      </c>
      <c r="J32" s="9" t="s">
        <v>51</v>
      </c>
      <c r="K32" s="6">
        <v>1895373</v>
      </c>
      <c r="L32" s="6">
        <v>135178</v>
      </c>
      <c r="M32" s="6">
        <v>133301</v>
      </c>
      <c r="N32" s="6">
        <v>81242</v>
      </c>
      <c r="O32" s="6">
        <v>32328</v>
      </c>
      <c r="P32" s="6">
        <v>84</v>
      </c>
      <c r="Q32" s="6">
        <v>19647</v>
      </c>
      <c r="R32" s="6">
        <v>1877</v>
      </c>
      <c r="S32" s="6">
        <v>1596314</v>
      </c>
      <c r="T32" s="6">
        <v>204278</v>
      </c>
      <c r="U32" s="6">
        <v>210</v>
      </c>
      <c r="V32" s="6">
        <v>1391826</v>
      </c>
      <c r="W32" s="6">
        <v>163881</v>
      </c>
      <c r="X32" s="6">
        <v>34985</v>
      </c>
      <c r="Y32" s="6">
        <v>24341</v>
      </c>
      <c r="Z32" s="6">
        <v>7322</v>
      </c>
      <c r="AA32" s="6">
        <v>28</v>
      </c>
      <c r="AB32" s="6">
        <v>3294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98</v>
      </c>
      <c r="I33" s="9" t="s">
        <v>6</v>
      </c>
      <c r="J33" s="9" t="s">
        <v>52</v>
      </c>
      <c r="K33" s="6">
        <v>44542103</v>
      </c>
      <c r="L33" s="6">
        <v>32577433</v>
      </c>
      <c r="M33" s="6">
        <v>31997159</v>
      </c>
      <c r="N33" s="6">
        <v>26297914</v>
      </c>
      <c r="O33" s="6">
        <v>4981103</v>
      </c>
      <c r="P33" s="6">
        <v>19070</v>
      </c>
      <c r="Q33" s="6">
        <v>699072</v>
      </c>
      <c r="R33" s="6">
        <v>580274</v>
      </c>
      <c r="S33" s="6">
        <v>8014452</v>
      </c>
      <c r="T33" s="6">
        <v>6215894</v>
      </c>
      <c r="U33" s="6">
        <v>23300</v>
      </c>
      <c r="V33" s="6">
        <v>1775258</v>
      </c>
      <c r="W33" s="6">
        <v>3950218</v>
      </c>
      <c r="X33" s="6">
        <v>28503944</v>
      </c>
      <c r="Y33" s="6">
        <v>23697601</v>
      </c>
      <c r="Z33" s="6">
        <v>4185981</v>
      </c>
      <c r="AA33" s="6">
        <v>17491</v>
      </c>
      <c r="AB33" s="6">
        <v>602871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98</v>
      </c>
      <c r="I34" s="9" t="s">
        <v>53</v>
      </c>
      <c r="J34" s="9" t="s">
        <v>30</v>
      </c>
      <c r="K34" s="6">
        <v>30137936</v>
      </c>
      <c r="L34" s="6">
        <v>20635062</v>
      </c>
      <c r="M34" s="6">
        <v>20247736</v>
      </c>
      <c r="N34" s="6">
        <v>19358412</v>
      </c>
      <c r="O34" s="6">
        <v>479527</v>
      </c>
      <c r="P34" s="6">
        <v>10002</v>
      </c>
      <c r="Q34" s="6">
        <v>399795</v>
      </c>
      <c r="R34" s="6">
        <v>387326</v>
      </c>
      <c r="S34" s="6">
        <v>7027759</v>
      </c>
      <c r="T34" s="6">
        <v>962993</v>
      </c>
      <c r="U34" s="6">
        <v>10731</v>
      </c>
      <c r="V34" s="6">
        <v>6054035</v>
      </c>
      <c r="W34" s="6">
        <v>2475115</v>
      </c>
      <c r="X34" s="6">
        <v>17106781</v>
      </c>
      <c r="Y34" s="6">
        <v>16607775</v>
      </c>
      <c r="Z34" s="6">
        <v>281020</v>
      </c>
      <c r="AA34" s="6">
        <v>9077</v>
      </c>
      <c r="AB34" s="6">
        <v>208909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98</v>
      </c>
      <c r="I35" s="9" t="s">
        <v>53</v>
      </c>
      <c r="J35" s="9" t="s">
        <v>31</v>
      </c>
      <c r="K35" s="6">
        <v>6466</v>
      </c>
      <c r="L35" s="6">
        <v>3681</v>
      </c>
      <c r="M35" s="6">
        <v>3341</v>
      </c>
      <c r="N35" s="6">
        <v>2871</v>
      </c>
      <c r="O35" s="6">
        <v>59</v>
      </c>
      <c r="P35" s="6">
        <v>322</v>
      </c>
      <c r="Q35" s="6">
        <v>89</v>
      </c>
      <c r="R35" s="6">
        <v>340</v>
      </c>
      <c r="S35" s="6">
        <v>1388</v>
      </c>
      <c r="T35" s="6">
        <v>74</v>
      </c>
      <c r="U35" s="6">
        <v>1102</v>
      </c>
      <c r="V35" s="6">
        <v>212</v>
      </c>
      <c r="W35" s="6">
        <v>1397</v>
      </c>
      <c r="X35" s="6">
        <v>3076</v>
      </c>
      <c r="Y35" s="6">
        <v>2644</v>
      </c>
      <c r="Z35" s="6">
        <v>49</v>
      </c>
      <c r="AA35" s="6">
        <v>315</v>
      </c>
      <c r="AB35" s="6">
        <v>68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98</v>
      </c>
      <c r="I36" s="9" t="s">
        <v>53</v>
      </c>
      <c r="J36" s="9" t="s">
        <v>32</v>
      </c>
      <c r="K36" s="6">
        <v>127206</v>
      </c>
      <c r="L36" s="6">
        <v>98150</v>
      </c>
      <c r="M36" s="6">
        <v>95388</v>
      </c>
      <c r="N36" s="6">
        <v>92488</v>
      </c>
      <c r="O36" s="6">
        <v>713</v>
      </c>
      <c r="P36" s="6">
        <v>1058</v>
      </c>
      <c r="Q36" s="6">
        <v>1129</v>
      </c>
      <c r="R36" s="6">
        <v>2762</v>
      </c>
      <c r="S36" s="6">
        <v>2467</v>
      </c>
      <c r="T36" s="6">
        <v>471</v>
      </c>
      <c r="U36" s="6">
        <v>1351</v>
      </c>
      <c r="V36" s="6">
        <v>645</v>
      </c>
      <c r="W36" s="6">
        <v>26589</v>
      </c>
      <c r="X36" s="6">
        <v>89280</v>
      </c>
      <c r="Y36" s="6">
        <v>86727</v>
      </c>
      <c r="Z36" s="6">
        <v>599</v>
      </c>
      <c r="AA36" s="6">
        <v>1030</v>
      </c>
      <c r="AB36" s="6">
        <v>924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98</v>
      </c>
      <c r="I37" s="9" t="s">
        <v>53</v>
      </c>
      <c r="J37" s="9" t="s">
        <v>33</v>
      </c>
      <c r="K37" s="6">
        <v>723766</v>
      </c>
      <c r="L37" s="6">
        <v>607638</v>
      </c>
      <c r="M37" s="6">
        <v>600463</v>
      </c>
      <c r="N37" s="6">
        <v>590673</v>
      </c>
      <c r="O37" s="6">
        <v>3015</v>
      </c>
      <c r="P37" s="6">
        <v>1372</v>
      </c>
      <c r="Q37" s="6">
        <v>5403</v>
      </c>
      <c r="R37" s="6">
        <v>7175</v>
      </c>
      <c r="S37" s="6">
        <v>4600</v>
      </c>
      <c r="T37" s="6">
        <v>1714</v>
      </c>
      <c r="U37" s="6">
        <v>1440</v>
      </c>
      <c r="V37" s="6">
        <v>1446</v>
      </c>
      <c r="W37" s="6">
        <v>111528</v>
      </c>
      <c r="X37" s="6">
        <v>573137</v>
      </c>
      <c r="Y37" s="6">
        <v>564473</v>
      </c>
      <c r="Z37" s="6">
        <v>2488</v>
      </c>
      <c r="AA37" s="6">
        <v>1317</v>
      </c>
      <c r="AB37" s="6">
        <v>4859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98</v>
      </c>
      <c r="I38" s="9" t="s">
        <v>53</v>
      </c>
      <c r="J38" s="9" t="s">
        <v>34</v>
      </c>
      <c r="K38" s="6">
        <v>1544254</v>
      </c>
      <c r="L38" s="6">
        <v>1324420</v>
      </c>
      <c r="M38" s="6">
        <v>1312120</v>
      </c>
      <c r="N38" s="6">
        <v>1292100</v>
      </c>
      <c r="O38" s="6">
        <v>6302</v>
      </c>
      <c r="P38" s="6">
        <v>2475</v>
      </c>
      <c r="Q38" s="6">
        <v>11243</v>
      </c>
      <c r="R38" s="6">
        <v>12300</v>
      </c>
      <c r="S38" s="6">
        <v>8035</v>
      </c>
      <c r="T38" s="6">
        <v>3568</v>
      </c>
      <c r="U38" s="6">
        <v>1753</v>
      </c>
      <c r="V38" s="6">
        <v>2714</v>
      </c>
      <c r="W38" s="6">
        <v>211799</v>
      </c>
      <c r="X38" s="6">
        <v>1241287</v>
      </c>
      <c r="Y38" s="6">
        <v>1223782</v>
      </c>
      <c r="Z38" s="6">
        <v>4958</v>
      </c>
      <c r="AA38" s="6">
        <v>2398</v>
      </c>
      <c r="AB38" s="6">
        <v>10149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98</v>
      </c>
      <c r="I39" s="9" t="s">
        <v>53</v>
      </c>
      <c r="J39" s="9" t="s">
        <v>35</v>
      </c>
      <c r="K39" s="6">
        <v>2167352</v>
      </c>
      <c r="L39" s="6">
        <v>1869848</v>
      </c>
      <c r="M39" s="6">
        <v>1853186</v>
      </c>
      <c r="N39" s="6">
        <v>1830457</v>
      </c>
      <c r="O39" s="6">
        <v>7985</v>
      </c>
      <c r="P39" s="6">
        <v>1520</v>
      </c>
      <c r="Q39" s="6">
        <v>13224</v>
      </c>
      <c r="R39" s="6">
        <v>16662</v>
      </c>
      <c r="S39" s="6">
        <v>10660</v>
      </c>
      <c r="T39" s="6">
        <v>5158</v>
      </c>
      <c r="U39" s="6">
        <v>1157</v>
      </c>
      <c r="V39" s="6">
        <v>4345</v>
      </c>
      <c r="W39" s="6">
        <v>286844</v>
      </c>
      <c r="X39" s="6">
        <v>1713434</v>
      </c>
      <c r="Y39" s="6">
        <v>1695085</v>
      </c>
      <c r="Z39" s="6">
        <v>5685</v>
      </c>
      <c r="AA39" s="6">
        <v>1435</v>
      </c>
      <c r="AB39" s="6">
        <v>11229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98</v>
      </c>
      <c r="I40" s="9" t="s">
        <v>53</v>
      </c>
      <c r="J40" s="9" t="s">
        <v>36</v>
      </c>
      <c r="K40" s="6">
        <v>2654875</v>
      </c>
      <c r="L40" s="6">
        <v>2323557</v>
      </c>
      <c r="M40" s="6">
        <v>2302651</v>
      </c>
      <c r="N40" s="6">
        <v>2277219</v>
      </c>
      <c r="O40" s="6">
        <v>9638</v>
      </c>
      <c r="P40" s="6">
        <v>812</v>
      </c>
      <c r="Q40" s="6">
        <v>14982</v>
      </c>
      <c r="R40" s="6">
        <v>20906</v>
      </c>
      <c r="S40" s="6">
        <v>15715</v>
      </c>
      <c r="T40" s="6">
        <v>7220</v>
      </c>
      <c r="U40" s="6">
        <v>706</v>
      </c>
      <c r="V40" s="6">
        <v>7789</v>
      </c>
      <c r="W40" s="6">
        <v>315603</v>
      </c>
      <c r="X40" s="6">
        <v>2097294</v>
      </c>
      <c r="Y40" s="6">
        <v>2078208</v>
      </c>
      <c r="Z40" s="6">
        <v>6394</v>
      </c>
      <c r="AA40" s="6">
        <v>726</v>
      </c>
      <c r="AB40" s="6">
        <v>11966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98</v>
      </c>
      <c r="I41" s="9" t="s">
        <v>53</v>
      </c>
      <c r="J41" s="9" t="s">
        <v>37</v>
      </c>
      <c r="K41" s="6">
        <v>3113037</v>
      </c>
      <c r="L41" s="6">
        <v>2767152</v>
      </c>
      <c r="M41" s="6">
        <v>2739018</v>
      </c>
      <c r="N41" s="6">
        <v>2708699</v>
      </c>
      <c r="O41" s="6">
        <v>10807</v>
      </c>
      <c r="P41" s="6">
        <v>527</v>
      </c>
      <c r="Q41" s="6">
        <v>18985</v>
      </c>
      <c r="R41" s="6">
        <v>28134</v>
      </c>
      <c r="S41" s="6">
        <v>25807</v>
      </c>
      <c r="T41" s="6">
        <v>10421</v>
      </c>
      <c r="U41" s="6">
        <v>550</v>
      </c>
      <c r="V41" s="6">
        <v>14836</v>
      </c>
      <c r="W41" s="6">
        <v>320078</v>
      </c>
      <c r="X41" s="6">
        <v>2480531</v>
      </c>
      <c r="Y41" s="6">
        <v>2458855</v>
      </c>
      <c r="Z41" s="6">
        <v>6800</v>
      </c>
      <c r="AA41" s="6">
        <v>473</v>
      </c>
      <c r="AB41" s="6">
        <v>14403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98</v>
      </c>
      <c r="I42" s="9" t="s">
        <v>53</v>
      </c>
      <c r="J42" s="9" t="s">
        <v>38</v>
      </c>
      <c r="K42" s="6">
        <v>2792562</v>
      </c>
      <c r="L42" s="6">
        <v>2511848</v>
      </c>
      <c r="M42" s="6">
        <v>2479356</v>
      </c>
      <c r="N42" s="6">
        <v>2446424</v>
      </c>
      <c r="O42" s="6">
        <v>10631</v>
      </c>
      <c r="P42" s="6">
        <v>393</v>
      </c>
      <c r="Q42" s="6">
        <v>21908</v>
      </c>
      <c r="R42" s="6">
        <v>32492</v>
      </c>
      <c r="S42" s="6">
        <v>33443</v>
      </c>
      <c r="T42" s="6">
        <v>12797</v>
      </c>
      <c r="U42" s="6">
        <v>393</v>
      </c>
      <c r="V42" s="6">
        <v>20253</v>
      </c>
      <c r="W42" s="6">
        <v>247271</v>
      </c>
      <c r="X42" s="6">
        <v>2226820</v>
      </c>
      <c r="Y42" s="6">
        <v>2204420</v>
      </c>
      <c r="Z42" s="6">
        <v>6180</v>
      </c>
      <c r="AA42" s="6">
        <v>327</v>
      </c>
      <c r="AB42" s="6">
        <v>15893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98</v>
      </c>
      <c r="I43" s="9" t="s">
        <v>53</v>
      </c>
      <c r="J43" s="9" t="s">
        <v>39</v>
      </c>
      <c r="K43" s="6">
        <v>2668672</v>
      </c>
      <c r="L43" s="6">
        <v>2446000</v>
      </c>
      <c r="M43" s="6">
        <v>2402682</v>
      </c>
      <c r="N43" s="6">
        <v>2360573</v>
      </c>
      <c r="O43" s="6">
        <v>13288</v>
      </c>
      <c r="P43" s="6">
        <v>291</v>
      </c>
      <c r="Q43" s="6">
        <v>28530</v>
      </c>
      <c r="R43" s="6">
        <v>43318</v>
      </c>
      <c r="S43" s="6">
        <v>53383</v>
      </c>
      <c r="T43" s="6">
        <v>18875</v>
      </c>
      <c r="U43" s="6">
        <v>425</v>
      </c>
      <c r="V43" s="6">
        <v>34083</v>
      </c>
      <c r="W43" s="6">
        <v>169289</v>
      </c>
      <c r="X43" s="6">
        <v>2138198</v>
      </c>
      <c r="Y43" s="6">
        <v>2109958</v>
      </c>
      <c r="Z43" s="6">
        <v>7438</v>
      </c>
      <c r="AA43" s="6">
        <v>249</v>
      </c>
      <c r="AB43" s="6">
        <v>20553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98</v>
      </c>
      <c r="I44" s="9" t="s">
        <v>53</v>
      </c>
      <c r="J44" s="9" t="s">
        <v>40</v>
      </c>
      <c r="K44" s="6">
        <v>2613155</v>
      </c>
      <c r="L44" s="6">
        <v>2276204</v>
      </c>
      <c r="M44" s="6">
        <v>2198955</v>
      </c>
      <c r="N44" s="6">
        <v>2123457</v>
      </c>
      <c r="O44" s="6">
        <v>37476</v>
      </c>
      <c r="P44" s="6">
        <v>324</v>
      </c>
      <c r="Q44" s="6">
        <v>37698</v>
      </c>
      <c r="R44" s="6">
        <v>77249</v>
      </c>
      <c r="S44" s="6">
        <v>226061</v>
      </c>
      <c r="T44" s="6">
        <v>63636</v>
      </c>
      <c r="U44" s="6">
        <v>640</v>
      </c>
      <c r="V44" s="6">
        <v>161785</v>
      </c>
      <c r="W44" s="6">
        <v>110890</v>
      </c>
      <c r="X44" s="6">
        <v>1864850</v>
      </c>
      <c r="Y44" s="6">
        <v>1816618</v>
      </c>
      <c r="Z44" s="6">
        <v>24006</v>
      </c>
      <c r="AA44" s="6">
        <v>265</v>
      </c>
      <c r="AB44" s="6">
        <v>23961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98</v>
      </c>
      <c r="I45" s="9" t="s">
        <v>53</v>
      </c>
      <c r="J45" s="9" t="s">
        <v>41</v>
      </c>
      <c r="K45" s="6">
        <v>2937986</v>
      </c>
      <c r="L45" s="6">
        <v>1906044</v>
      </c>
      <c r="M45" s="6">
        <v>1825391</v>
      </c>
      <c r="N45" s="6">
        <v>1647573</v>
      </c>
      <c r="O45" s="6">
        <v>112489</v>
      </c>
      <c r="P45" s="6">
        <v>343</v>
      </c>
      <c r="Q45" s="6">
        <v>64986</v>
      </c>
      <c r="R45" s="6">
        <v>80653</v>
      </c>
      <c r="S45" s="6">
        <v>928425</v>
      </c>
      <c r="T45" s="6">
        <v>168907</v>
      </c>
      <c r="U45" s="6">
        <v>406</v>
      </c>
      <c r="V45" s="6">
        <v>759112</v>
      </c>
      <c r="W45" s="6">
        <v>103517</v>
      </c>
      <c r="X45" s="6">
        <v>1343094</v>
      </c>
      <c r="Y45" s="6">
        <v>1231696</v>
      </c>
      <c r="Z45" s="6">
        <v>77285</v>
      </c>
      <c r="AA45" s="6">
        <v>254</v>
      </c>
      <c r="AB45" s="6">
        <v>33859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98</v>
      </c>
      <c r="I46" s="9" t="s">
        <v>53</v>
      </c>
      <c r="J46" s="9" t="s">
        <v>42</v>
      </c>
      <c r="K46" s="6">
        <v>3322715</v>
      </c>
      <c r="L46" s="6">
        <v>1481410</v>
      </c>
      <c r="M46" s="6">
        <v>1438566</v>
      </c>
      <c r="N46" s="6">
        <v>1219769</v>
      </c>
      <c r="O46" s="6">
        <v>136289</v>
      </c>
      <c r="P46" s="6">
        <v>247</v>
      </c>
      <c r="Q46" s="6">
        <v>82261</v>
      </c>
      <c r="R46" s="6">
        <v>42844</v>
      </c>
      <c r="S46" s="6">
        <v>1693884</v>
      </c>
      <c r="T46" s="6">
        <v>234890</v>
      </c>
      <c r="U46" s="6">
        <v>272</v>
      </c>
      <c r="V46" s="6">
        <v>1458722</v>
      </c>
      <c r="W46" s="6">
        <v>147421</v>
      </c>
      <c r="X46" s="6">
        <v>902624</v>
      </c>
      <c r="Y46" s="6">
        <v>782211</v>
      </c>
      <c r="Z46" s="6">
        <v>84652</v>
      </c>
      <c r="AA46" s="6">
        <v>145</v>
      </c>
      <c r="AB46" s="6">
        <v>35616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98</v>
      </c>
      <c r="I47" s="9" t="s">
        <v>53</v>
      </c>
      <c r="J47" s="9" t="s">
        <v>43</v>
      </c>
      <c r="K47" s="6">
        <v>2489953</v>
      </c>
      <c r="L47" s="6">
        <v>643755</v>
      </c>
      <c r="M47" s="6">
        <v>627672</v>
      </c>
      <c r="N47" s="6">
        <v>497461</v>
      </c>
      <c r="O47" s="6">
        <v>77434</v>
      </c>
      <c r="P47" s="6">
        <v>167</v>
      </c>
      <c r="Q47" s="6">
        <v>52610</v>
      </c>
      <c r="R47" s="6">
        <v>16083</v>
      </c>
      <c r="S47" s="6">
        <v>1679090</v>
      </c>
      <c r="T47" s="6">
        <v>207808</v>
      </c>
      <c r="U47" s="6">
        <v>232</v>
      </c>
      <c r="V47" s="6">
        <v>1471050</v>
      </c>
      <c r="W47" s="6">
        <v>167108</v>
      </c>
      <c r="X47" s="6">
        <v>313006</v>
      </c>
      <c r="Y47" s="6">
        <v>258348</v>
      </c>
      <c r="Z47" s="6">
        <v>38312</v>
      </c>
      <c r="AA47" s="6">
        <v>81</v>
      </c>
      <c r="AB47" s="6">
        <v>16265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98</v>
      </c>
      <c r="I48" s="9" t="s">
        <v>53</v>
      </c>
      <c r="J48" s="9" t="s">
        <v>44</v>
      </c>
      <c r="K48" s="6">
        <v>1726193</v>
      </c>
      <c r="L48" s="6">
        <v>268652</v>
      </c>
      <c r="M48" s="6">
        <v>263744</v>
      </c>
      <c r="N48" s="6">
        <v>196387</v>
      </c>
      <c r="O48" s="6">
        <v>36791</v>
      </c>
      <c r="P48" s="6">
        <v>99</v>
      </c>
      <c r="Q48" s="6">
        <v>30467</v>
      </c>
      <c r="R48" s="6">
        <v>4908</v>
      </c>
      <c r="S48" s="6">
        <v>1308341</v>
      </c>
      <c r="T48" s="6">
        <v>142768</v>
      </c>
      <c r="U48" s="6">
        <v>187</v>
      </c>
      <c r="V48" s="6">
        <v>1165386</v>
      </c>
      <c r="W48" s="6">
        <v>149200</v>
      </c>
      <c r="X48" s="6">
        <v>91446</v>
      </c>
      <c r="Y48" s="6">
        <v>72822</v>
      </c>
      <c r="Z48" s="6">
        <v>12269</v>
      </c>
      <c r="AA48" s="6">
        <v>41</v>
      </c>
      <c r="AB48" s="6">
        <v>6314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98</v>
      </c>
      <c r="I49" s="9" t="s">
        <v>53</v>
      </c>
      <c r="J49" s="9" t="s">
        <v>45</v>
      </c>
      <c r="K49" s="6">
        <v>931058</v>
      </c>
      <c r="L49" s="6">
        <v>89147</v>
      </c>
      <c r="M49" s="6">
        <v>87897</v>
      </c>
      <c r="N49" s="6">
        <v>61142</v>
      </c>
      <c r="O49" s="6">
        <v>13624</v>
      </c>
      <c r="P49" s="6">
        <v>41</v>
      </c>
      <c r="Q49" s="6">
        <v>13090</v>
      </c>
      <c r="R49" s="6">
        <v>1250</v>
      </c>
      <c r="S49" s="6">
        <v>759219</v>
      </c>
      <c r="T49" s="6">
        <v>67284</v>
      </c>
      <c r="U49" s="6">
        <v>83</v>
      </c>
      <c r="V49" s="6">
        <v>691852</v>
      </c>
      <c r="W49" s="6">
        <v>82692</v>
      </c>
      <c r="X49" s="6">
        <v>24165</v>
      </c>
      <c r="Y49" s="6">
        <v>18605</v>
      </c>
      <c r="Z49" s="6">
        <v>3264</v>
      </c>
      <c r="AA49" s="6">
        <v>17</v>
      </c>
      <c r="AB49" s="6">
        <v>2279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98</v>
      </c>
      <c r="I50" s="9" t="s">
        <v>53</v>
      </c>
      <c r="J50" s="9" t="s">
        <v>46</v>
      </c>
      <c r="K50" s="6">
        <v>281089</v>
      </c>
      <c r="L50" s="6">
        <v>16343</v>
      </c>
      <c r="M50" s="6">
        <v>16110</v>
      </c>
      <c r="N50" s="6">
        <v>10346</v>
      </c>
      <c r="O50" s="6">
        <v>2802</v>
      </c>
      <c r="P50" s="6">
        <v>10</v>
      </c>
      <c r="Q50" s="6">
        <v>2952</v>
      </c>
      <c r="R50" s="6">
        <v>233</v>
      </c>
      <c r="S50" s="6">
        <v>243248</v>
      </c>
      <c r="T50" s="6">
        <v>15904</v>
      </c>
      <c r="U50" s="6">
        <v>29</v>
      </c>
      <c r="V50" s="6">
        <v>227315</v>
      </c>
      <c r="W50" s="6">
        <v>21498</v>
      </c>
      <c r="X50" s="6">
        <v>4175</v>
      </c>
      <c r="Y50" s="6">
        <v>3049</v>
      </c>
      <c r="Z50" s="6">
        <v>608</v>
      </c>
      <c r="AA50" s="6">
        <v>3</v>
      </c>
      <c r="AB50" s="6">
        <v>515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98</v>
      </c>
      <c r="I51" s="9" t="s">
        <v>53</v>
      </c>
      <c r="J51" s="9" t="s">
        <v>47</v>
      </c>
      <c r="K51" s="6">
        <v>37597</v>
      </c>
      <c r="L51" s="6">
        <v>1213</v>
      </c>
      <c r="M51" s="6">
        <v>1196</v>
      </c>
      <c r="N51" s="6">
        <v>773</v>
      </c>
      <c r="O51" s="6">
        <v>184</v>
      </c>
      <c r="P51" s="6">
        <v>1</v>
      </c>
      <c r="Q51" s="6">
        <v>238</v>
      </c>
      <c r="R51" s="6">
        <v>17</v>
      </c>
      <c r="S51" s="6">
        <v>33993</v>
      </c>
      <c r="T51" s="6">
        <v>1498</v>
      </c>
      <c r="U51" s="6">
        <v>5</v>
      </c>
      <c r="V51" s="6">
        <v>32490</v>
      </c>
      <c r="W51" s="6">
        <v>2391</v>
      </c>
      <c r="X51" s="6">
        <v>364</v>
      </c>
      <c r="Y51" s="6">
        <v>274</v>
      </c>
      <c r="Z51" s="6">
        <v>33</v>
      </c>
      <c r="AA51" s="6">
        <v>1</v>
      </c>
      <c r="AB51" s="6">
        <v>56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98</v>
      </c>
      <c r="I52" s="9" t="s">
        <v>53</v>
      </c>
      <c r="J52" s="9" t="s">
        <v>48</v>
      </c>
      <c r="K52" s="6">
        <v>18411345</v>
      </c>
      <c r="L52" s="6">
        <v>16228498</v>
      </c>
      <c r="M52" s="6">
        <v>15987160</v>
      </c>
      <c r="N52" s="6">
        <v>15724961</v>
      </c>
      <c r="O52" s="6">
        <v>99914</v>
      </c>
      <c r="P52" s="6">
        <v>9094</v>
      </c>
      <c r="Q52" s="6">
        <v>153191</v>
      </c>
      <c r="R52" s="6">
        <v>241338</v>
      </c>
      <c r="S52" s="6">
        <v>381559</v>
      </c>
      <c r="T52" s="6">
        <v>123934</v>
      </c>
      <c r="U52" s="6">
        <v>9517</v>
      </c>
      <c r="V52" s="6">
        <v>248108</v>
      </c>
      <c r="W52" s="6">
        <v>1801288</v>
      </c>
      <c r="X52" s="6">
        <v>14427907</v>
      </c>
      <c r="Y52" s="6">
        <v>14240770</v>
      </c>
      <c r="Z52" s="6">
        <v>64597</v>
      </c>
      <c r="AA52" s="6">
        <v>8535</v>
      </c>
      <c r="AB52" s="6">
        <v>114005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98</v>
      </c>
      <c r="I53" s="9" t="s">
        <v>53</v>
      </c>
      <c r="J53" s="9" t="s">
        <v>49</v>
      </c>
      <c r="K53" s="6">
        <v>11726591</v>
      </c>
      <c r="L53" s="6">
        <v>4406564</v>
      </c>
      <c r="M53" s="6">
        <v>4260576</v>
      </c>
      <c r="N53" s="6">
        <v>3633451</v>
      </c>
      <c r="O53" s="6">
        <v>379613</v>
      </c>
      <c r="P53" s="6">
        <v>908</v>
      </c>
      <c r="Q53" s="6">
        <v>246604</v>
      </c>
      <c r="R53" s="6">
        <v>145988</v>
      </c>
      <c r="S53" s="6">
        <v>6646200</v>
      </c>
      <c r="T53" s="6">
        <v>839059</v>
      </c>
      <c r="U53" s="6">
        <v>1214</v>
      </c>
      <c r="V53" s="6">
        <v>5805927</v>
      </c>
      <c r="W53" s="6">
        <v>673827</v>
      </c>
      <c r="X53" s="6">
        <v>2678874</v>
      </c>
      <c r="Y53" s="6">
        <v>2367005</v>
      </c>
      <c r="Z53" s="6">
        <v>216423</v>
      </c>
      <c r="AA53" s="6">
        <v>542</v>
      </c>
      <c r="AB53" s="6">
        <v>94904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98</v>
      </c>
      <c r="I54" s="9" t="s">
        <v>53</v>
      </c>
      <c r="J54" s="9" t="s">
        <v>50</v>
      </c>
      <c r="K54" s="6">
        <v>5465890</v>
      </c>
      <c r="L54" s="6">
        <v>1019110</v>
      </c>
      <c r="M54" s="6">
        <v>996619</v>
      </c>
      <c r="N54" s="6">
        <v>766109</v>
      </c>
      <c r="O54" s="6">
        <v>130835</v>
      </c>
      <c r="P54" s="6">
        <v>318</v>
      </c>
      <c r="Q54" s="6">
        <v>99357</v>
      </c>
      <c r="R54" s="6">
        <v>22491</v>
      </c>
      <c r="S54" s="6">
        <v>4023891</v>
      </c>
      <c r="T54" s="6">
        <v>435262</v>
      </c>
      <c r="U54" s="6">
        <v>536</v>
      </c>
      <c r="V54" s="6">
        <v>3588093</v>
      </c>
      <c r="W54" s="6">
        <v>422889</v>
      </c>
      <c r="X54" s="6">
        <v>433156</v>
      </c>
      <c r="Y54" s="6">
        <v>353098</v>
      </c>
      <c r="Z54" s="6">
        <v>54486</v>
      </c>
      <c r="AA54" s="6">
        <v>143</v>
      </c>
      <c r="AB54" s="6">
        <v>25429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98</v>
      </c>
      <c r="I55" s="9" t="s">
        <v>53</v>
      </c>
      <c r="J55" s="9" t="s">
        <v>51</v>
      </c>
      <c r="K55" s="6">
        <v>1249744</v>
      </c>
      <c r="L55" s="6">
        <v>106703</v>
      </c>
      <c r="M55" s="6">
        <v>105203</v>
      </c>
      <c r="N55" s="6">
        <v>72261</v>
      </c>
      <c r="O55" s="6">
        <v>16610</v>
      </c>
      <c r="P55" s="6">
        <v>52</v>
      </c>
      <c r="Q55" s="6">
        <v>16280</v>
      </c>
      <c r="R55" s="6">
        <v>1500</v>
      </c>
      <c r="S55" s="6">
        <v>1036460</v>
      </c>
      <c r="T55" s="6">
        <v>84686</v>
      </c>
      <c r="U55" s="6">
        <v>117</v>
      </c>
      <c r="V55" s="6">
        <v>951657</v>
      </c>
      <c r="W55" s="6">
        <v>106581</v>
      </c>
      <c r="X55" s="6">
        <v>28704</v>
      </c>
      <c r="Y55" s="6">
        <v>21928</v>
      </c>
      <c r="Z55" s="6">
        <v>3905</v>
      </c>
      <c r="AA55" s="6">
        <v>21</v>
      </c>
      <c r="AB55" s="6">
        <v>2850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98</v>
      </c>
      <c r="I56" s="9" t="s">
        <v>53</v>
      </c>
      <c r="J56" s="9" t="s">
        <v>52</v>
      </c>
      <c r="K56" s="6">
        <v>21342865</v>
      </c>
      <c r="L56" s="6">
        <v>18130861</v>
      </c>
      <c r="M56" s="6">
        <v>17809210</v>
      </c>
      <c r="N56" s="6">
        <v>17369663</v>
      </c>
      <c r="O56" s="6">
        <v>212344</v>
      </c>
      <c r="P56" s="6">
        <v>9115</v>
      </c>
      <c r="Q56" s="6">
        <v>218088</v>
      </c>
      <c r="R56" s="6">
        <v>321651</v>
      </c>
      <c r="S56" s="6">
        <v>1308596</v>
      </c>
      <c r="T56" s="6">
        <v>292767</v>
      </c>
      <c r="U56" s="6">
        <v>8821</v>
      </c>
      <c r="V56" s="6">
        <v>1007008</v>
      </c>
      <c r="W56" s="6">
        <v>1903408</v>
      </c>
      <c r="X56" s="6">
        <v>15767925</v>
      </c>
      <c r="Y56" s="6">
        <v>15469822</v>
      </c>
      <c r="Z56" s="6">
        <v>141833</v>
      </c>
      <c r="AA56" s="6">
        <v>8474</v>
      </c>
      <c r="AB56" s="6">
        <v>147796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98</v>
      </c>
      <c r="I57" s="9" t="s">
        <v>54</v>
      </c>
      <c r="J57" s="9" t="s">
        <v>30</v>
      </c>
      <c r="K57" s="6">
        <v>30330906</v>
      </c>
      <c r="L57" s="6">
        <v>15635104</v>
      </c>
      <c r="M57" s="6">
        <v>15365364</v>
      </c>
      <c r="N57" s="6">
        <v>9412832</v>
      </c>
      <c r="O57" s="6">
        <v>5412675</v>
      </c>
      <c r="P57" s="6">
        <v>10612</v>
      </c>
      <c r="Q57" s="6">
        <v>529245</v>
      </c>
      <c r="R57" s="6">
        <v>269740</v>
      </c>
      <c r="S57" s="6">
        <v>12125613</v>
      </c>
      <c r="T57" s="6">
        <v>8321754</v>
      </c>
      <c r="U57" s="6">
        <v>16412</v>
      </c>
      <c r="V57" s="6">
        <v>3787447</v>
      </c>
      <c r="W57" s="6">
        <v>2570189</v>
      </c>
      <c r="X57" s="6">
        <v>13331985</v>
      </c>
      <c r="Y57" s="6">
        <v>8492064</v>
      </c>
      <c r="Z57" s="6">
        <v>4359865</v>
      </c>
      <c r="AA57" s="6">
        <v>9426</v>
      </c>
      <c r="AB57" s="6">
        <v>470630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98</v>
      </c>
      <c r="I58" s="9" t="s">
        <v>54</v>
      </c>
      <c r="J58" s="9" t="s">
        <v>31</v>
      </c>
      <c r="K58" s="6">
        <v>9134</v>
      </c>
      <c r="L58" s="6">
        <v>2776</v>
      </c>
      <c r="M58" s="6">
        <v>2493</v>
      </c>
      <c r="N58" s="6">
        <v>1465</v>
      </c>
      <c r="O58" s="6">
        <v>538</v>
      </c>
      <c r="P58" s="6">
        <v>213</v>
      </c>
      <c r="Q58" s="6">
        <v>277</v>
      </c>
      <c r="R58" s="6">
        <v>283</v>
      </c>
      <c r="S58" s="6">
        <v>3659</v>
      </c>
      <c r="T58" s="6">
        <v>2741</v>
      </c>
      <c r="U58" s="6">
        <v>696</v>
      </c>
      <c r="V58" s="6">
        <v>222</v>
      </c>
      <c r="W58" s="6">
        <v>2699</v>
      </c>
      <c r="X58" s="6">
        <v>2281</v>
      </c>
      <c r="Y58" s="6">
        <v>1365</v>
      </c>
      <c r="Z58" s="6">
        <v>464</v>
      </c>
      <c r="AA58" s="6">
        <v>203</v>
      </c>
      <c r="AB58" s="6">
        <v>249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98</v>
      </c>
      <c r="I59" s="9" t="s">
        <v>54</v>
      </c>
      <c r="J59" s="9" t="s">
        <v>32</v>
      </c>
      <c r="K59" s="6">
        <v>195541</v>
      </c>
      <c r="L59" s="6">
        <v>97924</v>
      </c>
      <c r="M59" s="6">
        <v>93888</v>
      </c>
      <c r="N59" s="6">
        <v>62326</v>
      </c>
      <c r="O59" s="6">
        <v>18631</v>
      </c>
      <c r="P59" s="6">
        <v>893</v>
      </c>
      <c r="Q59" s="6">
        <v>12038</v>
      </c>
      <c r="R59" s="6">
        <v>4036</v>
      </c>
      <c r="S59" s="6">
        <v>53784</v>
      </c>
      <c r="T59" s="6">
        <v>50690</v>
      </c>
      <c r="U59" s="6">
        <v>1368</v>
      </c>
      <c r="V59" s="6">
        <v>1726</v>
      </c>
      <c r="W59" s="6">
        <v>43833</v>
      </c>
      <c r="X59" s="6">
        <v>89337</v>
      </c>
      <c r="Y59" s="6">
        <v>60294</v>
      </c>
      <c r="Z59" s="6">
        <v>16456</v>
      </c>
      <c r="AA59" s="6">
        <v>866</v>
      </c>
      <c r="AB59" s="6">
        <v>11721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98</v>
      </c>
      <c r="I60" s="9" t="s">
        <v>54</v>
      </c>
      <c r="J60" s="9" t="s">
        <v>33</v>
      </c>
      <c r="K60" s="6">
        <v>978633</v>
      </c>
      <c r="L60" s="6">
        <v>595945</v>
      </c>
      <c r="M60" s="6">
        <v>581165</v>
      </c>
      <c r="N60" s="6">
        <v>408284</v>
      </c>
      <c r="O60" s="6">
        <v>95631</v>
      </c>
      <c r="P60" s="6">
        <v>1341</v>
      </c>
      <c r="Q60" s="6">
        <v>75909</v>
      </c>
      <c r="R60" s="6">
        <v>14780</v>
      </c>
      <c r="S60" s="6">
        <v>225141</v>
      </c>
      <c r="T60" s="6">
        <v>217983</v>
      </c>
      <c r="U60" s="6">
        <v>2020</v>
      </c>
      <c r="V60" s="6">
        <v>5138</v>
      </c>
      <c r="W60" s="6">
        <v>157547</v>
      </c>
      <c r="X60" s="6">
        <v>557201</v>
      </c>
      <c r="Y60" s="6">
        <v>397132</v>
      </c>
      <c r="Z60" s="6">
        <v>84030</v>
      </c>
      <c r="AA60" s="6">
        <v>1279</v>
      </c>
      <c r="AB60" s="6">
        <v>74760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98</v>
      </c>
      <c r="I61" s="9" t="s">
        <v>54</v>
      </c>
      <c r="J61" s="9" t="s">
        <v>34</v>
      </c>
      <c r="K61" s="6">
        <v>1842521</v>
      </c>
      <c r="L61" s="6">
        <v>1108185</v>
      </c>
      <c r="M61" s="6">
        <v>1087384</v>
      </c>
      <c r="N61" s="6">
        <v>718786</v>
      </c>
      <c r="O61" s="6">
        <v>232940</v>
      </c>
      <c r="P61" s="6">
        <v>1575</v>
      </c>
      <c r="Q61" s="6">
        <v>134083</v>
      </c>
      <c r="R61" s="6">
        <v>20801</v>
      </c>
      <c r="S61" s="6">
        <v>473799</v>
      </c>
      <c r="T61" s="6">
        <v>463006</v>
      </c>
      <c r="U61" s="6">
        <v>2565</v>
      </c>
      <c r="V61" s="6">
        <v>8228</v>
      </c>
      <c r="W61" s="6">
        <v>260537</v>
      </c>
      <c r="X61" s="6">
        <v>1022024</v>
      </c>
      <c r="Y61" s="6">
        <v>688598</v>
      </c>
      <c r="Z61" s="6">
        <v>200068</v>
      </c>
      <c r="AA61" s="6">
        <v>1481</v>
      </c>
      <c r="AB61" s="6">
        <v>131877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98</v>
      </c>
      <c r="I62" s="9" t="s">
        <v>54</v>
      </c>
      <c r="J62" s="9" t="s">
        <v>35</v>
      </c>
      <c r="K62" s="6">
        <v>2447690</v>
      </c>
      <c r="L62" s="6">
        <v>1537157</v>
      </c>
      <c r="M62" s="6">
        <v>1511266</v>
      </c>
      <c r="N62" s="6">
        <v>994326</v>
      </c>
      <c r="O62" s="6">
        <v>417733</v>
      </c>
      <c r="P62" s="6">
        <v>1425</v>
      </c>
      <c r="Q62" s="6">
        <v>97782</v>
      </c>
      <c r="R62" s="6">
        <v>25891</v>
      </c>
      <c r="S62" s="6">
        <v>587627</v>
      </c>
      <c r="T62" s="6">
        <v>576176</v>
      </c>
      <c r="U62" s="6">
        <v>2416</v>
      </c>
      <c r="V62" s="6">
        <v>9035</v>
      </c>
      <c r="W62" s="6">
        <v>322906</v>
      </c>
      <c r="X62" s="6">
        <v>1397717</v>
      </c>
      <c r="Y62" s="6">
        <v>939652</v>
      </c>
      <c r="Z62" s="6">
        <v>361441</v>
      </c>
      <c r="AA62" s="6">
        <v>1304</v>
      </c>
      <c r="AB62" s="6">
        <v>95320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98</v>
      </c>
      <c r="I63" s="9" t="s">
        <v>54</v>
      </c>
      <c r="J63" s="9" t="s">
        <v>36</v>
      </c>
      <c r="K63" s="6">
        <v>2880530</v>
      </c>
      <c r="L63" s="6">
        <v>1963065</v>
      </c>
      <c r="M63" s="6">
        <v>1931534</v>
      </c>
      <c r="N63" s="6">
        <v>1263391</v>
      </c>
      <c r="O63" s="6">
        <v>625499</v>
      </c>
      <c r="P63" s="6">
        <v>1432</v>
      </c>
      <c r="Q63" s="6">
        <v>41212</v>
      </c>
      <c r="R63" s="6">
        <v>31531</v>
      </c>
      <c r="S63" s="6">
        <v>581313</v>
      </c>
      <c r="T63" s="6">
        <v>569552</v>
      </c>
      <c r="U63" s="6">
        <v>2083</v>
      </c>
      <c r="V63" s="6">
        <v>9678</v>
      </c>
      <c r="W63" s="6">
        <v>336152</v>
      </c>
      <c r="X63" s="6">
        <v>1784059</v>
      </c>
      <c r="Y63" s="6">
        <v>1189251</v>
      </c>
      <c r="Z63" s="6">
        <v>554218</v>
      </c>
      <c r="AA63" s="6">
        <v>1299</v>
      </c>
      <c r="AB63" s="6">
        <v>39291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98</v>
      </c>
      <c r="I64" s="9" t="s">
        <v>54</v>
      </c>
      <c r="J64" s="9" t="s">
        <v>37</v>
      </c>
      <c r="K64" s="6">
        <v>3331082</v>
      </c>
      <c r="L64" s="6">
        <v>2378203</v>
      </c>
      <c r="M64" s="6">
        <v>2336931</v>
      </c>
      <c r="N64" s="6">
        <v>1486854</v>
      </c>
      <c r="O64" s="6">
        <v>823653</v>
      </c>
      <c r="P64" s="6">
        <v>1274</v>
      </c>
      <c r="Q64" s="6">
        <v>25150</v>
      </c>
      <c r="R64" s="6">
        <v>41272</v>
      </c>
      <c r="S64" s="6">
        <v>622742</v>
      </c>
      <c r="T64" s="6">
        <v>606812</v>
      </c>
      <c r="U64" s="6">
        <v>1545</v>
      </c>
      <c r="V64" s="6">
        <v>14385</v>
      </c>
      <c r="W64" s="6">
        <v>330137</v>
      </c>
      <c r="X64" s="6">
        <v>2162380</v>
      </c>
      <c r="Y64" s="6">
        <v>1397483</v>
      </c>
      <c r="Z64" s="6">
        <v>740677</v>
      </c>
      <c r="AA64" s="6">
        <v>1149</v>
      </c>
      <c r="AB64" s="6">
        <v>23071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98</v>
      </c>
      <c r="I65" s="9" t="s">
        <v>54</v>
      </c>
      <c r="J65" s="9" t="s">
        <v>38</v>
      </c>
      <c r="K65" s="6">
        <v>2976025</v>
      </c>
      <c r="L65" s="6">
        <v>2125842</v>
      </c>
      <c r="M65" s="6">
        <v>2086842</v>
      </c>
      <c r="N65" s="6">
        <v>1320559</v>
      </c>
      <c r="O65" s="6">
        <v>741295</v>
      </c>
      <c r="P65" s="6">
        <v>821</v>
      </c>
      <c r="Q65" s="6">
        <v>24167</v>
      </c>
      <c r="R65" s="6">
        <v>39000</v>
      </c>
      <c r="S65" s="6">
        <v>614324</v>
      </c>
      <c r="T65" s="6">
        <v>594916</v>
      </c>
      <c r="U65" s="6">
        <v>966</v>
      </c>
      <c r="V65" s="6">
        <v>18442</v>
      </c>
      <c r="W65" s="6">
        <v>235859</v>
      </c>
      <c r="X65" s="6">
        <v>1910842</v>
      </c>
      <c r="Y65" s="6">
        <v>1228785</v>
      </c>
      <c r="Z65" s="6">
        <v>659583</v>
      </c>
      <c r="AA65" s="6">
        <v>706</v>
      </c>
      <c r="AB65" s="6">
        <v>21768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98</v>
      </c>
      <c r="I66" s="9" t="s">
        <v>54</v>
      </c>
      <c r="J66" s="9" t="s">
        <v>39</v>
      </c>
      <c r="K66" s="6">
        <v>2814453</v>
      </c>
      <c r="L66" s="6">
        <v>1938684</v>
      </c>
      <c r="M66" s="6">
        <v>1904045</v>
      </c>
      <c r="N66" s="6">
        <v>1216132</v>
      </c>
      <c r="O66" s="6">
        <v>662672</v>
      </c>
      <c r="P66" s="6">
        <v>552</v>
      </c>
      <c r="Q66" s="6">
        <v>24689</v>
      </c>
      <c r="R66" s="6">
        <v>34639</v>
      </c>
      <c r="S66" s="6">
        <v>726999</v>
      </c>
      <c r="T66" s="6">
        <v>694428</v>
      </c>
      <c r="U66" s="6">
        <v>676</v>
      </c>
      <c r="V66" s="6">
        <v>31895</v>
      </c>
      <c r="W66" s="6">
        <v>148770</v>
      </c>
      <c r="X66" s="6">
        <v>1704226</v>
      </c>
      <c r="Y66" s="6">
        <v>1113950</v>
      </c>
      <c r="Z66" s="6">
        <v>567960</v>
      </c>
      <c r="AA66" s="6">
        <v>453</v>
      </c>
      <c r="AB66" s="6">
        <v>21863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98</v>
      </c>
      <c r="I67" s="9" t="s">
        <v>54</v>
      </c>
      <c r="J67" s="9" t="s">
        <v>40</v>
      </c>
      <c r="K67" s="6">
        <v>2736233</v>
      </c>
      <c r="L67" s="6">
        <v>1571738</v>
      </c>
      <c r="M67" s="6">
        <v>1540114</v>
      </c>
      <c r="N67" s="6">
        <v>915149</v>
      </c>
      <c r="O67" s="6">
        <v>600973</v>
      </c>
      <c r="P67" s="6">
        <v>355</v>
      </c>
      <c r="Q67" s="6">
        <v>23637</v>
      </c>
      <c r="R67" s="6">
        <v>31624</v>
      </c>
      <c r="S67" s="6">
        <v>1065056</v>
      </c>
      <c r="T67" s="6">
        <v>926375</v>
      </c>
      <c r="U67" s="6">
        <v>443</v>
      </c>
      <c r="V67" s="6">
        <v>138238</v>
      </c>
      <c r="W67" s="6">
        <v>99439</v>
      </c>
      <c r="X67" s="6">
        <v>1298900</v>
      </c>
      <c r="Y67" s="6">
        <v>800163</v>
      </c>
      <c r="Z67" s="6">
        <v>478591</v>
      </c>
      <c r="AA67" s="6">
        <v>284</v>
      </c>
      <c r="AB67" s="6">
        <v>19862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98</v>
      </c>
      <c r="I68" s="9" t="s">
        <v>54</v>
      </c>
      <c r="J68" s="9" t="s">
        <v>41</v>
      </c>
      <c r="K68" s="6">
        <v>2996530</v>
      </c>
      <c r="L68" s="6">
        <v>1129829</v>
      </c>
      <c r="M68" s="6">
        <v>1114780</v>
      </c>
      <c r="N68" s="6">
        <v>542444</v>
      </c>
      <c r="O68" s="6">
        <v>549732</v>
      </c>
      <c r="P68" s="6">
        <v>287</v>
      </c>
      <c r="Q68" s="6">
        <v>22317</v>
      </c>
      <c r="R68" s="6">
        <v>15049</v>
      </c>
      <c r="S68" s="6">
        <v>1755071</v>
      </c>
      <c r="T68" s="6">
        <v>1223189</v>
      </c>
      <c r="U68" s="6">
        <v>397</v>
      </c>
      <c r="V68" s="6">
        <v>531485</v>
      </c>
      <c r="W68" s="6">
        <v>111630</v>
      </c>
      <c r="X68" s="6">
        <v>809333</v>
      </c>
      <c r="Y68" s="6">
        <v>412471</v>
      </c>
      <c r="Z68" s="6">
        <v>381124</v>
      </c>
      <c r="AA68" s="6">
        <v>196</v>
      </c>
      <c r="AB68" s="6">
        <v>15542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98</v>
      </c>
      <c r="I69" s="9" t="s">
        <v>54</v>
      </c>
      <c r="J69" s="9" t="s">
        <v>42</v>
      </c>
      <c r="K69" s="6">
        <v>3140917</v>
      </c>
      <c r="L69" s="6">
        <v>758436</v>
      </c>
      <c r="M69" s="6">
        <v>751548</v>
      </c>
      <c r="N69" s="6">
        <v>322964</v>
      </c>
      <c r="O69" s="6">
        <v>406517</v>
      </c>
      <c r="P69" s="6">
        <v>213</v>
      </c>
      <c r="Q69" s="6">
        <v>21854</v>
      </c>
      <c r="R69" s="6">
        <v>6888</v>
      </c>
      <c r="S69" s="6">
        <v>2211106</v>
      </c>
      <c r="T69" s="6">
        <v>1236933</v>
      </c>
      <c r="U69" s="6">
        <v>524</v>
      </c>
      <c r="V69" s="6">
        <v>973649</v>
      </c>
      <c r="W69" s="6">
        <v>171375</v>
      </c>
      <c r="X69" s="6">
        <v>441826</v>
      </c>
      <c r="Y69" s="6">
        <v>199591</v>
      </c>
      <c r="Z69" s="6">
        <v>231809</v>
      </c>
      <c r="AA69" s="6">
        <v>132</v>
      </c>
      <c r="AB69" s="6">
        <v>10294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98</v>
      </c>
      <c r="I70" s="9" t="s">
        <v>54</v>
      </c>
      <c r="J70" s="9" t="s">
        <v>43</v>
      </c>
      <c r="K70" s="6">
        <v>2117338</v>
      </c>
      <c r="L70" s="6">
        <v>294700</v>
      </c>
      <c r="M70" s="6">
        <v>292110</v>
      </c>
      <c r="N70" s="6">
        <v>114104</v>
      </c>
      <c r="O70" s="6">
        <v>163347</v>
      </c>
      <c r="P70" s="6">
        <v>127</v>
      </c>
      <c r="Q70" s="6">
        <v>14532</v>
      </c>
      <c r="R70" s="6">
        <v>2590</v>
      </c>
      <c r="S70" s="6">
        <v>1648804</v>
      </c>
      <c r="T70" s="6">
        <v>710358</v>
      </c>
      <c r="U70" s="6">
        <v>386</v>
      </c>
      <c r="V70" s="6">
        <v>938060</v>
      </c>
      <c r="W70" s="6">
        <v>173834</v>
      </c>
      <c r="X70" s="6">
        <v>118481</v>
      </c>
      <c r="Y70" s="6">
        <v>50020</v>
      </c>
      <c r="Z70" s="6">
        <v>65021</v>
      </c>
      <c r="AA70" s="6">
        <v>46</v>
      </c>
      <c r="AB70" s="6">
        <v>3394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98</v>
      </c>
      <c r="I71" s="9" t="s">
        <v>54</v>
      </c>
      <c r="J71" s="9" t="s">
        <v>44</v>
      </c>
      <c r="K71" s="6">
        <v>1218650</v>
      </c>
      <c r="L71" s="6">
        <v>104145</v>
      </c>
      <c r="M71" s="6">
        <v>103166</v>
      </c>
      <c r="N71" s="6">
        <v>37067</v>
      </c>
      <c r="O71" s="6">
        <v>57796</v>
      </c>
      <c r="P71" s="6">
        <v>72</v>
      </c>
      <c r="Q71" s="6">
        <v>8231</v>
      </c>
      <c r="R71" s="6">
        <v>979</v>
      </c>
      <c r="S71" s="6">
        <v>996334</v>
      </c>
      <c r="T71" s="6">
        <v>329003</v>
      </c>
      <c r="U71" s="6">
        <v>234</v>
      </c>
      <c r="V71" s="6">
        <v>667097</v>
      </c>
      <c r="W71" s="6">
        <v>118171</v>
      </c>
      <c r="X71" s="6">
        <v>27097</v>
      </c>
      <c r="Y71" s="6">
        <v>10896</v>
      </c>
      <c r="Z71" s="6">
        <v>15006</v>
      </c>
      <c r="AA71" s="6">
        <v>21</v>
      </c>
      <c r="AB71" s="6">
        <v>1174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98</v>
      </c>
      <c r="I72" s="9" t="s">
        <v>54</v>
      </c>
      <c r="J72" s="9" t="s">
        <v>45</v>
      </c>
      <c r="K72" s="6">
        <v>515677</v>
      </c>
      <c r="L72" s="6">
        <v>25066</v>
      </c>
      <c r="M72" s="6">
        <v>24760</v>
      </c>
      <c r="N72" s="6">
        <v>7978</v>
      </c>
      <c r="O72" s="6">
        <v>13972</v>
      </c>
      <c r="P72" s="6">
        <v>26</v>
      </c>
      <c r="Q72" s="6">
        <v>2784</v>
      </c>
      <c r="R72" s="6">
        <v>306</v>
      </c>
      <c r="S72" s="6">
        <v>443376</v>
      </c>
      <c r="T72" s="6">
        <v>104058</v>
      </c>
      <c r="U72" s="6">
        <v>70</v>
      </c>
      <c r="V72" s="6">
        <v>339248</v>
      </c>
      <c r="W72" s="6">
        <v>47235</v>
      </c>
      <c r="X72" s="6">
        <v>5518</v>
      </c>
      <c r="Y72" s="6">
        <v>2100</v>
      </c>
      <c r="Z72" s="6">
        <v>3035</v>
      </c>
      <c r="AA72" s="6">
        <v>4</v>
      </c>
      <c r="AB72" s="6">
        <v>379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98</v>
      </c>
      <c r="I73" s="9" t="s">
        <v>54</v>
      </c>
      <c r="J73" s="9" t="s">
        <v>46</v>
      </c>
      <c r="K73" s="6">
        <v>116814</v>
      </c>
      <c r="L73" s="6">
        <v>3243</v>
      </c>
      <c r="M73" s="6">
        <v>3181</v>
      </c>
      <c r="N73" s="6">
        <v>954</v>
      </c>
      <c r="O73" s="6">
        <v>1679</v>
      </c>
      <c r="P73" s="6">
        <v>6</v>
      </c>
      <c r="Q73" s="6">
        <v>542</v>
      </c>
      <c r="R73" s="6">
        <v>62</v>
      </c>
      <c r="S73" s="6">
        <v>104447</v>
      </c>
      <c r="T73" s="6">
        <v>14656</v>
      </c>
      <c r="U73" s="6">
        <v>20</v>
      </c>
      <c r="V73" s="6">
        <v>89771</v>
      </c>
      <c r="W73" s="6">
        <v>9124</v>
      </c>
      <c r="X73" s="6">
        <v>721</v>
      </c>
      <c r="Y73" s="6">
        <v>293</v>
      </c>
      <c r="Z73" s="6">
        <v>365</v>
      </c>
      <c r="AA73" s="6">
        <v>3</v>
      </c>
      <c r="AB73" s="6">
        <v>60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98</v>
      </c>
      <c r="I74" s="9" t="s">
        <v>54</v>
      </c>
      <c r="J74" s="9" t="s">
        <v>47</v>
      </c>
      <c r="K74" s="6">
        <v>13138</v>
      </c>
      <c r="L74" s="6">
        <v>166</v>
      </c>
      <c r="M74" s="6">
        <v>157</v>
      </c>
      <c r="N74" s="6">
        <v>49</v>
      </c>
      <c r="O74" s="6">
        <v>67</v>
      </c>
      <c r="P74" s="10" t="s">
        <v>55</v>
      </c>
      <c r="Q74" s="6">
        <v>41</v>
      </c>
      <c r="R74" s="6">
        <v>9</v>
      </c>
      <c r="S74" s="6">
        <v>12031</v>
      </c>
      <c r="T74" s="6">
        <v>878</v>
      </c>
      <c r="U74" s="6">
        <v>3</v>
      </c>
      <c r="V74" s="6">
        <v>11150</v>
      </c>
      <c r="W74" s="6">
        <v>941</v>
      </c>
      <c r="X74" s="6">
        <v>42</v>
      </c>
      <c r="Y74" s="6">
        <v>20</v>
      </c>
      <c r="Z74" s="6">
        <v>17</v>
      </c>
      <c r="AA74" s="10" t="s">
        <v>55</v>
      </c>
      <c r="AB74" s="6">
        <v>5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98</v>
      </c>
      <c r="I75" s="9" t="s">
        <v>54</v>
      </c>
      <c r="J75" s="9" t="s">
        <v>48</v>
      </c>
      <c r="K75" s="6">
        <v>20211842</v>
      </c>
      <c r="L75" s="6">
        <v>13319519</v>
      </c>
      <c r="M75" s="6">
        <v>13075662</v>
      </c>
      <c r="N75" s="6">
        <v>8387272</v>
      </c>
      <c r="O75" s="6">
        <v>4219565</v>
      </c>
      <c r="P75" s="6">
        <v>9881</v>
      </c>
      <c r="Q75" s="6">
        <v>458944</v>
      </c>
      <c r="R75" s="6">
        <v>243857</v>
      </c>
      <c r="S75" s="6">
        <v>4954444</v>
      </c>
      <c r="T75" s="6">
        <v>4702679</v>
      </c>
      <c r="U75" s="6">
        <v>14778</v>
      </c>
      <c r="V75" s="6">
        <v>236987</v>
      </c>
      <c r="W75" s="6">
        <v>1937879</v>
      </c>
      <c r="X75" s="6">
        <v>11928967</v>
      </c>
      <c r="Y75" s="6">
        <v>7816673</v>
      </c>
      <c r="Z75" s="6">
        <v>3663488</v>
      </c>
      <c r="AA75" s="6">
        <v>9024</v>
      </c>
      <c r="AB75" s="6">
        <v>439782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98</v>
      </c>
      <c r="I76" s="9" t="s">
        <v>54</v>
      </c>
      <c r="J76" s="9" t="s">
        <v>49</v>
      </c>
      <c r="K76" s="6">
        <v>10119064</v>
      </c>
      <c r="L76" s="6">
        <v>2315585</v>
      </c>
      <c r="M76" s="6">
        <v>2289702</v>
      </c>
      <c r="N76" s="6">
        <v>1025560</v>
      </c>
      <c r="O76" s="6">
        <v>1193110</v>
      </c>
      <c r="P76" s="6">
        <v>731</v>
      </c>
      <c r="Q76" s="6">
        <v>70301</v>
      </c>
      <c r="R76" s="6">
        <v>25883</v>
      </c>
      <c r="S76" s="6">
        <v>7171169</v>
      </c>
      <c r="T76" s="6">
        <v>3619075</v>
      </c>
      <c r="U76" s="6">
        <v>1634</v>
      </c>
      <c r="V76" s="6">
        <v>3550460</v>
      </c>
      <c r="W76" s="6">
        <v>632310</v>
      </c>
      <c r="X76" s="6">
        <v>1403018</v>
      </c>
      <c r="Y76" s="6">
        <v>675391</v>
      </c>
      <c r="Z76" s="6">
        <v>696377</v>
      </c>
      <c r="AA76" s="6">
        <v>402</v>
      </c>
      <c r="AB76" s="6">
        <v>30848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98</v>
      </c>
      <c r="I77" s="9" t="s">
        <v>54</v>
      </c>
      <c r="J77" s="9" t="s">
        <v>50</v>
      </c>
      <c r="K77" s="6">
        <v>3981617</v>
      </c>
      <c r="L77" s="6">
        <v>427320</v>
      </c>
      <c r="M77" s="6">
        <v>423374</v>
      </c>
      <c r="N77" s="6">
        <v>160152</v>
      </c>
      <c r="O77" s="6">
        <v>236861</v>
      </c>
      <c r="P77" s="6">
        <v>231</v>
      </c>
      <c r="Q77" s="6">
        <v>26130</v>
      </c>
      <c r="R77" s="6">
        <v>3946</v>
      </c>
      <c r="S77" s="6">
        <v>3204992</v>
      </c>
      <c r="T77" s="6">
        <v>1158953</v>
      </c>
      <c r="U77" s="6">
        <v>713</v>
      </c>
      <c r="V77" s="6">
        <v>2045326</v>
      </c>
      <c r="W77" s="6">
        <v>349305</v>
      </c>
      <c r="X77" s="6">
        <v>151859</v>
      </c>
      <c r="Y77" s="6">
        <v>63329</v>
      </c>
      <c r="Z77" s="6">
        <v>83444</v>
      </c>
      <c r="AA77" s="6">
        <v>74</v>
      </c>
      <c r="AB77" s="6">
        <v>5012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98</v>
      </c>
      <c r="I78" s="9" t="s">
        <v>54</v>
      </c>
      <c r="J78" s="9" t="s">
        <v>51</v>
      </c>
      <c r="K78" s="6">
        <v>645629</v>
      </c>
      <c r="L78" s="6">
        <v>28475</v>
      </c>
      <c r="M78" s="6">
        <v>28098</v>
      </c>
      <c r="N78" s="6">
        <v>8981</v>
      </c>
      <c r="O78" s="6">
        <v>15718</v>
      </c>
      <c r="P78" s="6">
        <v>32</v>
      </c>
      <c r="Q78" s="6">
        <v>3367</v>
      </c>
      <c r="R78" s="6">
        <v>377</v>
      </c>
      <c r="S78" s="6">
        <v>559854</v>
      </c>
      <c r="T78" s="6">
        <v>119592</v>
      </c>
      <c r="U78" s="6">
        <v>93</v>
      </c>
      <c r="V78" s="6">
        <v>440169</v>
      </c>
      <c r="W78" s="6">
        <v>57300</v>
      </c>
      <c r="X78" s="6">
        <v>6281</v>
      </c>
      <c r="Y78" s="6">
        <v>2413</v>
      </c>
      <c r="Z78" s="6">
        <v>3417</v>
      </c>
      <c r="AA78" s="6">
        <v>7</v>
      </c>
      <c r="AB78" s="6">
        <v>444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98</v>
      </c>
      <c r="I79" s="9" t="s">
        <v>54</v>
      </c>
      <c r="J79" s="9" t="s">
        <v>52</v>
      </c>
      <c r="K79" s="6">
        <v>23199238</v>
      </c>
      <c r="L79" s="6">
        <v>14446572</v>
      </c>
      <c r="M79" s="6">
        <v>14187949</v>
      </c>
      <c r="N79" s="6">
        <v>8928251</v>
      </c>
      <c r="O79" s="6">
        <v>4768759</v>
      </c>
      <c r="P79" s="6">
        <v>9955</v>
      </c>
      <c r="Q79" s="6">
        <v>480984</v>
      </c>
      <c r="R79" s="6">
        <v>258623</v>
      </c>
      <c r="S79" s="6">
        <v>6705856</v>
      </c>
      <c r="T79" s="6">
        <v>5923127</v>
      </c>
      <c r="U79" s="6">
        <v>14479</v>
      </c>
      <c r="V79" s="6">
        <v>768250</v>
      </c>
      <c r="W79" s="6">
        <v>2046810</v>
      </c>
      <c r="X79" s="6">
        <v>12736019</v>
      </c>
      <c r="Y79" s="6">
        <v>8227779</v>
      </c>
      <c r="Z79" s="6">
        <v>4044148</v>
      </c>
      <c r="AA79" s="6">
        <v>9017</v>
      </c>
      <c r="AB79" s="6">
        <v>455075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98</v>
      </c>
      <c r="I80" s="9" t="s">
        <v>6</v>
      </c>
      <c r="J80" s="9" t="s">
        <v>30</v>
      </c>
      <c r="K80" s="6">
        <v>842520</v>
      </c>
      <c r="L80" s="6">
        <v>532642</v>
      </c>
      <c r="M80" s="6">
        <v>522551</v>
      </c>
      <c r="N80" s="6">
        <v>440733</v>
      </c>
      <c r="O80" s="6">
        <v>67984</v>
      </c>
      <c r="P80" s="6">
        <v>286</v>
      </c>
      <c r="Q80" s="6">
        <v>13548</v>
      </c>
      <c r="R80" s="6">
        <v>10091</v>
      </c>
      <c r="S80" s="6">
        <v>271273</v>
      </c>
      <c r="T80" s="6">
        <v>114676</v>
      </c>
      <c r="U80" s="6">
        <v>358</v>
      </c>
      <c r="V80" s="6">
        <v>156239</v>
      </c>
      <c r="W80" s="6">
        <v>38605</v>
      </c>
      <c r="X80" s="6">
        <v>418823</v>
      </c>
      <c r="Y80" s="6">
        <v>360759</v>
      </c>
      <c r="Z80" s="6">
        <v>47821</v>
      </c>
      <c r="AA80" s="6">
        <v>255</v>
      </c>
      <c r="AB80" s="6">
        <v>9988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98</v>
      </c>
      <c r="I81" s="9" t="s">
        <v>6</v>
      </c>
      <c r="J81" s="9" t="s">
        <v>31</v>
      </c>
      <c r="K81" s="6">
        <v>247</v>
      </c>
      <c r="L81" s="6">
        <v>116</v>
      </c>
      <c r="M81" s="6">
        <v>106</v>
      </c>
      <c r="N81" s="6">
        <v>74</v>
      </c>
      <c r="O81" s="6">
        <v>12</v>
      </c>
      <c r="P81" s="6">
        <v>12</v>
      </c>
      <c r="Q81" s="6">
        <v>8</v>
      </c>
      <c r="R81" s="6">
        <v>10</v>
      </c>
      <c r="S81" s="6">
        <v>75</v>
      </c>
      <c r="T81" s="6">
        <v>48</v>
      </c>
      <c r="U81" s="6">
        <v>24</v>
      </c>
      <c r="V81" s="6">
        <v>3</v>
      </c>
      <c r="W81" s="6">
        <v>56</v>
      </c>
      <c r="X81" s="6">
        <v>100</v>
      </c>
      <c r="Y81" s="6">
        <v>70</v>
      </c>
      <c r="Z81" s="6">
        <v>10</v>
      </c>
      <c r="AA81" s="6">
        <v>12</v>
      </c>
      <c r="AB81" s="6">
        <v>8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98</v>
      </c>
      <c r="I82" s="9" t="s">
        <v>6</v>
      </c>
      <c r="J82" s="9" t="s">
        <v>32</v>
      </c>
      <c r="K82" s="6">
        <v>5198</v>
      </c>
      <c r="L82" s="6">
        <v>3565</v>
      </c>
      <c r="M82" s="6">
        <v>3455</v>
      </c>
      <c r="N82" s="6">
        <v>2877</v>
      </c>
      <c r="O82" s="6">
        <v>261</v>
      </c>
      <c r="P82" s="6">
        <v>29</v>
      </c>
      <c r="Q82" s="6">
        <v>288</v>
      </c>
      <c r="R82" s="6">
        <v>110</v>
      </c>
      <c r="S82" s="6">
        <v>860</v>
      </c>
      <c r="T82" s="6">
        <v>778</v>
      </c>
      <c r="U82" s="6">
        <v>33</v>
      </c>
      <c r="V82" s="6">
        <v>49</v>
      </c>
      <c r="W82" s="6">
        <v>773</v>
      </c>
      <c r="X82" s="6">
        <v>3212</v>
      </c>
      <c r="Y82" s="6">
        <v>2676</v>
      </c>
      <c r="Z82" s="6">
        <v>231</v>
      </c>
      <c r="AA82" s="6">
        <v>28</v>
      </c>
      <c r="AB82" s="6">
        <v>277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98</v>
      </c>
      <c r="I83" s="9" t="s">
        <v>6</v>
      </c>
      <c r="J83" s="9" t="s">
        <v>33</v>
      </c>
      <c r="K83" s="6">
        <v>23759</v>
      </c>
      <c r="L83" s="6">
        <v>18649</v>
      </c>
      <c r="M83" s="6">
        <v>18328</v>
      </c>
      <c r="N83" s="6">
        <v>15468</v>
      </c>
      <c r="O83" s="6">
        <v>1397</v>
      </c>
      <c r="P83" s="6">
        <v>29</v>
      </c>
      <c r="Q83" s="6">
        <v>1434</v>
      </c>
      <c r="R83" s="6">
        <v>321</v>
      </c>
      <c r="S83" s="6">
        <v>2825</v>
      </c>
      <c r="T83" s="6">
        <v>2683</v>
      </c>
      <c r="U83" s="6">
        <v>39</v>
      </c>
      <c r="V83" s="6">
        <v>103</v>
      </c>
      <c r="W83" s="6">
        <v>2285</v>
      </c>
      <c r="X83" s="6">
        <v>17196</v>
      </c>
      <c r="Y83" s="6">
        <v>14551</v>
      </c>
      <c r="Z83" s="6">
        <v>1207</v>
      </c>
      <c r="AA83" s="6">
        <v>28</v>
      </c>
      <c r="AB83" s="6">
        <v>1410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98</v>
      </c>
      <c r="I84" s="9" t="s">
        <v>6</v>
      </c>
      <c r="J84" s="9" t="s">
        <v>34</v>
      </c>
      <c r="K84" s="6">
        <v>46418</v>
      </c>
      <c r="L84" s="6">
        <v>37363</v>
      </c>
      <c r="M84" s="6">
        <v>36853</v>
      </c>
      <c r="N84" s="6">
        <v>31476</v>
      </c>
      <c r="O84" s="6">
        <v>3188</v>
      </c>
      <c r="P84" s="6">
        <v>58</v>
      </c>
      <c r="Q84" s="6">
        <v>2131</v>
      </c>
      <c r="R84" s="6">
        <v>510</v>
      </c>
      <c r="S84" s="6">
        <v>5166</v>
      </c>
      <c r="T84" s="6">
        <v>4970</v>
      </c>
      <c r="U84" s="6">
        <v>61</v>
      </c>
      <c r="V84" s="6">
        <v>135</v>
      </c>
      <c r="W84" s="6">
        <v>3889</v>
      </c>
      <c r="X84" s="6">
        <v>34108</v>
      </c>
      <c r="Y84" s="6">
        <v>29278</v>
      </c>
      <c r="Z84" s="6">
        <v>2696</v>
      </c>
      <c r="AA84" s="6">
        <v>55</v>
      </c>
      <c r="AB84" s="6">
        <v>2079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98</v>
      </c>
      <c r="I85" s="9" t="s">
        <v>6</v>
      </c>
      <c r="J85" s="9" t="s">
        <v>35</v>
      </c>
      <c r="K85" s="6">
        <v>62667</v>
      </c>
      <c r="L85" s="6">
        <v>52067</v>
      </c>
      <c r="M85" s="6">
        <v>51396</v>
      </c>
      <c r="N85" s="6">
        <v>44684</v>
      </c>
      <c r="O85" s="6">
        <v>5094</v>
      </c>
      <c r="P85" s="6">
        <v>55</v>
      </c>
      <c r="Q85" s="6">
        <v>1563</v>
      </c>
      <c r="R85" s="6">
        <v>671</v>
      </c>
      <c r="S85" s="6">
        <v>6172</v>
      </c>
      <c r="T85" s="6">
        <v>5914</v>
      </c>
      <c r="U85" s="6">
        <v>61</v>
      </c>
      <c r="V85" s="6">
        <v>197</v>
      </c>
      <c r="W85" s="6">
        <v>4428</v>
      </c>
      <c r="X85" s="6">
        <v>46401</v>
      </c>
      <c r="Y85" s="6">
        <v>40601</v>
      </c>
      <c r="Z85" s="6">
        <v>4253</v>
      </c>
      <c r="AA85" s="6">
        <v>51</v>
      </c>
      <c r="AB85" s="6">
        <v>1496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98</v>
      </c>
      <c r="I86" s="9" t="s">
        <v>6</v>
      </c>
      <c r="J86" s="9" t="s">
        <v>36</v>
      </c>
      <c r="K86" s="6">
        <v>71451</v>
      </c>
      <c r="L86" s="6">
        <v>61171</v>
      </c>
      <c r="M86" s="6">
        <v>60404</v>
      </c>
      <c r="N86" s="6">
        <v>53115</v>
      </c>
      <c r="O86" s="6">
        <v>6525</v>
      </c>
      <c r="P86" s="6">
        <v>32</v>
      </c>
      <c r="Q86" s="6">
        <v>732</v>
      </c>
      <c r="R86" s="6">
        <v>767</v>
      </c>
      <c r="S86" s="6">
        <v>5827</v>
      </c>
      <c r="T86" s="6">
        <v>5549</v>
      </c>
      <c r="U86" s="6">
        <v>37</v>
      </c>
      <c r="V86" s="6">
        <v>241</v>
      </c>
      <c r="W86" s="6">
        <v>4453</v>
      </c>
      <c r="X86" s="6">
        <v>53783</v>
      </c>
      <c r="Y86" s="6">
        <v>47606</v>
      </c>
      <c r="Z86" s="6">
        <v>5481</v>
      </c>
      <c r="AA86" s="6">
        <v>26</v>
      </c>
      <c r="AB86" s="6">
        <v>670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98</v>
      </c>
      <c r="I87" s="9" t="s">
        <v>6</v>
      </c>
      <c r="J87" s="9" t="s">
        <v>37</v>
      </c>
      <c r="K87" s="6">
        <v>75000</v>
      </c>
      <c r="L87" s="6">
        <v>65128</v>
      </c>
      <c r="M87" s="6">
        <v>64167</v>
      </c>
      <c r="N87" s="6">
        <v>56256</v>
      </c>
      <c r="O87" s="6">
        <v>7319</v>
      </c>
      <c r="P87" s="6">
        <v>22</v>
      </c>
      <c r="Q87" s="6">
        <v>570</v>
      </c>
      <c r="R87" s="6">
        <v>961</v>
      </c>
      <c r="S87" s="6">
        <v>6064</v>
      </c>
      <c r="T87" s="6">
        <v>5648</v>
      </c>
      <c r="U87" s="6">
        <v>31</v>
      </c>
      <c r="V87" s="6">
        <v>385</v>
      </c>
      <c r="W87" s="6">
        <v>3808</v>
      </c>
      <c r="X87" s="6">
        <v>57191</v>
      </c>
      <c r="Y87" s="6">
        <v>50452</v>
      </c>
      <c r="Z87" s="6">
        <v>6232</v>
      </c>
      <c r="AA87" s="6">
        <v>21</v>
      </c>
      <c r="AB87" s="6">
        <v>486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98</v>
      </c>
      <c r="I88" s="9" t="s">
        <v>6</v>
      </c>
      <c r="J88" s="9" t="s">
        <v>38</v>
      </c>
      <c r="K88" s="6">
        <v>68424</v>
      </c>
      <c r="L88" s="6">
        <v>59068</v>
      </c>
      <c r="M88" s="6">
        <v>58065</v>
      </c>
      <c r="N88" s="6">
        <v>50746</v>
      </c>
      <c r="O88" s="6">
        <v>6737</v>
      </c>
      <c r="P88" s="6">
        <v>14</v>
      </c>
      <c r="Q88" s="6">
        <v>568</v>
      </c>
      <c r="R88" s="6">
        <v>1003</v>
      </c>
      <c r="S88" s="6">
        <v>6646</v>
      </c>
      <c r="T88" s="6">
        <v>6137</v>
      </c>
      <c r="U88" s="6">
        <v>11</v>
      </c>
      <c r="V88" s="6">
        <v>498</v>
      </c>
      <c r="W88" s="6">
        <v>2710</v>
      </c>
      <c r="X88" s="6">
        <v>50646</v>
      </c>
      <c r="Y88" s="6">
        <v>44583</v>
      </c>
      <c r="Z88" s="6">
        <v>5598</v>
      </c>
      <c r="AA88" s="6">
        <v>13</v>
      </c>
      <c r="AB88" s="6">
        <v>452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98</v>
      </c>
      <c r="I89" s="9" t="s">
        <v>6</v>
      </c>
      <c r="J89" s="9" t="s">
        <v>39</v>
      </c>
      <c r="K89" s="6">
        <v>75020</v>
      </c>
      <c r="L89" s="6">
        <v>63550</v>
      </c>
      <c r="M89" s="6">
        <v>62276</v>
      </c>
      <c r="N89" s="6">
        <v>54188</v>
      </c>
      <c r="O89" s="6">
        <v>7304</v>
      </c>
      <c r="P89" s="6">
        <v>6</v>
      </c>
      <c r="Q89" s="6">
        <v>778</v>
      </c>
      <c r="R89" s="6">
        <v>1274</v>
      </c>
      <c r="S89" s="6">
        <v>9476</v>
      </c>
      <c r="T89" s="6">
        <v>8479</v>
      </c>
      <c r="U89" s="6">
        <v>10</v>
      </c>
      <c r="V89" s="6">
        <v>987</v>
      </c>
      <c r="W89" s="6">
        <v>1994</v>
      </c>
      <c r="X89" s="6">
        <v>52993</v>
      </c>
      <c r="Y89" s="6">
        <v>46656</v>
      </c>
      <c r="Z89" s="6">
        <v>5726</v>
      </c>
      <c r="AA89" s="6">
        <v>4</v>
      </c>
      <c r="AB89" s="6">
        <v>607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98</v>
      </c>
      <c r="I90" s="9" t="s">
        <v>6</v>
      </c>
      <c r="J90" s="9" t="s">
        <v>40</v>
      </c>
      <c r="K90" s="6">
        <v>84267</v>
      </c>
      <c r="L90" s="6">
        <v>63078</v>
      </c>
      <c r="M90" s="6">
        <v>61041</v>
      </c>
      <c r="N90" s="6">
        <v>51464</v>
      </c>
      <c r="O90" s="6">
        <v>8489</v>
      </c>
      <c r="P90" s="6">
        <v>11</v>
      </c>
      <c r="Q90" s="6">
        <v>1077</v>
      </c>
      <c r="R90" s="6">
        <v>2037</v>
      </c>
      <c r="S90" s="6">
        <v>19620</v>
      </c>
      <c r="T90" s="6">
        <v>14248</v>
      </c>
      <c r="U90" s="6">
        <v>10</v>
      </c>
      <c r="V90" s="6">
        <v>5362</v>
      </c>
      <c r="W90" s="6">
        <v>1569</v>
      </c>
      <c r="X90" s="6">
        <v>47968</v>
      </c>
      <c r="Y90" s="6">
        <v>41223</v>
      </c>
      <c r="Z90" s="6">
        <v>6010</v>
      </c>
      <c r="AA90" s="6">
        <v>8</v>
      </c>
      <c r="AB90" s="6">
        <v>727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98</v>
      </c>
      <c r="I91" s="9" t="s">
        <v>6</v>
      </c>
      <c r="J91" s="9" t="s">
        <v>41</v>
      </c>
      <c r="K91" s="6">
        <v>95142</v>
      </c>
      <c r="L91" s="6">
        <v>51475</v>
      </c>
      <c r="M91" s="6">
        <v>49950</v>
      </c>
      <c r="N91" s="6">
        <v>39070</v>
      </c>
      <c r="O91" s="6">
        <v>9301</v>
      </c>
      <c r="P91" s="6">
        <v>10</v>
      </c>
      <c r="Q91" s="6">
        <v>1569</v>
      </c>
      <c r="R91" s="6">
        <v>1525</v>
      </c>
      <c r="S91" s="6">
        <v>41641</v>
      </c>
      <c r="T91" s="6">
        <v>20346</v>
      </c>
      <c r="U91" s="6">
        <v>17</v>
      </c>
      <c r="V91" s="6">
        <v>21278</v>
      </c>
      <c r="W91" s="6">
        <v>2026</v>
      </c>
      <c r="X91" s="6">
        <v>32291</v>
      </c>
      <c r="Y91" s="6">
        <v>25765</v>
      </c>
      <c r="Z91" s="6">
        <v>5643</v>
      </c>
      <c r="AA91" s="6">
        <v>8</v>
      </c>
      <c r="AB91" s="6">
        <v>875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98</v>
      </c>
      <c r="I92" s="9" t="s">
        <v>6</v>
      </c>
      <c r="J92" s="9" t="s">
        <v>42</v>
      </c>
      <c r="K92" s="6">
        <v>92577</v>
      </c>
      <c r="L92" s="6">
        <v>34628</v>
      </c>
      <c r="M92" s="6">
        <v>34008</v>
      </c>
      <c r="N92" s="6">
        <v>25551</v>
      </c>
      <c r="O92" s="6">
        <v>7027</v>
      </c>
      <c r="P92" s="6">
        <v>3</v>
      </c>
      <c r="Q92" s="6">
        <v>1427</v>
      </c>
      <c r="R92" s="6">
        <v>620</v>
      </c>
      <c r="S92" s="6">
        <v>54773</v>
      </c>
      <c r="T92" s="6">
        <v>19056</v>
      </c>
      <c r="U92" s="6">
        <v>8</v>
      </c>
      <c r="V92" s="6">
        <v>35709</v>
      </c>
      <c r="W92" s="6">
        <v>3176</v>
      </c>
      <c r="X92" s="6">
        <v>16888</v>
      </c>
      <c r="Y92" s="6">
        <v>12859</v>
      </c>
      <c r="Z92" s="6">
        <v>3398</v>
      </c>
      <c r="AA92" s="10" t="s">
        <v>55</v>
      </c>
      <c r="AB92" s="6">
        <v>631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98</v>
      </c>
      <c r="I93" s="9" t="s">
        <v>6</v>
      </c>
      <c r="J93" s="9" t="s">
        <v>43</v>
      </c>
      <c r="K93" s="6">
        <v>62123</v>
      </c>
      <c r="L93" s="6">
        <v>13841</v>
      </c>
      <c r="M93" s="6">
        <v>13665</v>
      </c>
      <c r="N93" s="6">
        <v>9715</v>
      </c>
      <c r="O93" s="6">
        <v>3249</v>
      </c>
      <c r="P93" s="6">
        <v>3</v>
      </c>
      <c r="Q93" s="6">
        <v>698</v>
      </c>
      <c r="R93" s="6">
        <v>176</v>
      </c>
      <c r="S93" s="6">
        <v>45171</v>
      </c>
      <c r="T93" s="6">
        <v>11151</v>
      </c>
      <c r="U93" s="6">
        <v>7</v>
      </c>
      <c r="V93" s="6">
        <v>34013</v>
      </c>
      <c r="W93" s="6">
        <v>3111</v>
      </c>
      <c r="X93" s="6">
        <v>4358</v>
      </c>
      <c r="Y93" s="6">
        <v>3238</v>
      </c>
      <c r="Z93" s="6">
        <v>951</v>
      </c>
      <c r="AA93" s="6">
        <v>1</v>
      </c>
      <c r="AB93" s="6">
        <v>168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98</v>
      </c>
      <c r="I94" s="9" t="s">
        <v>6</v>
      </c>
      <c r="J94" s="9" t="s">
        <v>44</v>
      </c>
      <c r="K94" s="6">
        <v>45661</v>
      </c>
      <c r="L94" s="6">
        <v>6560</v>
      </c>
      <c r="M94" s="6">
        <v>6485</v>
      </c>
      <c r="N94" s="6">
        <v>4497</v>
      </c>
      <c r="O94" s="6">
        <v>1536</v>
      </c>
      <c r="P94" s="10" t="s">
        <v>55</v>
      </c>
      <c r="Q94" s="6">
        <v>452</v>
      </c>
      <c r="R94" s="6">
        <v>75</v>
      </c>
      <c r="S94" s="6">
        <v>36516</v>
      </c>
      <c r="T94" s="6">
        <v>6510</v>
      </c>
      <c r="U94" s="6">
        <v>6</v>
      </c>
      <c r="V94" s="6">
        <v>30000</v>
      </c>
      <c r="W94" s="6">
        <v>2585</v>
      </c>
      <c r="X94" s="6">
        <v>1270</v>
      </c>
      <c r="Y94" s="6">
        <v>916</v>
      </c>
      <c r="Z94" s="6">
        <v>285</v>
      </c>
      <c r="AA94" s="10" t="s">
        <v>55</v>
      </c>
      <c r="AB94" s="6">
        <v>69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98</v>
      </c>
      <c r="I95" s="9" t="s">
        <v>6</v>
      </c>
      <c r="J95" s="9" t="s">
        <v>45</v>
      </c>
      <c r="K95" s="6">
        <v>25680</v>
      </c>
      <c r="L95" s="6">
        <v>2042</v>
      </c>
      <c r="M95" s="6">
        <v>2016</v>
      </c>
      <c r="N95" s="6">
        <v>1335</v>
      </c>
      <c r="O95" s="6">
        <v>474</v>
      </c>
      <c r="P95" s="6">
        <v>2</v>
      </c>
      <c r="Q95" s="6">
        <v>205</v>
      </c>
      <c r="R95" s="6">
        <v>26</v>
      </c>
      <c r="S95" s="6">
        <v>22304</v>
      </c>
      <c r="T95" s="6">
        <v>2615</v>
      </c>
      <c r="U95" s="6">
        <v>3</v>
      </c>
      <c r="V95" s="6">
        <v>19686</v>
      </c>
      <c r="W95" s="6">
        <v>1334</v>
      </c>
      <c r="X95" s="6">
        <v>348</v>
      </c>
      <c r="Y95" s="6">
        <v>236</v>
      </c>
      <c r="Z95" s="6">
        <v>86</v>
      </c>
      <c r="AA95" s="10" t="s">
        <v>55</v>
      </c>
      <c r="AB95" s="6">
        <v>26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98</v>
      </c>
      <c r="I96" s="9" t="s">
        <v>6</v>
      </c>
      <c r="J96" s="9" t="s">
        <v>46</v>
      </c>
      <c r="K96" s="6">
        <v>7803</v>
      </c>
      <c r="L96" s="6">
        <v>324</v>
      </c>
      <c r="M96" s="6">
        <v>320</v>
      </c>
      <c r="N96" s="6">
        <v>207</v>
      </c>
      <c r="O96" s="6">
        <v>68</v>
      </c>
      <c r="P96" s="10" t="s">
        <v>55</v>
      </c>
      <c r="Q96" s="6">
        <v>45</v>
      </c>
      <c r="R96" s="6">
        <v>4</v>
      </c>
      <c r="S96" s="6">
        <v>7105</v>
      </c>
      <c r="T96" s="6">
        <v>509</v>
      </c>
      <c r="U96" s="10" t="s">
        <v>55</v>
      </c>
      <c r="V96" s="6">
        <v>6596</v>
      </c>
      <c r="W96" s="6">
        <v>374</v>
      </c>
      <c r="X96" s="6">
        <v>66</v>
      </c>
      <c r="Y96" s="6">
        <v>45</v>
      </c>
      <c r="Z96" s="6">
        <v>14</v>
      </c>
      <c r="AA96" s="10" t="s">
        <v>55</v>
      </c>
      <c r="AB96" s="6">
        <v>7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98</v>
      </c>
      <c r="I97" s="9" t="s">
        <v>6</v>
      </c>
      <c r="J97" s="9" t="s">
        <v>47</v>
      </c>
      <c r="K97" s="6">
        <v>1083</v>
      </c>
      <c r="L97" s="6">
        <v>17</v>
      </c>
      <c r="M97" s="6">
        <v>16</v>
      </c>
      <c r="N97" s="6">
        <v>10</v>
      </c>
      <c r="O97" s="6">
        <v>3</v>
      </c>
      <c r="P97" s="10" t="s">
        <v>55</v>
      </c>
      <c r="Q97" s="6">
        <v>3</v>
      </c>
      <c r="R97" s="6">
        <v>1</v>
      </c>
      <c r="S97" s="6">
        <v>1032</v>
      </c>
      <c r="T97" s="6">
        <v>35</v>
      </c>
      <c r="U97" s="10" t="s">
        <v>55</v>
      </c>
      <c r="V97" s="6">
        <v>997</v>
      </c>
      <c r="W97" s="6">
        <v>34</v>
      </c>
      <c r="X97" s="6">
        <v>4</v>
      </c>
      <c r="Y97" s="6">
        <v>4</v>
      </c>
      <c r="Z97" s="10" t="s">
        <v>55</v>
      </c>
      <c r="AA97" s="10" t="s">
        <v>55</v>
      </c>
      <c r="AB97" s="10" t="s">
        <v>55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98</v>
      </c>
      <c r="I98" s="9" t="s">
        <v>6</v>
      </c>
      <c r="J98" s="9" t="s">
        <v>48</v>
      </c>
      <c r="K98" s="6">
        <v>512451</v>
      </c>
      <c r="L98" s="6">
        <v>423755</v>
      </c>
      <c r="M98" s="6">
        <v>416091</v>
      </c>
      <c r="N98" s="6">
        <v>360348</v>
      </c>
      <c r="O98" s="6">
        <v>46326</v>
      </c>
      <c r="P98" s="6">
        <v>268</v>
      </c>
      <c r="Q98" s="6">
        <v>9149</v>
      </c>
      <c r="R98" s="6">
        <v>7664</v>
      </c>
      <c r="S98" s="6">
        <v>62731</v>
      </c>
      <c r="T98" s="6">
        <v>54454</v>
      </c>
      <c r="U98" s="6">
        <v>317</v>
      </c>
      <c r="V98" s="6">
        <v>7960</v>
      </c>
      <c r="W98" s="6">
        <v>25965</v>
      </c>
      <c r="X98" s="6">
        <v>363598</v>
      </c>
      <c r="Y98" s="6">
        <v>317696</v>
      </c>
      <c r="Z98" s="6">
        <v>37444</v>
      </c>
      <c r="AA98" s="6">
        <v>246</v>
      </c>
      <c r="AB98" s="6">
        <v>8212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98</v>
      </c>
      <c r="I99" s="9" t="s">
        <v>6</v>
      </c>
      <c r="J99" s="9" t="s">
        <v>49</v>
      </c>
      <c r="K99" s="6">
        <v>330069</v>
      </c>
      <c r="L99" s="6">
        <v>108887</v>
      </c>
      <c r="M99" s="6">
        <v>106460</v>
      </c>
      <c r="N99" s="6">
        <v>80385</v>
      </c>
      <c r="O99" s="6">
        <v>21658</v>
      </c>
      <c r="P99" s="6">
        <v>18</v>
      </c>
      <c r="Q99" s="6">
        <v>4399</v>
      </c>
      <c r="R99" s="6">
        <v>2427</v>
      </c>
      <c r="S99" s="6">
        <v>208542</v>
      </c>
      <c r="T99" s="6">
        <v>60222</v>
      </c>
      <c r="U99" s="6">
        <v>41</v>
      </c>
      <c r="V99" s="6">
        <v>148279</v>
      </c>
      <c r="W99" s="6">
        <v>12640</v>
      </c>
      <c r="X99" s="6">
        <v>55225</v>
      </c>
      <c r="Y99" s="6">
        <v>43063</v>
      </c>
      <c r="Z99" s="6">
        <v>10377</v>
      </c>
      <c r="AA99" s="6">
        <v>9</v>
      </c>
      <c r="AB99" s="6">
        <v>1776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98</v>
      </c>
      <c r="I100" s="9" t="s">
        <v>6</v>
      </c>
      <c r="J100" s="9" t="s">
        <v>50</v>
      </c>
      <c r="K100" s="6">
        <v>142350</v>
      </c>
      <c r="L100" s="6">
        <v>22784</v>
      </c>
      <c r="M100" s="6">
        <v>22502</v>
      </c>
      <c r="N100" s="6">
        <v>15764</v>
      </c>
      <c r="O100" s="6">
        <v>5330</v>
      </c>
      <c r="P100" s="6">
        <v>5</v>
      </c>
      <c r="Q100" s="6">
        <v>1403</v>
      </c>
      <c r="R100" s="6">
        <v>282</v>
      </c>
      <c r="S100" s="6">
        <v>112128</v>
      </c>
      <c r="T100" s="6">
        <v>20820</v>
      </c>
      <c r="U100" s="6">
        <v>16</v>
      </c>
      <c r="V100" s="6">
        <v>91292</v>
      </c>
      <c r="W100" s="6">
        <v>7438</v>
      </c>
      <c r="X100" s="6">
        <v>6046</v>
      </c>
      <c r="Y100" s="6">
        <v>4439</v>
      </c>
      <c r="Z100" s="6">
        <v>1336</v>
      </c>
      <c r="AA100" s="6">
        <v>1</v>
      </c>
      <c r="AB100" s="6">
        <v>270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98</v>
      </c>
      <c r="I101" s="9" t="s">
        <v>6</v>
      </c>
      <c r="J101" s="9" t="s">
        <v>51</v>
      </c>
      <c r="K101" s="6">
        <v>34566</v>
      </c>
      <c r="L101" s="6">
        <v>2383</v>
      </c>
      <c r="M101" s="6">
        <v>2352</v>
      </c>
      <c r="N101" s="6">
        <v>1552</v>
      </c>
      <c r="O101" s="6">
        <v>545</v>
      </c>
      <c r="P101" s="6">
        <v>2</v>
      </c>
      <c r="Q101" s="6">
        <v>253</v>
      </c>
      <c r="R101" s="6">
        <v>31</v>
      </c>
      <c r="S101" s="6">
        <v>30441</v>
      </c>
      <c r="T101" s="6">
        <v>3159</v>
      </c>
      <c r="U101" s="6">
        <v>3</v>
      </c>
      <c r="V101" s="6">
        <v>27279</v>
      </c>
      <c r="W101" s="6">
        <v>1742</v>
      </c>
      <c r="X101" s="6">
        <v>418</v>
      </c>
      <c r="Y101" s="6">
        <v>285</v>
      </c>
      <c r="Z101" s="6">
        <v>100</v>
      </c>
      <c r="AA101" s="10" t="s">
        <v>55</v>
      </c>
      <c r="AB101" s="6">
        <v>33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98</v>
      </c>
      <c r="I102" s="9" t="s">
        <v>6</v>
      </c>
      <c r="J102" s="9" t="s">
        <v>52</v>
      </c>
      <c r="K102" s="6">
        <v>607346</v>
      </c>
      <c r="L102" s="6">
        <v>475114</v>
      </c>
      <c r="M102" s="6">
        <v>465935</v>
      </c>
      <c r="N102" s="6">
        <v>399344</v>
      </c>
      <c r="O102" s="6">
        <v>55615</v>
      </c>
      <c r="P102" s="6">
        <v>266</v>
      </c>
      <c r="Q102" s="6">
        <v>10710</v>
      </c>
      <c r="R102" s="6">
        <v>9179</v>
      </c>
      <c r="S102" s="6">
        <v>104297</v>
      </c>
      <c r="T102" s="6">
        <v>74752</v>
      </c>
      <c r="U102" s="6">
        <v>310</v>
      </c>
      <c r="V102" s="6">
        <v>29235</v>
      </c>
      <c r="W102" s="6">
        <v>27935</v>
      </c>
      <c r="X102" s="6">
        <v>395789</v>
      </c>
      <c r="Y102" s="6">
        <v>343391</v>
      </c>
      <c r="Z102" s="6">
        <v>43077</v>
      </c>
      <c r="AA102" s="6">
        <v>242</v>
      </c>
      <c r="AB102" s="6">
        <v>9079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98</v>
      </c>
      <c r="I103" s="9" t="s">
        <v>53</v>
      </c>
      <c r="J103" s="9" t="s">
        <v>30</v>
      </c>
      <c r="K103" s="6">
        <v>419854</v>
      </c>
      <c r="L103" s="6">
        <v>293060</v>
      </c>
      <c r="M103" s="6">
        <v>287276</v>
      </c>
      <c r="N103" s="6">
        <v>275473</v>
      </c>
      <c r="O103" s="6">
        <v>6086</v>
      </c>
      <c r="P103" s="6">
        <v>143</v>
      </c>
      <c r="Q103" s="6">
        <v>5574</v>
      </c>
      <c r="R103" s="6">
        <v>5784</v>
      </c>
      <c r="S103" s="6">
        <v>107931</v>
      </c>
      <c r="T103" s="6">
        <v>12923</v>
      </c>
      <c r="U103" s="6">
        <v>146</v>
      </c>
      <c r="V103" s="6">
        <v>94862</v>
      </c>
      <c r="W103" s="6">
        <v>18863</v>
      </c>
      <c r="X103" s="6">
        <v>224813</v>
      </c>
      <c r="Y103" s="6">
        <v>218935</v>
      </c>
      <c r="Z103" s="6">
        <v>3009</v>
      </c>
      <c r="AA103" s="6">
        <v>129</v>
      </c>
      <c r="AB103" s="6">
        <v>2740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98</v>
      </c>
      <c r="I104" s="9" t="s">
        <v>53</v>
      </c>
      <c r="J104" s="9" t="s">
        <v>31</v>
      </c>
      <c r="K104" s="6">
        <v>100</v>
      </c>
      <c r="L104" s="6">
        <v>66</v>
      </c>
      <c r="M104" s="6">
        <v>62</v>
      </c>
      <c r="N104" s="6">
        <v>54</v>
      </c>
      <c r="O104" s="10" t="s">
        <v>55</v>
      </c>
      <c r="P104" s="6">
        <v>8</v>
      </c>
      <c r="Q104" s="10" t="s">
        <v>55</v>
      </c>
      <c r="R104" s="6">
        <v>4</v>
      </c>
      <c r="S104" s="6">
        <v>17</v>
      </c>
      <c r="T104" s="10" t="s">
        <v>55</v>
      </c>
      <c r="U104" s="6">
        <v>14</v>
      </c>
      <c r="V104" s="6">
        <v>3</v>
      </c>
      <c r="W104" s="6">
        <v>17</v>
      </c>
      <c r="X104" s="6">
        <v>60</v>
      </c>
      <c r="Y104" s="6">
        <v>52</v>
      </c>
      <c r="Z104" s="10" t="s">
        <v>55</v>
      </c>
      <c r="AA104" s="6">
        <v>8</v>
      </c>
      <c r="AB104" s="10" t="s">
        <v>55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98</v>
      </c>
      <c r="I105" s="9" t="s">
        <v>53</v>
      </c>
      <c r="J105" s="9" t="s">
        <v>32</v>
      </c>
      <c r="K105" s="6">
        <v>2160</v>
      </c>
      <c r="L105" s="6">
        <v>1831</v>
      </c>
      <c r="M105" s="6">
        <v>1783</v>
      </c>
      <c r="N105" s="6">
        <v>1746</v>
      </c>
      <c r="O105" s="6">
        <v>6</v>
      </c>
      <c r="P105" s="6">
        <v>18</v>
      </c>
      <c r="Q105" s="6">
        <v>13</v>
      </c>
      <c r="R105" s="6">
        <v>48</v>
      </c>
      <c r="S105" s="6">
        <v>30</v>
      </c>
      <c r="T105" s="6">
        <v>5</v>
      </c>
      <c r="U105" s="6">
        <v>19</v>
      </c>
      <c r="V105" s="6">
        <v>6</v>
      </c>
      <c r="W105" s="6">
        <v>299</v>
      </c>
      <c r="X105" s="6">
        <v>1630</v>
      </c>
      <c r="Y105" s="6">
        <v>1596</v>
      </c>
      <c r="Z105" s="6">
        <v>6</v>
      </c>
      <c r="AA105" s="6">
        <v>18</v>
      </c>
      <c r="AB105" s="6">
        <v>10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98</v>
      </c>
      <c r="I106" s="9" t="s">
        <v>53</v>
      </c>
      <c r="J106" s="9" t="s">
        <v>33</v>
      </c>
      <c r="K106" s="6">
        <v>10390</v>
      </c>
      <c r="L106" s="6">
        <v>9332</v>
      </c>
      <c r="M106" s="6">
        <v>9227</v>
      </c>
      <c r="N106" s="6">
        <v>9119</v>
      </c>
      <c r="O106" s="6">
        <v>36</v>
      </c>
      <c r="P106" s="6">
        <v>13</v>
      </c>
      <c r="Q106" s="6">
        <v>59</v>
      </c>
      <c r="R106" s="6">
        <v>105</v>
      </c>
      <c r="S106" s="6">
        <v>59</v>
      </c>
      <c r="T106" s="6">
        <v>24</v>
      </c>
      <c r="U106" s="6">
        <v>15</v>
      </c>
      <c r="V106" s="6">
        <v>20</v>
      </c>
      <c r="W106" s="6">
        <v>999</v>
      </c>
      <c r="X106" s="6">
        <v>8547</v>
      </c>
      <c r="Y106" s="6">
        <v>8457</v>
      </c>
      <c r="Z106" s="6">
        <v>27</v>
      </c>
      <c r="AA106" s="6">
        <v>13</v>
      </c>
      <c r="AB106" s="6">
        <v>50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98</v>
      </c>
      <c r="I107" s="9" t="s">
        <v>53</v>
      </c>
      <c r="J107" s="9" t="s">
        <v>34</v>
      </c>
      <c r="K107" s="6">
        <v>21192</v>
      </c>
      <c r="L107" s="6">
        <v>19373</v>
      </c>
      <c r="M107" s="6">
        <v>19191</v>
      </c>
      <c r="N107" s="6">
        <v>18958</v>
      </c>
      <c r="O107" s="6">
        <v>61</v>
      </c>
      <c r="P107" s="6">
        <v>38</v>
      </c>
      <c r="Q107" s="6">
        <v>134</v>
      </c>
      <c r="R107" s="6">
        <v>182</v>
      </c>
      <c r="S107" s="6">
        <v>85</v>
      </c>
      <c r="T107" s="6">
        <v>30</v>
      </c>
      <c r="U107" s="6">
        <v>25</v>
      </c>
      <c r="V107" s="6">
        <v>30</v>
      </c>
      <c r="W107" s="6">
        <v>1734</v>
      </c>
      <c r="X107" s="6">
        <v>17630</v>
      </c>
      <c r="Y107" s="6">
        <v>17440</v>
      </c>
      <c r="Z107" s="6">
        <v>41</v>
      </c>
      <c r="AA107" s="6">
        <v>36</v>
      </c>
      <c r="AB107" s="6">
        <v>113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98</v>
      </c>
      <c r="I108" s="9" t="s">
        <v>53</v>
      </c>
      <c r="J108" s="9" t="s">
        <v>35</v>
      </c>
      <c r="K108" s="6">
        <v>29690</v>
      </c>
      <c r="L108" s="6">
        <v>27403</v>
      </c>
      <c r="M108" s="6">
        <v>27139</v>
      </c>
      <c r="N108" s="6">
        <v>26849</v>
      </c>
      <c r="O108" s="6">
        <v>97</v>
      </c>
      <c r="P108" s="6">
        <v>26</v>
      </c>
      <c r="Q108" s="6">
        <v>167</v>
      </c>
      <c r="R108" s="6">
        <v>264</v>
      </c>
      <c r="S108" s="6">
        <v>156</v>
      </c>
      <c r="T108" s="6">
        <v>66</v>
      </c>
      <c r="U108" s="6">
        <v>24</v>
      </c>
      <c r="V108" s="6">
        <v>66</v>
      </c>
      <c r="W108" s="6">
        <v>2131</v>
      </c>
      <c r="X108" s="6">
        <v>24216</v>
      </c>
      <c r="Y108" s="6">
        <v>24003</v>
      </c>
      <c r="Z108" s="6">
        <v>57</v>
      </c>
      <c r="AA108" s="6">
        <v>25</v>
      </c>
      <c r="AB108" s="6">
        <v>131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98</v>
      </c>
      <c r="I109" s="9" t="s">
        <v>53</v>
      </c>
      <c r="J109" s="9" t="s">
        <v>36</v>
      </c>
      <c r="K109" s="6">
        <v>34717</v>
      </c>
      <c r="L109" s="6">
        <v>32312</v>
      </c>
      <c r="M109" s="6">
        <v>31978</v>
      </c>
      <c r="N109" s="6">
        <v>31682</v>
      </c>
      <c r="O109" s="6">
        <v>118</v>
      </c>
      <c r="P109" s="6">
        <v>13</v>
      </c>
      <c r="Q109" s="6">
        <v>165</v>
      </c>
      <c r="R109" s="6">
        <v>334</v>
      </c>
      <c r="S109" s="6">
        <v>215</v>
      </c>
      <c r="T109" s="6">
        <v>94</v>
      </c>
      <c r="U109" s="6">
        <v>10</v>
      </c>
      <c r="V109" s="6">
        <v>111</v>
      </c>
      <c r="W109" s="6">
        <v>2190</v>
      </c>
      <c r="X109" s="6">
        <v>27971</v>
      </c>
      <c r="Y109" s="6">
        <v>27762</v>
      </c>
      <c r="Z109" s="6">
        <v>75</v>
      </c>
      <c r="AA109" s="6">
        <v>11</v>
      </c>
      <c r="AB109" s="6">
        <v>123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98</v>
      </c>
      <c r="I110" s="9" t="s">
        <v>53</v>
      </c>
      <c r="J110" s="9" t="s">
        <v>37</v>
      </c>
      <c r="K110" s="6">
        <v>36500</v>
      </c>
      <c r="L110" s="6">
        <v>34320</v>
      </c>
      <c r="M110" s="6">
        <v>33936</v>
      </c>
      <c r="N110" s="6">
        <v>33567</v>
      </c>
      <c r="O110" s="6">
        <v>123</v>
      </c>
      <c r="P110" s="6">
        <v>7</v>
      </c>
      <c r="Q110" s="6">
        <v>239</v>
      </c>
      <c r="R110" s="6">
        <v>384</v>
      </c>
      <c r="S110" s="6">
        <v>334</v>
      </c>
      <c r="T110" s="6">
        <v>122</v>
      </c>
      <c r="U110" s="6">
        <v>12</v>
      </c>
      <c r="V110" s="6">
        <v>200</v>
      </c>
      <c r="W110" s="6">
        <v>1846</v>
      </c>
      <c r="X110" s="6">
        <v>29836</v>
      </c>
      <c r="Y110" s="6">
        <v>29577</v>
      </c>
      <c r="Z110" s="6">
        <v>74</v>
      </c>
      <c r="AA110" s="6">
        <v>7</v>
      </c>
      <c r="AB110" s="6">
        <v>178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98</v>
      </c>
      <c r="I111" s="9" t="s">
        <v>53</v>
      </c>
      <c r="J111" s="9" t="s">
        <v>38</v>
      </c>
      <c r="K111" s="6">
        <v>32105</v>
      </c>
      <c r="L111" s="6">
        <v>30318</v>
      </c>
      <c r="M111" s="6">
        <v>29910</v>
      </c>
      <c r="N111" s="6">
        <v>29495</v>
      </c>
      <c r="O111" s="6">
        <v>124</v>
      </c>
      <c r="P111" s="6">
        <v>6</v>
      </c>
      <c r="Q111" s="6">
        <v>285</v>
      </c>
      <c r="R111" s="6">
        <v>408</v>
      </c>
      <c r="S111" s="6">
        <v>406</v>
      </c>
      <c r="T111" s="6">
        <v>141</v>
      </c>
      <c r="U111" s="6">
        <v>5</v>
      </c>
      <c r="V111" s="6">
        <v>260</v>
      </c>
      <c r="W111" s="6">
        <v>1381</v>
      </c>
      <c r="X111" s="6">
        <v>25746</v>
      </c>
      <c r="Y111" s="6">
        <v>25475</v>
      </c>
      <c r="Z111" s="6">
        <v>67</v>
      </c>
      <c r="AA111" s="6">
        <v>6</v>
      </c>
      <c r="AB111" s="6">
        <v>198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98</v>
      </c>
      <c r="I112" s="9" t="s">
        <v>53</v>
      </c>
      <c r="J112" s="9" t="s">
        <v>39</v>
      </c>
      <c r="K112" s="6">
        <v>35476</v>
      </c>
      <c r="L112" s="6">
        <v>33686</v>
      </c>
      <c r="M112" s="6">
        <v>33008</v>
      </c>
      <c r="N112" s="6">
        <v>32403</v>
      </c>
      <c r="O112" s="6">
        <v>191</v>
      </c>
      <c r="P112" s="6">
        <v>1</v>
      </c>
      <c r="Q112" s="6">
        <v>413</v>
      </c>
      <c r="R112" s="6">
        <v>678</v>
      </c>
      <c r="S112" s="6">
        <v>771</v>
      </c>
      <c r="T112" s="6">
        <v>238</v>
      </c>
      <c r="U112" s="6">
        <v>5</v>
      </c>
      <c r="V112" s="6">
        <v>528</v>
      </c>
      <c r="W112" s="6">
        <v>1019</v>
      </c>
      <c r="X112" s="6">
        <v>27930</v>
      </c>
      <c r="Y112" s="6">
        <v>27544</v>
      </c>
      <c r="Z112" s="6">
        <v>103</v>
      </c>
      <c r="AA112" s="10" t="s">
        <v>55</v>
      </c>
      <c r="AB112" s="6">
        <v>283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98</v>
      </c>
      <c r="I113" s="9" t="s">
        <v>53</v>
      </c>
      <c r="J113" s="9" t="s">
        <v>40</v>
      </c>
      <c r="K113" s="6">
        <v>40706</v>
      </c>
      <c r="L113" s="6">
        <v>35814</v>
      </c>
      <c r="M113" s="6">
        <v>34434</v>
      </c>
      <c r="N113" s="6">
        <v>33162</v>
      </c>
      <c r="O113" s="6">
        <v>586</v>
      </c>
      <c r="P113" s="6">
        <v>6</v>
      </c>
      <c r="Q113" s="6">
        <v>680</v>
      </c>
      <c r="R113" s="6">
        <v>1380</v>
      </c>
      <c r="S113" s="6">
        <v>4073</v>
      </c>
      <c r="T113" s="6">
        <v>1047</v>
      </c>
      <c r="U113" s="6">
        <v>3</v>
      </c>
      <c r="V113" s="6">
        <v>3023</v>
      </c>
      <c r="W113" s="6">
        <v>819</v>
      </c>
      <c r="X113" s="6">
        <v>26846</v>
      </c>
      <c r="Y113" s="6">
        <v>26123</v>
      </c>
      <c r="Z113" s="6">
        <v>321</v>
      </c>
      <c r="AA113" s="6">
        <v>3</v>
      </c>
      <c r="AB113" s="6">
        <v>399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98</v>
      </c>
      <c r="I114" s="9" t="s">
        <v>53</v>
      </c>
      <c r="J114" s="9" t="s">
        <v>41</v>
      </c>
      <c r="K114" s="6">
        <v>47472</v>
      </c>
      <c r="L114" s="6">
        <v>31107</v>
      </c>
      <c r="M114" s="6">
        <v>29860</v>
      </c>
      <c r="N114" s="6">
        <v>27172</v>
      </c>
      <c r="O114" s="6">
        <v>1519</v>
      </c>
      <c r="P114" s="6">
        <v>3</v>
      </c>
      <c r="Q114" s="6">
        <v>1166</v>
      </c>
      <c r="R114" s="6">
        <v>1247</v>
      </c>
      <c r="S114" s="6">
        <v>15440</v>
      </c>
      <c r="T114" s="6">
        <v>2697</v>
      </c>
      <c r="U114" s="6">
        <v>5</v>
      </c>
      <c r="V114" s="6">
        <v>12738</v>
      </c>
      <c r="W114" s="6">
        <v>925</v>
      </c>
      <c r="X114" s="6">
        <v>19216</v>
      </c>
      <c r="Y114" s="6">
        <v>17747</v>
      </c>
      <c r="Z114" s="6">
        <v>901</v>
      </c>
      <c r="AA114" s="6">
        <v>2</v>
      </c>
      <c r="AB114" s="6">
        <v>566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98</v>
      </c>
      <c r="I115" s="9" t="s">
        <v>53</v>
      </c>
      <c r="J115" s="9" t="s">
        <v>42</v>
      </c>
      <c r="K115" s="6">
        <v>48510</v>
      </c>
      <c r="L115" s="6">
        <v>22213</v>
      </c>
      <c r="M115" s="6">
        <v>21692</v>
      </c>
      <c r="N115" s="6">
        <v>18954</v>
      </c>
      <c r="O115" s="6">
        <v>1588</v>
      </c>
      <c r="P115" s="6">
        <v>2</v>
      </c>
      <c r="Q115" s="6">
        <v>1148</v>
      </c>
      <c r="R115" s="6">
        <v>521</v>
      </c>
      <c r="S115" s="6">
        <v>24822</v>
      </c>
      <c r="T115" s="6">
        <v>3140</v>
      </c>
      <c r="U115" s="6">
        <v>3</v>
      </c>
      <c r="V115" s="6">
        <v>21679</v>
      </c>
      <c r="W115" s="6">
        <v>1475</v>
      </c>
      <c r="X115" s="6">
        <v>10922</v>
      </c>
      <c r="Y115" s="6">
        <v>9597</v>
      </c>
      <c r="Z115" s="6">
        <v>846</v>
      </c>
      <c r="AA115" s="10" t="s">
        <v>55</v>
      </c>
      <c r="AB115" s="6">
        <v>479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98</v>
      </c>
      <c r="I116" s="9" t="s">
        <v>53</v>
      </c>
      <c r="J116" s="9" t="s">
        <v>43</v>
      </c>
      <c r="K116" s="6">
        <v>32693</v>
      </c>
      <c r="L116" s="6">
        <v>8924</v>
      </c>
      <c r="M116" s="6">
        <v>8781</v>
      </c>
      <c r="N116" s="6">
        <v>7369</v>
      </c>
      <c r="O116" s="6">
        <v>859</v>
      </c>
      <c r="P116" s="10" t="s">
        <v>55</v>
      </c>
      <c r="Q116" s="6">
        <v>553</v>
      </c>
      <c r="R116" s="6">
        <v>143</v>
      </c>
      <c r="S116" s="6">
        <v>22283</v>
      </c>
      <c r="T116" s="6">
        <v>2358</v>
      </c>
      <c r="U116" s="6">
        <v>2</v>
      </c>
      <c r="V116" s="6">
        <v>19923</v>
      </c>
      <c r="W116" s="6">
        <v>1486</v>
      </c>
      <c r="X116" s="6">
        <v>3015</v>
      </c>
      <c r="Y116" s="6">
        <v>2555</v>
      </c>
      <c r="Z116" s="6">
        <v>325</v>
      </c>
      <c r="AA116" s="10" t="s">
        <v>55</v>
      </c>
      <c r="AB116" s="6">
        <v>135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98</v>
      </c>
      <c r="I117" s="9" t="s">
        <v>53</v>
      </c>
      <c r="J117" s="9" t="s">
        <v>44</v>
      </c>
      <c r="K117" s="6">
        <v>25794</v>
      </c>
      <c r="L117" s="6">
        <v>4492</v>
      </c>
      <c r="M117" s="6">
        <v>4433</v>
      </c>
      <c r="N117" s="6">
        <v>3576</v>
      </c>
      <c r="O117" s="6">
        <v>510</v>
      </c>
      <c r="P117" s="10" t="s">
        <v>55</v>
      </c>
      <c r="Q117" s="6">
        <v>347</v>
      </c>
      <c r="R117" s="6">
        <v>59</v>
      </c>
      <c r="S117" s="6">
        <v>19875</v>
      </c>
      <c r="T117" s="6">
        <v>1771</v>
      </c>
      <c r="U117" s="6">
        <v>2</v>
      </c>
      <c r="V117" s="6">
        <v>18102</v>
      </c>
      <c r="W117" s="6">
        <v>1427</v>
      </c>
      <c r="X117" s="6">
        <v>911</v>
      </c>
      <c r="Y117" s="6">
        <v>746</v>
      </c>
      <c r="Z117" s="6">
        <v>115</v>
      </c>
      <c r="AA117" s="10" t="s">
        <v>55</v>
      </c>
      <c r="AB117" s="6">
        <v>50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98</v>
      </c>
      <c r="I118" s="9" t="s">
        <v>53</v>
      </c>
      <c r="J118" s="9" t="s">
        <v>45</v>
      </c>
      <c r="K118" s="6">
        <v>16114</v>
      </c>
      <c r="L118" s="6">
        <v>1569</v>
      </c>
      <c r="M118" s="6">
        <v>1545</v>
      </c>
      <c r="N118" s="6">
        <v>1164</v>
      </c>
      <c r="O118" s="6">
        <v>215</v>
      </c>
      <c r="P118" s="6">
        <v>2</v>
      </c>
      <c r="Q118" s="6">
        <v>164</v>
      </c>
      <c r="R118" s="6">
        <v>24</v>
      </c>
      <c r="S118" s="6">
        <v>13719</v>
      </c>
      <c r="T118" s="6">
        <v>909</v>
      </c>
      <c r="U118" s="6">
        <v>2</v>
      </c>
      <c r="V118" s="6">
        <v>12808</v>
      </c>
      <c r="W118" s="6">
        <v>826</v>
      </c>
      <c r="X118" s="6">
        <v>275</v>
      </c>
      <c r="Y118" s="6">
        <v>216</v>
      </c>
      <c r="Z118" s="6">
        <v>40</v>
      </c>
      <c r="AA118" s="10" t="s">
        <v>55</v>
      </c>
      <c r="AB118" s="6">
        <v>19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98</v>
      </c>
      <c r="I119" s="9" t="s">
        <v>53</v>
      </c>
      <c r="J119" s="9" t="s">
        <v>46</v>
      </c>
      <c r="K119" s="6">
        <v>5483</v>
      </c>
      <c r="L119" s="6">
        <v>284</v>
      </c>
      <c r="M119" s="6">
        <v>282</v>
      </c>
      <c r="N119" s="6">
        <v>194</v>
      </c>
      <c r="O119" s="6">
        <v>50</v>
      </c>
      <c r="P119" s="10" t="s">
        <v>55</v>
      </c>
      <c r="Q119" s="6">
        <v>38</v>
      </c>
      <c r="R119" s="6">
        <v>2</v>
      </c>
      <c r="S119" s="6">
        <v>4934</v>
      </c>
      <c r="T119" s="6">
        <v>266</v>
      </c>
      <c r="U119" s="10" t="s">
        <v>55</v>
      </c>
      <c r="V119" s="6">
        <v>4668</v>
      </c>
      <c r="W119" s="6">
        <v>265</v>
      </c>
      <c r="X119" s="6">
        <v>58</v>
      </c>
      <c r="Y119" s="6">
        <v>41</v>
      </c>
      <c r="Z119" s="6">
        <v>11</v>
      </c>
      <c r="AA119" s="10" t="s">
        <v>55</v>
      </c>
      <c r="AB119" s="6">
        <v>6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98</v>
      </c>
      <c r="I120" s="9" t="s">
        <v>53</v>
      </c>
      <c r="J120" s="9" t="s">
        <v>47</v>
      </c>
      <c r="K120" s="6">
        <v>752</v>
      </c>
      <c r="L120" s="6">
        <v>16</v>
      </c>
      <c r="M120" s="6">
        <v>15</v>
      </c>
      <c r="N120" s="6">
        <v>9</v>
      </c>
      <c r="O120" s="6">
        <v>3</v>
      </c>
      <c r="P120" s="10" t="s">
        <v>55</v>
      </c>
      <c r="Q120" s="6">
        <v>3</v>
      </c>
      <c r="R120" s="6">
        <v>1</v>
      </c>
      <c r="S120" s="6">
        <v>712</v>
      </c>
      <c r="T120" s="6">
        <v>15</v>
      </c>
      <c r="U120" s="10" t="s">
        <v>55</v>
      </c>
      <c r="V120" s="6">
        <v>697</v>
      </c>
      <c r="W120" s="6">
        <v>24</v>
      </c>
      <c r="X120" s="6">
        <v>4</v>
      </c>
      <c r="Y120" s="6">
        <v>4</v>
      </c>
      <c r="Z120" s="10" t="s">
        <v>55</v>
      </c>
      <c r="AA120" s="10" t="s">
        <v>55</v>
      </c>
      <c r="AB120" s="10" t="s">
        <v>55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98</v>
      </c>
      <c r="I121" s="9" t="s">
        <v>53</v>
      </c>
      <c r="J121" s="9" t="s">
        <v>48</v>
      </c>
      <c r="K121" s="6">
        <v>243036</v>
      </c>
      <c r="L121" s="6">
        <v>224455</v>
      </c>
      <c r="M121" s="6">
        <v>220668</v>
      </c>
      <c r="N121" s="6">
        <v>217035</v>
      </c>
      <c r="O121" s="6">
        <v>1342</v>
      </c>
      <c r="P121" s="6">
        <v>136</v>
      </c>
      <c r="Q121" s="6">
        <v>2155</v>
      </c>
      <c r="R121" s="6">
        <v>3787</v>
      </c>
      <c r="S121" s="6">
        <v>6146</v>
      </c>
      <c r="T121" s="6">
        <v>1767</v>
      </c>
      <c r="U121" s="6">
        <v>132</v>
      </c>
      <c r="V121" s="6">
        <v>4247</v>
      </c>
      <c r="W121" s="6">
        <v>12435</v>
      </c>
      <c r="X121" s="6">
        <v>190412</v>
      </c>
      <c r="Y121" s="6">
        <v>188029</v>
      </c>
      <c r="Z121" s="6">
        <v>771</v>
      </c>
      <c r="AA121" s="6">
        <v>127</v>
      </c>
      <c r="AB121" s="6">
        <v>1485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98</v>
      </c>
      <c r="I122" s="9" t="s">
        <v>53</v>
      </c>
      <c r="J122" s="9" t="s">
        <v>49</v>
      </c>
      <c r="K122" s="6">
        <v>176818</v>
      </c>
      <c r="L122" s="6">
        <v>68605</v>
      </c>
      <c r="M122" s="6">
        <v>66608</v>
      </c>
      <c r="N122" s="6">
        <v>58438</v>
      </c>
      <c r="O122" s="6">
        <v>4744</v>
      </c>
      <c r="P122" s="6">
        <v>7</v>
      </c>
      <c r="Q122" s="6">
        <v>3419</v>
      </c>
      <c r="R122" s="6">
        <v>1997</v>
      </c>
      <c r="S122" s="6">
        <v>101785</v>
      </c>
      <c r="T122" s="6">
        <v>11156</v>
      </c>
      <c r="U122" s="6">
        <v>14</v>
      </c>
      <c r="V122" s="6">
        <v>90615</v>
      </c>
      <c r="W122" s="6">
        <v>6428</v>
      </c>
      <c r="X122" s="6">
        <v>34401</v>
      </c>
      <c r="Y122" s="6">
        <v>30906</v>
      </c>
      <c r="Z122" s="6">
        <v>2238</v>
      </c>
      <c r="AA122" s="6">
        <v>2</v>
      </c>
      <c r="AB122" s="6">
        <v>1255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98</v>
      </c>
      <c r="I123" s="9" t="s">
        <v>53</v>
      </c>
      <c r="J123" s="9" t="s">
        <v>50</v>
      </c>
      <c r="K123" s="6">
        <v>80836</v>
      </c>
      <c r="L123" s="6">
        <v>15285</v>
      </c>
      <c r="M123" s="6">
        <v>15056</v>
      </c>
      <c r="N123" s="6">
        <v>12312</v>
      </c>
      <c r="O123" s="6">
        <v>1637</v>
      </c>
      <c r="P123" s="6">
        <v>2</v>
      </c>
      <c r="Q123" s="6">
        <v>1105</v>
      </c>
      <c r="R123" s="6">
        <v>229</v>
      </c>
      <c r="S123" s="6">
        <v>61523</v>
      </c>
      <c r="T123" s="6">
        <v>5319</v>
      </c>
      <c r="U123" s="6">
        <v>6</v>
      </c>
      <c r="V123" s="6">
        <v>56198</v>
      </c>
      <c r="W123" s="6">
        <v>4028</v>
      </c>
      <c r="X123" s="6">
        <v>4263</v>
      </c>
      <c r="Y123" s="6">
        <v>3562</v>
      </c>
      <c r="Z123" s="6">
        <v>491</v>
      </c>
      <c r="AA123" s="10" t="s">
        <v>55</v>
      </c>
      <c r="AB123" s="6">
        <v>210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98</v>
      </c>
      <c r="I124" s="9" t="s">
        <v>53</v>
      </c>
      <c r="J124" s="9" t="s">
        <v>51</v>
      </c>
      <c r="K124" s="6">
        <v>22349</v>
      </c>
      <c r="L124" s="6">
        <v>1869</v>
      </c>
      <c r="M124" s="6">
        <v>1842</v>
      </c>
      <c r="N124" s="6">
        <v>1367</v>
      </c>
      <c r="O124" s="6">
        <v>268</v>
      </c>
      <c r="P124" s="6">
        <v>2</v>
      </c>
      <c r="Q124" s="6">
        <v>205</v>
      </c>
      <c r="R124" s="6">
        <v>27</v>
      </c>
      <c r="S124" s="6">
        <v>19365</v>
      </c>
      <c r="T124" s="6">
        <v>1190</v>
      </c>
      <c r="U124" s="6">
        <v>2</v>
      </c>
      <c r="V124" s="6">
        <v>18173</v>
      </c>
      <c r="W124" s="6">
        <v>1115</v>
      </c>
      <c r="X124" s="6">
        <v>337</v>
      </c>
      <c r="Y124" s="6">
        <v>261</v>
      </c>
      <c r="Z124" s="6">
        <v>51</v>
      </c>
      <c r="AA124" s="10" t="s">
        <v>55</v>
      </c>
      <c r="AB124" s="6">
        <v>25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98</v>
      </c>
      <c r="I125" s="9" t="s">
        <v>53</v>
      </c>
      <c r="J125" s="9" t="s">
        <v>52</v>
      </c>
      <c r="K125" s="6">
        <v>290408</v>
      </c>
      <c r="L125" s="6">
        <v>255496</v>
      </c>
      <c r="M125" s="6">
        <v>250466</v>
      </c>
      <c r="N125" s="6">
        <v>244153</v>
      </c>
      <c r="O125" s="6">
        <v>2861</v>
      </c>
      <c r="P125" s="6">
        <v>131</v>
      </c>
      <c r="Q125" s="6">
        <v>3321</v>
      </c>
      <c r="R125" s="6">
        <v>5030</v>
      </c>
      <c r="S125" s="6">
        <v>21569</v>
      </c>
      <c r="T125" s="6">
        <v>4464</v>
      </c>
      <c r="U125" s="6">
        <v>123</v>
      </c>
      <c r="V125" s="6">
        <v>16982</v>
      </c>
      <c r="W125" s="6">
        <v>13343</v>
      </c>
      <c r="X125" s="6">
        <v>209568</v>
      </c>
      <c r="Y125" s="6">
        <v>205724</v>
      </c>
      <c r="Z125" s="6">
        <v>1672</v>
      </c>
      <c r="AA125" s="6">
        <v>121</v>
      </c>
      <c r="AB125" s="6">
        <v>2051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98</v>
      </c>
      <c r="I126" s="9" t="s">
        <v>54</v>
      </c>
      <c r="J126" s="9" t="s">
        <v>30</v>
      </c>
      <c r="K126" s="6">
        <v>422666</v>
      </c>
      <c r="L126" s="6">
        <v>239582</v>
      </c>
      <c r="M126" s="6">
        <v>235275</v>
      </c>
      <c r="N126" s="6">
        <v>165260</v>
      </c>
      <c r="O126" s="6">
        <v>61898</v>
      </c>
      <c r="P126" s="6">
        <v>143</v>
      </c>
      <c r="Q126" s="6">
        <v>7974</v>
      </c>
      <c r="R126" s="6">
        <v>4307</v>
      </c>
      <c r="S126" s="6">
        <v>163342</v>
      </c>
      <c r="T126" s="6">
        <v>101753</v>
      </c>
      <c r="U126" s="6">
        <v>212</v>
      </c>
      <c r="V126" s="6">
        <v>61377</v>
      </c>
      <c r="W126" s="6">
        <v>19742</v>
      </c>
      <c r="X126" s="6">
        <v>194010</v>
      </c>
      <c r="Y126" s="6">
        <v>141824</v>
      </c>
      <c r="Z126" s="6">
        <v>44812</v>
      </c>
      <c r="AA126" s="6">
        <v>126</v>
      </c>
      <c r="AB126" s="6">
        <v>7248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98</v>
      </c>
      <c r="I127" s="9" t="s">
        <v>54</v>
      </c>
      <c r="J127" s="9" t="s">
        <v>31</v>
      </c>
      <c r="K127" s="6">
        <v>147</v>
      </c>
      <c r="L127" s="6">
        <v>50</v>
      </c>
      <c r="M127" s="6">
        <v>44</v>
      </c>
      <c r="N127" s="6">
        <v>20</v>
      </c>
      <c r="O127" s="6">
        <v>12</v>
      </c>
      <c r="P127" s="6">
        <v>4</v>
      </c>
      <c r="Q127" s="6">
        <v>8</v>
      </c>
      <c r="R127" s="6">
        <v>6</v>
      </c>
      <c r="S127" s="6">
        <v>58</v>
      </c>
      <c r="T127" s="6">
        <v>48</v>
      </c>
      <c r="U127" s="6">
        <v>10</v>
      </c>
      <c r="V127" s="10" t="s">
        <v>55</v>
      </c>
      <c r="W127" s="6">
        <v>39</v>
      </c>
      <c r="X127" s="6">
        <v>40</v>
      </c>
      <c r="Y127" s="6">
        <v>18</v>
      </c>
      <c r="Z127" s="6">
        <v>10</v>
      </c>
      <c r="AA127" s="6">
        <v>4</v>
      </c>
      <c r="AB127" s="6">
        <v>8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98</v>
      </c>
      <c r="I128" s="9" t="s">
        <v>54</v>
      </c>
      <c r="J128" s="9" t="s">
        <v>32</v>
      </c>
      <c r="K128" s="6">
        <v>3038</v>
      </c>
      <c r="L128" s="6">
        <v>1734</v>
      </c>
      <c r="M128" s="6">
        <v>1672</v>
      </c>
      <c r="N128" s="6">
        <v>1131</v>
      </c>
      <c r="O128" s="6">
        <v>255</v>
      </c>
      <c r="P128" s="6">
        <v>11</v>
      </c>
      <c r="Q128" s="6">
        <v>275</v>
      </c>
      <c r="R128" s="6">
        <v>62</v>
      </c>
      <c r="S128" s="6">
        <v>830</v>
      </c>
      <c r="T128" s="6">
        <v>773</v>
      </c>
      <c r="U128" s="6">
        <v>14</v>
      </c>
      <c r="V128" s="6">
        <v>43</v>
      </c>
      <c r="W128" s="6">
        <v>474</v>
      </c>
      <c r="X128" s="6">
        <v>1582</v>
      </c>
      <c r="Y128" s="6">
        <v>1080</v>
      </c>
      <c r="Z128" s="6">
        <v>225</v>
      </c>
      <c r="AA128" s="6">
        <v>10</v>
      </c>
      <c r="AB128" s="6">
        <v>267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98</v>
      </c>
      <c r="I129" s="9" t="s">
        <v>54</v>
      </c>
      <c r="J129" s="9" t="s">
        <v>33</v>
      </c>
      <c r="K129" s="6">
        <v>13369</v>
      </c>
      <c r="L129" s="6">
        <v>9317</v>
      </c>
      <c r="M129" s="6">
        <v>9101</v>
      </c>
      <c r="N129" s="6">
        <v>6349</v>
      </c>
      <c r="O129" s="6">
        <v>1361</v>
      </c>
      <c r="P129" s="6">
        <v>16</v>
      </c>
      <c r="Q129" s="6">
        <v>1375</v>
      </c>
      <c r="R129" s="6">
        <v>216</v>
      </c>
      <c r="S129" s="6">
        <v>2766</v>
      </c>
      <c r="T129" s="6">
        <v>2659</v>
      </c>
      <c r="U129" s="6">
        <v>24</v>
      </c>
      <c r="V129" s="6">
        <v>83</v>
      </c>
      <c r="W129" s="6">
        <v>1286</v>
      </c>
      <c r="X129" s="6">
        <v>8649</v>
      </c>
      <c r="Y129" s="6">
        <v>6094</v>
      </c>
      <c r="Z129" s="6">
        <v>1180</v>
      </c>
      <c r="AA129" s="6">
        <v>15</v>
      </c>
      <c r="AB129" s="6">
        <v>1360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98</v>
      </c>
      <c r="I130" s="9" t="s">
        <v>54</v>
      </c>
      <c r="J130" s="9" t="s">
        <v>34</v>
      </c>
      <c r="K130" s="6">
        <v>25226</v>
      </c>
      <c r="L130" s="6">
        <v>17990</v>
      </c>
      <c r="M130" s="6">
        <v>17662</v>
      </c>
      <c r="N130" s="6">
        <v>12518</v>
      </c>
      <c r="O130" s="6">
        <v>3127</v>
      </c>
      <c r="P130" s="6">
        <v>20</v>
      </c>
      <c r="Q130" s="6">
        <v>1997</v>
      </c>
      <c r="R130" s="6">
        <v>328</v>
      </c>
      <c r="S130" s="6">
        <v>5081</v>
      </c>
      <c r="T130" s="6">
        <v>4940</v>
      </c>
      <c r="U130" s="6">
        <v>36</v>
      </c>
      <c r="V130" s="6">
        <v>105</v>
      </c>
      <c r="W130" s="6">
        <v>2155</v>
      </c>
      <c r="X130" s="6">
        <v>16478</v>
      </c>
      <c r="Y130" s="6">
        <v>11838</v>
      </c>
      <c r="Z130" s="6">
        <v>2655</v>
      </c>
      <c r="AA130" s="6">
        <v>19</v>
      </c>
      <c r="AB130" s="6">
        <v>1966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98</v>
      </c>
      <c r="I131" s="9" t="s">
        <v>54</v>
      </c>
      <c r="J131" s="9" t="s">
        <v>35</v>
      </c>
      <c r="K131" s="6">
        <v>32977</v>
      </c>
      <c r="L131" s="6">
        <v>24664</v>
      </c>
      <c r="M131" s="6">
        <v>24257</v>
      </c>
      <c r="N131" s="6">
        <v>17835</v>
      </c>
      <c r="O131" s="6">
        <v>4997</v>
      </c>
      <c r="P131" s="6">
        <v>29</v>
      </c>
      <c r="Q131" s="6">
        <v>1396</v>
      </c>
      <c r="R131" s="6">
        <v>407</v>
      </c>
      <c r="S131" s="6">
        <v>6016</v>
      </c>
      <c r="T131" s="6">
        <v>5848</v>
      </c>
      <c r="U131" s="6">
        <v>37</v>
      </c>
      <c r="V131" s="6">
        <v>131</v>
      </c>
      <c r="W131" s="6">
        <v>2297</v>
      </c>
      <c r="X131" s="6">
        <v>22185</v>
      </c>
      <c r="Y131" s="6">
        <v>16598</v>
      </c>
      <c r="Z131" s="6">
        <v>4196</v>
      </c>
      <c r="AA131" s="6">
        <v>26</v>
      </c>
      <c r="AB131" s="6">
        <v>1365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98</v>
      </c>
      <c r="I132" s="9" t="s">
        <v>54</v>
      </c>
      <c r="J132" s="9" t="s">
        <v>36</v>
      </c>
      <c r="K132" s="6">
        <v>36734</v>
      </c>
      <c r="L132" s="6">
        <v>28859</v>
      </c>
      <c r="M132" s="6">
        <v>28426</v>
      </c>
      <c r="N132" s="6">
        <v>21433</v>
      </c>
      <c r="O132" s="6">
        <v>6407</v>
      </c>
      <c r="P132" s="6">
        <v>19</v>
      </c>
      <c r="Q132" s="6">
        <v>567</v>
      </c>
      <c r="R132" s="6">
        <v>433</v>
      </c>
      <c r="S132" s="6">
        <v>5612</v>
      </c>
      <c r="T132" s="6">
        <v>5455</v>
      </c>
      <c r="U132" s="6">
        <v>27</v>
      </c>
      <c r="V132" s="6">
        <v>130</v>
      </c>
      <c r="W132" s="6">
        <v>2263</v>
      </c>
      <c r="X132" s="6">
        <v>25812</v>
      </c>
      <c r="Y132" s="6">
        <v>19844</v>
      </c>
      <c r="Z132" s="6">
        <v>5406</v>
      </c>
      <c r="AA132" s="6">
        <v>15</v>
      </c>
      <c r="AB132" s="6">
        <v>547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98</v>
      </c>
      <c r="I133" s="9" t="s">
        <v>54</v>
      </c>
      <c r="J133" s="9" t="s">
        <v>37</v>
      </c>
      <c r="K133" s="6">
        <v>38500</v>
      </c>
      <c r="L133" s="6">
        <v>30808</v>
      </c>
      <c r="M133" s="6">
        <v>30231</v>
      </c>
      <c r="N133" s="6">
        <v>22689</v>
      </c>
      <c r="O133" s="6">
        <v>7196</v>
      </c>
      <c r="P133" s="6">
        <v>15</v>
      </c>
      <c r="Q133" s="6">
        <v>331</v>
      </c>
      <c r="R133" s="6">
        <v>577</v>
      </c>
      <c r="S133" s="6">
        <v>5730</v>
      </c>
      <c r="T133" s="6">
        <v>5526</v>
      </c>
      <c r="U133" s="6">
        <v>19</v>
      </c>
      <c r="V133" s="6">
        <v>185</v>
      </c>
      <c r="W133" s="6">
        <v>1962</v>
      </c>
      <c r="X133" s="6">
        <v>27355</v>
      </c>
      <c r="Y133" s="6">
        <v>20875</v>
      </c>
      <c r="Z133" s="6">
        <v>6158</v>
      </c>
      <c r="AA133" s="6">
        <v>14</v>
      </c>
      <c r="AB133" s="6">
        <v>308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98</v>
      </c>
      <c r="I134" s="9" t="s">
        <v>54</v>
      </c>
      <c r="J134" s="9" t="s">
        <v>38</v>
      </c>
      <c r="K134" s="6">
        <v>36319</v>
      </c>
      <c r="L134" s="6">
        <v>28750</v>
      </c>
      <c r="M134" s="6">
        <v>28155</v>
      </c>
      <c r="N134" s="6">
        <v>21251</v>
      </c>
      <c r="O134" s="6">
        <v>6613</v>
      </c>
      <c r="P134" s="6">
        <v>8</v>
      </c>
      <c r="Q134" s="6">
        <v>283</v>
      </c>
      <c r="R134" s="6">
        <v>595</v>
      </c>
      <c r="S134" s="6">
        <v>6240</v>
      </c>
      <c r="T134" s="6">
        <v>5996</v>
      </c>
      <c r="U134" s="6">
        <v>6</v>
      </c>
      <c r="V134" s="6">
        <v>238</v>
      </c>
      <c r="W134" s="6">
        <v>1329</v>
      </c>
      <c r="X134" s="6">
        <v>24900</v>
      </c>
      <c r="Y134" s="6">
        <v>19108</v>
      </c>
      <c r="Z134" s="6">
        <v>5531</v>
      </c>
      <c r="AA134" s="6">
        <v>7</v>
      </c>
      <c r="AB134" s="6">
        <v>254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98</v>
      </c>
      <c r="I135" s="9" t="s">
        <v>54</v>
      </c>
      <c r="J135" s="9" t="s">
        <v>39</v>
      </c>
      <c r="K135" s="6">
        <v>39544</v>
      </c>
      <c r="L135" s="6">
        <v>29864</v>
      </c>
      <c r="M135" s="6">
        <v>29268</v>
      </c>
      <c r="N135" s="6">
        <v>21785</v>
      </c>
      <c r="O135" s="6">
        <v>7113</v>
      </c>
      <c r="P135" s="6">
        <v>5</v>
      </c>
      <c r="Q135" s="6">
        <v>365</v>
      </c>
      <c r="R135" s="6">
        <v>596</v>
      </c>
      <c r="S135" s="6">
        <v>8705</v>
      </c>
      <c r="T135" s="6">
        <v>8241</v>
      </c>
      <c r="U135" s="6">
        <v>5</v>
      </c>
      <c r="V135" s="6">
        <v>459</v>
      </c>
      <c r="W135" s="6">
        <v>975</v>
      </c>
      <c r="X135" s="6">
        <v>25063</v>
      </c>
      <c r="Y135" s="6">
        <v>19112</v>
      </c>
      <c r="Z135" s="6">
        <v>5623</v>
      </c>
      <c r="AA135" s="6">
        <v>4</v>
      </c>
      <c r="AB135" s="6">
        <v>324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98</v>
      </c>
      <c r="I136" s="9" t="s">
        <v>54</v>
      </c>
      <c r="J136" s="9" t="s">
        <v>40</v>
      </c>
      <c r="K136" s="6">
        <v>43561</v>
      </c>
      <c r="L136" s="6">
        <v>27264</v>
      </c>
      <c r="M136" s="6">
        <v>26607</v>
      </c>
      <c r="N136" s="6">
        <v>18302</v>
      </c>
      <c r="O136" s="6">
        <v>7903</v>
      </c>
      <c r="P136" s="6">
        <v>5</v>
      </c>
      <c r="Q136" s="6">
        <v>397</v>
      </c>
      <c r="R136" s="6">
        <v>657</v>
      </c>
      <c r="S136" s="6">
        <v>15547</v>
      </c>
      <c r="T136" s="6">
        <v>13201</v>
      </c>
      <c r="U136" s="6">
        <v>7</v>
      </c>
      <c r="V136" s="6">
        <v>2339</v>
      </c>
      <c r="W136" s="6">
        <v>750</v>
      </c>
      <c r="X136" s="6">
        <v>21122</v>
      </c>
      <c r="Y136" s="6">
        <v>15100</v>
      </c>
      <c r="Z136" s="6">
        <v>5689</v>
      </c>
      <c r="AA136" s="6">
        <v>5</v>
      </c>
      <c r="AB136" s="6">
        <v>328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98</v>
      </c>
      <c r="I137" s="9" t="s">
        <v>54</v>
      </c>
      <c r="J137" s="9" t="s">
        <v>41</v>
      </c>
      <c r="K137" s="6">
        <v>47670</v>
      </c>
      <c r="L137" s="6">
        <v>20368</v>
      </c>
      <c r="M137" s="6">
        <v>20090</v>
      </c>
      <c r="N137" s="6">
        <v>11898</v>
      </c>
      <c r="O137" s="6">
        <v>7782</v>
      </c>
      <c r="P137" s="6">
        <v>7</v>
      </c>
      <c r="Q137" s="6">
        <v>403</v>
      </c>
      <c r="R137" s="6">
        <v>278</v>
      </c>
      <c r="S137" s="6">
        <v>26201</v>
      </c>
      <c r="T137" s="6">
        <v>17649</v>
      </c>
      <c r="U137" s="6">
        <v>12</v>
      </c>
      <c r="V137" s="6">
        <v>8540</v>
      </c>
      <c r="W137" s="6">
        <v>1101</v>
      </c>
      <c r="X137" s="6">
        <v>13075</v>
      </c>
      <c r="Y137" s="6">
        <v>8018</v>
      </c>
      <c r="Z137" s="6">
        <v>4742</v>
      </c>
      <c r="AA137" s="6">
        <v>6</v>
      </c>
      <c r="AB137" s="6">
        <v>309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98</v>
      </c>
      <c r="I138" s="9" t="s">
        <v>54</v>
      </c>
      <c r="J138" s="9" t="s">
        <v>42</v>
      </c>
      <c r="K138" s="6">
        <v>44067</v>
      </c>
      <c r="L138" s="6">
        <v>12415</v>
      </c>
      <c r="M138" s="6">
        <v>12316</v>
      </c>
      <c r="N138" s="6">
        <v>6597</v>
      </c>
      <c r="O138" s="6">
        <v>5439</v>
      </c>
      <c r="P138" s="6">
        <v>1</v>
      </c>
      <c r="Q138" s="6">
        <v>279</v>
      </c>
      <c r="R138" s="6">
        <v>99</v>
      </c>
      <c r="S138" s="6">
        <v>29951</v>
      </c>
      <c r="T138" s="6">
        <v>15916</v>
      </c>
      <c r="U138" s="6">
        <v>5</v>
      </c>
      <c r="V138" s="6">
        <v>14030</v>
      </c>
      <c r="W138" s="6">
        <v>1701</v>
      </c>
      <c r="X138" s="6">
        <v>5966</v>
      </c>
      <c r="Y138" s="6">
        <v>3262</v>
      </c>
      <c r="Z138" s="6">
        <v>2552</v>
      </c>
      <c r="AA138" s="10" t="s">
        <v>55</v>
      </c>
      <c r="AB138" s="6">
        <v>152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98</v>
      </c>
      <c r="I139" s="9" t="s">
        <v>54</v>
      </c>
      <c r="J139" s="9" t="s">
        <v>43</v>
      </c>
      <c r="K139" s="6">
        <v>29430</v>
      </c>
      <c r="L139" s="6">
        <v>4917</v>
      </c>
      <c r="M139" s="6">
        <v>4884</v>
      </c>
      <c r="N139" s="6">
        <v>2346</v>
      </c>
      <c r="O139" s="6">
        <v>2390</v>
      </c>
      <c r="P139" s="6">
        <v>3</v>
      </c>
      <c r="Q139" s="6">
        <v>145</v>
      </c>
      <c r="R139" s="6">
        <v>33</v>
      </c>
      <c r="S139" s="6">
        <v>22888</v>
      </c>
      <c r="T139" s="6">
        <v>8793</v>
      </c>
      <c r="U139" s="6">
        <v>5</v>
      </c>
      <c r="V139" s="6">
        <v>14090</v>
      </c>
      <c r="W139" s="6">
        <v>1625</v>
      </c>
      <c r="X139" s="6">
        <v>1343</v>
      </c>
      <c r="Y139" s="6">
        <v>683</v>
      </c>
      <c r="Z139" s="6">
        <v>626</v>
      </c>
      <c r="AA139" s="6">
        <v>1</v>
      </c>
      <c r="AB139" s="6">
        <v>33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98</v>
      </c>
      <c r="I140" s="9" t="s">
        <v>54</v>
      </c>
      <c r="J140" s="9" t="s">
        <v>44</v>
      </c>
      <c r="K140" s="6">
        <v>19867</v>
      </c>
      <c r="L140" s="6">
        <v>2068</v>
      </c>
      <c r="M140" s="6">
        <v>2052</v>
      </c>
      <c r="N140" s="6">
        <v>921</v>
      </c>
      <c r="O140" s="6">
        <v>1026</v>
      </c>
      <c r="P140" s="10" t="s">
        <v>55</v>
      </c>
      <c r="Q140" s="6">
        <v>105</v>
      </c>
      <c r="R140" s="6">
        <v>16</v>
      </c>
      <c r="S140" s="6">
        <v>16641</v>
      </c>
      <c r="T140" s="6">
        <v>4739</v>
      </c>
      <c r="U140" s="6">
        <v>4</v>
      </c>
      <c r="V140" s="6">
        <v>11898</v>
      </c>
      <c r="W140" s="6">
        <v>1158</v>
      </c>
      <c r="X140" s="6">
        <v>359</v>
      </c>
      <c r="Y140" s="6">
        <v>170</v>
      </c>
      <c r="Z140" s="6">
        <v>170</v>
      </c>
      <c r="AA140" s="10" t="s">
        <v>55</v>
      </c>
      <c r="AB140" s="6">
        <v>19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98</v>
      </c>
      <c r="I141" s="9" t="s">
        <v>54</v>
      </c>
      <c r="J141" s="9" t="s">
        <v>45</v>
      </c>
      <c r="K141" s="6">
        <v>9566</v>
      </c>
      <c r="L141" s="6">
        <v>473</v>
      </c>
      <c r="M141" s="6">
        <v>471</v>
      </c>
      <c r="N141" s="6">
        <v>171</v>
      </c>
      <c r="O141" s="6">
        <v>259</v>
      </c>
      <c r="P141" s="10" t="s">
        <v>55</v>
      </c>
      <c r="Q141" s="6">
        <v>41</v>
      </c>
      <c r="R141" s="6">
        <v>2</v>
      </c>
      <c r="S141" s="6">
        <v>8585</v>
      </c>
      <c r="T141" s="6">
        <v>1706</v>
      </c>
      <c r="U141" s="6">
        <v>1</v>
      </c>
      <c r="V141" s="6">
        <v>6878</v>
      </c>
      <c r="W141" s="6">
        <v>508</v>
      </c>
      <c r="X141" s="6">
        <v>73</v>
      </c>
      <c r="Y141" s="6">
        <v>20</v>
      </c>
      <c r="Z141" s="6">
        <v>46</v>
      </c>
      <c r="AA141" s="10" t="s">
        <v>55</v>
      </c>
      <c r="AB141" s="6">
        <v>7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98</v>
      </c>
      <c r="I142" s="9" t="s">
        <v>54</v>
      </c>
      <c r="J142" s="9" t="s">
        <v>46</v>
      </c>
      <c r="K142" s="6">
        <v>2320</v>
      </c>
      <c r="L142" s="6">
        <v>40</v>
      </c>
      <c r="M142" s="6">
        <v>38</v>
      </c>
      <c r="N142" s="6">
        <v>13</v>
      </c>
      <c r="O142" s="6">
        <v>18</v>
      </c>
      <c r="P142" s="10" t="s">
        <v>55</v>
      </c>
      <c r="Q142" s="6">
        <v>7</v>
      </c>
      <c r="R142" s="6">
        <v>2</v>
      </c>
      <c r="S142" s="6">
        <v>2171</v>
      </c>
      <c r="T142" s="6">
        <v>243</v>
      </c>
      <c r="U142" s="10" t="s">
        <v>55</v>
      </c>
      <c r="V142" s="6">
        <v>1928</v>
      </c>
      <c r="W142" s="6">
        <v>109</v>
      </c>
      <c r="X142" s="6">
        <v>8</v>
      </c>
      <c r="Y142" s="6">
        <v>4</v>
      </c>
      <c r="Z142" s="6">
        <v>3</v>
      </c>
      <c r="AA142" s="10" t="s">
        <v>55</v>
      </c>
      <c r="AB142" s="6">
        <v>1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98</v>
      </c>
      <c r="I143" s="9" t="s">
        <v>54</v>
      </c>
      <c r="J143" s="9" t="s">
        <v>47</v>
      </c>
      <c r="K143" s="6">
        <v>331</v>
      </c>
      <c r="L143" s="6">
        <v>1</v>
      </c>
      <c r="M143" s="6">
        <v>1</v>
      </c>
      <c r="N143" s="6">
        <v>1</v>
      </c>
      <c r="O143" s="10" t="s">
        <v>55</v>
      </c>
      <c r="P143" s="10" t="s">
        <v>55</v>
      </c>
      <c r="Q143" s="10" t="s">
        <v>55</v>
      </c>
      <c r="R143" s="10" t="s">
        <v>55</v>
      </c>
      <c r="S143" s="6">
        <v>320</v>
      </c>
      <c r="T143" s="6">
        <v>20</v>
      </c>
      <c r="U143" s="10" t="s">
        <v>55</v>
      </c>
      <c r="V143" s="6">
        <v>300</v>
      </c>
      <c r="W143" s="6">
        <v>10</v>
      </c>
      <c r="X143" s="10" t="s">
        <v>55</v>
      </c>
      <c r="Y143" s="10" t="s">
        <v>55</v>
      </c>
      <c r="Z143" s="10" t="s">
        <v>55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98</v>
      </c>
      <c r="I144" s="9" t="s">
        <v>54</v>
      </c>
      <c r="J144" s="9" t="s">
        <v>48</v>
      </c>
      <c r="K144" s="6">
        <v>269415</v>
      </c>
      <c r="L144" s="6">
        <v>199300</v>
      </c>
      <c r="M144" s="6">
        <v>195423</v>
      </c>
      <c r="N144" s="6">
        <v>143313</v>
      </c>
      <c r="O144" s="6">
        <v>44984</v>
      </c>
      <c r="P144" s="6">
        <v>132</v>
      </c>
      <c r="Q144" s="6">
        <v>6994</v>
      </c>
      <c r="R144" s="6">
        <v>3877</v>
      </c>
      <c r="S144" s="6">
        <v>56585</v>
      </c>
      <c r="T144" s="6">
        <v>52687</v>
      </c>
      <c r="U144" s="6">
        <v>185</v>
      </c>
      <c r="V144" s="6">
        <v>3713</v>
      </c>
      <c r="W144" s="6">
        <v>13530</v>
      </c>
      <c r="X144" s="6">
        <v>173186</v>
      </c>
      <c r="Y144" s="6">
        <v>129667</v>
      </c>
      <c r="Z144" s="6">
        <v>36673</v>
      </c>
      <c r="AA144" s="6">
        <v>119</v>
      </c>
      <c r="AB144" s="6">
        <v>6727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98</v>
      </c>
      <c r="I145" s="9" t="s">
        <v>54</v>
      </c>
      <c r="J145" s="9" t="s">
        <v>49</v>
      </c>
      <c r="K145" s="6">
        <v>153251</v>
      </c>
      <c r="L145" s="6">
        <v>40282</v>
      </c>
      <c r="M145" s="6">
        <v>39852</v>
      </c>
      <c r="N145" s="6">
        <v>21947</v>
      </c>
      <c r="O145" s="6">
        <v>16914</v>
      </c>
      <c r="P145" s="6">
        <v>11</v>
      </c>
      <c r="Q145" s="6">
        <v>980</v>
      </c>
      <c r="R145" s="6">
        <v>430</v>
      </c>
      <c r="S145" s="6">
        <v>106757</v>
      </c>
      <c r="T145" s="6">
        <v>49066</v>
      </c>
      <c r="U145" s="6">
        <v>27</v>
      </c>
      <c r="V145" s="6">
        <v>57664</v>
      </c>
      <c r="W145" s="6">
        <v>6212</v>
      </c>
      <c r="X145" s="6">
        <v>20824</v>
      </c>
      <c r="Y145" s="6">
        <v>12157</v>
      </c>
      <c r="Z145" s="6">
        <v>8139</v>
      </c>
      <c r="AA145" s="6">
        <v>7</v>
      </c>
      <c r="AB145" s="6">
        <v>521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98</v>
      </c>
      <c r="I146" s="9" t="s">
        <v>54</v>
      </c>
      <c r="J146" s="9" t="s">
        <v>50</v>
      </c>
      <c r="K146" s="6">
        <v>61514</v>
      </c>
      <c r="L146" s="6">
        <v>7499</v>
      </c>
      <c r="M146" s="6">
        <v>7446</v>
      </c>
      <c r="N146" s="6">
        <v>3452</v>
      </c>
      <c r="O146" s="6">
        <v>3693</v>
      </c>
      <c r="P146" s="6">
        <v>3</v>
      </c>
      <c r="Q146" s="6">
        <v>298</v>
      </c>
      <c r="R146" s="6">
        <v>53</v>
      </c>
      <c r="S146" s="6">
        <v>50605</v>
      </c>
      <c r="T146" s="6">
        <v>15501</v>
      </c>
      <c r="U146" s="6">
        <v>10</v>
      </c>
      <c r="V146" s="6">
        <v>35094</v>
      </c>
      <c r="W146" s="6">
        <v>3410</v>
      </c>
      <c r="X146" s="6">
        <v>1783</v>
      </c>
      <c r="Y146" s="6">
        <v>877</v>
      </c>
      <c r="Z146" s="6">
        <v>845</v>
      </c>
      <c r="AA146" s="6">
        <v>1</v>
      </c>
      <c r="AB146" s="6">
        <v>60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98</v>
      </c>
      <c r="I147" s="9" t="s">
        <v>54</v>
      </c>
      <c r="J147" s="9" t="s">
        <v>51</v>
      </c>
      <c r="K147" s="6">
        <v>12217</v>
      </c>
      <c r="L147" s="6">
        <v>514</v>
      </c>
      <c r="M147" s="6">
        <v>510</v>
      </c>
      <c r="N147" s="6">
        <v>185</v>
      </c>
      <c r="O147" s="6">
        <v>277</v>
      </c>
      <c r="P147" s="10" t="s">
        <v>55</v>
      </c>
      <c r="Q147" s="6">
        <v>48</v>
      </c>
      <c r="R147" s="6">
        <v>4</v>
      </c>
      <c r="S147" s="6">
        <v>11076</v>
      </c>
      <c r="T147" s="6">
        <v>1969</v>
      </c>
      <c r="U147" s="6">
        <v>1</v>
      </c>
      <c r="V147" s="6">
        <v>9106</v>
      </c>
      <c r="W147" s="6">
        <v>627</v>
      </c>
      <c r="X147" s="6">
        <v>81</v>
      </c>
      <c r="Y147" s="6">
        <v>24</v>
      </c>
      <c r="Z147" s="6">
        <v>49</v>
      </c>
      <c r="AA147" s="10" t="s">
        <v>55</v>
      </c>
      <c r="AB147" s="6">
        <v>8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98</v>
      </c>
      <c r="I148" s="9" t="s">
        <v>54</v>
      </c>
      <c r="J148" s="9" t="s">
        <v>52</v>
      </c>
      <c r="K148" s="6">
        <v>316938</v>
      </c>
      <c r="L148" s="6">
        <v>219618</v>
      </c>
      <c r="M148" s="6">
        <v>215469</v>
      </c>
      <c r="N148" s="6">
        <v>155191</v>
      </c>
      <c r="O148" s="6">
        <v>52754</v>
      </c>
      <c r="P148" s="6">
        <v>135</v>
      </c>
      <c r="Q148" s="6">
        <v>7389</v>
      </c>
      <c r="R148" s="6">
        <v>4149</v>
      </c>
      <c r="S148" s="6">
        <v>82728</v>
      </c>
      <c r="T148" s="6">
        <v>70288</v>
      </c>
      <c r="U148" s="6">
        <v>187</v>
      </c>
      <c r="V148" s="6">
        <v>12253</v>
      </c>
      <c r="W148" s="6">
        <v>14592</v>
      </c>
      <c r="X148" s="6">
        <v>186221</v>
      </c>
      <c r="Y148" s="6">
        <v>137667</v>
      </c>
      <c r="Z148" s="6">
        <v>41405</v>
      </c>
      <c r="AA148" s="6">
        <v>121</v>
      </c>
      <c r="AB148" s="6">
        <v>7028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98</v>
      </c>
      <c r="I149" s="9" t="s">
        <v>6</v>
      </c>
      <c r="J149" s="9" t="s">
        <v>30</v>
      </c>
      <c r="K149" s="6">
        <v>59877</v>
      </c>
      <c r="L149" s="6">
        <v>36409</v>
      </c>
      <c r="M149" s="6">
        <v>35664</v>
      </c>
      <c r="N149" s="6">
        <v>30451</v>
      </c>
      <c r="O149" s="6">
        <v>4326</v>
      </c>
      <c r="P149" s="6">
        <v>17</v>
      </c>
      <c r="Q149" s="6">
        <v>870</v>
      </c>
      <c r="R149" s="6">
        <v>745</v>
      </c>
      <c r="S149" s="6">
        <v>21264</v>
      </c>
      <c r="T149" s="6">
        <v>7774</v>
      </c>
      <c r="U149" s="6">
        <v>6</v>
      </c>
      <c r="V149" s="6">
        <v>13484</v>
      </c>
      <c r="W149" s="6">
        <v>2204</v>
      </c>
      <c r="X149" s="6">
        <v>27470</v>
      </c>
      <c r="Y149" s="6">
        <v>23847</v>
      </c>
      <c r="Z149" s="6">
        <v>2912</v>
      </c>
      <c r="AA149" s="6">
        <v>16</v>
      </c>
      <c r="AB149" s="6">
        <v>695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98</v>
      </c>
      <c r="I150" s="9" t="s">
        <v>6</v>
      </c>
      <c r="J150" s="9" t="s">
        <v>31</v>
      </c>
      <c r="K150" s="6">
        <v>23</v>
      </c>
      <c r="L150" s="6">
        <v>13</v>
      </c>
      <c r="M150" s="6">
        <v>12</v>
      </c>
      <c r="N150" s="6">
        <v>10</v>
      </c>
      <c r="O150" s="10" t="s">
        <v>55</v>
      </c>
      <c r="P150" s="10" t="s">
        <v>55</v>
      </c>
      <c r="Q150" s="6">
        <v>2</v>
      </c>
      <c r="R150" s="6">
        <v>1</v>
      </c>
      <c r="S150" s="6">
        <v>9</v>
      </c>
      <c r="T150" s="6">
        <v>8</v>
      </c>
      <c r="U150" s="6">
        <v>1</v>
      </c>
      <c r="V150" s="10" t="s">
        <v>55</v>
      </c>
      <c r="W150" s="6">
        <v>1</v>
      </c>
      <c r="X150" s="6">
        <v>10</v>
      </c>
      <c r="Y150" s="6">
        <v>8</v>
      </c>
      <c r="Z150" s="10" t="s">
        <v>55</v>
      </c>
      <c r="AA150" s="10" t="s">
        <v>55</v>
      </c>
      <c r="AB150" s="6">
        <v>2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98</v>
      </c>
      <c r="I151" s="9" t="s">
        <v>6</v>
      </c>
      <c r="J151" s="9" t="s">
        <v>32</v>
      </c>
      <c r="K151" s="6">
        <v>400</v>
      </c>
      <c r="L151" s="6">
        <v>292</v>
      </c>
      <c r="M151" s="6">
        <v>283</v>
      </c>
      <c r="N151" s="6">
        <v>238</v>
      </c>
      <c r="O151" s="6">
        <v>21</v>
      </c>
      <c r="P151" s="10" t="s">
        <v>55</v>
      </c>
      <c r="Q151" s="6">
        <v>24</v>
      </c>
      <c r="R151" s="6">
        <v>9</v>
      </c>
      <c r="S151" s="6">
        <v>50</v>
      </c>
      <c r="T151" s="6">
        <v>47</v>
      </c>
      <c r="U151" s="6">
        <v>1</v>
      </c>
      <c r="V151" s="6">
        <v>2</v>
      </c>
      <c r="W151" s="6">
        <v>58</v>
      </c>
      <c r="X151" s="6">
        <v>255</v>
      </c>
      <c r="Y151" s="6">
        <v>212</v>
      </c>
      <c r="Z151" s="6">
        <v>19</v>
      </c>
      <c r="AA151" s="10" t="s">
        <v>55</v>
      </c>
      <c r="AB151" s="6">
        <v>24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98</v>
      </c>
      <c r="I152" s="9" t="s">
        <v>6</v>
      </c>
      <c r="J152" s="9" t="s">
        <v>33</v>
      </c>
      <c r="K152" s="6">
        <v>1566</v>
      </c>
      <c r="L152" s="6">
        <v>1230</v>
      </c>
      <c r="M152" s="6">
        <v>1212</v>
      </c>
      <c r="N152" s="6">
        <v>1028</v>
      </c>
      <c r="O152" s="6">
        <v>97</v>
      </c>
      <c r="P152" s="6">
        <v>4</v>
      </c>
      <c r="Q152" s="6">
        <v>83</v>
      </c>
      <c r="R152" s="6">
        <v>18</v>
      </c>
      <c r="S152" s="6">
        <v>168</v>
      </c>
      <c r="T152" s="6">
        <v>157</v>
      </c>
      <c r="U152" s="10" t="s">
        <v>55</v>
      </c>
      <c r="V152" s="6">
        <v>11</v>
      </c>
      <c r="W152" s="6">
        <v>168</v>
      </c>
      <c r="X152" s="6">
        <v>1121</v>
      </c>
      <c r="Y152" s="6">
        <v>952</v>
      </c>
      <c r="Z152" s="6">
        <v>82</v>
      </c>
      <c r="AA152" s="6">
        <v>4</v>
      </c>
      <c r="AB152" s="6">
        <v>83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98</v>
      </c>
      <c r="I153" s="9" t="s">
        <v>6</v>
      </c>
      <c r="J153" s="9" t="s">
        <v>34</v>
      </c>
      <c r="K153" s="6">
        <v>2924</v>
      </c>
      <c r="L153" s="6">
        <v>2370</v>
      </c>
      <c r="M153" s="6">
        <v>2309</v>
      </c>
      <c r="N153" s="6">
        <v>1994</v>
      </c>
      <c r="O153" s="6">
        <v>203</v>
      </c>
      <c r="P153" s="6">
        <v>1</v>
      </c>
      <c r="Q153" s="6">
        <v>111</v>
      </c>
      <c r="R153" s="6">
        <v>61</v>
      </c>
      <c r="S153" s="6">
        <v>276</v>
      </c>
      <c r="T153" s="6">
        <v>265</v>
      </c>
      <c r="U153" s="10" t="s">
        <v>55</v>
      </c>
      <c r="V153" s="6">
        <v>11</v>
      </c>
      <c r="W153" s="6">
        <v>278</v>
      </c>
      <c r="X153" s="6">
        <v>2086</v>
      </c>
      <c r="Y153" s="6">
        <v>1821</v>
      </c>
      <c r="Z153" s="6">
        <v>155</v>
      </c>
      <c r="AA153" s="6">
        <v>1</v>
      </c>
      <c r="AB153" s="6">
        <v>109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98</v>
      </c>
      <c r="I154" s="9" t="s">
        <v>6</v>
      </c>
      <c r="J154" s="9" t="s">
        <v>35</v>
      </c>
      <c r="K154" s="6">
        <v>3897</v>
      </c>
      <c r="L154" s="6">
        <v>3331</v>
      </c>
      <c r="M154" s="6">
        <v>3288</v>
      </c>
      <c r="N154" s="6">
        <v>2860</v>
      </c>
      <c r="O154" s="6">
        <v>320</v>
      </c>
      <c r="P154" s="6">
        <v>6</v>
      </c>
      <c r="Q154" s="6">
        <v>102</v>
      </c>
      <c r="R154" s="6">
        <v>43</v>
      </c>
      <c r="S154" s="6">
        <v>300</v>
      </c>
      <c r="T154" s="6">
        <v>283</v>
      </c>
      <c r="U154" s="6">
        <v>1</v>
      </c>
      <c r="V154" s="6">
        <v>16</v>
      </c>
      <c r="W154" s="6">
        <v>266</v>
      </c>
      <c r="X154" s="6">
        <v>2907</v>
      </c>
      <c r="Y154" s="6">
        <v>2530</v>
      </c>
      <c r="Z154" s="6">
        <v>272</v>
      </c>
      <c r="AA154" s="6">
        <v>6</v>
      </c>
      <c r="AB154" s="6">
        <v>99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98</v>
      </c>
      <c r="I155" s="9" t="s">
        <v>6</v>
      </c>
      <c r="J155" s="9" t="s">
        <v>36</v>
      </c>
      <c r="K155" s="6">
        <v>4485</v>
      </c>
      <c r="L155" s="6">
        <v>3882</v>
      </c>
      <c r="M155" s="6">
        <v>3826</v>
      </c>
      <c r="N155" s="6">
        <v>3440</v>
      </c>
      <c r="O155" s="6">
        <v>343</v>
      </c>
      <c r="P155" s="6">
        <v>1</v>
      </c>
      <c r="Q155" s="6">
        <v>42</v>
      </c>
      <c r="R155" s="6">
        <v>56</v>
      </c>
      <c r="S155" s="6">
        <v>290</v>
      </c>
      <c r="T155" s="6">
        <v>278</v>
      </c>
      <c r="U155" s="10" t="s">
        <v>55</v>
      </c>
      <c r="V155" s="6">
        <v>12</v>
      </c>
      <c r="W155" s="6">
        <v>313</v>
      </c>
      <c r="X155" s="6">
        <v>3354</v>
      </c>
      <c r="Y155" s="6">
        <v>3029</v>
      </c>
      <c r="Z155" s="6">
        <v>284</v>
      </c>
      <c r="AA155" s="6">
        <v>1</v>
      </c>
      <c r="AB155" s="6">
        <v>40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98</v>
      </c>
      <c r="I156" s="9" t="s">
        <v>6</v>
      </c>
      <c r="J156" s="9" t="s">
        <v>37</v>
      </c>
      <c r="K156" s="6">
        <v>4890</v>
      </c>
      <c r="L156" s="6">
        <v>4270</v>
      </c>
      <c r="M156" s="6">
        <v>4197</v>
      </c>
      <c r="N156" s="6">
        <v>3763</v>
      </c>
      <c r="O156" s="6">
        <v>398</v>
      </c>
      <c r="P156" s="6">
        <v>3</v>
      </c>
      <c r="Q156" s="6">
        <v>33</v>
      </c>
      <c r="R156" s="6">
        <v>73</v>
      </c>
      <c r="S156" s="6">
        <v>351</v>
      </c>
      <c r="T156" s="6">
        <v>324</v>
      </c>
      <c r="U156" s="10" t="s">
        <v>55</v>
      </c>
      <c r="V156" s="6">
        <v>27</v>
      </c>
      <c r="W156" s="6">
        <v>269</v>
      </c>
      <c r="X156" s="6">
        <v>3688</v>
      </c>
      <c r="Y156" s="6">
        <v>3321</v>
      </c>
      <c r="Z156" s="6">
        <v>335</v>
      </c>
      <c r="AA156" s="6">
        <v>2</v>
      </c>
      <c r="AB156" s="6">
        <v>30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98</v>
      </c>
      <c r="I157" s="9" t="s">
        <v>6</v>
      </c>
      <c r="J157" s="9" t="s">
        <v>38</v>
      </c>
      <c r="K157" s="6">
        <v>4830</v>
      </c>
      <c r="L157" s="6">
        <v>4174</v>
      </c>
      <c r="M157" s="6">
        <v>4095</v>
      </c>
      <c r="N157" s="6">
        <v>3645</v>
      </c>
      <c r="O157" s="6">
        <v>415</v>
      </c>
      <c r="P157" s="6">
        <v>1</v>
      </c>
      <c r="Q157" s="6">
        <v>34</v>
      </c>
      <c r="R157" s="6">
        <v>79</v>
      </c>
      <c r="S157" s="6">
        <v>448</v>
      </c>
      <c r="T157" s="6">
        <v>404</v>
      </c>
      <c r="U157" s="6">
        <v>1</v>
      </c>
      <c r="V157" s="6">
        <v>43</v>
      </c>
      <c r="W157" s="6">
        <v>208</v>
      </c>
      <c r="X157" s="6">
        <v>3436</v>
      </c>
      <c r="Y157" s="6">
        <v>3048</v>
      </c>
      <c r="Z157" s="6">
        <v>356</v>
      </c>
      <c r="AA157" s="6">
        <v>1</v>
      </c>
      <c r="AB157" s="6">
        <v>31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98</v>
      </c>
      <c r="I158" s="9" t="s">
        <v>6</v>
      </c>
      <c r="J158" s="9" t="s">
        <v>39</v>
      </c>
      <c r="K158" s="6">
        <v>5321</v>
      </c>
      <c r="L158" s="6">
        <v>4542</v>
      </c>
      <c r="M158" s="6">
        <v>4454</v>
      </c>
      <c r="N158" s="6">
        <v>3930</v>
      </c>
      <c r="O158" s="6">
        <v>461</v>
      </c>
      <c r="P158" s="10" t="s">
        <v>55</v>
      </c>
      <c r="Q158" s="6">
        <v>63</v>
      </c>
      <c r="R158" s="6">
        <v>88</v>
      </c>
      <c r="S158" s="6">
        <v>634</v>
      </c>
      <c r="T158" s="6">
        <v>549</v>
      </c>
      <c r="U158" s="10" t="s">
        <v>55</v>
      </c>
      <c r="V158" s="6">
        <v>85</v>
      </c>
      <c r="W158" s="6">
        <v>145</v>
      </c>
      <c r="X158" s="6">
        <v>3650</v>
      </c>
      <c r="Y158" s="6">
        <v>3253</v>
      </c>
      <c r="Z158" s="6">
        <v>344</v>
      </c>
      <c r="AA158" s="10" t="s">
        <v>55</v>
      </c>
      <c r="AB158" s="6">
        <v>53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98</v>
      </c>
      <c r="I159" s="9" t="s">
        <v>6</v>
      </c>
      <c r="J159" s="9" t="s">
        <v>40</v>
      </c>
      <c r="K159" s="6">
        <v>6117</v>
      </c>
      <c r="L159" s="6">
        <v>4519</v>
      </c>
      <c r="M159" s="6">
        <v>4373</v>
      </c>
      <c r="N159" s="6">
        <v>3707</v>
      </c>
      <c r="O159" s="6">
        <v>574</v>
      </c>
      <c r="P159" s="10" t="s">
        <v>55</v>
      </c>
      <c r="Q159" s="6">
        <v>92</v>
      </c>
      <c r="R159" s="6">
        <v>146</v>
      </c>
      <c r="S159" s="6">
        <v>1490</v>
      </c>
      <c r="T159" s="6">
        <v>993</v>
      </c>
      <c r="U159" s="10" t="s">
        <v>55</v>
      </c>
      <c r="V159" s="6">
        <v>497</v>
      </c>
      <c r="W159" s="6">
        <v>108</v>
      </c>
      <c r="X159" s="6">
        <v>3223</v>
      </c>
      <c r="Y159" s="6">
        <v>2770</v>
      </c>
      <c r="Z159" s="6">
        <v>383</v>
      </c>
      <c r="AA159" s="10" t="s">
        <v>55</v>
      </c>
      <c r="AB159" s="6">
        <v>70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98</v>
      </c>
      <c r="I160" s="9" t="s">
        <v>6</v>
      </c>
      <c r="J160" s="9" t="s">
        <v>41</v>
      </c>
      <c r="K160" s="6">
        <v>7077</v>
      </c>
      <c r="L160" s="6">
        <v>3734</v>
      </c>
      <c r="M160" s="6">
        <v>3626</v>
      </c>
      <c r="N160" s="6">
        <v>2871</v>
      </c>
      <c r="O160" s="6">
        <v>635</v>
      </c>
      <c r="P160" s="6">
        <v>1</v>
      </c>
      <c r="Q160" s="6">
        <v>119</v>
      </c>
      <c r="R160" s="6">
        <v>108</v>
      </c>
      <c r="S160" s="6">
        <v>3227</v>
      </c>
      <c r="T160" s="6">
        <v>1471</v>
      </c>
      <c r="U160" s="6">
        <v>1</v>
      </c>
      <c r="V160" s="6">
        <v>1755</v>
      </c>
      <c r="W160" s="6">
        <v>116</v>
      </c>
      <c r="X160" s="6">
        <v>2132</v>
      </c>
      <c r="Y160" s="6">
        <v>1702</v>
      </c>
      <c r="Z160" s="6">
        <v>353</v>
      </c>
      <c r="AA160" s="6">
        <v>1</v>
      </c>
      <c r="AB160" s="6">
        <v>76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98</v>
      </c>
      <c r="I161" s="9" t="s">
        <v>6</v>
      </c>
      <c r="J161" s="9" t="s">
        <v>42</v>
      </c>
      <c r="K161" s="6">
        <v>7029</v>
      </c>
      <c r="L161" s="6">
        <v>2525</v>
      </c>
      <c r="M161" s="6">
        <v>2484</v>
      </c>
      <c r="N161" s="6">
        <v>1904</v>
      </c>
      <c r="O161" s="6">
        <v>484</v>
      </c>
      <c r="P161" s="10" t="s">
        <v>55</v>
      </c>
      <c r="Q161" s="6">
        <v>96</v>
      </c>
      <c r="R161" s="6">
        <v>41</v>
      </c>
      <c r="S161" s="6">
        <v>4408</v>
      </c>
      <c r="T161" s="6">
        <v>1415</v>
      </c>
      <c r="U161" s="10" t="s">
        <v>55</v>
      </c>
      <c r="V161" s="6">
        <v>2993</v>
      </c>
      <c r="W161" s="6">
        <v>96</v>
      </c>
      <c r="X161" s="6">
        <v>1191</v>
      </c>
      <c r="Y161" s="6">
        <v>906</v>
      </c>
      <c r="Z161" s="6">
        <v>231</v>
      </c>
      <c r="AA161" s="10" t="s">
        <v>55</v>
      </c>
      <c r="AB161" s="6">
        <v>54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98</v>
      </c>
      <c r="I162" s="9" t="s">
        <v>6</v>
      </c>
      <c r="J162" s="9" t="s">
        <v>43</v>
      </c>
      <c r="K162" s="6">
        <v>5016</v>
      </c>
      <c r="L162" s="6">
        <v>963</v>
      </c>
      <c r="M162" s="6">
        <v>947</v>
      </c>
      <c r="N162" s="6">
        <v>677</v>
      </c>
      <c r="O162" s="6">
        <v>238</v>
      </c>
      <c r="P162" s="10" t="s">
        <v>55</v>
      </c>
      <c r="Q162" s="6">
        <v>32</v>
      </c>
      <c r="R162" s="6">
        <v>16</v>
      </c>
      <c r="S162" s="6">
        <v>3978</v>
      </c>
      <c r="T162" s="6">
        <v>877</v>
      </c>
      <c r="U162" s="10" t="s">
        <v>55</v>
      </c>
      <c r="V162" s="6">
        <v>3101</v>
      </c>
      <c r="W162" s="6">
        <v>75</v>
      </c>
      <c r="X162" s="6">
        <v>302</v>
      </c>
      <c r="Y162" s="6">
        <v>215</v>
      </c>
      <c r="Z162" s="6">
        <v>75</v>
      </c>
      <c r="AA162" s="10" t="s">
        <v>55</v>
      </c>
      <c r="AB162" s="6">
        <v>12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98</v>
      </c>
      <c r="I163" s="9" t="s">
        <v>6</v>
      </c>
      <c r="J163" s="9" t="s">
        <v>44</v>
      </c>
      <c r="K163" s="6">
        <v>3645</v>
      </c>
      <c r="L163" s="6">
        <v>443</v>
      </c>
      <c r="M163" s="6">
        <v>439</v>
      </c>
      <c r="N163" s="6">
        <v>305</v>
      </c>
      <c r="O163" s="6">
        <v>109</v>
      </c>
      <c r="P163" s="10" t="s">
        <v>55</v>
      </c>
      <c r="Q163" s="6">
        <v>25</v>
      </c>
      <c r="R163" s="6">
        <v>4</v>
      </c>
      <c r="S163" s="6">
        <v>3142</v>
      </c>
      <c r="T163" s="6">
        <v>498</v>
      </c>
      <c r="U163" s="10" t="s">
        <v>55</v>
      </c>
      <c r="V163" s="6">
        <v>2644</v>
      </c>
      <c r="W163" s="6">
        <v>60</v>
      </c>
      <c r="X163" s="6">
        <v>99</v>
      </c>
      <c r="Y163" s="6">
        <v>70</v>
      </c>
      <c r="Z163" s="6">
        <v>19</v>
      </c>
      <c r="AA163" s="10" t="s">
        <v>55</v>
      </c>
      <c r="AB163" s="6">
        <v>10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98</v>
      </c>
      <c r="I164" s="9" t="s">
        <v>6</v>
      </c>
      <c r="J164" s="9" t="s">
        <v>45</v>
      </c>
      <c r="K164" s="6">
        <v>1985</v>
      </c>
      <c r="L164" s="6">
        <v>104</v>
      </c>
      <c r="M164" s="6">
        <v>102</v>
      </c>
      <c r="N164" s="6">
        <v>67</v>
      </c>
      <c r="O164" s="6">
        <v>26</v>
      </c>
      <c r="P164" s="10" t="s">
        <v>55</v>
      </c>
      <c r="Q164" s="6">
        <v>9</v>
      </c>
      <c r="R164" s="6">
        <v>2</v>
      </c>
      <c r="S164" s="6">
        <v>1848</v>
      </c>
      <c r="T164" s="6">
        <v>179</v>
      </c>
      <c r="U164" s="6">
        <v>1</v>
      </c>
      <c r="V164" s="6">
        <v>1668</v>
      </c>
      <c r="W164" s="6">
        <v>33</v>
      </c>
      <c r="X164" s="6">
        <v>14</v>
      </c>
      <c r="Y164" s="6">
        <v>8</v>
      </c>
      <c r="Z164" s="6">
        <v>4</v>
      </c>
      <c r="AA164" s="10" t="s">
        <v>55</v>
      </c>
      <c r="AB164" s="6">
        <v>2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98</v>
      </c>
      <c r="I165" s="9" t="s">
        <v>6</v>
      </c>
      <c r="J165" s="9" t="s">
        <v>46</v>
      </c>
      <c r="K165" s="6">
        <v>596</v>
      </c>
      <c r="L165" s="6">
        <v>17</v>
      </c>
      <c r="M165" s="6">
        <v>17</v>
      </c>
      <c r="N165" s="6">
        <v>12</v>
      </c>
      <c r="O165" s="6">
        <v>2</v>
      </c>
      <c r="P165" s="10" t="s">
        <v>55</v>
      </c>
      <c r="Q165" s="6">
        <v>3</v>
      </c>
      <c r="R165" s="10" t="s">
        <v>55</v>
      </c>
      <c r="S165" s="6">
        <v>569</v>
      </c>
      <c r="T165" s="6">
        <v>24</v>
      </c>
      <c r="U165" s="10" t="s">
        <v>55</v>
      </c>
      <c r="V165" s="6">
        <v>545</v>
      </c>
      <c r="W165" s="6">
        <v>10</v>
      </c>
      <c r="X165" s="6">
        <v>2</v>
      </c>
      <c r="Y165" s="6">
        <v>2</v>
      </c>
      <c r="Z165" s="10" t="s">
        <v>55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98</v>
      </c>
      <c r="I166" s="9" t="s">
        <v>6</v>
      </c>
      <c r="J166" s="9" t="s">
        <v>47</v>
      </c>
      <c r="K166" s="6">
        <v>76</v>
      </c>
      <c r="L166" s="10" t="s">
        <v>55</v>
      </c>
      <c r="M166" s="10" t="s">
        <v>55</v>
      </c>
      <c r="N166" s="10" t="s">
        <v>55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76</v>
      </c>
      <c r="T166" s="6">
        <v>2</v>
      </c>
      <c r="U166" s="10" t="s">
        <v>55</v>
      </c>
      <c r="V166" s="6">
        <v>74</v>
      </c>
      <c r="W166" s="10" t="s">
        <v>55</v>
      </c>
      <c r="X166" s="10" t="s">
        <v>55</v>
      </c>
      <c r="Y166" s="10" t="s">
        <v>55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98</v>
      </c>
      <c r="I167" s="9" t="s">
        <v>6</v>
      </c>
      <c r="J167" s="9" t="s">
        <v>48</v>
      </c>
      <c r="K167" s="6">
        <v>34453</v>
      </c>
      <c r="L167" s="6">
        <v>28623</v>
      </c>
      <c r="M167" s="6">
        <v>28049</v>
      </c>
      <c r="N167" s="6">
        <v>24615</v>
      </c>
      <c r="O167" s="6">
        <v>2832</v>
      </c>
      <c r="P167" s="6">
        <v>16</v>
      </c>
      <c r="Q167" s="6">
        <v>586</v>
      </c>
      <c r="R167" s="6">
        <v>574</v>
      </c>
      <c r="S167" s="6">
        <v>4016</v>
      </c>
      <c r="T167" s="6">
        <v>3308</v>
      </c>
      <c r="U167" s="6">
        <v>4</v>
      </c>
      <c r="V167" s="6">
        <v>704</v>
      </c>
      <c r="W167" s="6">
        <v>1814</v>
      </c>
      <c r="X167" s="6">
        <v>23730</v>
      </c>
      <c r="Y167" s="6">
        <v>20944</v>
      </c>
      <c r="Z167" s="6">
        <v>2230</v>
      </c>
      <c r="AA167" s="6">
        <v>15</v>
      </c>
      <c r="AB167" s="6">
        <v>541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98</v>
      </c>
      <c r="I168" s="9" t="s">
        <v>6</v>
      </c>
      <c r="J168" s="9" t="s">
        <v>49</v>
      </c>
      <c r="K168" s="6">
        <v>25424</v>
      </c>
      <c r="L168" s="6">
        <v>7786</v>
      </c>
      <c r="M168" s="6">
        <v>7615</v>
      </c>
      <c r="N168" s="6">
        <v>5836</v>
      </c>
      <c r="O168" s="6">
        <v>1494</v>
      </c>
      <c r="P168" s="6">
        <v>1</v>
      </c>
      <c r="Q168" s="6">
        <v>284</v>
      </c>
      <c r="R168" s="6">
        <v>171</v>
      </c>
      <c r="S168" s="6">
        <v>17248</v>
      </c>
      <c r="T168" s="6">
        <v>4466</v>
      </c>
      <c r="U168" s="6">
        <v>2</v>
      </c>
      <c r="V168" s="6">
        <v>12780</v>
      </c>
      <c r="W168" s="6">
        <v>390</v>
      </c>
      <c r="X168" s="6">
        <v>3740</v>
      </c>
      <c r="Y168" s="6">
        <v>2903</v>
      </c>
      <c r="Z168" s="6">
        <v>682</v>
      </c>
      <c r="AA168" s="6">
        <v>1</v>
      </c>
      <c r="AB168" s="6">
        <v>154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98</v>
      </c>
      <c r="I169" s="9" t="s">
        <v>6</v>
      </c>
      <c r="J169" s="9" t="s">
        <v>50</v>
      </c>
      <c r="K169" s="6">
        <v>11318</v>
      </c>
      <c r="L169" s="6">
        <v>1527</v>
      </c>
      <c r="M169" s="6">
        <v>1505</v>
      </c>
      <c r="N169" s="6">
        <v>1061</v>
      </c>
      <c r="O169" s="6">
        <v>375</v>
      </c>
      <c r="P169" s="10" t="s">
        <v>55</v>
      </c>
      <c r="Q169" s="6">
        <v>69</v>
      </c>
      <c r="R169" s="6">
        <v>22</v>
      </c>
      <c r="S169" s="6">
        <v>9613</v>
      </c>
      <c r="T169" s="6">
        <v>1580</v>
      </c>
      <c r="U169" s="6">
        <v>1</v>
      </c>
      <c r="V169" s="6">
        <v>8032</v>
      </c>
      <c r="W169" s="6">
        <v>178</v>
      </c>
      <c r="X169" s="6">
        <v>417</v>
      </c>
      <c r="Y169" s="6">
        <v>295</v>
      </c>
      <c r="Z169" s="6">
        <v>98</v>
      </c>
      <c r="AA169" s="10" t="s">
        <v>55</v>
      </c>
      <c r="AB169" s="6">
        <v>24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98</v>
      </c>
      <c r="I170" s="9" t="s">
        <v>6</v>
      </c>
      <c r="J170" s="9" t="s">
        <v>51</v>
      </c>
      <c r="K170" s="6">
        <v>2657</v>
      </c>
      <c r="L170" s="6">
        <v>121</v>
      </c>
      <c r="M170" s="6">
        <v>119</v>
      </c>
      <c r="N170" s="6">
        <v>79</v>
      </c>
      <c r="O170" s="6">
        <v>28</v>
      </c>
      <c r="P170" s="10" t="s">
        <v>55</v>
      </c>
      <c r="Q170" s="6">
        <v>12</v>
      </c>
      <c r="R170" s="6">
        <v>2</v>
      </c>
      <c r="S170" s="6">
        <v>2493</v>
      </c>
      <c r="T170" s="6">
        <v>205</v>
      </c>
      <c r="U170" s="6">
        <v>1</v>
      </c>
      <c r="V170" s="6">
        <v>2287</v>
      </c>
      <c r="W170" s="6">
        <v>43</v>
      </c>
      <c r="X170" s="6">
        <v>16</v>
      </c>
      <c r="Y170" s="6">
        <v>10</v>
      </c>
      <c r="Z170" s="6">
        <v>4</v>
      </c>
      <c r="AA170" s="10" t="s">
        <v>55</v>
      </c>
      <c r="AB170" s="6">
        <v>2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98</v>
      </c>
      <c r="I171" s="9" t="s">
        <v>6</v>
      </c>
      <c r="J171" s="9" t="s">
        <v>52</v>
      </c>
      <c r="K171" s="6">
        <v>41507</v>
      </c>
      <c r="L171" s="6">
        <v>32344</v>
      </c>
      <c r="M171" s="6">
        <v>31663</v>
      </c>
      <c r="N171" s="6">
        <v>27476</v>
      </c>
      <c r="O171" s="6">
        <v>3467</v>
      </c>
      <c r="P171" s="6">
        <v>17</v>
      </c>
      <c r="Q171" s="6">
        <v>703</v>
      </c>
      <c r="R171" s="6">
        <v>681</v>
      </c>
      <c r="S171" s="6">
        <v>7234</v>
      </c>
      <c r="T171" s="6">
        <v>4771</v>
      </c>
      <c r="U171" s="6">
        <v>4</v>
      </c>
      <c r="V171" s="6">
        <v>2459</v>
      </c>
      <c r="W171" s="6">
        <v>1929</v>
      </c>
      <c r="X171" s="6">
        <v>25852</v>
      </c>
      <c r="Y171" s="6">
        <v>22638</v>
      </c>
      <c r="Z171" s="6">
        <v>2583</v>
      </c>
      <c r="AA171" s="6">
        <v>16</v>
      </c>
      <c r="AB171" s="6">
        <v>615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98</v>
      </c>
      <c r="I172" s="9" t="s">
        <v>53</v>
      </c>
      <c r="J172" s="9" t="s">
        <v>30</v>
      </c>
      <c r="K172" s="6">
        <v>29755</v>
      </c>
      <c r="L172" s="6">
        <v>19563</v>
      </c>
      <c r="M172" s="6">
        <v>19119</v>
      </c>
      <c r="N172" s="6">
        <v>18371</v>
      </c>
      <c r="O172" s="6">
        <v>381</v>
      </c>
      <c r="P172" s="6">
        <v>6</v>
      </c>
      <c r="Q172" s="6">
        <v>361</v>
      </c>
      <c r="R172" s="6">
        <v>444</v>
      </c>
      <c r="S172" s="6">
        <v>9102</v>
      </c>
      <c r="T172" s="6">
        <v>952</v>
      </c>
      <c r="U172" s="6">
        <v>1</v>
      </c>
      <c r="V172" s="6">
        <v>8149</v>
      </c>
      <c r="W172" s="6">
        <v>1090</v>
      </c>
      <c r="X172" s="6">
        <v>14359</v>
      </c>
      <c r="Y172" s="6">
        <v>13962</v>
      </c>
      <c r="Z172" s="6">
        <v>187</v>
      </c>
      <c r="AA172" s="6">
        <v>6</v>
      </c>
      <c r="AB172" s="6">
        <v>204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98</v>
      </c>
      <c r="I173" s="9" t="s">
        <v>53</v>
      </c>
      <c r="J173" s="9" t="s">
        <v>31</v>
      </c>
      <c r="K173" s="6">
        <v>9</v>
      </c>
      <c r="L173" s="6">
        <v>9</v>
      </c>
      <c r="M173" s="6">
        <v>9</v>
      </c>
      <c r="N173" s="6">
        <v>9</v>
      </c>
      <c r="O173" s="10" t="s">
        <v>55</v>
      </c>
      <c r="P173" s="10" t="s">
        <v>55</v>
      </c>
      <c r="Q173" s="10" t="s">
        <v>55</v>
      </c>
      <c r="R173" s="10" t="s">
        <v>55</v>
      </c>
      <c r="S173" s="10" t="s">
        <v>55</v>
      </c>
      <c r="T173" s="10" t="s">
        <v>55</v>
      </c>
      <c r="U173" s="10" t="s">
        <v>55</v>
      </c>
      <c r="V173" s="10" t="s">
        <v>55</v>
      </c>
      <c r="W173" s="10" t="s">
        <v>55</v>
      </c>
      <c r="X173" s="6">
        <v>8</v>
      </c>
      <c r="Y173" s="6">
        <v>8</v>
      </c>
      <c r="Z173" s="10" t="s">
        <v>55</v>
      </c>
      <c r="AA173" s="10" t="s">
        <v>55</v>
      </c>
      <c r="AB173" s="10" t="s">
        <v>55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98</v>
      </c>
      <c r="I174" s="9" t="s">
        <v>53</v>
      </c>
      <c r="J174" s="9" t="s">
        <v>32</v>
      </c>
      <c r="K174" s="6">
        <v>161</v>
      </c>
      <c r="L174" s="6">
        <v>136</v>
      </c>
      <c r="M174" s="6">
        <v>133</v>
      </c>
      <c r="N174" s="6">
        <v>132</v>
      </c>
      <c r="O174" s="10" t="s">
        <v>55</v>
      </c>
      <c r="P174" s="10" t="s">
        <v>55</v>
      </c>
      <c r="Q174" s="6">
        <v>1</v>
      </c>
      <c r="R174" s="6">
        <v>3</v>
      </c>
      <c r="S174" s="6">
        <v>1</v>
      </c>
      <c r="T174" s="10" t="s">
        <v>55</v>
      </c>
      <c r="U174" s="6">
        <v>1</v>
      </c>
      <c r="V174" s="10" t="s">
        <v>55</v>
      </c>
      <c r="W174" s="6">
        <v>24</v>
      </c>
      <c r="X174" s="6">
        <v>117</v>
      </c>
      <c r="Y174" s="6">
        <v>116</v>
      </c>
      <c r="Z174" s="10" t="s">
        <v>55</v>
      </c>
      <c r="AA174" s="10" t="s">
        <v>55</v>
      </c>
      <c r="AB174" s="6">
        <v>1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98</v>
      </c>
      <c r="I175" s="9" t="s">
        <v>53</v>
      </c>
      <c r="J175" s="9" t="s">
        <v>33</v>
      </c>
      <c r="K175" s="6">
        <v>673</v>
      </c>
      <c r="L175" s="6">
        <v>591</v>
      </c>
      <c r="M175" s="6">
        <v>583</v>
      </c>
      <c r="N175" s="6">
        <v>576</v>
      </c>
      <c r="O175" s="6">
        <v>4</v>
      </c>
      <c r="P175" s="6">
        <v>1</v>
      </c>
      <c r="Q175" s="6">
        <v>2</v>
      </c>
      <c r="R175" s="6">
        <v>8</v>
      </c>
      <c r="S175" s="6">
        <v>5</v>
      </c>
      <c r="T175" s="6">
        <v>2</v>
      </c>
      <c r="U175" s="10" t="s">
        <v>55</v>
      </c>
      <c r="V175" s="6">
        <v>3</v>
      </c>
      <c r="W175" s="6">
        <v>77</v>
      </c>
      <c r="X175" s="6">
        <v>526</v>
      </c>
      <c r="Y175" s="6">
        <v>519</v>
      </c>
      <c r="Z175" s="6">
        <v>4</v>
      </c>
      <c r="AA175" s="6">
        <v>1</v>
      </c>
      <c r="AB175" s="6">
        <v>2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98</v>
      </c>
      <c r="I176" s="9" t="s">
        <v>53</v>
      </c>
      <c r="J176" s="9" t="s">
        <v>34</v>
      </c>
      <c r="K176" s="6">
        <v>1251</v>
      </c>
      <c r="L176" s="6">
        <v>1126</v>
      </c>
      <c r="M176" s="6">
        <v>1107</v>
      </c>
      <c r="N176" s="6">
        <v>1096</v>
      </c>
      <c r="O176" s="6">
        <v>4</v>
      </c>
      <c r="P176" s="10" t="s">
        <v>55</v>
      </c>
      <c r="Q176" s="6">
        <v>7</v>
      </c>
      <c r="R176" s="6">
        <v>19</v>
      </c>
      <c r="S176" s="6">
        <v>7</v>
      </c>
      <c r="T176" s="6">
        <v>4</v>
      </c>
      <c r="U176" s="10" t="s">
        <v>55</v>
      </c>
      <c r="V176" s="6">
        <v>3</v>
      </c>
      <c r="W176" s="6">
        <v>118</v>
      </c>
      <c r="X176" s="6">
        <v>997</v>
      </c>
      <c r="Y176" s="6">
        <v>988</v>
      </c>
      <c r="Z176" s="6">
        <v>3</v>
      </c>
      <c r="AA176" s="10" t="s">
        <v>55</v>
      </c>
      <c r="AB176" s="6">
        <v>6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98</v>
      </c>
      <c r="I177" s="9" t="s">
        <v>53</v>
      </c>
      <c r="J177" s="9" t="s">
        <v>35</v>
      </c>
      <c r="K177" s="6">
        <v>1834</v>
      </c>
      <c r="L177" s="6">
        <v>1685</v>
      </c>
      <c r="M177" s="6">
        <v>1665</v>
      </c>
      <c r="N177" s="6">
        <v>1645</v>
      </c>
      <c r="O177" s="6">
        <v>4</v>
      </c>
      <c r="P177" s="6">
        <v>2</v>
      </c>
      <c r="Q177" s="6">
        <v>14</v>
      </c>
      <c r="R177" s="6">
        <v>20</v>
      </c>
      <c r="S177" s="6">
        <v>13</v>
      </c>
      <c r="T177" s="6">
        <v>8</v>
      </c>
      <c r="U177" s="10" t="s">
        <v>55</v>
      </c>
      <c r="V177" s="6">
        <v>5</v>
      </c>
      <c r="W177" s="6">
        <v>136</v>
      </c>
      <c r="X177" s="6">
        <v>1440</v>
      </c>
      <c r="Y177" s="6">
        <v>1425</v>
      </c>
      <c r="Z177" s="6">
        <v>1</v>
      </c>
      <c r="AA177" s="6">
        <v>2</v>
      </c>
      <c r="AB177" s="6">
        <v>12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98</v>
      </c>
      <c r="I178" s="9" t="s">
        <v>53</v>
      </c>
      <c r="J178" s="9" t="s">
        <v>36</v>
      </c>
      <c r="K178" s="6">
        <v>2186</v>
      </c>
      <c r="L178" s="6">
        <v>2014</v>
      </c>
      <c r="M178" s="6">
        <v>1986</v>
      </c>
      <c r="N178" s="6">
        <v>1969</v>
      </c>
      <c r="O178" s="6">
        <v>6</v>
      </c>
      <c r="P178" s="6">
        <v>1</v>
      </c>
      <c r="Q178" s="6">
        <v>10</v>
      </c>
      <c r="R178" s="6">
        <v>28</v>
      </c>
      <c r="S178" s="6">
        <v>14</v>
      </c>
      <c r="T178" s="6">
        <v>5</v>
      </c>
      <c r="U178" s="10" t="s">
        <v>55</v>
      </c>
      <c r="V178" s="6">
        <v>9</v>
      </c>
      <c r="W178" s="6">
        <v>158</v>
      </c>
      <c r="X178" s="6">
        <v>1704</v>
      </c>
      <c r="Y178" s="6">
        <v>1692</v>
      </c>
      <c r="Z178" s="6">
        <v>3</v>
      </c>
      <c r="AA178" s="6">
        <v>1</v>
      </c>
      <c r="AB178" s="6">
        <v>8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98</v>
      </c>
      <c r="I179" s="9" t="s">
        <v>53</v>
      </c>
      <c r="J179" s="9" t="s">
        <v>37</v>
      </c>
      <c r="K179" s="6">
        <v>2309</v>
      </c>
      <c r="L179" s="6">
        <v>2171</v>
      </c>
      <c r="M179" s="6">
        <v>2145</v>
      </c>
      <c r="N179" s="6">
        <v>2129</v>
      </c>
      <c r="O179" s="6">
        <v>4</v>
      </c>
      <c r="P179" s="6">
        <v>1</v>
      </c>
      <c r="Q179" s="6">
        <v>11</v>
      </c>
      <c r="R179" s="6">
        <v>26</v>
      </c>
      <c r="S179" s="6">
        <v>18</v>
      </c>
      <c r="T179" s="6">
        <v>6</v>
      </c>
      <c r="U179" s="10" t="s">
        <v>55</v>
      </c>
      <c r="V179" s="6">
        <v>12</v>
      </c>
      <c r="W179" s="6">
        <v>120</v>
      </c>
      <c r="X179" s="6">
        <v>1854</v>
      </c>
      <c r="Y179" s="6">
        <v>1844</v>
      </c>
      <c r="Z179" s="6">
        <v>1</v>
      </c>
      <c r="AA179" s="6">
        <v>1</v>
      </c>
      <c r="AB179" s="6">
        <v>8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98</v>
      </c>
      <c r="I180" s="9" t="s">
        <v>53</v>
      </c>
      <c r="J180" s="9" t="s">
        <v>38</v>
      </c>
      <c r="K180" s="6">
        <v>2256</v>
      </c>
      <c r="L180" s="6">
        <v>2109</v>
      </c>
      <c r="M180" s="6">
        <v>2073</v>
      </c>
      <c r="N180" s="6">
        <v>2040</v>
      </c>
      <c r="O180" s="6">
        <v>12</v>
      </c>
      <c r="P180" s="6">
        <v>1</v>
      </c>
      <c r="Q180" s="6">
        <v>20</v>
      </c>
      <c r="R180" s="6">
        <v>36</v>
      </c>
      <c r="S180" s="6">
        <v>31</v>
      </c>
      <c r="T180" s="6">
        <v>11</v>
      </c>
      <c r="U180" s="10" t="s">
        <v>55</v>
      </c>
      <c r="V180" s="6">
        <v>20</v>
      </c>
      <c r="W180" s="6">
        <v>116</v>
      </c>
      <c r="X180" s="6">
        <v>1712</v>
      </c>
      <c r="Y180" s="6">
        <v>1686</v>
      </c>
      <c r="Z180" s="6">
        <v>8</v>
      </c>
      <c r="AA180" s="6">
        <v>1</v>
      </c>
      <c r="AB180" s="6">
        <v>17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98</v>
      </c>
      <c r="I181" s="9" t="s">
        <v>53</v>
      </c>
      <c r="J181" s="9" t="s">
        <v>39</v>
      </c>
      <c r="K181" s="6">
        <v>2540</v>
      </c>
      <c r="L181" s="6">
        <v>2407</v>
      </c>
      <c r="M181" s="6">
        <v>2351</v>
      </c>
      <c r="N181" s="6">
        <v>2308</v>
      </c>
      <c r="O181" s="6">
        <v>14</v>
      </c>
      <c r="P181" s="10" t="s">
        <v>55</v>
      </c>
      <c r="Q181" s="6">
        <v>29</v>
      </c>
      <c r="R181" s="6">
        <v>56</v>
      </c>
      <c r="S181" s="6">
        <v>62</v>
      </c>
      <c r="T181" s="6">
        <v>19</v>
      </c>
      <c r="U181" s="10" t="s">
        <v>55</v>
      </c>
      <c r="V181" s="6">
        <v>43</v>
      </c>
      <c r="W181" s="6">
        <v>71</v>
      </c>
      <c r="X181" s="6">
        <v>1932</v>
      </c>
      <c r="Y181" s="6">
        <v>1902</v>
      </c>
      <c r="Z181" s="6">
        <v>7</v>
      </c>
      <c r="AA181" s="10" t="s">
        <v>55</v>
      </c>
      <c r="AB181" s="6">
        <v>23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98</v>
      </c>
      <c r="I182" s="9" t="s">
        <v>53</v>
      </c>
      <c r="J182" s="9" t="s">
        <v>40</v>
      </c>
      <c r="K182" s="6">
        <v>2936</v>
      </c>
      <c r="L182" s="6">
        <v>2507</v>
      </c>
      <c r="M182" s="6">
        <v>2408</v>
      </c>
      <c r="N182" s="6">
        <v>2330</v>
      </c>
      <c r="O182" s="6">
        <v>29</v>
      </c>
      <c r="P182" s="10" t="s">
        <v>55</v>
      </c>
      <c r="Q182" s="6">
        <v>49</v>
      </c>
      <c r="R182" s="6">
        <v>99</v>
      </c>
      <c r="S182" s="6">
        <v>368</v>
      </c>
      <c r="T182" s="6">
        <v>77</v>
      </c>
      <c r="U182" s="10" t="s">
        <v>55</v>
      </c>
      <c r="V182" s="6">
        <v>291</v>
      </c>
      <c r="W182" s="6">
        <v>61</v>
      </c>
      <c r="X182" s="6">
        <v>1797</v>
      </c>
      <c r="Y182" s="6">
        <v>1756</v>
      </c>
      <c r="Z182" s="6">
        <v>12</v>
      </c>
      <c r="AA182" s="10" t="s">
        <v>55</v>
      </c>
      <c r="AB182" s="6">
        <v>29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98</v>
      </c>
      <c r="I183" s="9" t="s">
        <v>53</v>
      </c>
      <c r="J183" s="9" t="s">
        <v>41</v>
      </c>
      <c r="K183" s="6">
        <v>3490</v>
      </c>
      <c r="L183" s="6">
        <v>2190</v>
      </c>
      <c r="M183" s="6">
        <v>2096</v>
      </c>
      <c r="N183" s="6">
        <v>1920</v>
      </c>
      <c r="O183" s="6">
        <v>93</v>
      </c>
      <c r="P183" s="10" t="s">
        <v>55</v>
      </c>
      <c r="Q183" s="6">
        <v>83</v>
      </c>
      <c r="R183" s="6">
        <v>94</v>
      </c>
      <c r="S183" s="6">
        <v>1243</v>
      </c>
      <c r="T183" s="6">
        <v>205</v>
      </c>
      <c r="U183" s="10" t="s">
        <v>55</v>
      </c>
      <c r="V183" s="6">
        <v>1038</v>
      </c>
      <c r="W183" s="6">
        <v>57</v>
      </c>
      <c r="X183" s="6">
        <v>1237</v>
      </c>
      <c r="Y183" s="6">
        <v>1132</v>
      </c>
      <c r="Z183" s="6">
        <v>62</v>
      </c>
      <c r="AA183" s="10" t="s">
        <v>55</v>
      </c>
      <c r="AB183" s="6">
        <v>43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98</v>
      </c>
      <c r="I184" s="9" t="s">
        <v>53</v>
      </c>
      <c r="J184" s="9" t="s">
        <v>42</v>
      </c>
      <c r="K184" s="6">
        <v>3681</v>
      </c>
      <c r="L184" s="6">
        <v>1588</v>
      </c>
      <c r="M184" s="6">
        <v>1554</v>
      </c>
      <c r="N184" s="6">
        <v>1383</v>
      </c>
      <c r="O184" s="6">
        <v>96</v>
      </c>
      <c r="P184" s="10" t="s">
        <v>55</v>
      </c>
      <c r="Q184" s="6">
        <v>75</v>
      </c>
      <c r="R184" s="6">
        <v>34</v>
      </c>
      <c r="S184" s="6">
        <v>2035</v>
      </c>
      <c r="T184" s="6">
        <v>207</v>
      </c>
      <c r="U184" s="10" t="s">
        <v>55</v>
      </c>
      <c r="V184" s="6">
        <v>1828</v>
      </c>
      <c r="W184" s="6">
        <v>58</v>
      </c>
      <c r="X184" s="6">
        <v>743</v>
      </c>
      <c r="Y184" s="6">
        <v>653</v>
      </c>
      <c r="Z184" s="6">
        <v>53</v>
      </c>
      <c r="AA184" s="10" t="s">
        <v>55</v>
      </c>
      <c r="AB184" s="6">
        <v>37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98</v>
      </c>
      <c r="I185" s="9" t="s">
        <v>53</v>
      </c>
      <c r="J185" s="9" t="s">
        <v>43</v>
      </c>
      <c r="K185" s="6">
        <v>2630</v>
      </c>
      <c r="L185" s="6">
        <v>631</v>
      </c>
      <c r="M185" s="6">
        <v>616</v>
      </c>
      <c r="N185" s="6">
        <v>525</v>
      </c>
      <c r="O185" s="6">
        <v>64</v>
      </c>
      <c r="P185" s="10" t="s">
        <v>55</v>
      </c>
      <c r="Q185" s="6">
        <v>27</v>
      </c>
      <c r="R185" s="6">
        <v>15</v>
      </c>
      <c r="S185" s="6">
        <v>1964</v>
      </c>
      <c r="T185" s="6">
        <v>192</v>
      </c>
      <c r="U185" s="10" t="s">
        <v>55</v>
      </c>
      <c r="V185" s="6">
        <v>1772</v>
      </c>
      <c r="W185" s="6">
        <v>35</v>
      </c>
      <c r="X185" s="6">
        <v>210</v>
      </c>
      <c r="Y185" s="6">
        <v>174</v>
      </c>
      <c r="Z185" s="6">
        <v>28</v>
      </c>
      <c r="AA185" s="10" t="s">
        <v>55</v>
      </c>
      <c r="AB185" s="6">
        <v>8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98</v>
      </c>
      <c r="I186" s="9" t="s">
        <v>53</v>
      </c>
      <c r="J186" s="9" t="s">
        <v>44</v>
      </c>
      <c r="K186" s="6">
        <v>2076</v>
      </c>
      <c r="L186" s="6">
        <v>312</v>
      </c>
      <c r="M186" s="6">
        <v>308</v>
      </c>
      <c r="N186" s="6">
        <v>245</v>
      </c>
      <c r="O186" s="6">
        <v>40</v>
      </c>
      <c r="P186" s="10" t="s">
        <v>55</v>
      </c>
      <c r="Q186" s="6">
        <v>23</v>
      </c>
      <c r="R186" s="6">
        <v>4</v>
      </c>
      <c r="S186" s="6">
        <v>1731</v>
      </c>
      <c r="T186" s="6">
        <v>139</v>
      </c>
      <c r="U186" s="10" t="s">
        <v>55</v>
      </c>
      <c r="V186" s="6">
        <v>1592</v>
      </c>
      <c r="W186" s="6">
        <v>33</v>
      </c>
      <c r="X186" s="6">
        <v>72</v>
      </c>
      <c r="Y186" s="6">
        <v>59</v>
      </c>
      <c r="Z186" s="6">
        <v>4</v>
      </c>
      <c r="AA186" s="10" t="s">
        <v>55</v>
      </c>
      <c r="AB186" s="6">
        <v>9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98</v>
      </c>
      <c r="I187" s="9" t="s">
        <v>53</v>
      </c>
      <c r="J187" s="9" t="s">
        <v>45</v>
      </c>
      <c r="K187" s="6">
        <v>1254</v>
      </c>
      <c r="L187" s="6">
        <v>73</v>
      </c>
      <c r="M187" s="6">
        <v>71</v>
      </c>
      <c r="N187" s="6">
        <v>54</v>
      </c>
      <c r="O187" s="6">
        <v>10</v>
      </c>
      <c r="P187" s="10" t="s">
        <v>55</v>
      </c>
      <c r="Q187" s="6">
        <v>7</v>
      </c>
      <c r="R187" s="6">
        <v>2</v>
      </c>
      <c r="S187" s="6">
        <v>1162</v>
      </c>
      <c r="T187" s="6">
        <v>65</v>
      </c>
      <c r="U187" s="10" t="s">
        <v>55</v>
      </c>
      <c r="V187" s="6">
        <v>1097</v>
      </c>
      <c r="W187" s="6">
        <v>19</v>
      </c>
      <c r="X187" s="6">
        <v>9</v>
      </c>
      <c r="Y187" s="6">
        <v>7</v>
      </c>
      <c r="Z187" s="6">
        <v>1</v>
      </c>
      <c r="AA187" s="10" t="s">
        <v>55</v>
      </c>
      <c r="AB187" s="6">
        <v>1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98</v>
      </c>
      <c r="I188" s="9" t="s">
        <v>53</v>
      </c>
      <c r="J188" s="9" t="s">
        <v>46</v>
      </c>
      <c r="K188" s="6">
        <v>425</v>
      </c>
      <c r="L188" s="6">
        <v>14</v>
      </c>
      <c r="M188" s="6">
        <v>14</v>
      </c>
      <c r="N188" s="6">
        <v>10</v>
      </c>
      <c r="O188" s="6">
        <v>1</v>
      </c>
      <c r="P188" s="10" t="s">
        <v>55</v>
      </c>
      <c r="Q188" s="6">
        <v>3</v>
      </c>
      <c r="R188" s="10" t="s">
        <v>55</v>
      </c>
      <c r="S188" s="6">
        <v>404</v>
      </c>
      <c r="T188" s="6">
        <v>12</v>
      </c>
      <c r="U188" s="10" t="s">
        <v>55</v>
      </c>
      <c r="V188" s="6">
        <v>392</v>
      </c>
      <c r="W188" s="6">
        <v>7</v>
      </c>
      <c r="X188" s="6">
        <v>1</v>
      </c>
      <c r="Y188" s="6">
        <v>1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98</v>
      </c>
      <c r="I189" s="9" t="s">
        <v>53</v>
      </c>
      <c r="J189" s="9" t="s">
        <v>47</v>
      </c>
      <c r="K189" s="6">
        <v>44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6">
        <v>44</v>
      </c>
      <c r="T189" s="10" t="s">
        <v>55</v>
      </c>
      <c r="U189" s="10" t="s">
        <v>55</v>
      </c>
      <c r="V189" s="6">
        <v>44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98</v>
      </c>
      <c r="I190" s="9" t="s">
        <v>53</v>
      </c>
      <c r="J190" s="9" t="s">
        <v>48</v>
      </c>
      <c r="K190" s="6">
        <v>16155</v>
      </c>
      <c r="L190" s="6">
        <v>14755</v>
      </c>
      <c r="M190" s="6">
        <v>14460</v>
      </c>
      <c r="N190" s="6">
        <v>14234</v>
      </c>
      <c r="O190" s="6">
        <v>77</v>
      </c>
      <c r="P190" s="6">
        <v>6</v>
      </c>
      <c r="Q190" s="6">
        <v>143</v>
      </c>
      <c r="R190" s="6">
        <v>295</v>
      </c>
      <c r="S190" s="6">
        <v>519</v>
      </c>
      <c r="T190" s="6">
        <v>132</v>
      </c>
      <c r="U190" s="6">
        <v>1</v>
      </c>
      <c r="V190" s="6">
        <v>386</v>
      </c>
      <c r="W190" s="6">
        <v>881</v>
      </c>
      <c r="X190" s="6">
        <v>12087</v>
      </c>
      <c r="Y190" s="6">
        <v>11936</v>
      </c>
      <c r="Z190" s="6">
        <v>39</v>
      </c>
      <c r="AA190" s="6">
        <v>6</v>
      </c>
      <c r="AB190" s="6">
        <v>106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98</v>
      </c>
      <c r="I191" s="9" t="s">
        <v>53</v>
      </c>
      <c r="J191" s="9" t="s">
        <v>49</v>
      </c>
      <c r="K191" s="6">
        <v>13600</v>
      </c>
      <c r="L191" s="6">
        <v>4808</v>
      </c>
      <c r="M191" s="6">
        <v>4659</v>
      </c>
      <c r="N191" s="6">
        <v>4137</v>
      </c>
      <c r="O191" s="6">
        <v>304</v>
      </c>
      <c r="P191" s="10" t="s">
        <v>55</v>
      </c>
      <c r="Q191" s="6">
        <v>218</v>
      </c>
      <c r="R191" s="6">
        <v>149</v>
      </c>
      <c r="S191" s="6">
        <v>8583</v>
      </c>
      <c r="T191" s="6">
        <v>820</v>
      </c>
      <c r="U191" s="10" t="s">
        <v>55</v>
      </c>
      <c r="V191" s="6">
        <v>7763</v>
      </c>
      <c r="W191" s="6">
        <v>209</v>
      </c>
      <c r="X191" s="6">
        <v>2272</v>
      </c>
      <c r="Y191" s="6">
        <v>2026</v>
      </c>
      <c r="Z191" s="6">
        <v>148</v>
      </c>
      <c r="AA191" s="10" t="s">
        <v>55</v>
      </c>
      <c r="AB191" s="6">
        <v>98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98</v>
      </c>
      <c r="I192" s="9" t="s">
        <v>53</v>
      </c>
      <c r="J192" s="9" t="s">
        <v>50</v>
      </c>
      <c r="K192" s="6">
        <v>6429</v>
      </c>
      <c r="L192" s="6">
        <v>1030</v>
      </c>
      <c r="M192" s="6">
        <v>1009</v>
      </c>
      <c r="N192" s="6">
        <v>834</v>
      </c>
      <c r="O192" s="6">
        <v>115</v>
      </c>
      <c r="P192" s="10" t="s">
        <v>55</v>
      </c>
      <c r="Q192" s="6">
        <v>60</v>
      </c>
      <c r="R192" s="6">
        <v>21</v>
      </c>
      <c r="S192" s="6">
        <v>5305</v>
      </c>
      <c r="T192" s="6">
        <v>408</v>
      </c>
      <c r="U192" s="10" t="s">
        <v>55</v>
      </c>
      <c r="V192" s="6">
        <v>4897</v>
      </c>
      <c r="W192" s="6">
        <v>94</v>
      </c>
      <c r="X192" s="6">
        <v>292</v>
      </c>
      <c r="Y192" s="6">
        <v>241</v>
      </c>
      <c r="Z192" s="6">
        <v>33</v>
      </c>
      <c r="AA192" s="10" t="s">
        <v>55</v>
      </c>
      <c r="AB192" s="6">
        <v>18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98</v>
      </c>
      <c r="I193" s="9" t="s">
        <v>53</v>
      </c>
      <c r="J193" s="9" t="s">
        <v>51</v>
      </c>
      <c r="K193" s="6">
        <v>1723</v>
      </c>
      <c r="L193" s="6">
        <v>87</v>
      </c>
      <c r="M193" s="6">
        <v>85</v>
      </c>
      <c r="N193" s="6">
        <v>64</v>
      </c>
      <c r="O193" s="6">
        <v>11</v>
      </c>
      <c r="P193" s="10" t="s">
        <v>55</v>
      </c>
      <c r="Q193" s="6">
        <v>10</v>
      </c>
      <c r="R193" s="6">
        <v>2</v>
      </c>
      <c r="S193" s="6">
        <v>1610</v>
      </c>
      <c r="T193" s="6">
        <v>77</v>
      </c>
      <c r="U193" s="10" t="s">
        <v>55</v>
      </c>
      <c r="V193" s="6">
        <v>1533</v>
      </c>
      <c r="W193" s="6">
        <v>26</v>
      </c>
      <c r="X193" s="6">
        <v>10</v>
      </c>
      <c r="Y193" s="6">
        <v>8</v>
      </c>
      <c r="Z193" s="6">
        <v>1</v>
      </c>
      <c r="AA193" s="10" t="s">
        <v>55</v>
      </c>
      <c r="AB193" s="6">
        <v>1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98</v>
      </c>
      <c r="I194" s="9" t="s">
        <v>53</v>
      </c>
      <c r="J194" s="9" t="s">
        <v>52</v>
      </c>
      <c r="K194" s="6">
        <v>19636</v>
      </c>
      <c r="L194" s="6">
        <v>16936</v>
      </c>
      <c r="M194" s="6">
        <v>16547</v>
      </c>
      <c r="N194" s="6">
        <v>16145</v>
      </c>
      <c r="O194" s="6">
        <v>170</v>
      </c>
      <c r="P194" s="6">
        <v>6</v>
      </c>
      <c r="Q194" s="6">
        <v>226</v>
      </c>
      <c r="R194" s="6">
        <v>389</v>
      </c>
      <c r="S194" s="6">
        <v>1762</v>
      </c>
      <c r="T194" s="6">
        <v>337</v>
      </c>
      <c r="U194" s="6">
        <v>1</v>
      </c>
      <c r="V194" s="6">
        <v>1424</v>
      </c>
      <c r="W194" s="6">
        <v>938</v>
      </c>
      <c r="X194" s="6">
        <v>13316</v>
      </c>
      <c r="Y194" s="6">
        <v>13060</v>
      </c>
      <c r="Z194" s="6">
        <v>101</v>
      </c>
      <c r="AA194" s="6">
        <v>6</v>
      </c>
      <c r="AB194" s="6">
        <v>149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98</v>
      </c>
      <c r="I195" s="9" t="s">
        <v>54</v>
      </c>
      <c r="J195" s="9" t="s">
        <v>30</v>
      </c>
      <c r="K195" s="6">
        <v>30122</v>
      </c>
      <c r="L195" s="6">
        <v>16846</v>
      </c>
      <c r="M195" s="6">
        <v>16545</v>
      </c>
      <c r="N195" s="6">
        <v>12080</v>
      </c>
      <c r="O195" s="6">
        <v>3945</v>
      </c>
      <c r="P195" s="6">
        <v>11</v>
      </c>
      <c r="Q195" s="6">
        <v>509</v>
      </c>
      <c r="R195" s="6">
        <v>301</v>
      </c>
      <c r="S195" s="6">
        <v>12162</v>
      </c>
      <c r="T195" s="6">
        <v>6822</v>
      </c>
      <c r="U195" s="6">
        <v>5</v>
      </c>
      <c r="V195" s="6">
        <v>5335</v>
      </c>
      <c r="W195" s="6">
        <v>1114</v>
      </c>
      <c r="X195" s="6">
        <v>13111</v>
      </c>
      <c r="Y195" s="6">
        <v>9885</v>
      </c>
      <c r="Z195" s="6">
        <v>2725</v>
      </c>
      <c r="AA195" s="6">
        <v>10</v>
      </c>
      <c r="AB195" s="6">
        <v>491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98</v>
      </c>
      <c r="I196" s="9" t="s">
        <v>54</v>
      </c>
      <c r="J196" s="9" t="s">
        <v>31</v>
      </c>
      <c r="K196" s="6">
        <v>14</v>
      </c>
      <c r="L196" s="6">
        <v>4</v>
      </c>
      <c r="M196" s="6">
        <v>3</v>
      </c>
      <c r="N196" s="6">
        <v>1</v>
      </c>
      <c r="O196" s="10" t="s">
        <v>55</v>
      </c>
      <c r="P196" s="10" t="s">
        <v>55</v>
      </c>
      <c r="Q196" s="6">
        <v>2</v>
      </c>
      <c r="R196" s="6">
        <v>1</v>
      </c>
      <c r="S196" s="6">
        <v>9</v>
      </c>
      <c r="T196" s="6">
        <v>8</v>
      </c>
      <c r="U196" s="6">
        <v>1</v>
      </c>
      <c r="V196" s="10" t="s">
        <v>55</v>
      </c>
      <c r="W196" s="6">
        <v>1</v>
      </c>
      <c r="X196" s="6">
        <v>2</v>
      </c>
      <c r="Y196" s="10" t="s">
        <v>55</v>
      </c>
      <c r="Z196" s="10" t="s">
        <v>55</v>
      </c>
      <c r="AA196" s="10" t="s">
        <v>55</v>
      </c>
      <c r="AB196" s="6">
        <v>2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98</v>
      </c>
      <c r="I197" s="9" t="s">
        <v>54</v>
      </c>
      <c r="J197" s="9" t="s">
        <v>32</v>
      </c>
      <c r="K197" s="6">
        <v>239</v>
      </c>
      <c r="L197" s="6">
        <v>156</v>
      </c>
      <c r="M197" s="6">
        <v>150</v>
      </c>
      <c r="N197" s="6">
        <v>106</v>
      </c>
      <c r="O197" s="6">
        <v>21</v>
      </c>
      <c r="P197" s="10" t="s">
        <v>55</v>
      </c>
      <c r="Q197" s="6">
        <v>23</v>
      </c>
      <c r="R197" s="6">
        <v>6</v>
      </c>
      <c r="S197" s="6">
        <v>49</v>
      </c>
      <c r="T197" s="6">
        <v>47</v>
      </c>
      <c r="U197" s="10" t="s">
        <v>55</v>
      </c>
      <c r="V197" s="6">
        <v>2</v>
      </c>
      <c r="W197" s="6">
        <v>34</v>
      </c>
      <c r="X197" s="6">
        <v>138</v>
      </c>
      <c r="Y197" s="6">
        <v>96</v>
      </c>
      <c r="Z197" s="6">
        <v>19</v>
      </c>
      <c r="AA197" s="10" t="s">
        <v>55</v>
      </c>
      <c r="AB197" s="6">
        <v>23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98</v>
      </c>
      <c r="I198" s="9" t="s">
        <v>54</v>
      </c>
      <c r="J198" s="9" t="s">
        <v>33</v>
      </c>
      <c r="K198" s="6">
        <v>893</v>
      </c>
      <c r="L198" s="6">
        <v>639</v>
      </c>
      <c r="M198" s="6">
        <v>629</v>
      </c>
      <c r="N198" s="6">
        <v>452</v>
      </c>
      <c r="O198" s="6">
        <v>93</v>
      </c>
      <c r="P198" s="6">
        <v>3</v>
      </c>
      <c r="Q198" s="6">
        <v>81</v>
      </c>
      <c r="R198" s="6">
        <v>10</v>
      </c>
      <c r="S198" s="6">
        <v>163</v>
      </c>
      <c r="T198" s="6">
        <v>155</v>
      </c>
      <c r="U198" s="10" t="s">
        <v>55</v>
      </c>
      <c r="V198" s="6">
        <v>8</v>
      </c>
      <c r="W198" s="6">
        <v>91</v>
      </c>
      <c r="X198" s="6">
        <v>595</v>
      </c>
      <c r="Y198" s="6">
        <v>433</v>
      </c>
      <c r="Z198" s="6">
        <v>78</v>
      </c>
      <c r="AA198" s="6">
        <v>3</v>
      </c>
      <c r="AB198" s="6">
        <v>81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98</v>
      </c>
      <c r="I199" s="9" t="s">
        <v>54</v>
      </c>
      <c r="J199" s="9" t="s">
        <v>34</v>
      </c>
      <c r="K199" s="6">
        <v>1673</v>
      </c>
      <c r="L199" s="6">
        <v>1244</v>
      </c>
      <c r="M199" s="6">
        <v>1202</v>
      </c>
      <c r="N199" s="6">
        <v>898</v>
      </c>
      <c r="O199" s="6">
        <v>199</v>
      </c>
      <c r="P199" s="6">
        <v>1</v>
      </c>
      <c r="Q199" s="6">
        <v>104</v>
      </c>
      <c r="R199" s="6">
        <v>42</v>
      </c>
      <c r="S199" s="6">
        <v>269</v>
      </c>
      <c r="T199" s="6">
        <v>261</v>
      </c>
      <c r="U199" s="10" t="s">
        <v>55</v>
      </c>
      <c r="V199" s="6">
        <v>8</v>
      </c>
      <c r="W199" s="6">
        <v>160</v>
      </c>
      <c r="X199" s="6">
        <v>1089</v>
      </c>
      <c r="Y199" s="6">
        <v>833</v>
      </c>
      <c r="Z199" s="6">
        <v>152</v>
      </c>
      <c r="AA199" s="6">
        <v>1</v>
      </c>
      <c r="AB199" s="6">
        <v>103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98</v>
      </c>
      <c r="I200" s="9" t="s">
        <v>54</v>
      </c>
      <c r="J200" s="9" t="s">
        <v>35</v>
      </c>
      <c r="K200" s="6">
        <v>2063</v>
      </c>
      <c r="L200" s="6">
        <v>1646</v>
      </c>
      <c r="M200" s="6">
        <v>1623</v>
      </c>
      <c r="N200" s="6">
        <v>1215</v>
      </c>
      <c r="O200" s="6">
        <v>316</v>
      </c>
      <c r="P200" s="6">
        <v>4</v>
      </c>
      <c r="Q200" s="6">
        <v>88</v>
      </c>
      <c r="R200" s="6">
        <v>23</v>
      </c>
      <c r="S200" s="6">
        <v>287</v>
      </c>
      <c r="T200" s="6">
        <v>275</v>
      </c>
      <c r="U200" s="6">
        <v>1</v>
      </c>
      <c r="V200" s="6">
        <v>11</v>
      </c>
      <c r="W200" s="6">
        <v>130</v>
      </c>
      <c r="X200" s="6">
        <v>1467</v>
      </c>
      <c r="Y200" s="6">
        <v>1105</v>
      </c>
      <c r="Z200" s="6">
        <v>271</v>
      </c>
      <c r="AA200" s="6">
        <v>4</v>
      </c>
      <c r="AB200" s="6">
        <v>87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98</v>
      </c>
      <c r="I201" s="9" t="s">
        <v>54</v>
      </c>
      <c r="J201" s="9" t="s">
        <v>36</v>
      </c>
      <c r="K201" s="6">
        <v>2299</v>
      </c>
      <c r="L201" s="6">
        <v>1868</v>
      </c>
      <c r="M201" s="6">
        <v>1840</v>
      </c>
      <c r="N201" s="6">
        <v>1471</v>
      </c>
      <c r="O201" s="6">
        <v>337</v>
      </c>
      <c r="P201" s="10" t="s">
        <v>55</v>
      </c>
      <c r="Q201" s="6">
        <v>32</v>
      </c>
      <c r="R201" s="6">
        <v>28</v>
      </c>
      <c r="S201" s="6">
        <v>276</v>
      </c>
      <c r="T201" s="6">
        <v>273</v>
      </c>
      <c r="U201" s="10" t="s">
        <v>55</v>
      </c>
      <c r="V201" s="6">
        <v>3</v>
      </c>
      <c r="W201" s="6">
        <v>155</v>
      </c>
      <c r="X201" s="6">
        <v>1650</v>
      </c>
      <c r="Y201" s="6">
        <v>1337</v>
      </c>
      <c r="Z201" s="6">
        <v>281</v>
      </c>
      <c r="AA201" s="10" t="s">
        <v>55</v>
      </c>
      <c r="AB201" s="6">
        <v>32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98</v>
      </c>
      <c r="I202" s="9" t="s">
        <v>54</v>
      </c>
      <c r="J202" s="9" t="s">
        <v>37</v>
      </c>
      <c r="K202" s="6">
        <v>2581</v>
      </c>
      <c r="L202" s="6">
        <v>2099</v>
      </c>
      <c r="M202" s="6">
        <v>2052</v>
      </c>
      <c r="N202" s="6">
        <v>1634</v>
      </c>
      <c r="O202" s="6">
        <v>394</v>
      </c>
      <c r="P202" s="6">
        <v>2</v>
      </c>
      <c r="Q202" s="6">
        <v>22</v>
      </c>
      <c r="R202" s="6">
        <v>47</v>
      </c>
      <c r="S202" s="6">
        <v>333</v>
      </c>
      <c r="T202" s="6">
        <v>318</v>
      </c>
      <c r="U202" s="10" t="s">
        <v>55</v>
      </c>
      <c r="V202" s="6">
        <v>15</v>
      </c>
      <c r="W202" s="6">
        <v>149</v>
      </c>
      <c r="X202" s="6">
        <v>1834</v>
      </c>
      <c r="Y202" s="6">
        <v>1477</v>
      </c>
      <c r="Z202" s="6">
        <v>334</v>
      </c>
      <c r="AA202" s="6">
        <v>1</v>
      </c>
      <c r="AB202" s="6">
        <v>22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98</v>
      </c>
      <c r="I203" s="9" t="s">
        <v>54</v>
      </c>
      <c r="J203" s="9" t="s">
        <v>38</v>
      </c>
      <c r="K203" s="6">
        <v>2574</v>
      </c>
      <c r="L203" s="6">
        <v>2065</v>
      </c>
      <c r="M203" s="6">
        <v>2022</v>
      </c>
      <c r="N203" s="6">
        <v>1605</v>
      </c>
      <c r="O203" s="6">
        <v>403</v>
      </c>
      <c r="P203" s="10" t="s">
        <v>55</v>
      </c>
      <c r="Q203" s="6">
        <v>14</v>
      </c>
      <c r="R203" s="6">
        <v>43</v>
      </c>
      <c r="S203" s="6">
        <v>417</v>
      </c>
      <c r="T203" s="6">
        <v>393</v>
      </c>
      <c r="U203" s="6">
        <v>1</v>
      </c>
      <c r="V203" s="6">
        <v>23</v>
      </c>
      <c r="W203" s="6">
        <v>92</v>
      </c>
      <c r="X203" s="6">
        <v>1724</v>
      </c>
      <c r="Y203" s="6">
        <v>1362</v>
      </c>
      <c r="Z203" s="6">
        <v>348</v>
      </c>
      <c r="AA203" s="10" t="s">
        <v>55</v>
      </c>
      <c r="AB203" s="6">
        <v>14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98</v>
      </c>
      <c r="I204" s="9" t="s">
        <v>54</v>
      </c>
      <c r="J204" s="9" t="s">
        <v>39</v>
      </c>
      <c r="K204" s="6">
        <v>2781</v>
      </c>
      <c r="L204" s="6">
        <v>2135</v>
      </c>
      <c r="M204" s="6">
        <v>2103</v>
      </c>
      <c r="N204" s="6">
        <v>1622</v>
      </c>
      <c r="O204" s="6">
        <v>447</v>
      </c>
      <c r="P204" s="10" t="s">
        <v>55</v>
      </c>
      <c r="Q204" s="6">
        <v>34</v>
      </c>
      <c r="R204" s="6">
        <v>32</v>
      </c>
      <c r="S204" s="6">
        <v>572</v>
      </c>
      <c r="T204" s="6">
        <v>530</v>
      </c>
      <c r="U204" s="10" t="s">
        <v>55</v>
      </c>
      <c r="V204" s="6">
        <v>42</v>
      </c>
      <c r="W204" s="6">
        <v>74</v>
      </c>
      <c r="X204" s="6">
        <v>1718</v>
      </c>
      <c r="Y204" s="6">
        <v>1351</v>
      </c>
      <c r="Z204" s="6">
        <v>337</v>
      </c>
      <c r="AA204" s="10" t="s">
        <v>55</v>
      </c>
      <c r="AB204" s="6">
        <v>30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98</v>
      </c>
      <c r="I205" s="9" t="s">
        <v>54</v>
      </c>
      <c r="J205" s="9" t="s">
        <v>40</v>
      </c>
      <c r="K205" s="6">
        <v>3181</v>
      </c>
      <c r="L205" s="6">
        <v>2012</v>
      </c>
      <c r="M205" s="6">
        <v>1965</v>
      </c>
      <c r="N205" s="6">
        <v>1377</v>
      </c>
      <c r="O205" s="6">
        <v>545</v>
      </c>
      <c r="P205" s="10" t="s">
        <v>55</v>
      </c>
      <c r="Q205" s="6">
        <v>43</v>
      </c>
      <c r="R205" s="6">
        <v>47</v>
      </c>
      <c r="S205" s="6">
        <v>1122</v>
      </c>
      <c r="T205" s="6">
        <v>916</v>
      </c>
      <c r="U205" s="10" t="s">
        <v>55</v>
      </c>
      <c r="V205" s="6">
        <v>206</v>
      </c>
      <c r="W205" s="6">
        <v>47</v>
      </c>
      <c r="X205" s="6">
        <v>1426</v>
      </c>
      <c r="Y205" s="6">
        <v>1014</v>
      </c>
      <c r="Z205" s="6">
        <v>371</v>
      </c>
      <c r="AA205" s="10" t="s">
        <v>55</v>
      </c>
      <c r="AB205" s="6">
        <v>41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98</v>
      </c>
      <c r="I206" s="9" t="s">
        <v>54</v>
      </c>
      <c r="J206" s="9" t="s">
        <v>41</v>
      </c>
      <c r="K206" s="6">
        <v>3587</v>
      </c>
      <c r="L206" s="6">
        <v>1544</v>
      </c>
      <c r="M206" s="6">
        <v>1530</v>
      </c>
      <c r="N206" s="6">
        <v>951</v>
      </c>
      <c r="O206" s="6">
        <v>542</v>
      </c>
      <c r="P206" s="6">
        <v>1</v>
      </c>
      <c r="Q206" s="6">
        <v>36</v>
      </c>
      <c r="R206" s="6">
        <v>14</v>
      </c>
      <c r="S206" s="6">
        <v>1984</v>
      </c>
      <c r="T206" s="6">
        <v>1266</v>
      </c>
      <c r="U206" s="6">
        <v>1</v>
      </c>
      <c r="V206" s="6">
        <v>717</v>
      </c>
      <c r="W206" s="6">
        <v>59</v>
      </c>
      <c r="X206" s="6">
        <v>895</v>
      </c>
      <c r="Y206" s="6">
        <v>570</v>
      </c>
      <c r="Z206" s="6">
        <v>291</v>
      </c>
      <c r="AA206" s="6">
        <v>1</v>
      </c>
      <c r="AB206" s="6">
        <v>33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98</v>
      </c>
      <c r="I207" s="9" t="s">
        <v>54</v>
      </c>
      <c r="J207" s="9" t="s">
        <v>42</v>
      </c>
      <c r="K207" s="6">
        <v>3348</v>
      </c>
      <c r="L207" s="6">
        <v>937</v>
      </c>
      <c r="M207" s="6">
        <v>930</v>
      </c>
      <c r="N207" s="6">
        <v>521</v>
      </c>
      <c r="O207" s="6">
        <v>388</v>
      </c>
      <c r="P207" s="10" t="s">
        <v>55</v>
      </c>
      <c r="Q207" s="6">
        <v>21</v>
      </c>
      <c r="R207" s="6">
        <v>7</v>
      </c>
      <c r="S207" s="6">
        <v>2373</v>
      </c>
      <c r="T207" s="6">
        <v>1208</v>
      </c>
      <c r="U207" s="10" t="s">
        <v>55</v>
      </c>
      <c r="V207" s="6">
        <v>1165</v>
      </c>
      <c r="W207" s="6">
        <v>38</v>
      </c>
      <c r="X207" s="6">
        <v>448</v>
      </c>
      <c r="Y207" s="6">
        <v>253</v>
      </c>
      <c r="Z207" s="6">
        <v>178</v>
      </c>
      <c r="AA207" s="10" t="s">
        <v>55</v>
      </c>
      <c r="AB207" s="6">
        <v>17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98</v>
      </c>
      <c r="I208" s="9" t="s">
        <v>54</v>
      </c>
      <c r="J208" s="9" t="s">
        <v>43</v>
      </c>
      <c r="K208" s="6">
        <v>2386</v>
      </c>
      <c r="L208" s="6">
        <v>332</v>
      </c>
      <c r="M208" s="6">
        <v>331</v>
      </c>
      <c r="N208" s="6">
        <v>152</v>
      </c>
      <c r="O208" s="6">
        <v>174</v>
      </c>
      <c r="P208" s="10" t="s">
        <v>55</v>
      </c>
      <c r="Q208" s="6">
        <v>5</v>
      </c>
      <c r="R208" s="6">
        <v>1</v>
      </c>
      <c r="S208" s="6">
        <v>2014</v>
      </c>
      <c r="T208" s="6">
        <v>685</v>
      </c>
      <c r="U208" s="10" t="s">
        <v>55</v>
      </c>
      <c r="V208" s="6">
        <v>1329</v>
      </c>
      <c r="W208" s="6">
        <v>40</v>
      </c>
      <c r="X208" s="6">
        <v>92</v>
      </c>
      <c r="Y208" s="6">
        <v>41</v>
      </c>
      <c r="Z208" s="6">
        <v>47</v>
      </c>
      <c r="AA208" s="10" t="s">
        <v>55</v>
      </c>
      <c r="AB208" s="6">
        <v>4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98</v>
      </c>
      <c r="I209" s="9" t="s">
        <v>54</v>
      </c>
      <c r="J209" s="9" t="s">
        <v>44</v>
      </c>
      <c r="K209" s="6">
        <v>1569</v>
      </c>
      <c r="L209" s="6">
        <v>131</v>
      </c>
      <c r="M209" s="6">
        <v>131</v>
      </c>
      <c r="N209" s="6">
        <v>60</v>
      </c>
      <c r="O209" s="6">
        <v>69</v>
      </c>
      <c r="P209" s="10" t="s">
        <v>55</v>
      </c>
      <c r="Q209" s="6">
        <v>2</v>
      </c>
      <c r="R209" s="10" t="s">
        <v>55</v>
      </c>
      <c r="S209" s="6">
        <v>1411</v>
      </c>
      <c r="T209" s="6">
        <v>359</v>
      </c>
      <c r="U209" s="10" t="s">
        <v>55</v>
      </c>
      <c r="V209" s="6">
        <v>1052</v>
      </c>
      <c r="W209" s="6">
        <v>27</v>
      </c>
      <c r="X209" s="6">
        <v>27</v>
      </c>
      <c r="Y209" s="6">
        <v>11</v>
      </c>
      <c r="Z209" s="6">
        <v>15</v>
      </c>
      <c r="AA209" s="10" t="s">
        <v>55</v>
      </c>
      <c r="AB209" s="6">
        <v>1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98</v>
      </c>
      <c r="I210" s="9" t="s">
        <v>54</v>
      </c>
      <c r="J210" s="9" t="s">
        <v>45</v>
      </c>
      <c r="K210" s="6">
        <v>731</v>
      </c>
      <c r="L210" s="6">
        <v>31</v>
      </c>
      <c r="M210" s="6">
        <v>31</v>
      </c>
      <c r="N210" s="6">
        <v>13</v>
      </c>
      <c r="O210" s="6">
        <v>16</v>
      </c>
      <c r="P210" s="10" t="s">
        <v>55</v>
      </c>
      <c r="Q210" s="6">
        <v>2</v>
      </c>
      <c r="R210" s="10" t="s">
        <v>55</v>
      </c>
      <c r="S210" s="6">
        <v>686</v>
      </c>
      <c r="T210" s="6">
        <v>114</v>
      </c>
      <c r="U210" s="6">
        <v>1</v>
      </c>
      <c r="V210" s="6">
        <v>571</v>
      </c>
      <c r="W210" s="6">
        <v>14</v>
      </c>
      <c r="X210" s="6">
        <v>5</v>
      </c>
      <c r="Y210" s="6">
        <v>1</v>
      </c>
      <c r="Z210" s="6">
        <v>3</v>
      </c>
      <c r="AA210" s="10" t="s">
        <v>55</v>
      </c>
      <c r="AB210" s="6">
        <v>1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98</v>
      </c>
      <c r="I211" s="9" t="s">
        <v>54</v>
      </c>
      <c r="J211" s="9" t="s">
        <v>46</v>
      </c>
      <c r="K211" s="6">
        <v>171</v>
      </c>
      <c r="L211" s="6">
        <v>3</v>
      </c>
      <c r="M211" s="6">
        <v>3</v>
      </c>
      <c r="N211" s="6">
        <v>2</v>
      </c>
      <c r="O211" s="6">
        <v>1</v>
      </c>
      <c r="P211" s="10" t="s">
        <v>55</v>
      </c>
      <c r="Q211" s="10" t="s">
        <v>55</v>
      </c>
      <c r="R211" s="10" t="s">
        <v>55</v>
      </c>
      <c r="S211" s="6">
        <v>165</v>
      </c>
      <c r="T211" s="6">
        <v>12</v>
      </c>
      <c r="U211" s="10" t="s">
        <v>55</v>
      </c>
      <c r="V211" s="6">
        <v>153</v>
      </c>
      <c r="W211" s="6">
        <v>3</v>
      </c>
      <c r="X211" s="6">
        <v>1</v>
      </c>
      <c r="Y211" s="6">
        <v>1</v>
      </c>
      <c r="Z211" s="10" t="s">
        <v>55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98</v>
      </c>
      <c r="I212" s="9" t="s">
        <v>54</v>
      </c>
      <c r="J212" s="9" t="s">
        <v>47</v>
      </c>
      <c r="K212" s="6">
        <v>32</v>
      </c>
      <c r="L212" s="10" t="s">
        <v>55</v>
      </c>
      <c r="M212" s="10" t="s">
        <v>55</v>
      </c>
      <c r="N212" s="10" t="s">
        <v>55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32</v>
      </c>
      <c r="T212" s="6">
        <v>2</v>
      </c>
      <c r="U212" s="10" t="s">
        <v>55</v>
      </c>
      <c r="V212" s="6">
        <v>30</v>
      </c>
      <c r="W212" s="10" t="s">
        <v>55</v>
      </c>
      <c r="X212" s="10" t="s">
        <v>55</v>
      </c>
      <c r="Y212" s="10" t="s">
        <v>55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98</v>
      </c>
      <c r="I213" s="9" t="s">
        <v>54</v>
      </c>
      <c r="J213" s="9" t="s">
        <v>48</v>
      </c>
      <c r="K213" s="6">
        <v>18298</v>
      </c>
      <c r="L213" s="6">
        <v>13868</v>
      </c>
      <c r="M213" s="6">
        <v>13589</v>
      </c>
      <c r="N213" s="6">
        <v>10381</v>
      </c>
      <c r="O213" s="6">
        <v>2755</v>
      </c>
      <c r="P213" s="6">
        <v>10</v>
      </c>
      <c r="Q213" s="6">
        <v>443</v>
      </c>
      <c r="R213" s="6">
        <v>279</v>
      </c>
      <c r="S213" s="6">
        <v>3497</v>
      </c>
      <c r="T213" s="6">
        <v>3176</v>
      </c>
      <c r="U213" s="6">
        <v>3</v>
      </c>
      <c r="V213" s="6">
        <v>318</v>
      </c>
      <c r="W213" s="6">
        <v>933</v>
      </c>
      <c r="X213" s="6">
        <v>11643</v>
      </c>
      <c r="Y213" s="6">
        <v>9008</v>
      </c>
      <c r="Z213" s="6">
        <v>2191</v>
      </c>
      <c r="AA213" s="6">
        <v>9</v>
      </c>
      <c r="AB213" s="6">
        <v>435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98</v>
      </c>
      <c r="I214" s="9" t="s">
        <v>54</v>
      </c>
      <c r="J214" s="9" t="s">
        <v>49</v>
      </c>
      <c r="K214" s="6">
        <v>11824</v>
      </c>
      <c r="L214" s="6">
        <v>2978</v>
      </c>
      <c r="M214" s="6">
        <v>2956</v>
      </c>
      <c r="N214" s="6">
        <v>1699</v>
      </c>
      <c r="O214" s="6">
        <v>1190</v>
      </c>
      <c r="P214" s="6">
        <v>1</v>
      </c>
      <c r="Q214" s="6">
        <v>66</v>
      </c>
      <c r="R214" s="6">
        <v>22</v>
      </c>
      <c r="S214" s="6">
        <v>8665</v>
      </c>
      <c r="T214" s="6">
        <v>3646</v>
      </c>
      <c r="U214" s="6">
        <v>2</v>
      </c>
      <c r="V214" s="6">
        <v>5017</v>
      </c>
      <c r="W214" s="6">
        <v>181</v>
      </c>
      <c r="X214" s="6">
        <v>1468</v>
      </c>
      <c r="Y214" s="6">
        <v>877</v>
      </c>
      <c r="Z214" s="6">
        <v>534</v>
      </c>
      <c r="AA214" s="6">
        <v>1</v>
      </c>
      <c r="AB214" s="6">
        <v>56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98</v>
      </c>
      <c r="I215" s="9" t="s">
        <v>54</v>
      </c>
      <c r="J215" s="9" t="s">
        <v>50</v>
      </c>
      <c r="K215" s="6">
        <v>4889</v>
      </c>
      <c r="L215" s="6">
        <v>497</v>
      </c>
      <c r="M215" s="6">
        <v>496</v>
      </c>
      <c r="N215" s="6">
        <v>227</v>
      </c>
      <c r="O215" s="6">
        <v>260</v>
      </c>
      <c r="P215" s="10" t="s">
        <v>55</v>
      </c>
      <c r="Q215" s="6">
        <v>9</v>
      </c>
      <c r="R215" s="6">
        <v>1</v>
      </c>
      <c r="S215" s="6">
        <v>4308</v>
      </c>
      <c r="T215" s="6">
        <v>1172</v>
      </c>
      <c r="U215" s="6">
        <v>1</v>
      </c>
      <c r="V215" s="6">
        <v>3135</v>
      </c>
      <c r="W215" s="6">
        <v>84</v>
      </c>
      <c r="X215" s="6">
        <v>125</v>
      </c>
      <c r="Y215" s="6">
        <v>54</v>
      </c>
      <c r="Z215" s="6">
        <v>65</v>
      </c>
      <c r="AA215" s="10" t="s">
        <v>55</v>
      </c>
      <c r="AB215" s="6">
        <v>6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98</v>
      </c>
      <c r="I216" s="9" t="s">
        <v>54</v>
      </c>
      <c r="J216" s="9" t="s">
        <v>51</v>
      </c>
      <c r="K216" s="6">
        <v>934</v>
      </c>
      <c r="L216" s="6">
        <v>34</v>
      </c>
      <c r="M216" s="6">
        <v>34</v>
      </c>
      <c r="N216" s="6">
        <v>15</v>
      </c>
      <c r="O216" s="6">
        <v>17</v>
      </c>
      <c r="P216" s="10" t="s">
        <v>55</v>
      </c>
      <c r="Q216" s="6">
        <v>2</v>
      </c>
      <c r="R216" s="10" t="s">
        <v>55</v>
      </c>
      <c r="S216" s="6">
        <v>883</v>
      </c>
      <c r="T216" s="6">
        <v>128</v>
      </c>
      <c r="U216" s="6">
        <v>1</v>
      </c>
      <c r="V216" s="6">
        <v>754</v>
      </c>
      <c r="W216" s="6">
        <v>17</v>
      </c>
      <c r="X216" s="6">
        <v>6</v>
      </c>
      <c r="Y216" s="6">
        <v>2</v>
      </c>
      <c r="Z216" s="6">
        <v>3</v>
      </c>
      <c r="AA216" s="10" t="s">
        <v>55</v>
      </c>
      <c r="AB216" s="6">
        <v>1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98</v>
      </c>
      <c r="I217" s="9" t="s">
        <v>54</v>
      </c>
      <c r="J217" s="9" t="s">
        <v>52</v>
      </c>
      <c r="K217" s="6">
        <v>21871</v>
      </c>
      <c r="L217" s="6">
        <v>15408</v>
      </c>
      <c r="M217" s="6">
        <v>15116</v>
      </c>
      <c r="N217" s="6">
        <v>11331</v>
      </c>
      <c r="O217" s="6">
        <v>3297</v>
      </c>
      <c r="P217" s="6">
        <v>11</v>
      </c>
      <c r="Q217" s="6">
        <v>477</v>
      </c>
      <c r="R217" s="6">
        <v>292</v>
      </c>
      <c r="S217" s="6">
        <v>5472</v>
      </c>
      <c r="T217" s="6">
        <v>4434</v>
      </c>
      <c r="U217" s="6">
        <v>3</v>
      </c>
      <c r="V217" s="6">
        <v>1035</v>
      </c>
      <c r="W217" s="6">
        <v>991</v>
      </c>
      <c r="X217" s="6">
        <v>12536</v>
      </c>
      <c r="Y217" s="6">
        <v>9578</v>
      </c>
      <c r="Z217" s="6">
        <v>2482</v>
      </c>
      <c r="AA217" s="6">
        <v>10</v>
      </c>
      <c r="AB217" s="6">
        <v>466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98</v>
      </c>
      <c r="I218" s="9" t="s">
        <v>6</v>
      </c>
      <c r="J218" s="9" t="s">
        <v>30</v>
      </c>
      <c r="K218" s="6">
        <v>46313</v>
      </c>
      <c r="L218" s="6">
        <v>28048</v>
      </c>
      <c r="M218" s="6">
        <v>27460</v>
      </c>
      <c r="N218" s="6">
        <v>23458</v>
      </c>
      <c r="O218" s="6">
        <v>3303</v>
      </c>
      <c r="P218" s="6">
        <v>13</v>
      </c>
      <c r="Q218" s="6">
        <v>686</v>
      </c>
      <c r="R218" s="6">
        <v>588</v>
      </c>
      <c r="S218" s="6">
        <v>16381</v>
      </c>
      <c r="T218" s="6">
        <v>6107</v>
      </c>
      <c r="U218" s="6">
        <v>4</v>
      </c>
      <c r="V218" s="6">
        <v>10270</v>
      </c>
      <c r="W218" s="6">
        <v>1884</v>
      </c>
      <c r="X218" s="6">
        <v>21873</v>
      </c>
      <c r="Y218" s="6">
        <v>18981</v>
      </c>
      <c r="Z218" s="6">
        <v>2320</v>
      </c>
      <c r="AA218" s="6">
        <v>12</v>
      </c>
      <c r="AB218" s="6">
        <v>560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98</v>
      </c>
      <c r="I219" s="9" t="s">
        <v>6</v>
      </c>
      <c r="J219" s="9" t="s">
        <v>31</v>
      </c>
      <c r="K219" s="6">
        <v>21</v>
      </c>
      <c r="L219" s="6">
        <v>11</v>
      </c>
      <c r="M219" s="6">
        <v>10</v>
      </c>
      <c r="N219" s="6">
        <v>8</v>
      </c>
      <c r="O219" s="10" t="s">
        <v>55</v>
      </c>
      <c r="P219" s="10" t="s">
        <v>55</v>
      </c>
      <c r="Q219" s="6">
        <v>2</v>
      </c>
      <c r="R219" s="6">
        <v>1</v>
      </c>
      <c r="S219" s="6">
        <v>9</v>
      </c>
      <c r="T219" s="6">
        <v>8</v>
      </c>
      <c r="U219" s="6">
        <v>1</v>
      </c>
      <c r="V219" s="10" t="s">
        <v>55</v>
      </c>
      <c r="W219" s="6">
        <v>1</v>
      </c>
      <c r="X219" s="6">
        <v>10</v>
      </c>
      <c r="Y219" s="6">
        <v>8</v>
      </c>
      <c r="Z219" s="10" t="s">
        <v>55</v>
      </c>
      <c r="AA219" s="10" t="s">
        <v>55</v>
      </c>
      <c r="AB219" s="6">
        <v>2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98</v>
      </c>
      <c r="I220" s="9" t="s">
        <v>6</v>
      </c>
      <c r="J220" s="9" t="s">
        <v>32</v>
      </c>
      <c r="K220" s="6">
        <v>326</v>
      </c>
      <c r="L220" s="6">
        <v>233</v>
      </c>
      <c r="M220" s="6">
        <v>224</v>
      </c>
      <c r="N220" s="6">
        <v>189</v>
      </c>
      <c r="O220" s="6">
        <v>14</v>
      </c>
      <c r="P220" s="10" t="s">
        <v>55</v>
      </c>
      <c r="Q220" s="6">
        <v>21</v>
      </c>
      <c r="R220" s="6">
        <v>9</v>
      </c>
      <c r="S220" s="6">
        <v>41</v>
      </c>
      <c r="T220" s="6">
        <v>39</v>
      </c>
      <c r="U220" s="6">
        <v>1</v>
      </c>
      <c r="V220" s="6">
        <v>1</v>
      </c>
      <c r="W220" s="6">
        <v>52</v>
      </c>
      <c r="X220" s="6">
        <v>202</v>
      </c>
      <c r="Y220" s="6">
        <v>168</v>
      </c>
      <c r="Z220" s="6">
        <v>13</v>
      </c>
      <c r="AA220" s="10" t="s">
        <v>55</v>
      </c>
      <c r="AB220" s="6">
        <v>21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98</v>
      </c>
      <c r="I221" s="9" t="s">
        <v>6</v>
      </c>
      <c r="J221" s="9" t="s">
        <v>33</v>
      </c>
      <c r="K221" s="6">
        <v>1289</v>
      </c>
      <c r="L221" s="6">
        <v>998</v>
      </c>
      <c r="M221" s="6">
        <v>983</v>
      </c>
      <c r="N221" s="6">
        <v>831</v>
      </c>
      <c r="O221" s="6">
        <v>76</v>
      </c>
      <c r="P221" s="6">
        <v>4</v>
      </c>
      <c r="Q221" s="6">
        <v>72</v>
      </c>
      <c r="R221" s="6">
        <v>15</v>
      </c>
      <c r="S221" s="6">
        <v>138</v>
      </c>
      <c r="T221" s="6">
        <v>129</v>
      </c>
      <c r="U221" s="10" t="s">
        <v>55</v>
      </c>
      <c r="V221" s="6">
        <v>9</v>
      </c>
      <c r="W221" s="6">
        <v>153</v>
      </c>
      <c r="X221" s="6">
        <v>913</v>
      </c>
      <c r="Y221" s="6">
        <v>772</v>
      </c>
      <c r="Z221" s="6">
        <v>65</v>
      </c>
      <c r="AA221" s="6">
        <v>4</v>
      </c>
      <c r="AB221" s="6">
        <v>72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98</v>
      </c>
      <c r="I222" s="9" t="s">
        <v>6</v>
      </c>
      <c r="J222" s="9" t="s">
        <v>34</v>
      </c>
      <c r="K222" s="6">
        <v>2333</v>
      </c>
      <c r="L222" s="6">
        <v>1867</v>
      </c>
      <c r="M222" s="6">
        <v>1819</v>
      </c>
      <c r="N222" s="6">
        <v>1577</v>
      </c>
      <c r="O222" s="6">
        <v>148</v>
      </c>
      <c r="P222" s="6">
        <v>1</v>
      </c>
      <c r="Q222" s="6">
        <v>93</v>
      </c>
      <c r="R222" s="6">
        <v>48</v>
      </c>
      <c r="S222" s="6">
        <v>233</v>
      </c>
      <c r="T222" s="6">
        <v>226</v>
      </c>
      <c r="U222" s="10" t="s">
        <v>55</v>
      </c>
      <c r="V222" s="6">
        <v>7</v>
      </c>
      <c r="W222" s="6">
        <v>233</v>
      </c>
      <c r="X222" s="6">
        <v>1657</v>
      </c>
      <c r="Y222" s="6">
        <v>1450</v>
      </c>
      <c r="Z222" s="6">
        <v>115</v>
      </c>
      <c r="AA222" s="6">
        <v>1</v>
      </c>
      <c r="AB222" s="6">
        <v>91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98</v>
      </c>
      <c r="I223" s="9" t="s">
        <v>6</v>
      </c>
      <c r="J223" s="9" t="s">
        <v>35</v>
      </c>
      <c r="K223" s="6">
        <v>3105</v>
      </c>
      <c r="L223" s="6">
        <v>2624</v>
      </c>
      <c r="M223" s="6">
        <v>2590</v>
      </c>
      <c r="N223" s="6">
        <v>2250</v>
      </c>
      <c r="O223" s="6">
        <v>253</v>
      </c>
      <c r="P223" s="6">
        <v>3</v>
      </c>
      <c r="Q223" s="6">
        <v>84</v>
      </c>
      <c r="R223" s="6">
        <v>34</v>
      </c>
      <c r="S223" s="6">
        <v>257</v>
      </c>
      <c r="T223" s="6">
        <v>243</v>
      </c>
      <c r="U223" s="10" t="s">
        <v>55</v>
      </c>
      <c r="V223" s="6">
        <v>14</v>
      </c>
      <c r="W223" s="6">
        <v>224</v>
      </c>
      <c r="X223" s="6">
        <v>2330</v>
      </c>
      <c r="Y223" s="6">
        <v>2022</v>
      </c>
      <c r="Z223" s="6">
        <v>224</v>
      </c>
      <c r="AA223" s="6">
        <v>3</v>
      </c>
      <c r="AB223" s="6">
        <v>81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98</v>
      </c>
      <c r="I224" s="9" t="s">
        <v>6</v>
      </c>
      <c r="J224" s="9" t="s">
        <v>36</v>
      </c>
      <c r="K224" s="6">
        <v>3592</v>
      </c>
      <c r="L224" s="6">
        <v>3078</v>
      </c>
      <c r="M224" s="6">
        <v>3029</v>
      </c>
      <c r="N224" s="6">
        <v>2721</v>
      </c>
      <c r="O224" s="6">
        <v>274</v>
      </c>
      <c r="P224" s="10" t="s">
        <v>55</v>
      </c>
      <c r="Q224" s="6">
        <v>34</v>
      </c>
      <c r="R224" s="6">
        <v>49</v>
      </c>
      <c r="S224" s="6">
        <v>243</v>
      </c>
      <c r="T224" s="6">
        <v>234</v>
      </c>
      <c r="U224" s="10" t="s">
        <v>55</v>
      </c>
      <c r="V224" s="6">
        <v>9</v>
      </c>
      <c r="W224" s="6">
        <v>271</v>
      </c>
      <c r="X224" s="6">
        <v>2677</v>
      </c>
      <c r="Y224" s="6">
        <v>2416</v>
      </c>
      <c r="Z224" s="6">
        <v>229</v>
      </c>
      <c r="AA224" s="10" t="s">
        <v>55</v>
      </c>
      <c r="AB224" s="6">
        <v>32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98</v>
      </c>
      <c r="I225" s="9" t="s">
        <v>6</v>
      </c>
      <c r="J225" s="9" t="s">
        <v>37</v>
      </c>
      <c r="K225" s="6">
        <v>3948</v>
      </c>
      <c r="L225" s="6">
        <v>3414</v>
      </c>
      <c r="M225" s="6">
        <v>3356</v>
      </c>
      <c r="N225" s="6">
        <v>2994</v>
      </c>
      <c r="O225" s="6">
        <v>328</v>
      </c>
      <c r="P225" s="6">
        <v>3</v>
      </c>
      <c r="Q225" s="6">
        <v>31</v>
      </c>
      <c r="R225" s="6">
        <v>58</v>
      </c>
      <c r="S225" s="6">
        <v>299</v>
      </c>
      <c r="T225" s="6">
        <v>273</v>
      </c>
      <c r="U225" s="10" t="s">
        <v>55</v>
      </c>
      <c r="V225" s="6">
        <v>26</v>
      </c>
      <c r="W225" s="6">
        <v>235</v>
      </c>
      <c r="X225" s="6">
        <v>2989</v>
      </c>
      <c r="Y225" s="6">
        <v>2680</v>
      </c>
      <c r="Z225" s="6">
        <v>279</v>
      </c>
      <c r="AA225" s="6">
        <v>2</v>
      </c>
      <c r="AB225" s="6">
        <v>28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98</v>
      </c>
      <c r="I226" s="9" t="s">
        <v>6</v>
      </c>
      <c r="J226" s="9" t="s">
        <v>38</v>
      </c>
      <c r="K226" s="6">
        <v>3829</v>
      </c>
      <c r="L226" s="6">
        <v>3272</v>
      </c>
      <c r="M226" s="6">
        <v>3208</v>
      </c>
      <c r="N226" s="6">
        <v>2848</v>
      </c>
      <c r="O226" s="6">
        <v>331</v>
      </c>
      <c r="P226" s="6">
        <v>1</v>
      </c>
      <c r="Q226" s="6">
        <v>28</v>
      </c>
      <c r="R226" s="6">
        <v>64</v>
      </c>
      <c r="S226" s="6">
        <v>373</v>
      </c>
      <c r="T226" s="6">
        <v>334</v>
      </c>
      <c r="U226" s="6">
        <v>1</v>
      </c>
      <c r="V226" s="6">
        <v>38</v>
      </c>
      <c r="W226" s="6">
        <v>184</v>
      </c>
      <c r="X226" s="6">
        <v>2760</v>
      </c>
      <c r="Y226" s="6">
        <v>2446</v>
      </c>
      <c r="Z226" s="6">
        <v>288</v>
      </c>
      <c r="AA226" s="6">
        <v>1</v>
      </c>
      <c r="AB226" s="6">
        <v>25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98</v>
      </c>
      <c r="I227" s="9" t="s">
        <v>6</v>
      </c>
      <c r="J227" s="9" t="s">
        <v>39</v>
      </c>
      <c r="K227" s="6">
        <v>4117</v>
      </c>
      <c r="L227" s="6">
        <v>3471</v>
      </c>
      <c r="M227" s="6">
        <v>3405</v>
      </c>
      <c r="N227" s="6">
        <v>3000</v>
      </c>
      <c r="O227" s="6">
        <v>353</v>
      </c>
      <c r="P227" s="10" t="s">
        <v>55</v>
      </c>
      <c r="Q227" s="6">
        <v>52</v>
      </c>
      <c r="R227" s="6">
        <v>66</v>
      </c>
      <c r="S227" s="6">
        <v>524</v>
      </c>
      <c r="T227" s="6">
        <v>448</v>
      </c>
      <c r="U227" s="10" t="s">
        <v>55</v>
      </c>
      <c r="V227" s="6">
        <v>76</v>
      </c>
      <c r="W227" s="6">
        <v>122</v>
      </c>
      <c r="X227" s="6">
        <v>2877</v>
      </c>
      <c r="Y227" s="6">
        <v>2561</v>
      </c>
      <c r="Z227" s="6">
        <v>271</v>
      </c>
      <c r="AA227" s="10" t="s">
        <v>55</v>
      </c>
      <c r="AB227" s="6">
        <v>45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98</v>
      </c>
      <c r="I228" s="9" t="s">
        <v>6</v>
      </c>
      <c r="J228" s="9" t="s">
        <v>40</v>
      </c>
      <c r="K228" s="6">
        <v>4641</v>
      </c>
      <c r="L228" s="6">
        <v>3368</v>
      </c>
      <c r="M228" s="6">
        <v>3247</v>
      </c>
      <c r="N228" s="6">
        <v>2768</v>
      </c>
      <c r="O228" s="6">
        <v>422</v>
      </c>
      <c r="P228" s="10" t="s">
        <v>55</v>
      </c>
      <c r="Q228" s="6">
        <v>57</v>
      </c>
      <c r="R228" s="6">
        <v>121</v>
      </c>
      <c r="S228" s="6">
        <v>1182</v>
      </c>
      <c r="T228" s="6">
        <v>793</v>
      </c>
      <c r="U228" s="10" t="s">
        <v>55</v>
      </c>
      <c r="V228" s="6">
        <v>389</v>
      </c>
      <c r="W228" s="6">
        <v>91</v>
      </c>
      <c r="X228" s="6">
        <v>2511</v>
      </c>
      <c r="Y228" s="6">
        <v>2165</v>
      </c>
      <c r="Z228" s="6">
        <v>300</v>
      </c>
      <c r="AA228" s="10" t="s">
        <v>55</v>
      </c>
      <c r="AB228" s="6">
        <v>46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98</v>
      </c>
      <c r="I229" s="9" t="s">
        <v>6</v>
      </c>
      <c r="J229" s="9" t="s">
        <v>41</v>
      </c>
      <c r="K229" s="6">
        <v>5403</v>
      </c>
      <c r="L229" s="6">
        <v>2756</v>
      </c>
      <c r="M229" s="6">
        <v>2677</v>
      </c>
      <c r="N229" s="6">
        <v>2114</v>
      </c>
      <c r="O229" s="6">
        <v>471</v>
      </c>
      <c r="P229" s="6">
        <v>1</v>
      </c>
      <c r="Q229" s="6">
        <v>91</v>
      </c>
      <c r="R229" s="6">
        <v>79</v>
      </c>
      <c r="S229" s="6">
        <v>2548</v>
      </c>
      <c r="T229" s="6">
        <v>1158</v>
      </c>
      <c r="U229" s="10" t="s">
        <v>55</v>
      </c>
      <c r="V229" s="6">
        <v>1390</v>
      </c>
      <c r="W229" s="6">
        <v>99</v>
      </c>
      <c r="X229" s="6">
        <v>1666</v>
      </c>
      <c r="Y229" s="6">
        <v>1337</v>
      </c>
      <c r="Z229" s="6">
        <v>269</v>
      </c>
      <c r="AA229" s="6">
        <v>1</v>
      </c>
      <c r="AB229" s="6">
        <v>59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98</v>
      </c>
      <c r="I230" s="9" t="s">
        <v>6</v>
      </c>
      <c r="J230" s="9" t="s">
        <v>42</v>
      </c>
      <c r="K230" s="6">
        <v>5364</v>
      </c>
      <c r="L230" s="6">
        <v>1874</v>
      </c>
      <c r="M230" s="6">
        <v>1844</v>
      </c>
      <c r="N230" s="6">
        <v>1389</v>
      </c>
      <c r="O230" s="6">
        <v>380</v>
      </c>
      <c r="P230" s="10" t="s">
        <v>55</v>
      </c>
      <c r="Q230" s="6">
        <v>75</v>
      </c>
      <c r="R230" s="6">
        <v>30</v>
      </c>
      <c r="S230" s="6">
        <v>3415</v>
      </c>
      <c r="T230" s="6">
        <v>1092</v>
      </c>
      <c r="U230" s="10" t="s">
        <v>55</v>
      </c>
      <c r="V230" s="6">
        <v>2323</v>
      </c>
      <c r="W230" s="6">
        <v>75</v>
      </c>
      <c r="X230" s="6">
        <v>954</v>
      </c>
      <c r="Y230" s="6">
        <v>715</v>
      </c>
      <c r="Z230" s="6">
        <v>195</v>
      </c>
      <c r="AA230" s="10" t="s">
        <v>55</v>
      </c>
      <c r="AB230" s="6">
        <v>44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98</v>
      </c>
      <c r="I231" s="9" t="s">
        <v>6</v>
      </c>
      <c r="J231" s="9" t="s">
        <v>43</v>
      </c>
      <c r="K231" s="6">
        <v>3736</v>
      </c>
      <c r="L231" s="6">
        <v>693</v>
      </c>
      <c r="M231" s="6">
        <v>683</v>
      </c>
      <c r="N231" s="6">
        <v>499</v>
      </c>
      <c r="O231" s="6">
        <v>165</v>
      </c>
      <c r="P231" s="10" t="s">
        <v>55</v>
      </c>
      <c r="Q231" s="6">
        <v>19</v>
      </c>
      <c r="R231" s="6">
        <v>10</v>
      </c>
      <c r="S231" s="6">
        <v>2984</v>
      </c>
      <c r="T231" s="6">
        <v>638</v>
      </c>
      <c r="U231" s="10" t="s">
        <v>55</v>
      </c>
      <c r="V231" s="6">
        <v>2346</v>
      </c>
      <c r="W231" s="6">
        <v>59</v>
      </c>
      <c r="X231" s="6">
        <v>239</v>
      </c>
      <c r="Y231" s="6">
        <v>176</v>
      </c>
      <c r="Z231" s="6">
        <v>57</v>
      </c>
      <c r="AA231" s="10" t="s">
        <v>55</v>
      </c>
      <c r="AB231" s="6">
        <v>6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98</v>
      </c>
      <c r="I232" s="9" t="s">
        <v>6</v>
      </c>
      <c r="J232" s="9" t="s">
        <v>44</v>
      </c>
      <c r="K232" s="6">
        <v>2623</v>
      </c>
      <c r="L232" s="6">
        <v>296</v>
      </c>
      <c r="M232" s="6">
        <v>294</v>
      </c>
      <c r="N232" s="6">
        <v>209</v>
      </c>
      <c r="O232" s="6">
        <v>68</v>
      </c>
      <c r="P232" s="10" t="s">
        <v>55</v>
      </c>
      <c r="Q232" s="6">
        <v>17</v>
      </c>
      <c r="R232" s="6">
        <v>2</v>
      </c>
      <c r="S232" s="6">
        <v>2281</v>
      </c>
      <c r="T232" s="6">
        <v>359</v>
      </c>
      <c r="U232" s="10" t="s">
        <v>55</v>
      </c>
      <c r="V232" s="6">
        <v>1922</v>
      </c>
      <c r="W232" s="6">
        <v>46</v>
      </c>
      <c r="X232" s="6">
        <v>76</v>
      </c>
      <c r="Y232" s="6">
        <v>57</v>
      </c>
      <c r="Z232" s="6">
        <v>13</v>
      </c>
      <c r="AA232" s="10" t="s">
        <v>55</v>
      </c>
      <c r="AB232" s="6">
        <v>6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98</v>
      </c>
      <c r="I233" s="9" t="s">
        <v>6</v>
      </c>
      <c r="J233" s="9" t="s">
        <v>45</v>
      </c>
      <c r="K233" s="6">
        <v>1477</v>
      </c>
      <c r="L233" s="6">
        <v>81</v>
      </c>
      <c r="M233" s="6">
        <v>79</v>
      </c>
      <c r="N233" s="6">
        <v>53</v>
      </c>
      <c r="O233" s="6">
        <v>18</v>
      </c>
      <c r="P233" s="10" t="s">
        <v>55</v>
      </c>
      <c r="Q233" s="6">
        <v>8</v>
      </c>
      <c r="R233" s="6">
        <v>2</v>
      </c>
      <c r="S233" s="6">
        <v>1366</v>
      </c>
      <c r="T233" s="6">
        <v>118</v>
      </c>
      <c r="U233" s="6">
        <v>1</v>
      </c>
      <c r="V233" s="6">
        <v>1247</v>
      </c>
      <c r="W233" s="6">
        <v>30</v>
      </c>
      <c r="X233" s="6">
        <v>11</v>
      </c>
      <c r="Y233" s="6">
        <v>7</v>
      </c>
      <c r="Z233" s="6">
        <v>2</v>
      </c>
      <c r="AA233" s="10" t="s">
        <v>55</v>
      </c>
      <c r="AB233" s="6">
        <v>2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98</v>
      </c>
      <c r="I234" s="9" t="s">
        <v>6</v>
      </c>
      <c r="J234" s="9" t="s">
        <v>46</v>
      </c>
      <c r="K234" s="6">
        <v>445</v>
      </c>
      <c r="L234" s="6">
        <v>12</v>
      </c>
      <c r="M234" s="6">
        <v>12</v>
      </c>
      <c r="N234" s="6">
        <v>8</v>
      </c>
      <c r="O234" s="6">
        <v>2</v>
      </c>
      <c r="P234" s="10" t="s">
        <v>55</v>
      </c>
      <c r="Q234" s="6">
        <v>2</v>
      </c>
      <c r="R234" s="10" t="s">
        <v>55</v>
      </c>
      <c r="S234" s="6">
        <v>424</v>
      </c>
      <c r="T234" s="6">
        <v>14</v>
      </c>
      <c r="U234" s="10" t="s">
        <v>55</v>
      </c>
      <c r="V234" s="6">
        <v>410</v>
      </c>
      <c r="W234" s="6">
        <v>9</v>
      </c>
      <c r="X234" s="6">
        <v>1</v>
      </c>
      <c r="Y234" s="6">
        <v>1</v>
      </c>
      <c r="Z234" s="10" t="s">
        <v>55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98</v>
      </c>
      <c r="I235" s="9" t="s">
        <v>6</v>
      </c>
      <c r="J235" s="9" t="s">
        <v>47</v>
      </c>
      <c r="K235" s="6">
        <v>64</v>
      </c>
      <c r="L235" s="10" t="s">
        <v>55</v>
      </c>
      <c r="M235" s="10" t="s">
        <v>55</v>
      </c>
      <c r="N235" s="10" t="s">
        <v>55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64</v>
      </c>
      <c r="T235" s="6">
        <v>1</v>
      </c>
      <c r="U235" s="10" t="s">
        <v>55</v>
      </c>
      <c r="V235" s="6">
        <v>63</v>
      </c>
      <c r="W235" s="10" t="s">
        <v>55</v>
      </c>
      <c r="X235" s="10" t="s">
        <v>55</v>
      </c>
      <c r="Y235" s="10" t="s">
        <v>55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98</v>
      </c>
      <c r="I236" s="9" t="s">
        <v>6</v>
      </c>
      <c r="J236" s="9" t="s">
        <v>48</v>
      </c>
      <c r="K236" s="6">
        <v>27201</v>
      </c>
      <c r="L236" s="6">
        <v>22336</v>
      </c>
      <c r="M236" s="6">
        <v>21871</v>
      </c>
      <c r="N236" s="6">
        <v>19186</v>
      </c>
      <c r="O236" s="6">
        <v>2199</v>
      </c>
      <c r="P236" s="6">
        <v>12</v>
      </c>
      <c r="Q236" s="6">
        <v>474</v>
      </c>
      <c r="R236" s="6">
        <v>465</v>
      </c>
      <c r="S236" s="6">
        <v>3299</v>
      </c>
      <c r="T236" s="6">
        <v>2727</v>
      </c>
      <c r="U236" s="6">
        <v>3</v>
      </c>
      <c r="V236" s="6">
        <v>569</v>
      </c>
      <c r="W236" s="6">
        <v>1566</v>
      </c>
      <c r="X236" s="6">
        <v>18926</v>
      </c>
      <c r="Y236" s="6">
        <v>16688</v>
      </c>
      <c r="Z236" s="6">
        <v>1784</v>
      </c>
      <c r="AA236" s="6">
        <v>11</v>
      </c>
      <c r="AB236" s="6">
        <v>443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98</v>
      </c>
      <c r="I237" s="9" t="s">
        <v>6</v>
      </c>
      <c r="J237" s="9" t="s">
        <v>49</v>
      </c>
      <c r="K237" s="6">
        <v>19112</v>
      </c>
      <c r="L237" s="6">
        <v>5712</v>
      </c>
      <c r="M237" s="6">
        <v>5589</v>
      </c>
      <c r="N237" s="6">
        <v>4272</v>
      </c>
      <c r="O237" s="6">
        <v>1104</v>
      </c>
      <c r="P237" s="6">
        <v>1</v>
      </c>
      <c r="Q237" s="6">
        <v>212</v>
      </c>
      <c r="R237" s="6">
        <v>123</v>
      </c>
      <c r="S237" s="6">
        <v>13082</v>
      </c>
      <c r="T237" s="6">
        <v>3380</v>
      </c>
      <c r="U237" s="6">
        <v>1</v>
      </c>
      <c r="V237" s="6">
        <v>9701</v>
      </c>
      <c r="W237" s="6">
        <v>318</v>
      </c>
      <c r="X237" s="6">
        <v>2947</v>
      </c>
      <c r="Y237" s="6">
        <v>2293</v>
      </c>
      <c r="Z237" s="6">
        <v>536</v>
      </c>
      <c r="AA237" s="6">
        <v>1</v>
      </c>
      <c r="AB237" s="6">
        <v>117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98</v>
      </c>
      <c r="I238" s="9" t="s">
        <v>6</v>
      </c>
      <c r="J238" s="9" t="s">
        <v>50</v>
      </c>
      <c r="K238" s="6">
        <v>8345</v>
      </c>
      <c r="L238" s="6">
        <v>1082</v>
      </c>
      <c r="M238" s="6">
        <v>1068</v>
      </c>
      <c r="N238" s="6">
        <v>769</v>
      </c>
      <c r="O238" s="6">
        <v>253</v>
      </c>
      <c r="P238" s="10" t="s">
        <v>55</v>
      </c>
      <c r="Q238" s="6">
        <v>46</v>
      </c>
      <c r="R238" s="6">
        <v>14</v>
      </c>
      <c r="S238" s="6">
        <v>7119</v>
      </c>
      <c r="T238" s="6">
        <v>1130</v>
      </c>
      <c r="U238" s="6">
        <v>1</v>
      </c>
      <c r="V238" s="6">
        <v>5988</v>
      </c>
      <c r="W238" s="6">
        <v>144</v>
      </c>
      <c r="X238" s="6">
        <v>327</v>
      </c>
      <c r="Y238" s="6">
        <v>241</v>
      </c>
      <c r="Z238" s="6">
        <v>72</v>
      </c>
      <c r="AA238" s="10" t="s">
        <v>55</v>
      </c>
      <c r="AB238" s="6">
        <v>14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98</v>
      </c>
      <c r="I239" s="9" t="s">
        <v>6</v>
      </c>
      <c r="J239" s="9" t="s">
        <v>51</v>
      </c>
      <c r="K239" s="6">
        <v>1986</v>
      </c>
      <c r="L239" s="6">
        <v>93</v>
      </c>
      <c r="M239" s="6">
        <v>91</v>
      </c>
      <c r="N239" s="6">
        <v>61</v>
      </c>
      <c r="O239" s="6">
        <v>20</v>
      </c>
      <c r="P239" s="10" t="s">
        <v>55</v>
      </c>
      <c r="Q239" s="6">
        <v>10</v>
      </c>
      <c r="R239" s="6">
        <v>2</v>
      </c>
      <c r="S239" s="6">
        <v>1854</v>
      </c>
      <c r="T239" s="6">
        <v>133</v>
      </c>
      <c r="U239" s="6">
        <v>1</v>
      </c>
      <c r="V239" s="6">
        <v>1720</v>
      </c>
      <c r="W239" s="6">
        <v>39</v>
      </c>
      <c r="X239" s="6">
        <v>12</v>
      </c>
      <c r="Y239" s="6">
        <v>8</v>
      </c>
      <c r="Z239" s="6">
        <v>2</v>
      </c>
      <c r="AA239" s="10" t="s">
        <v>55</v>
      </c>
      <c r="AB239" s="6">
        <v>2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98</v>
      </c>
      <c r="I240" s="9" t="s">
        <v>6</v>
      </c>
      <c r="J240" s="9" t="s">
        <v>52</v>
      </c>
      <c r="K240" s="6">
        <v>32583</v>
      </c>
      <c r="L240" s="6">
        <v>25081</v>
      </c>
      <c r="M240" s="6">
        <v>24538</v>
      </c>
      <c r="N240" s="6">
        <v>21292</v>
      </c>
      <c r="O240" s="6">
        <v>2670</v>
      </c>
      <c r="P240" s="6">
        <v>13</v>
      </c>
      <c r="Q240" s="6">
        <v>563</v>
      </c>
      <c r="R240" s="6">
        <v>543</v>
      </c>
      <c r="S240" s="6">
        <v>5838</v>
      </c>
      <c r="T240" s="6">
        <v>3877</v>
      </c>
      <c r="U240" s="6">
        <v>2</v>
      </c>
      <c r="V240" s="6">
        <v>1959</v>
      </c>
      <c r="W240" s="6">
        <v>1664</v>
      </c>
      <c r="X240" s="6">
        <v>20582</v>
      </c>
      <c r="Y240" s="6">
        <v>18017</v>
      </c>
      <c r="Z240" s="6">
        <v>2053</v>
      </c>
      <c r="AA240" s="6">
        <v>12</v>
      </c>
      <c r="AB240" s="6">
        <v>500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98</v>
      </c>
      <c r="I241" s="9" t="s">
        <v>53</v>
      </c>
      <c r="J241" s="9" t="s">
        <v>30</v>
      </c>
      <c r="K241" s="6">
        <v>23048</v>
      </c>
      <c r="L241" s="6">
        <v>15192</v>
      </c>
      <c r="M241" s="6">
        <v>14847</v>
      </c>
      <c r="N241" s="6">
        <v>14280</v>
      </c>
      <c r="O241" s="6">
        <v>292</v>
      </c>
      <c r="P241" s="6">
        <v>4</v>
      </c>
      <c r="Q241" s="6">
        <v>271</v>
      </c>
      <c r="R241" s="6">
        <v>345</v>
      </c>
      <c r="S241" s="6">
        <v>6923</v>
      </c>
      <c r="T241" s="6">
        <v>712</v>
      </c>
      <c r="U241" s="6">
        <v>1</v>
      </c>
      <c r="V241" s="6">
        <v>6210</v>
      </c>
      <c r="W241" s="6">
        <v>933</v>
      </c>
      <c r="X241" s="6">
        <v>11595</v>
      </c>
      <c r="Y241" s="6">
        <v>11283</v>
      </c>
      <c r="Z241" s="6">
        <v>147</v>
      </c>
      <c r="AA241" s="6">
        <v>4</v>
      </c>
      <c r="AB241" s="6">
        <v>161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98</v>
      </c>
      <c r="I242" s="9" t="s">
        <v>53</v>
      </c>
      <c r="J242" s="9" t="s">
        <v>31</v>
      </c>
      <c r="K242" s="6">
        <v>8</v>
      </c>
      <c r="L242" s="6">
        <v>8</v>
      </c>
      <c r="M242" s="6">
        <v>8</v>
      </c>
      <c r="N242" s="6">
        <v>8</v>
      </c>
      <c r="O242" s="10" t="s">
        <v>55</v>
      </c>
      <c r="P242" s="10" t="s">
        <v>55</v>
      </c>
      <c r="Q242" s="10" t="s">
        <v>55</v>
      </c>
      <c r="R242" s="10" t="s">
        <v>55</v>
      </c>
      <c r="S242" s="10" t="s">
        <v>55</v>
      </c>
      <c r="T242" s="10" t="s">
        <v>55</v>
      </c>
      <c r="U242" s="10" t="s">
        <v>55</v>
      </c>
      <c r="V242" s="10" t="s">
        <v>55</v>
      </c>
      <c r="W242" s="10" t="s">
        <v>55</v>
      </c>
      <c r="X242" s="6">
        <v>8</v>
      </c>
      <c r="Y242" s="6">
        <v>8</v>
      </c>
      <c r="Z242" s="10" t="s">
        <v>55</v>
      </c>
      <c r="AA242" s="10" t="s">
        <v>55</v>
      </c>
      <c r="AB242" s="10" t="s">
        <v>55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98</v>
      </c>
      <c r="I243" s="9" t="s">
        <v>53</v>
      </c>
      <c r="J243" s="9" t="s">
        <v>32</v>
      </c>
      <c r="K243" s="6">
        <v>131</v>
      </c>
      <c r="L243" s="6">
        <v>109</v>
      </c>
      <c r="M243" s="6">
        <v>106</v>
      </c>
      <c r="N243" s="6">
        <v>105</v>
      </c>
      <c r="O243" s="10" t="s">
        <v>55</v>
      </c>
      <c r="P243" s="10" t="s">
        <v>55</v>
      </c>
      <c r="Q243" s="6">
        <v>1</v>
      </c>
      <c r="R243" s="6">
        <v>3</v>
      </c>
      <c r="S243" s="6">
        <v>1</v>
      </c>
      <c r="T243" s="10" t="s">
        <v>55</v>
      </c>
      <c r="U243" s="6">
        <v>1</v>
      </c>
      <c r="V243" s="10" t="s">
        <v>55</v>
      </c>
      <c r="W243" s="6">
        <v>21</v>
      </c>
      <c r="X243" s="6">
        <v>93</v>
      </c>
      <c r="Y243" s="6">
        <v>92</v>
      </c>
      <c r="Z243" s="10" t="s">
        <v>55</v>
      </c>
      <c r="AA243" s="10" t="s">
        <v>55</v>
      </c>
      <c r="AB243" s="6">
        <v>1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98</v>
      </c>
      <c r="I244" s="9" t="s">
        <v>53</v>
      </c>
      <c r="J244" s="9" t="s">
        <v>33</v>
      </c>
      <c r="K244" s="6">
        <v>554</v>
      </c>
      <c r="L244" s="6">
        <v>479</v>
      </c>
      <c r="M244" s="6">
        <v>472</v>
      </c>
      <c r="N244" s="6">
        <v>465</v>
      </c>
      <c r="O244" s="6">
        <v>4</v>
      </c>
      <c r="P244" s="6">
        <v>1</v>
      </c>
      <c r="Q244" s="6">
        <v>2</v>
      </c>
      <c r="R244" s="6">
        <v>7</v>
      </c>
      <c r="S244" s="6">
        <v>4</v>
      </c>
      <c r="T244" s="6">
        <v>2</v>
      </c>
      <c r="U244" s="10" t="s">
        <v>55</v>
      </c>
      <c r="V244" s="6">
        <v>2</v>
      </c>
      <c r="W244" s="6">
        <v>71</v>
      </c>
      <c r="X244" s="6">
        <v>428</v>
      </c>
      <c r="Y244" s="6">
        <v>421</v>
      </c>
      <c r="Z244" s="6">
        <v>4</v>
      </c>
      <c r="AA244" s="6">
        <v>1</v>
      </c>
      <c r="AB244" s="6">
        <v>2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98</v>
      </c>
      <c r="I245" s="9" t="s">
        <v>53</v>
      </c>
      <c r="J245" s="9" t="s">
        <v>34</v>
      </c>
      <c r="K245" s="6">
        <v>1015</v>
      </c>
      <c r="L245" s="6">
        <v>911</v>
      </c>
      <c r="M245" s="6">
        <v>894</v>
      </c>
      <c r="N245" s="6">
        <v>883</v>
      </c>
      <c r="O245" s="6">
        <v>4</v>
      </c>
      <c r="P245" s="10" t="s">
        <v>55</v>
      </c>
      <c r="Q245" s="6">
        <v>7</v>
      </c>
      <c r="R245" s="6">
        <v>17</v>
      </c>
      <c r="S245" s="6">
        <v>7</v>
      </c>
      <c r="T245" s="6">
        <v>4</v>
      </c>
      <c r="U245" s="10" t="s">
        <v>55</v>
      </c>
      <c r="V245" s="6">
        <v>3</v>
      </c>
      <c r="W245" s="6">
        <v>97</v>
      </c>
      <c r="X245" s="6">
        <v>816</v>
      </c>
      <c r="Y245" s="6">
        <v>807</v>
      </c>
      <c r="Z245" s="6">
        <v>3</v>
      </c>
      <c r="AA245" s="10" t="s">
        <v>55</v>
      </c>
      <c r="AB245" s="6">
        <v>6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98</v>
      </c>
      <c r="I246" s="9" t="s">
        <v>53</v>
      </c>
      <c r="J246" s="9" t="s">
        <v>35</v>
      </c>
      <c r="K246" s="6">
        <v>1463</v>
      </c>
      <c r="L246" s="6">
        <v>1337</v>
      </c>
      <c r="M246" s="6">
        <v>1320</v>
      </c>
      <c r="N246" s="6">
        <v>1301</v>
      </c>
      <c r="O246" s="6">
        <v>4</v>
      </c>
      <c r="P246" s="6">
        <v>1</v>
      </c>
      <c r="Q246" s="6">
        <v>14</v>
      </c>
      <c r="R246" s="6">
        <v>17</v>
      </c>
      <c r="S246" s="6">
        <v>11</v>
      </c>
      <c r="T246" s="6">
        <v>6</v>
      </c>
      <c r="U246" s="10" t="s">
        <v>55</v>
      </c>
      <c r="V246" s="6">
        <v>5</v>
      </c>
      <c r="W246" s="6">
        <v>115</v>
      </c>
      <c r="X246" s="6">
        <v>1163</v>
      </c>
      <c r="Y246" s="6">
        <v>1149</v>
      </c>
      <c r="Z246" s="6">
        <v>1</v>
      </c>
      <c r="AA246" s="6">
        <v>1</v>
      </c>
      <c r="AB246" s="6">
        <v>12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98</v>
      </c>
      <c r="I247" s="9" t="s">
        <v>53</v>
      </c>
      <c r="J247" s="9" t="s">
        <v>36</v>
      </c>
      <c r="K247" s="6">
        <v>1755</v>
      </c>
      <c r="L247" s="6">
        <v>1605</v>
      </c>
      <c r="M247" s="6">
        <v>1581</v>
      </c>
      <c r="N247" s="6">
        <v>1568</v>
      </c>
      <c r="O247" s="6">
        <v>4</v>
      </c>
      <c r="P247" s="10" t="s">
        <v>55</v>
      </c>
      <c r="Q247" s="6">
        <v>9</v>
      </c>
      <c r="R247" s="6">
        <v>24</v>
      </c>
      <c r="S247" s="6">
        <v>11</v>
      </c>
      <c r="T247" s="6">
        <v>5</v>
      </c>
      <c r="U247" s="10" t="s">
        <v>55</v>
      </c>
      <c r="V247" s="6">
        <v>6</v>
      </c>
      <c r="W247" s="6">
        <v>139</v>
      </c>
      <c r="X247" s="6">
        <v>1377</v>
      </c>
      <c r="Y247" s="6">
        <v>1368</v>
      </c>
      <c r="Z247" s="6">
        <v>2</v>
      </c>
      <c r="AA247" s="10" t="s">
        <v>55</v>
      </c>
      <c r="AB247" s="6">
        <v>7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98</v>
      </c>
      <c r="I248" s="9" t="s">
        <v>53</v>
      </c>
      <c r="J248" s="9" t="s">
        <v>37</v>
      </c>
      <c r="K248" s="6">
        <v>1888</v>
      </c>
      <c r="L248" s="6">
        <v>1770</v>
      </c>
      <c r="M248" s="6">
        <v>1749</v>
      </c>
      <c r="N248" s="6">
        <v>1735</v>
      </c>
      <c r="O248" s="6">
        <v>3</v>
      </c>
      <c r="P248" s="6">
        <v>1</v>
      </c>
      <c r="Q248" s="6">
        <v>10</v>
      </c>
      <c r="R248" s="6">
        <v>21</v>
      </c>
      <c r="S248" s="6">
        <v>16</v>
      </c>
      <c r="T248" s="6">
        <v>4</v>
      </c>
      <c r="U248" s="10" t="s">
        <v>55</v>
      </c>
      <c r="V248" s="6">
        <v>12</v>
      </c>
      <c r="W248" s="6">
        <v>102</v>
      </c>
      <c r="X248" s="6">
        <v>1532</v>
      </c>
      <c r="Y248" s="6">
        <v>1524</v>
      </c>
      <c r="Z248" s="10" t="s">
        <v>55</v>
      </c>
      <c r="AA248" s="6">
        <v>1</v>
      </c>
      <c r="AB248" s="6">
        <v>7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98</v>
      </c>
      <c r="I249" s="9" t="s">
        <v>53</v>
      </c>
      <c r="J249" s="9" t="s">
        <v>38</v>
      </c>
      <c r="K249" s="6">
        <v>1786</v>
      </c>
      <c r="L249" s="6">
        <v>1655</v>
      </c>
      <c r="M249" s="6">
        <v>1629</v>
      </c>
      <c r="N249" s="6">
        <v>1601</v>
      </c>
      <c r="O249" s="6">
        <v>10</v>
      </c>
      <c r="P249" s="6">
        <v>1</v>
      </c>
      <c r="Q249" s="6">
        <v>17</v>
      </c>
      <c r="R249" s="6">
        <v>26</v>
      </c>
      <c r="S249" s="6">
        <v>27</v>
      </c>
      <c r="T249" s="6">
        <v>9</v>
      </c>
      <c r="U249" s="10" t="s">
        <v>55</v>
      </c>
      <c r="V249" s="6">
        <v>18</v>
      </c>
      <c r="W249" s="6">
        <v>104</v>
      </c>
      <c r="X249" s="6">
        <v>1382</v>
      </c>
      <c r="Y249" s="6">
        <v>1361</v>
      </c>
      <c r="Z249" s="6">
        <v>6</v>
      </c>
      <c r="AA249" s="6">
        <v>1</v>
      </c>
      <c r="AB249" s="6">
        <v>14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98</v>
      </c>
      <c r="I250" s="9" t="s">
        <v>53</v>
      </c>
      <c r="J250" s="9" t="s">
        <v>39</v>
      </c>
      <c r="K250" s="6">
        <v>1972</v>
      </c>
      <c r="L250" s="6">
        <v>1860</v>
      </c>
      <c r="M250" s="6">
        <v>1819</v>
      </c>
      <c r="N250" s="6">
        <v>1783</v>
      </c>
      <c r="O250" s="6">
        <v>12</v>
      </c>
      <c r="P250" s="10" t="s">
        <v>55</v>
      </c>
      <c r="Q250" s="6">
        <v>24</v>
      </c>
      <c r="R250" s="6">
        <v>41</v>
      </c>
      <c r="S250" s="6">
        <v>53</v>
      </c>
      <c r="T250" s="6">
        <v>14</v>
      </c>
      <c r="U250" s="10" t="s">
        <v>55</v>
      </c>
      <c r="V250" s="6">
        <v>39</v>
      </c>
      <c r="W250" s="6">
        <v>59</v>
      </c>
      <c r="X250" s="6">
        <v>1551</v>
      </c>
      <c r="Y250" s="6">
        <v>1526</v>
      </c>
      <c r="Z250" s="6">
        <v>5</v>
      </c>
      <c r="AA250" s="10" t="s">
        <v>55</v>
      </c>
      <c r="AB250" s="6">
        <v>20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98</v>
      </c>
      <c r="I251" s="9" t="s">
        <v>53</v>
      </c>
      <c r="J251" s="9" t="s">
        <v>40</v>
      </c>
      <c r="K251" s="6">
        <v>2255</v>
      </c>
      <c r="L251" s="6">
        <v>1922</v>
      </c>
      <c r="M251" s="6">
        <v>1839</v>
      </c>
      <c r="N251" s="6">
        <v>1786</v>
      </c>
      <c r="O251" s="6">
        <v>25</v>
      </c>
      <c r="P251" s="10" t="s">
        <v>55</v>
      </c>
      <c r="Q251" s="6">
        <v>28</v>
      </c>
      <c r="R251" s="6">
        <v>83</v>
      </c>
      <c r="S251" s="6">
        <v>281</v>
      </c>
      <c r="T251" s="6">
        <v>61</v>
      </c>
      <c r="U251" s="10" t="s">
        <v>55</v>
      </c>
      <c r="V251" s="6">
        <v>220</v>
      </c>
      <c r="W251" s="6">
        <v>52</v>
      </c>
      <c r="X251" s="6">
        <v>1435</v>
      </c>
      <c r="Y251" s="6">
        <v>1407</v>
      </c>
      <c r="Z251" s="6">
        <v>9</v>
      </c>
      <c r="AA251" s="10" t="s">
        <v>55</v>
      </c>
      <c r="AB251" s="6">
        <v>19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98</v>
      </c>
      <c r="I252" s="9" t="s">
        <v>53</v>
      </c>
      <c r="J252" s="9" t="s">
        <v>41</v>
      </c>
      <c r="K252" s="6">
        <v>2671</v>
      </c>
      <c r="L252" s="6">
        <v>1629</v>
      </c>
      <c r="M252" s="6">
        <v>1563</v>
      </c>
      <c r="N252" s="6">
        <v>1428</v>
      </c>
      <c r="O252" s="6">
        <v>73</v>
      </c>
      <c r="P252" s="10" t="s">
        <v>55</v>
      </c>
      <c r="Q252" s="6">
        <v>62</v>
      </c>
      <c r="R252" s="6">
        <v>66</v>
      </c>
      <c r="S252" s="6">
        <v>992</v>
      </c>
      <c r="T252" s="6">
        <v>154</v>
      </c>
      <c r="U252" s="10" t="s">
        <v>55</v>
      </c>
      <c r="V252" s="6">
        <v>838</v>
      </c>
      <c r="W252" s="6">
        <v>50</v>
      </c>
      <c r="X252" s="6">
        <v>985</v>
      </c>
      <c r="Y252" s="6">
        <v>905</v>
      </c>
      <c r="Z252" s="6">
        <v>47</v>
      </c>
      <c r="AA252" s="10" t="s">
        <v>55</v>
      </c>
      <c r="AB252" s="6">
        <v>33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98</v>
      </c>
      <c r="I253" s="9" t="s">
        <v>53</v>
      </c>
      <c r="J253" s="9" t="s">
        <v>42</v>
      </c>
      <c r="K253" s="6">
        <v>2780</v>
      </c>
      <c r="L253" s="6">
        <v>1167</v>
      </c>
      <c r="M253" s="6">
        <v>1140</v>
      </c>
      <c r="N253" s="6">
        <v>1007</v>
      </c>
      <c r="O253" s="6">
        <v>77</v>
      </c>
      <c r="P253" s="10" t="s">
        <v>55</v>
      </c>
      <c r="Q253" s="6">
        <v>56</v>
      </c>
      <c r="R253" s="6">
        <v>27</v>
      </c>
      <c r="S253" s="6">
        <v>1567</v>
      </c>
      <c r="T253" s="6">
        <v>159</v>
      </c>
      <c r="U253" s="10" t="s">
        <v>55</v>
      </c>
      <c r="V253" s="6">
        <v>1408</v>
      </c>
      <c r="W253" s="6">
        <v>46</v>
      </c>
      <c r="X253" s="6">
        <v>590</v>
      </c>
      <c r="Y253" s="6">
        <v>514</v>
      </c>
      <c r="Z253" s="6">
        <v>47</v>
      </c>
      <c r="AA253" s="10" t="s">
        <v>55</v>
      </c>
      <c r="AB253" s="6">
        <v>29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98</v>
      </c>
      <c r="I254" s="9" t="s">
        <v>53</v>
      </c>
      <c r="J254" s="9" t="s">
        <v>43</v>
      </c>
      <c r="K254" s="6">
        <v>1986</v>
      </c>
      <c r="L254" s="6">
        <v>465</v>
      </c>
      <c r="M254" s="6">
        <v>456</v>
      </c>
      <c r="N254" s="6">
        <v>392</v>
      </c>
      <c r="O254" s="6">
        <v>46</v>
      </c>
      <c r="P254" s="10" t="s">
        <v>55</v>
      </c>
      <c r="Q254" s="6">
        <v>18</v>
      </c>
      <c r="R254" s="6">
        <v>9</v>
      </c>
      <c r="S254" s="6">
        <v>1493</v>
      </c>
      <c r="T254" s="6">
        <v>146</v>
      </c>
      <c r="U254" s="10" t="s">
        <v>55</v>
      </c>
      <c r="V254" s="6">
        <v>1347</v>
      </c>
      <c r="W254" s="6">
        <v>28</v>
      </c>
      <c r="X254" s="6">
        <v>172</v>
      </c>
      <c r="Y254" s="6">
        <v>145</v>
      </c>
      <c r="Z254" s="6">
        <v>22</v>
      </c>
      <c r="AA254" s="10" t="s">
        <v>55</v>
      </c>
      <c r="AB254" s="6">
        <v>5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98</v>
      </c>
      <c r="I255" s="9" t="s">
        <v>53</v>
      </c>
      <c r="J255" s="9" t="s">
        <v>44</v>
      </c>
      <c r="K255" s="6">
        <v>1504</v>
      </c>
      <c r="L255" s="6">
        <v>209</v>
      </c>
      <c r="M255" s="6">
        <v>207</v>
      </c>
      <c r="N255" s="6">
        <v>169</v>
      </c>
      <c r="O255" s="6">
        <v>23</v>
      </c>
      <c r="P255" s="10" t="s">
        <v>55</v>
      </c>
      <c r="Q255" s="6">
        <v>15</v>
      </c>
      <c r="R255" s="6">
        <v>2</v>
      </c>
      <c r="S255" s="6">
        <v>1269</v>
      </c>
      <c r="T255" s="6">
        <v>100</v>
      </c>
      <c r="U255" s="10" t="s">
        <v>55</v>
      </c>
      <c r="V255" s="6">
        <v>1169</v>
      </c>
      <c r="W255" s="6">
        <v>26</v>
      </c>
      <c r="X255" s="6">
        <v>55</v>
      </c>
      <c r="Y255" s="6">
        <v>49</v>
      </c>
      <c r="Z255" s="6">
        <v>1</v>
      </c>
      <c r="AA255" s="10" t="s">
        <v>55</v>
      </c>
      <c r="AB255" s="6">
        <v>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98</v>
      </c>
      <c r="I256" s="9" t="s">
        <v>53</v>
      </c>
      <c r="J256" s="9" t="s">
        <v>45</v>
      </c>
      <c r="K256" s="6">
        <v>922</v>
      </c>
      <c r="L256" s="6">
        <v>56</v>
      </c>
      <c r="M256" s="6">
        <v>54</v>
      </c>
      <c r="N256" s="6">
        <v>42</v>
      </c>
      <c r="O256" s="6">
        <v>6</v>
      </c>
      <c r="P256" s="10" t="s">
        <v>55</v>
      </c>
      <c r="Q256" s="6">
        <v>6</v>
      </c>
      <c r="R256" s="6">
        <v>2</v>
      </c>
      <c r="S256" s="6">
        <v>849</v>
      </c>
      <c r="T256" s="6">
        <v>41</v>
      </c>
      <c r="U256" s="10" t="s">
        <v>55</v>
      </c>
      <c r="V256" s="6">
        <v>808</v>
      </c>
      <c r="W256" s="6">
        <v>17</v>
      </c>
      <c r="X256" s="6">
        <v>7</v>
      </c>
      <c r="Y256" s="6">
        <v>6</v>
      </c>
      <c r="Z256" s="10" t="s">
        <v>55</v>
      </c>
      <c r="AA256" s="10" t="s">
        <v>55</v>
      </c>
      <c r="AB256" s="6">
        <v>1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98</v>
      </c>
      <c r="I257" s="9" t="s">
        <v>53</v>
      </c>
      <c r="J257" s="9" t="s">
        <v>46</v>
      </c>
      <c r="K257" s="6">
        <v>318</v>
      </c>
      <c r="L257" s="6">
        <v>10</v>
      </c>
      <c r="M257" s="6">
        <v>10</v>
      </c>
      <c r="N257" s="6">
        <v>7</v>
      </c>
      <c r="O257" s="6">
        <v>1</v>
      </c>
      <c r="P257" s="10" t="s">
        <v>55</v>
      </c>
      <c r="Q257" s="6">
        <v>2</v>
      </c>
      <c r="R257" s="10" t="s">
        <v>55</v>
      </c>
      <c r="S257" s="6">
        <v>302</v>
      </c>
      <c r="T257" s="6">
        <v>7</v>
      </c>
      <c r="U257" s="10" t="s">
        <v>55</v>
      </c>
      <c r="V257" s="6">
        <v>295</v>
      </c>
      <c r="W257" s="6">
        <v>6</v>
      </c>
      <c r="X257" s="6">
        <v>1</v>
      </c>
      <c r="Y257" s="6">
        <v>1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98</v>
      </c>
      <c r="I258" s="9" t="s">
        <v>53</v>
      </c>
      <c r="J258" s="9" t="s">
        <v>47</v>
      </c>
      <c r="K258" s="6">
        <v>40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6">
        <v>40</v>
      </c>
      <c r="T258" s="10" t="s">
        <v>55</v>
      </c>
      <c r="U258" s="10" t="s">
        <v>55</v>
      </c>
      <c r="V258" s="6">
        <v>40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98</v>
      </c>
      <c r="I259" s="9" t="s">
        <v>53</v>
      </c>
      <c r="J259" s="9" t="s">
        <v>48</v>
      </c>
      <c r="K259" s="6">
        <v>12827</v>
      </c>
      <c r="L259" s="6">
        <v>11656</v>
      </c>
      <c r="M259" s="6">
        <v>11417</v>
      </c>
      <c r="N259" s="6">
        <v>11235</v>
      </c>
      <c r="O259" s="6">
        <v>66</v>
      </c>
      <c r="P259" s="6">
        <v>4</v>
      </c>
      <c r="Q259" s="6">
        <v>112</v>
      </c>
      <c r="R259" s="6">
        <v>239</v>
      </c>
      <c r="S259" s="6">
        <v>411</v>
      </c>
      <c r="T259" s="6">
        <v>105</v>
      </c>
      <c r="U259" s="6">
        <v>1</v>
      </c>
      <c r="V259" s="6">
        <v>305</v>
      </c>
      <c r="W259" s="6">
        <v>760</v>
      </c>
      <c r="X259" s="6">
        <v>9785</v>
      </c>
      <c r="Y259" s="6">
        <v>9663</v>
      </c>
      <c r="Z259" s="6">
        <v>30</v>
      </c>
      <c r="AA259" s="6">
        <v>4</v>
      </c>
      <c r="AB259" s="6">
        <v>88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98</v>
      </c>
      <c r="I260" s="9" t="s">
        <v>53</v>
      </c>
      <c r="J260" s="9" t="s">
        <v>49</v>
      </c>
      <c r="K260" s="6">
        <v>10221</v>
      </c>
      <c r="L260" s="6">
        <v>3536</v>
      </c>
      <c r="M260" s="6">
        <v>3430</v>
      </c>
      <c r="N260" s="6">
        <v>3045</v>
      </c>
      <c r="O260" s="6">
        <v>226</v>
      </c>
      <c r="P260" s="10" t="s">
        <v>55</v>
      </c>
      <c r="Q260" s="6">
        <v>159</v>
      </c>
      <c r="R260" s="6">
        <v>106</v>
      </c>
      <c r="S260" s="6">
        <v>6512</v>
      </c>
      <c r="T260" s="6">
        <v>607</v>
      </c>
      <c r="U260" s="10" t="s">
        <v>55</v>
      </c>
      <c r="V260" s="6">
        <v>5905</v>
      </c>
      <c r="W260" s="6">
        <v>173</v>
      </c>
      <c r="X260" s="6">
        <v>1810</v>
      </c>
      <c r="Y260" s="6">
        <v>1620</v>
      </c>
      <c r="Z260" s="6">
        <v>117</v>
      </c>
      <c r="AA260" s="10" t="s">
        <v>55</v>
      </c>
      <c r="AB260" s="6">
        <v>73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98</v>
      </c>
      <c r="I261" s="9" t="s">
        <v>53</v>
      </c>
      <c r="J261" s="9" t="s">
        <v>50</v>
      </c>
      <c r="K261" s="6">
        <v>4770</v>
      </c>
      <c r="L261" s="6">
        <v>740</v>
      </c>
      <c r="M261" s="6">
        <v>727</v>
      </c>
      <c r="N261" s="6">
        <v>610</v>
      </c>
      <c r="O261" s="6">
        <v>76</v>
      </c>
      <c r="P261" s="10" t="s">
        <v>55</v>
      </c>
      <c r="Q261" s="6">
        <v>41</v>
      </c>
      <c r="R261" s="6">
        <v>13</v>
      </c>
      <c r="S261" s="6">
        <v>3953</v>
      </c>
      <c r="T261" s="6">
        <v>294</v>
      </c>
      <c r="U261" s="10" t="s">
        <v>55</v>
      </c>
      <c r="V261" s="6">
        <v>3659</v>
      </c>
      <c r="W261" s="6">
        <v>77</v>
      </c>
      <c r="X261" s="6">
        <v>235</v>
      </c>
      <c r="Y261" s="6">
        <v>201</v>
      </c>
      <c r="Z261" s="6">
        <v>23</v>
      </c>
      <c r="AA261" s="10" t="s">
        <v>55</v>
      </c>
      <c r="AB261" s="6">
        <v>11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98</v>
      </c>
      <c r="I262" s="9" t="s">
        <v>53</v>
      </c>
      <c r="J262" s="9" t="s">
        <v>51</v>
      </c>
      <c r="K262" s="6">
        <v>1280</v>
      </c>
      <c r="L262" s="6">
        <v>66</v>
      </c>
      <c r="M262" s="6">
        <v>64</v>
      </c>
      <c r="N262" s="6">
        <v>49</v>
      </c>
      <c r="O262" s="6">
        <v>7</v>
      </c>
      <c r="P262" s="10" t="s">
        <v>55</v>
      </c>
      <c r="Q262" s="6">
        <v>8</v>
      </c>
      <c r="R262" s="6">
        <v>2</v>
      </c>
      <c r="S262" s="6">
        <v>1191</v>
      </c>
      <c r="T262" s="6">
        <v>48</v>
      </c>
      <c r="U262" s="10" t="s">
        <v>55</v>
      </c>
      <c r="V262" s="6">
        <v>1143</v>
      </c>
      <c r="W262" s="6">
        <v>23</v>
      </c>
      <c r="X262" s="6">
        <v>8</v>
      </c>
      <c r="Y262" s="6">
        <v>7</v>
      </c>
      <c r="Z262" s="10" t="s">
        <v>55</v>
      </c>
      <c r="AA262" s="10" t="s">
        <v>55</v>
      </c>
      <c r="AB262" s="6">
        <v>1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98</v>
      </c>
      <c r="I263" s="9" t="s">
        <v>53</v>
      </c>
      <c r="J263" s="9" t="s">
        <v>52</v>
      </c>
      <c r="K263" s="6">
        <v>15490</v>
      </c>
      <c r="L263" s="6">
        <v>13277</v>
      </c>
      <c r="M263" s="6">
        <v>12972</v>
      </c>
      <c r="N263" s="6">
        <v>12655</v>
      </c>
      <c r="O263" s="6">
        <v>139</v>
      </c>
      <c r="P263" s="6">
        <v>4</v>
      </c>
      <c r="Q263" s="6">
        <v>174</v>
      </c>
      <c r="R263" s="6">
        <v>305</v>
      </c>
      <c r="S263" s="6">
        <v>1403</v>
      </c>
      <c r="T263" s="6">
        <v>259</v>
      </c>
      <c r="U263" s="6">
        <v>1</v>
      </c>
      <c r="V263" s="6">
        <v>1143</v>
      </c>
      <c r="W263" s="6">
        <v>810</v>
      </c>
      <c r="X263" s="6">
        <v>10762</v>
      </c>
      <c r="Y263" s="6">
        <v>10560</v>
      </c>
      <c r="Z263" s="6">
        <v>77</v>
      </c>
      <c r="AA263" s="6">
        <v>4</v>
      </c>
      <c r="AB263" s="6">
        <v>121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98</v>
      </c>
      <c r="I264" s="9" t="s">
        <v>54</v>
      </c>
      <c r="J264" s="9" t="s">
        <v>30</v>
      </c>
      <c r="K264" s="6">
        <v>23265</v>
      </c>
      <c r="L264" s="6">
        <v>12856</v>
      </c>
      <c r="M264" s="6">
        <v>12613</v>
      </c>
      <c r="N264" s="6">
        <v>9178</v>
      </c>
      <c r="O264" s="6">
        <v>3011</v>
      </c>
      <c r="P264" s="6">
        <v>9</v>
      </c>
      <c r="Q264" s="6">
        <v>415</v>
      </c>
      <c r="R264" s="6">
        <v>243</v>
      </c>
      <c r="S264" s="6">
        <v>9458</v>
      </c>
      <c r="T264" s="6">
        <v>5395</v>
      </c>
      <c r="U264" s="6">
        <v>3</v>
      </c>
      <c r="V264" s="6">
        <v>4060</v>
      </c>
      <c r="W264" s="6">
        <v>951</v>
      </c>
      <c r="X264" s="6">
        <v>10278</v>
      </c>
      <c r="Y264" s="6">
        <v>7698</v>
      </c>
      <c r="Z264" s="6">
        <v>2173</v>
      </c>
      <c r="AA264" s="6">
        <v>8</v>
      </c>
      <c r="AB264" s="6">
        <v>399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98</v>
      </c>
      <c r="I265" s="9" t="s">
        <v>54</v>
      </c>
      <c r="J265" s="9" t="s">
        <v>31</v>
      </c>
      <c r="K265" s="6">
        <v>13</v>
      </c>
      <c r="L265" s="6">
        <v>3</v>
      </c>
      <c r="M265" s="6">
        <v>2</v>
      </c>
      <c r="N265" s="10" t="s">
        <v>55</v>
      </c>
      <c r="O265" s="10" t="s">
        <v>55</v>
      </c>
      <c r="P265" s="10" t="s">
        <v>55</v>
      </c>
      <c r="Q265" s="6">
        <v>2</v>
      </c>
      <c r="R265" s="6">
        <v>1</v>
      </c>
      <c r="S265" s="6">
        <v>9</v>
      </c>
      <c r="T265" s="6">
        <v>8</v>
      </c>
      <c r="U265" s="6">
        <v>1</v>
      </c>
      <c r="V265" s="10" t="s">
        <v>55</v>
      </c>
      <c r="W265" s="6">
        <v>1</v>
      </c>
      <c r="X265" s="6">
        <v>2</v>
      </c>
      <c r="Y265" s="10" t="s">
        <v>55</v>
      </c>
      <c r="Z265" s="10" t="s">
        <v>55</v>
      </c>
      <c r="AA265" s="10" t="s">
        <v>55</v>
      </c>
      <c r="AB265" s="6">
        <v>2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98</v>
      </c>
      <c r="I266" s="9" t="s">
        <v>54</v>
      </c>
      <c r="J266" s="9" t="s">
        <v>32</v>
      </c>
      <c r="K266" s="6">
        <v>195</v>
      </c>
      <c r="L266" s="6">
        <v>124</v>
      </c>
      <c r="M266" s="6">
        <v>118</v>
      </c>
      <c r="N266" s="6">
        <v>84</v>
      </c>
      <c r="O266" s="6">
        <v>14</v>
      </c>
      <c r="P266" s="10" t="s">
        <v>55</v>
      </c>
      <c r="Q266" s="6">
        <v>20</v>
      </c>
      <c r="R266" s="6">
        <v>6</v>
      </c>
      <c r="S266" s="6">
        <v>40</v>
      </c>
      <c r="T266" s="6">
        <v>39</v>
      </c>
      <c r="U266" s="10" t="s">
        <v>55</v>
      </c>
      <c r="V266" s="6">
        <v>1</v>
      </c>
      <c r="W266" s="6">
        <v>31</v>
      </c>
      <c r="X266" s="6">
        <v>109</v>
      </c>
      <c r="Y266" s="6">
        <v>76</v>
      </c>
      <c r="Z266" s="6">
        <v>13</v>
      </c>
      <c r="AA266" s="10" t="s">
        <v>55</v>
      </c>
      <c r="AB266" s="6">
        <v>20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98</v>
      </c>
      <c r="I267" s="9" t="s">
        <v>54</v>
      </c>
      <c r="J267" s="9" t="s">
        <v>33</v>
      </c>
      <c r="K267" s="6">
        <v>735</v>
      </c>
      <c r="L267" s="6">
        <v>519</v>
      </c>
      <c r="M267" s="6">
        <v>511</v>
      </c>
      <c r="N267" s="6">
        <v>366</v>
      </c>
      <c r="O267" s="6">
        <v>72</v>
      </c>
      <c r="P267" s="6">
        <v>3</v>
      </c>
      <c r="Q267" s="6">
        <v>70</v>
      </c>
      <c r="R267" s="6">
        <v>8</v>
      </c>
      <c r="S267" s="6">
        <v>134</v>
      </c>
      <c r="T267" s="6">
        <v>127</v>
      </c>
      <c r="U267" s="10" t="s">
        <v>55</v>
      </c>
      <c r="V267" s="6">
        <v>7</v>
      </c>
      <c r="W267" s="6">
        <v>82</v>
      </c>
      <c r="X267" s="6">
        <v>485</v>
      </c>
      <c r="Y267" s="6">
        <v>351</v>
      </c>
      <c r="Z267" s="6">
        <v>61</v>
      </c>
      <c r="AA267" s="6">
        <v>3</v>
      </c>
      <c r="AB267" s="6">
        <v>70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98</v>
      </c>
      <c r="I268" s="9" t="s">
        <v>54</v>
      </c>
      <c r="J268" s="9" t="s">
        <v>34</v>
      </c>
      <c r="K268" s="6">
        <v>1318</v>
      </c>
      <c r="L268" s="6">
        <v>956</v>
      </c>
      <c r="M268" s="6">
        <v>925</v>
      </c>
      <c r="N268" s="6">
        <v>694</v>
      </c>
      <c r="O268" s="6">
        <v>144</v>
      </c>
      <c r="P268" s="6">
        <v>1</v>
      </c>
      <c r="Q268" s="6">
        <v>86</v>
      </c>
      <c r="R268" s="6">
        <v>31</v>
      </c>
      <c r="S268" s="6">
        <v>226</v>
      </c>
      <c r="T268" s="6">
        <v>222</v>
      </c>
      <c r="U268" s="10" t="s">
        <v>55</v>
      </c>
      <c r="V268" s="6">
        <v>4</v>
      </c>
      <c r="W268" s="6">
        <v>136</v>
      </c>
      <c r="X268" s="6">
        <v>841</v>
      </c>
      <c r="Y268" s="6">
        <v>643</v>
      </c>
      <c r="Z268" s="6">
        <v>112</v>
      </c>
      <c r="AA268" s="6">
        <v>1</v>
      </c>
      <c r="AB268" s="6">
        <v>85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98</v>
      </c>
      <c r="I269" s="9" t="s">
        <v>54</v>
      </c>
      <c r="J269" s="9" t="s">
        <v>35</v>
      </c>
      <c r="K269" s="6">
        <v>1642</v>
      </c>
      <c r="L269" s="6">
        <v>1287</v>
      </c>
      <c r="M269" s="6">
        <v>1270</v>
      </c>
      <c r="N269" s="6">
        <v>949</v>
      </c>
      <c r="O269" s="6">
        <v>249</v>
      </c>
      <c r="P269" s="6">
        <v>2</v>
      </c>
      <c r="Q269" s="6">
        <v>70</v>
      </c>
      <c r="R269" s="6">
        <v>17</v>
      </c>
      <c r="S269" s="6">
        <v>246</v>
      </c>
      <c r="T269" s="6">
        <v>237</v>
      </c>
      <c r="U269" s="10" t="s">
        <v>55</v>
      </c>
      <c r="V269" s="6">
        <v>9</v>
      </c>
      <c r="W269" s="6">
        <v>109</v>
      </c>
      <c r="X269" s="6">
        <v>1167</v>
      </c>
      <c r="Y269" s="6">
        <v>873</v>
      </c>
      <c r="Z269" s="6">
        <v>223</v>
      </c>
      <c r="AA269" s="6">
        <v>2</v>
      </c>
      <c r="AB269" s="6">
        <v>69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98</v>
      </c>
      <c r="I270" s="9" t="s">
        <v>54</v>
      </c>
      <c r="J270" s="9" t="s">
        <v>36</v>
      </c>
      <c r="K270" s="6">
        <v>1837</v>
      </c>
      <c r="L270" s="6">
        <v>1473</v>
      </c>
      <c r="M270" s="6">
        <v>1448</v>
      </c>
      <c r="N270" s="6">
        <v>1153</v>
      </c>
      <c r="O270" s="6">
        <v>270</v>
      </c>
      <c r="P270" s="10" t="s">
        <v>55</v>
      </c>
      <c r="Q270" s="6">
        <v>25</v>
      </c>
      <c r="R270" s="6">
        <v>25</v>
      </c>
      <c r="S270" s="6">
        <v>232</v>
      </c>
      <c r="T270" s="6">
        <v>229</v>
      </c>
      <c r="U270" s="10" t="s">
        <v>55</v>
      </c>
      <c r="V270" s="6">
        <v>3</v>
      </c>
      <c r="W270" s="6">
        <v>132</v>
      </c>
      <c r="X270" s="6">
        <v>1300</v>
      </c>
      <c r="Y270" s="6">
        <v>1048</v>
      </c>
      <c r="Z270" s="6">
        <v>227</v>
      </c>
      <c r="AA270" s="10" t="s">
        <v>55</v>
      </c>
      <c r="AB270" s="6">
        <v>25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98</v>
      </c>
      <c r="I271" s="9" t="s">
        <v>54</v>
      </c>
      <c r="J271" s="9" t="s">
        <v>37</v>
      </c>
      <c r="K271" s="6">
        <v>2060</v>
      </c>
      <c r="L271" s="6">
        <v>1644</v>
      </c>
      <c r="M271" s="6">
        <v>1607</v>
      </c>
      <c r="N271" s="6">
        <v>1259</v>
      </c>
      <c r="O271" s="6">
        <v>325</v>
      </c>
      <c r="P271" s="6">
        <v>2</v>
      </c>
      <c r="Q271" s="6">
        <v>21</v>
      </c>
      <c r="R271" s="6">
        <v>37</v>
      </c>
      <c r="S271" s="6">
        <v>283</v>
      </c>
      <c r="T271" s="6">
        <v>269</v>
      </c>
      <c r="U271" s="10" t="s">
        <v>55</v>
      </c>
      <c r="V271" s="6">
        <v>14</v>
      </c>
      <c r="W271" s="6">
        <v>133</v>
      </c>
      <c r="X271" s="6">
        <v>1457</v>
      </c>
      <c r="Y271" s="6">
        <v>1156</v>
      </c>
      <c r="Z271" s="6">
        <v>279</v>
      </c>
      <c r="AA271" s="6">
        <v>1</v>
      </c>
      <c r="AB271" s="6">
        <v>21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98</v>
      </c>
      <c r="I272" s="9" t="s">
        <v>54</v>
      </c>
      <c r="J272" s="9" t="s">
        <v>38</v>
      </c>
      <c r="K272" s="6">
        <v>2043</v>
      </c>
      <c r="L272" s="6">
        <v>1617</v>
      </c>
      <c r="M272" s="6">
        <v>1579</v>
      </c>
      <c r="N272" s="6">
        <v>1247</v>
      </c>
      <c r="O272" s="6">
        <v>321</v>
      </c>
      <c r="P272" s="10" t="s">
        <v>55</v>
      </c>
      <c r="Q272" s="6">
        <v>11</v>
      </c>
      <c r="R272" s="6">
        <v>38</v>
      </c>
      <c r="S272" s="6">
        <v>346</v>
      </c>
      <c r="T272" s="6">
        <v>325</v>
      </c>
      <c r="U272" s="6">
        <v>1</v>
      </c>
      <c r="V272" s="6">
        <v>20</v>
      </c>
      <c r="W272" s="6">
        <v>80</v>
      </c>
      <c r="X272" s="6">
        <v>1378</v>
      </c>
      <c r="Y272" s="6">
        <v>1085</v>
      </c>
      <c r="Z272" s="6">
        <v>282</v>
      </c>
      <c r="AA272" s="10" t="s">
        <v>55</v>
      </c>
      <c r="AB272" s="6">
        <v>11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98</v>
      </c>
      <c r="I273" s="9" t="s">
        <v>54</v>
      </c>
      <c r="J273" s="9" t="s">
        <v>39</v>
      </c>
      <c r="K273" s="6">
        <v>2145</v>
      </c>
      <c r="L273" s="6">
        <v>1611</v>
      </c>
      <c r="M273" s="6">
        <v>1586</v>
      </c>
      <c r="N273" s="6">
        <v>1217</v>
      </c>
      <c r="O273" s="6">
        <v>341</v>
      </c>
      <c r="P273" s="10" t="s">
        <v>55</v>
      </c>
      <c r="Q273" s="6">
        <v>28</v>
      </c>
      <c r="R273" s="6">
        <v>25</v>
      </c>
      <c r="S273" s="6">
        <v>471</v>
      </c>
      <c r="T273" s="6">
        <v>434</v>
      </c>
      <c r="U273" s="10" t="s">
        <v>55</v>
      </c>
      <c r="V273" s="6">
        <v>37</v>
      </c>
      <c r="W273" s="6">
        <v>63</v>
      </c>
      <c r="X273" s="6">
        <v>1326</v>
      </c>
      <c r="Y273" s="6">
        <v>1035</v>
      </c>
      <c r="Z273" s="6">
        <v>266</v>
      </c>
      <c r="AA273" s="10" t="s">
        <v>55</v>
      </c>
      <c r="AB273" s="6">
        <v>25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98</v>
      </c>
      <c r="I274" s="9" t="s">
        <v>54</v>
      </c>
      <c r="J274" s="9" t="s">
        <v>40</v>
      </c>
      <c r="K274" s="6">
        <v>2386</v>
      </c>
      <c r="L274" s="6">
        <v>1446</v>
      </c>
      <c r="M274" s="6">
        <v>1408</v>
      </c>
      <c r="N274" s="6">
        <v>982</v>
      </c>
      <c r="O274" s="6">
        <v>397</v>
      </c>
      <c r="P274" s="10" t="s">
        <v>55</v>
      </c>
      <c r="Q274" s="6">
        <v>29</v>
      </c>
      <c r="R274" s="6">
        <v>38</v>
      </c>
      <c r="S274" s="6">
        <v>901</v>
      </c>
      <c r="T274" s="6">
        <v>732</v>
      </c>
      <c r="U274" s="10" t="s">
        <v>55</v>
      </c>
      <c r="V274" s="6">
        <v>169</v>
      </c>
      <c r="W274" s="6">
        <v>39</v>
      </c>
      <c r="X274" s="6">
        <v>1076</v>
      </c>
      <c r="Y274" s="6">
        <v>758</v>
      </c>
      <c r="Z274" s="6">
        <v>291</v>
      </c>
      <c r="AA274" s="10" t="s">
        <v>55</v>
      </c>
      <c r="AB274" s="6">
        <v>27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98</v>
      </c>
      <c r="I275" s="9" t="s">
        <v>54</v>
      </c>
      <c r="J275" s="9" t="s">
        <v>41</v>
      </c>
      <c r="K275" s="6">
        <v>2732</v>
      </c>
      <c r="L275" s="6">
        <v>1127</v>
      </c>
      <c r="M275" s="6">
        <v>1114</v>
      </c>
      <c r="N275" s="6">
        <v>686</v>
      </c>
      <c r="O275" s="6">
        <v>398</v>
      </c>
      <c r="P275" s="6">
        <v>1</v>
      </c>
      <c r="Q275" s="6">
        <v>29</v>
      </c>
      <c r="R275" s="6">
        <v>13</v>
      </c>
      <c r="S275" s="6">
        <v>1556</v>
      </c>
      <c r="T275" s="6">
        <v>1004</v>
      </c>
      <c r="U275" s="10" t="s">
        <v>55</v>
      </c>
      <c r="V275" s="6">
        <v>552</v>
      </c>
      <c r="W275" s="6">
        <v>49</v>
      </c>
      <c r="X275" s="6">
        <v>681</v>
      </c>
      <c r="Y275" s="6">
        <v>432</v>
      </c>
      <c r="Z275" s="6">
        <v>222</v>
      </c>
      <c r="AA275" s="6">
        <v>1</v>
      </c>
      <c r="AB275" s="6">
        <v>26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98</v>
      </c>
      <c r="I276" s="9" t="s">
        <v>54</v>
      </c>
      <c r="J276" s="9" t="s">
        <v>42</v>
      </c>
      <c r="K276" s="6">
        <v>2584</v>
      </c>
      <c r="L276" s="6">
        <v>707</v>
      </c>
      <c r="M276" s="6">
        <v>704</v>
      </c>
      <c r="N276" s="6">
        <v>382</v>
      </c>
      <c r="O276" s="6">
        <v>303</v>
      </c>
      <c r="P276" s="10" t="s">
        <v>55</v>
      </c>
      <c r="Q276" s="6">
        <v>19</v>
      </c>
      <c r="R276" s="6">
        <v>3</v>
      </c>
      <c r="S276" s="6">
        <v>1848</v>
      </c>
      <c r="T276" s="6">
        <v>933</v>
      </c>
      <c r="U276" s="10" t="s">
        <v>55</v>
      </c>
      <c r="V276" s="6">
        <v>915</v>
      </c>
      <c r="W276" s="6">
        <v>29</v>
      </c>
      <c r="X276" s="6">
        <v>364</v>
      </c>
      <c r="Y276" s="6">
        <v>201</v>
      </c>
      <c r="Z276" s="6">
        <v>148</v>
      </c>
      <c r="AA276" s="10" t="s">
        <v>55</v>
      </c>
      <c r="AB276" s="6">
        <v>15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98</v>
      </c>
      <c r="I277" s="9" t="s">
        <v>54</v>
      </c>
      <c r="J277" s="9" t="s">
        <v>43</v>
      </c>
      <c r="K277" s="6">
        <v>1750</v>
      </c>
      <c r="L277" s="6">
        <v>228</v>
      </c>
      <c r="M277" s="6">
        <v>227</v>
      </c>
      <c r="N277" s="6">
        <v>107</v>
      </c>
      <c r="O277" s="6">
        <v>119</v>
      </c>
      <c r="P277" s="10" t="s">
        <v>55</v>
      </c>
      <c r="Q277" s="6">
        <v>1</v>
      </c>
      <c r="R277" s="6">
        <v>1</v>
      </c>
      <c r="S277" s="6">
        <v>1491</v>
      </c>
      <c r="T277" s="6">
        <v>492</v>
      </c>
      <c r="U277" s="10" t="s">
        <v>55</v>
      </c>
      <c r="V277" s="6">
        <v>999</v>
      </c>
      <c r="W277" s="6">
        <v>31</v>
      </c>
      <c r="X277" s="6">
        <v>67</v>
      </c>
      <c r="Y277" s="6">
        <v>31</v>
      </c>
      <c r="Z277" s="6">
        <v>35</v>
      </c>
      <c r="AA277" s="10" t="s">
        <v>55</v>
      </c>
      <c r="AB277" s="6">
        <v>1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98</v>
      </c>
      <c r="I278" s="9" t="s">
        <v>54</v>
      </c>
      <c r="J278" s="9" t="s">
        <v>44</v>
      </c>
      <c r="K278" s="6">
        <v>1119</v>
      </c>
      <c r="L278" s="6">
        <v>87</v>
      </c>
      <c r="M278" s="6">
        <v>87</v>
      </c>
      <c r="N278" s="6">
        <v>40</v>
      </c>
      <c r="O278" s="6">
        <v>45</v>
      </c>
      <c r="P278" s="10" t="s">
        <v>55</v>
      </c>
      <c r="Q278" s="6">
        <v>2</v>
      </c>
      <c r="R278" s="10" t="s">
        <v>55</v>
      </c>
      <c r="S278" s="6">
        <v>1012</v>
      </c>
      <c r="T278" s="6">
        <v>259</v>
      </c>
      <c r="U278" s="10" t="s">
        <v>55</v>
      </c>
      <c r="V278" s="6">
        <v>753</v>
      </c>
      <c r="W278" s="6">
        <v>20</v>
      </c>
      <c r="X278" s="6">
        <v>21</v>
      </c>
      <c r="Y278" s="6">
        <v>8</v>
      </c>
      <c r="Z278" s="6">
        <v>12</v>
      </c>
      <c r="AA278" s="10" t="s">
        <v>55</v>
      </c>
      <c r="AB278" s="6">
        <v>1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98</v>
      </c>
      <c r="I279" s="9" t="s">
        <v>54</v>
      </c>
      <c r="J279" s="9" t="s">
        <v>45</v>
      </c>
      <c r="K279" s="6">
        <v>555</v>
      </c>
      <c r="L279" s="6">
        <v>25</v>
      </c>
      <c r="M279" s="6">
        <v>25</v>
      </c>
      <c r="N279" s="6">
        <v>11</v>
      </c>
      <c r="O279" s="6">
        <v>12</v>
      </c>
      <c r="P279" s="10" t="s">
        <v>55</v>
      </c>
      <c r="Q279" s="6">
        <v>2</v>
      </c>
      <c r="R279" s="10" t="s">
        <v>55</v>
      </c>
      <c r="S279" s="6">
        <v>517</v>
      </c>
      <c r="T279" s="6">
        <v>77</v>
      </c>
      <c r="U279" s="6">
        <v>1</v>
      </c>
      <c r="V279" s="6">
        <v>439</v>
      </c>
      <c r="W279" s="6">
        <v>13</v>
      </c>
      <c r="X279" s="6">
        <v>4</v>
      </c>
      <c r="Y279" s="6">
        <v>1</v>
      </c>
      <c r="Z279" s="6">
        <v>2</v>
      </c>
      <c r="AA279" s="10" t="s">
        <v>55</v>
      </c>
      <c r="AB279" s="6">
        <v>1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98</v>
      </c>
      <c r="I280" s="9" t="s">
        <v>54</v>
      </c>
      <c r="J280" s="9" t="s">
        <v>46</v>
      </c>
      <c r="K280" s="6">
        <v>127</v>
      </c>
      <c r="L280" s="6">
        <v>2</v>
      </c>
      <c r="M280" s="6">
        <v>2</v>
      </c>
      <c r="N280" s="6">
        <v>1</v>
      </c>
      <c r="O280" s="6">
        <v>1</v>
      </c>
      <c r="P280" s="10" t="s">
        <v>55</v>
      </c>
      <c r="Q280" s="10" t="s">
        <v>55</v>
      </c>
      <c r="R280" s="10" t="s">
        <v>55</v>
      </c>
      <c r="S280" s="6">
        <v>122</v>
      </c>
      <c r="T280" s="6">
        <v>7</v>
      </c>
      <c r="U280" s="10" t="s">
        <v>55</v>
      </c>
      <c r="V280" s="6">
        <v>115</v>
      </c>
      <c r="W280" s="6">
        <v>3</v>
      </c>
      <c r="X280" s="10" t="s">
        <v>55</v>
      </c>
      <c r="Y280" s="10" t="s">
        <v>55</v>
      </c>
      <c r="Z280" s="10" t="s">
        <v>55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98</v>
      </c>
      <c r="I281" s="9" t="s">
        <v>54</v>
      </c>
      <c r="J281" s="9" t="s">
        <v>47</v>
      </c>
      <c r="K281" s="6">
        <v>24</v>
      </c>
      <c r="L281" s="10" t="s">
        <v>55</v>
      </c>
      <c r="M281" s="10" t="s">
        <v>55</v>
      </c>
      <c r="N281" s="10" t="s">
        <v>55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24</v>
      </c>
      <c r="T281" s="6">
        <v>1</v>
      </c>
      <c r="U281" s="10" t="s">
        <v>55</v>
      </c>
      <c r="V281" s="6">
        <v>23</v>
      </c>
      <c r="W281" s="10" t="s">
        <v>55</v>
      </c>
      <c r="X281" s="10" t="s">
        <v>55</v>
      </c>
      <c r="Y281" s="10" t="s">
        <v>55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98</v>
      </c>
      <c r="I282" s="9" t="s">
        <v>54</v>
      </c>
      <c r="J282" s="9" t="s">
        <v>48</v>
      </c>
      <c r="K282" s="6">
        <v>14374</v>
      </c>
      <c r="L282" s="6">
        <v>10680</v>
      </c>
      <c r="M282" s="6">
        <v>10454</v>
      </c>
      <c r="N282" s="6">
        <v>7951</v>
      </c>
      <c r="O282" s="6">
        <v>2133</v>
      </c>
      <c r="P282" s="6">
        <v>8</v>
      </c>
      <c r="Q282" s="6">
        <v>362</v>
      </c>
      <c r="R282" s="6">
        <v>226</v>
      </c>
      <c r="S282" s="6">
        <v>2888</v>
      </c>
      <c r="T282" s="6">
        <v>2622</v>
      </c>
      <c r="U282" s="6">
        <v>2</v>
      </c>
      <c r="V282" s="6">
        <v>264</v>
      </c>
      <c r="W282" s="6">
        <v>806</v>
      </c>
      <c r="X282" s="6">
        <v>9141</v>
      </c>
      <c r="Y282" s="6">
        <v>7025</v>
      </c>
      <c r="Z282" s="6">
        <v>1754</v>
      </c>
      <c r="AA282" s="6">
        <v>7</v>
      </c>
      <c r="AB282" s="6">
        <v>355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98</v>
      </c>
      <c r="I283" s="9" t="s">
        <v>54</v>
      </c>
      <c r="J283" s="9" t="s">
        <v>49</v>
      </c>
      <c r="K283" s="6">
        <v>8891</v>
      </c>
      <c r="L283" s="6">
        <v>2176</v>
      </c>
      <c r="M283" s="6">
        <v>2159</v>
      </c>
      <c r="N283" s="6">
        <v>1227</v>
      </c>
      <c r="O283" s="6">
        <v>878</v>
      </c>
      <c r="P283" s="6">
        <v>1</v>
      </c>
      <c r="Q283" s="6">
        <v>53</v>
      </c>
      <c r="R283" s="6">
        <v>17</v>
      </c>
      <c r="S283" s="6">
        <v>6570</v>
      </c>
      <c r="T283" s="6">
        <v>2773</v>
      </c>
      <c r="U283" s="6">
        <v>1</v>
      </c>
      <c r="V283" s="6">
        <v>3796</v>
      </c>
      <c r="W283" s="6">
        <v>145</v>
      </c>
      <c r="X283" s="6">
        <v>1137</v>
      </c>
      <c r="Y283" s="6">
        <v>673</v>
      </c>
      <c r="Z283" s="6">
        <v>419</v>
      </c>
      <c r="AA283" s="6">
        <v>1</v>
      </c>
      <c r="AB283" s="6">
        <v>44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98</v>
      </c>
      <c r="I284" s="9" t="s">
        <v>54</v>
      </c>
      <c r="J284" s="9" t="s">
        <v>50</v>
      </c>
      <c r="K284" s="6">
        <v>3575</v>
      </c>
      <c r="L284" s="6">
        <v>342</v>
      </c>
      <c r="M284" s="6">
        <v>341</v>
      </c>
      <c r="N284" s="6">
        <v>159</v>
      </c>
      <c r="O284" s="6">
        <v>177</v>
      </c>
      <c r="P284" s="10" t="s">
        <v>55</v>
      </c>
      <c r="Q284" s="6">
        <v>5</v>
      </c>
      <c r="R284" s="6">
        <v>1</v>
      </c>
      <c r="S284" s="6">
        <v>3166</v>
      </c>
      <c r="T284" s="6">
        <v>836</v>
      </c>
      <c r="U284" s="6">
        <v>1</v>
      </c>
      <c r="V284" s="6">
        <v>2329</v>
      </c>
      <c r="W284" s="6">
        <v>67</v>
      </c>
      <c r="X284" s="6">
        <v>92</v>
      </c>
      <c r="Y284" s="6">
        <v>40</v>
      </c>
      <c r="Z284" s="6">
        <v>49</v>
      </c>
      <c r="AA284" s="10" t="s">
        <v>55</v>
      </c>
      <c r="AB284" s="6">
        <v>3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98</v>
      </c>
      <c r="I285" s="9" t="s">
        <v>54</v>
      </c>
      <c r="J285" s="9" t="s">
        <v>51</v>
      </c>
      <c r="K285" s="6">
        <v>706</v>
      </c>
      <c r="L285" s="6">
        <v>27</v>
      </c>
      <c r="M285" s="6">
        <v>27</v>
      </c>
      <c r="N285" s="6">
        <v>12</v>
      </c>
      <c r="O285" s="6">
        <v>13</v>
      </c>
      <c r="P285" s="10" t="s">
        <v>55</v>
      </c>
      <c r="Q285" s="6">
        <v>2</v>
      </c>
      <c r="R285" s="10" t="s">
        <v>55</v>
      </c>
      <c r="S285" s="6">
        <v>663</v>
      </c>
      <c r="T285" s="6">
        <v>85</v>
      </c>
      <c r="U285" s="6">
        <v>1</v>
      </c>
      <c r="V285" s="6">
        <v>577</v>
      </c>
      <c r="W285" s="6">
        <v>16</v>
      </c>
      <c r="X285" s="6">
        <v>4</v>
      </c>
      <c r="Y285" s="6">
        <v>1</v>
      </c>
      <c r="Z285" s="6">
        <v>2</v>
      </c>
      <c r="AA285" s="10" t="s">
        <v>55</v>
      </c>
      <c r="AB285" s="6">
        <v>1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98</v>
      </c>
      <c r="I286" s="9" t="s">
        <v>54</v>
      </c>
      <c r="J286" s="9" t="s">
        <v>52</v>
      </c>
      <c r="K286" s="6">
        <v>17093</v>
      </c>
      <c r="L286" s="6">
        <v>11804</v>
      </c>
      <c r="M286" s="6">
        <v>11566</v>
      </c>
      <c r="N286" s="6">
        <v>8637</v>
      </c>
      <c r="O286" s="6">
        <v>2531</v>
      </c>
      <c r="P286" s="6">
        <v>9</v>
      </c>
      <c r="Q286" s="6">
        <v>389</v>
      </c>
      <c r="R286" s="6">
        <v>238</v>
      </c>
      <c r="S286" s="6">
        <v>4435</v>
      </c>
      <c r="T286" s="6">
        <v>3618</v>
      </c>
      <c r="U286" s="6">
        <v>1</v>
      </c>
      <c r="V286" s="6">
        <v>816</v>
      </c>
      <c r="W286" s="6">
        <v>854</v>
      </c>
      <c r="X286" s="6">
        <v>9820</v>
      </c>
      <c r="Y286" s="6">
        <v>7457</v>
      </c>
      <c r="Z286" s="6">
        <v>1976</v>
      </c>
      <c r="AA286" s="6">
        <v>8</v>
      </c>
      <c r="AB286" s="6">
        <v>379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98</v>
      </c>
      <c r="I287" s="9" t="s">
        <v>6</v>
      </c>
      <c r="J287" s="9" t="s">
        <v>30</v>
      </c>
      <c r="K287" s="6">
        <v>1189</v>
      </c>
      <c r="L287" s="6">
        <v>478</v>
      </c>
      <c r="M287" s="6">
        <v>465</v>
      </c>
      <c r="N287" s="6">
        <v>374</v>
      </c>
      <c r="O287" s="6">
        <v>66</v>
      </c>
      <c r="P287" s="10" t="s">
        <v>55</v>
      </c>
      <c r="Q287" s="6">
        <v>25</v>
      </c>
      <c r="R287" s="6">
        <v>13</v>
      </c>
      <c r="S287" s="6">
        <v>705</v>
      </c>
      <c r="T287" s="6">
        <v>245</v>
      </c>
      <c r="U287" s="6">
        <v>1</v>
      </c>
      <c r="V287" s="6">
        <v>459</v>
      </c>
      <c r="W287" s="6">
        <v>6</v>
      </c>
      <c r="X287" s="6">
        <v>328</v>
      </c>
      <c r="Y287" s="6">
        <v>283</v>
      </c>
      <c r="Z287" s="6">
        <v>30</v>
      </c>
      <c r="AA287" s="10" t="s">
        <v>55</v>
      </c>
      <c r="AB287" s="6">
        <v>15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98</v>
      </c>
      <c r="I288" s="9" t="s">
        <v>6</v>
      </c>
      <c r="J288" s="9" t="s">
        <v>31</v>
      </c>
      <c r="K288" s="10" t="s">
        <v>55</v>
      </c>
      <c r="L288" s="10" t="s">
        <v>55</v>
      </c>
      <c r="M288" s="10" t="s">
        <v>55</v>
      </c>
      <c r="N288" s="10" t="s">
        <v>55</v>
      </c>
      <c r="O288" s="10" t="s">
        <v>55</v>
      </c>
      <c r="P288" s="10" t="s">
        <v>55</v>
      </c>
      <c r="Q288" s="10" t="s">
        <v>55</v>
      </c>
      <c r="R288" s="10" t="s">
        <v>55</v>
      </c>
      <c r="S288" s="10" t="s">
        <v>55</v>
      </c>
      <c r="T288" s="10" t="s">
        <v>55</v>
      </c>
      <c r="U288" s="10" t="s">
        <v>55</v>
      </c>
      <c r="V288" s="10" t="s">
        <v>55</v>
      </c>
      <c r="W288" s="10" t="s">
        <v>55</v>
      </c>
      <c r="X288" s="10" t="s">
        <v>55</v>
      </c>
      <c r="Y288" s="10" t="s">
        <v>55</v>
      </c>
      <c r="Z288" s="10" t="s">
        <v>55</v>
      </c>
      <c r="AA288" s="10" t="s">
        <v>55</v>
      </c>
      <c r="AB288" s="10" t="s">
        <v>55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98</v>
      </c>
      <c r="I289" s="9" t="s">
        <v>6</v>
      </c>
      <c r="J289" s="9" t="s">
        <v>32</v>
      </c>
      <c r="K289" s="10" t="s">
        <v>55</v>
      </c>
      <c r="L289" s="10" t="s">
        <v>55</v>
      </c>
      <c r="M289" s="10" t="s">
        <v>55</v>
      </c>
      <c r="N289" s="10" t="s">
        <v>55</v>
      </c>
      <c r="O289" s="10" t="s">
        <v>55</v>
      </c>
      <c r="P289" s="10" t="s">
        <v>55</v>
      </c>
      <c r="Q289" s="10" t="s">
        <v>55</v>
      </c>
      <c r="R289" s="10" t="s">
        <v>55</v>
      </c>
      <c r="S289" s="10" t="s">
        <v>55</v>
      </c>
      <c r="T289" s="10" t="s">
        <v>55</v>
      </c>
      <c r="U289" s="10" t="s">
        <v>55</v>
      </c>
      <c r="V289" s="10" t="s">
        <v>55</v>
      </c>
      <c r="W289" s="10" t="s">
        <v>55</v>
      </c>
      <c r="X289" s="10" t="s">
        <v>55</v>
      </c>
      <c r="Y289" s="10" t="s">
        <v>55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98</v>
      </c>
      <c r="I290" s="9" t="s">
        <v>6</v>
      </c>
      <c r="J290" s="9" t="s">
        <v>33</v>
      </c>
      <c r="K290" s="6">
        <v>5</v>
      </c>
      <c r="L290" s="6">
        <v>4</v>
      </c>
      <c r="M290" s="6">
        <v>4</v>
      </c>
      <c r="N290" s="6">
        <v>4</v>
      </c>
      <c r="O290" s="10" t="s">
        <v>55</v>
      </c>
      <c r="P290" s="10" t="s">
        <v>55</v>
      </c>
      <c r="Q290" s="10" t="s">
        <v>55</v>
      </c>
      <c r="R290" s="10" t="s">
        <v>55</v>
      </c>
      <c r="S290" s="6">
        <v>1</v>
      </c>
      <c r="T290" s="6">
        <v>1</v>
      </c>
      <c r="U290" s="10" t="s">
        <v>55</v>
      </c>
      <c r="V290" s="10" t="s">
        <v>55</v>
      </c>
      <c r="W290" s="10" t="s">
        <v>55</v>
      </c>
      <c r="X290" s="6">
        <v>4</v>
      </c>
      <c r="Y290" s="6">
        <v>4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98</v>
      </c>
      <c r="I291" s="9" t="s">
        <v>6</v>
      </c>
      <c r="J291" s="9" t="s">
        <v>34</v>
      </c>
      <c r="K291" s="6">
        <v>11</v>
      </c>
      <c r="L291" s="6">
        <v>7</v>
      </c>
      <c r="M291" s="6">
        <v>7</v>
      </c>
      <c r="N291" s="6">
        <v>7</v>
      </c>
      <c r="O291" s="10" t="s">
        <v>55</v>
      </c>
      <c r="P291" s="10" t="s">
        <v>55</v>
      </c>
      <c r="Q291" s="10" t="s">
        <v>55</v>
      </c>
      <c r="R291" s="10" t="s">
        <v>55</v>
      </c>
      <c r="S291" s="6">
        <v>2</v>
      </c>
      <c r="T291" s="6">
        <v>2</v>
      </c>
      <c r="U291" s="10" t="s">
        <v>55</v>
      </c>
      <c r="V291" s="10" t="s">
        <v>55</v>
      </c>
      <c r="W291" s="6">
        <v>2</v>
      </c>
      <c r="X291" s="6">
        <v>6</v>
      </c>
      <c r="Y291" s="6">
        <v>6</v>
      </c>
      <c r="Z291" s="10" t="s">
        <v>55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98</v>
      </c>
      <c r="I292" s="9" t="s">
        <v>6</v>
      </c>
      <c r="J292" s="9" t="s">
        <v>35</v>
      </c>
      <c r="K292" s="6">
        <v>15</v>
      </c>
      <c r="L292" s="6">
        <v>14</v>
      </c>
      <c r="M292" s="6">
        <v>14</v>
      </c>
      <c r="N292" s="6">
        <v>13</v>
      </c>
      <c r="O292" s="10" t="s">
        <v>55</v>
      </c>
      <c r="P292" s="10" t="s">
        <v>55</v>
      </c>
      <c r="Q292" s="6">
        <v>1</v>
      </c>
      <c r="R292" s="10" t="s">
        <v>55</v>
      </c>
      <c r="S292" s="6">
        <v>1</v>
      </c>
      <c r="T292" s="6">
        <v>1</v>
      </c>
      <c r="U292" s="10" t="s">
        <v>55</v>
      </c>
      <c r="V292" s="10" t="s">
        <v>55</v>
      </c>
      <c r="W292" s="10" t="s">
        <v>55</v>
      </c>
      <c r="X292" s="6">
        <v>13</v>
      </c>
      <c r="Y292" s="6">
        <v>12</v>
      </c>
      <c r="Z292" s="10" t="s">
        <v>55</v>
      </c>
      <c r="AA292" s="10" t="s">
        <v>55</v>
      </c>
      <c r="AB292" s="6">
        <v>1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98</v>
      </c>
      <c r="I293" s="9" t="s">
        <v>6</v>
      </c>
      <c r="J293" s="9" t="s">
        <v>36</v>
      </c>
      <c r="K293" s="6">
        <v>23</v>
      </c>
      <c r="L293" s="6">
        <v>22</v>
      </c>
      <c r="M293" s="6">
        <v>22</v>
      </c>
      <c r="N293" s="6">
        <v>22</v>
      </c>
      <c r="O293" s="10" t="s">
        <v>55</v>
      </c>
      <c r="P293" s="10" t="s">
        <v>55</v>
      </c>
      <c r="Q293" s="10" t="s">
        <v>55</v>
      </c>
      <c r="R293" s="10" t="s">
        <v>55</v>
      </c>
      <c r="S293" s="6">
        <v>1</v>
      </c>
      <c r="T293" s="6">
        <v>1</v>
      </c>
      <c r="U293" s="10" t="s">
        <v>55</v>
      </c>
      <c r="V293" s="10" t="s">
        <v>55</v>
      </c>
      <c r="W293" s="10" t="s">
        <v>55</v>
      </c>
      <c r="X293" s="6">
        <v>18</v>
      </c>
      <c r="Y293" s="6">
        <v>18</v>
      </c>
      <c r="Z293" s="10" t="s">
        <v>55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98</v>
      </c>
      <c r="I294" s="9" t="s">
        <v>6</v>
      </c>
      <c r="J294" s="9" t="s">
        <v>37</v>
      </c>
      <c r="K294" s="6">
        <v>31</v>
      </c>
      <c r="L294" s="6">
        <v>25</v>
      </c>
      <c r="M294" s="6">
        <v>24</v>
      </c>
      <c r="N294" s="6">
        <v>21</v>
      </c>
      <c r="O294" s="6">
        <v>2</v>
      </c>
      <c r="P294" s="10" t="s">
        <v>55</v>
      </c>
      <c r="Q294" s="6">
        <v>1</v>
      </c>
      <c r="R294" s="6">
        <v>1</v>
      </c>
      <c r="S294" s="6">
        <v>5</v>
      </c>
      <c r="T294" s="6">
        <v>5</v>
      </c>
      <c r="U294" s="10" t="s">
        <v>55</v>
      </c>
      <c r="V294" s="10" t="s">
        <v>55</v>
      </c>
      <c r="W294" s="6">
        <v>1</v>
      </c>
      <c r="X294" s="6">
        <v>19</v>
      </c>
      <c r="Y294" s="6">
        <v>17</v>
      </c>
      <c r="Z294" s="6">
        <v>1</v>
      </c>
      <c r="AA294" s="10" t="s">
        <v>55</v>
      </c>
      <c r="AB294" s="6">
        <v>1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98</v>
      </c>
      <c r="I295" s="9" t="s">
        <v>6</v>
      </c>
      <c r="J295" s="9" t="s">
        <v>38</v>
      </c>
      <c r="K295" s="6">
        <v>55</v>
      </c>
      <c r="L295" s="6">
        <v>49</v>
      </c>
      <c r="M295" s="6">
        <v>48</v>
      </c>
      <c r="N295" s="6">
        <v>43</v>
      </c>
      <c r="O295" s="6">
        <v>5</v>
      </c>
      <c r="P295" s="10" t="s">
        <v>55</v>
      </c>
      <c r="Q295" s="10" t="s">
        <v>55</v>
      </c>
      <c r="R295" s="6">
        <v>1</v>
      </c>
      <c r="S295" s="6">
        <v>6</v>
      </c>
      <c r="T295" s="6">
        <v>6</v>
      </c>
      <c r="U295" s="10" t="s">
        <v>55</v>
      </c>
      <c r="V295" s="10" t="s">
        <v>55</v>
      </c>
      <c r="W295" s="10" t="s">
        <v>55</v>
      </c>
      <c r="X295" s="6">
        <v>42</v>
      </c>
      <c r="Y295" s="6">
        <v>37</v>
      </c>
      <c r="Z295" s="6">
        <v>5</v>
      </c>
      <c r="AA295" s="10" t="s">
        <v>55</v>
      </c>
      <c r="AB295" s="10" t="s">
        <v>55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98</v>
      </c>
      <c r="I296" s="9" t="s">
        <v>6</v>
      </c>
      <c r="J296" s="9" t="s">
        <v>39</v>
      </c>
      <c r="K296" s="6">
        <v>85</v>
      </c>
      <c r="L296" s="6">
        <v>74</v>
      </c>
      <c r="M296" s="6">
        <v>71</v>
      </c>
      <c r="N296" s="6">
        <v>65</v>
      </c>
      <c r="O296" s="6">
        <v>5</v>
      </c>
      <c r="P296" s="10" t="s">
        <v>55</v>
      </c>
      <c r="Q296" s="6">
        <v>1</v>
      </c>
      <c r="R296" s="6">
        <v>3</v>
      </c>
      <c r="S296" s="6">
        <v>10</v>
      </c>
      <c r="T296" s="6">
        <v>10</v>
      </c>
      <c r="U296" s="10" t="s">
        <v>55</v>
      </c>
      <c r="V296" s="10" t="s">
        <v>55</v>
      </c>
      <c r="W296" s="6">
        <v>1</v>
      </c>
      <c r="X296" s="6">
        <v>66</v>
      </c>
      <c r="Y296" s="6">
        <v>61</v>
      </c>
      <c r="Z296" s="6">
        <v>4</v>
      </c>
      <c r="AA296" s="10" t="s">
        <v>55</v>
      </c>
      <c r="AB296" s="6">
        <v>1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98</v>
      </c>
      <c r="I297" s="9" t="s">
        <v>6</v>
      </c>
      <c r="J297" s="9" t="s">
        <v>40</v>
      </c>
      <c r="K297" s="6">
        <v>134</v>
      </c>
      <c r="L297" s="6">
        <v>92</v>
      </c>
      <c r="M297" s="6">
        <v>89</v>
      </c>
      <c r="N297" s="6">
        <v>73</v>
      </c>
      <c r="O297" s="6">
        <v>12</v>
      </c>
      <c r="P297" s="10" t="s">
        <v>55</v>
      </c>
      <c r="Q297" s="6">
        <v>4</v>
      </c>
      <c r="R297" s="6">
        <v>3</v>
      </c>
      <c r="S297" s="6">
        <v>41</v>
      </c>
      <c r="T297" s="6">
        <v>26</v>
      </c>
      <c r="U297" s="10" t="s">
        <v>55</v>
      </c>
      <c r="V297" s="6">
        <v>15</v>
      </c>
      <c r="W297" s="6">
        <v>1</v>
      </c>
      <c r="X297" s="6">
        <v>78</v>
      </c>
      <c r="Y297" s="6">
        <v>66</v>
      </c>
      <c r="Z297" s="6">
        <v>9</v>
      </c>
      <c r="AA297" s="10" t="s">
        <v>55</v>
      </c>
      <c r="AB297" s="6">
        <v>3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98</v>
      </c>
      <c r="I298" s="9" t="s">
        <v>6</v>
      </c>
      <c r="J298" s="9" t="s">
        <v>41</v>
      </c>
      <c r="K298" s="6">
        <v>194</v>
      </c>
      <c r="L298" s="6">
        <v>88</v>
      </c>
      <c r="M298" s="6">
        <v>86</v>
      </c>
      <c r="N298" s="6">
        <v>62</v>
      </c>
      <c r="O298" s="6">
        <v>18</v>
      </c>
      <c r="P298" s="10" t="s">
        <v>55</v>
      </c>
      <c r="Q298" s="6">
        <v>6</v>
      </c>
      <c r="R298" s="6">
        <v>2</v>
      </c>
      <c r="S298" s="6">
        <v>106</v>
      </c>
      <c r="T298" s="6">
        <v>46</v>
      </c>
      <c r="U298" s="6">
        <v>1</v>
      </c>
      <c r="V298" s="6">
        <v>59</v>
      </c>
      <c r="W298" s="10" t="s">
        <v>55</v>
      </c>
      <c r="X298" s="6">
        <v>49</v>
      </c>
      <c r="Y298" s="6">
        <v>39</v>
      </c>
      <c r="Z298" s="6">
        <v>6</v>
      </c>
      <c r="AA298" s="10" t="s">
        <v>55</v>
      </c>
      <c r="AB298" s="6">
        <v>4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98</v>
      </c>
      <c r="I299" s="9" t="s">
        <v>6</v>
      </c>
      <c r="J299" s="9" t="s">
        <v>42</v>
      </c>
      <c r="K299" s="6">
        <v>212</v>
      </c>
      <c r="L299" s="6">
        <v>56</v>
      </c>
      <c r="M299" s="6">
        <v>55</v>
      </c>
      <c r="N299" s="6">
        <v>41</v>
      </c>
      <c r="O299" s="6">
        <v>8</v>
      </c>
      <c r="P299" s="10" t="s">
        <v>55</v>
      </c>
      <c r="Q299" s="6">
        <v>6</v>
      </c>
      <c r="R299" s="6">
        <v>1</v>
      </c>
      <c r="S299" s="6">
        <v>156</v>
      </c>
      <c r="T299" s="6">
        <v>57</v>
      </c>
      <c r="U299" s="10" t="s">
        <v>55</v>
      </c>
      <c r="V299" s="6">
        <v>99</v>
      </c>
      <c r="W299" s="10" t="s">
        <v>55</v>
      </c>
      <c r="X299" s="6">
        <v>28</v>
      </c>
      <c r="Y299" s="6">
        <v>22</v>
      </c>
      <c r="Z299" s="6">
        <v>3</v>
      </c>
      <c r="AA299" s="10" t="s">
        <v>55</v>
      </c>
      <c r="AB299" s="6">
        <v>3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98</v>
      </c>
      <c r="I300" s="9" t="s">
        <v>6</v>
      </c>
      <c r="J300" s="9" t="s">
        <v>43</v>
      </c>
      <c r="K300" s="6">
        <v>152</v>
      </c>
      <c r="L300" s="6">
        <v>29</v>
      </c>
      <c r="M300" s="6">
        <v>27</v>
      </c>
      <c r="N300" s="6">
        <v>13</v>
      </c>
      <c r="O300" s="6">
        <v>10</v>
      </c>
      <c r="P300" s="10" t="s">
        <v>55</v>
      </c>
      <c r="Q300" s="6">
        <v>4</v>
      </c>
      <c r="R300" s="6">
        <v>2</v>
      </c>
      <c r="S300" s="6">
        <v>122</v>
      </c>
      <c r="T300" s="6">
        <v>35</v>
      </c>
      <c r="U300" s="10" t="s">
        <v>55</v>
      </c>
      <c r="V300" s="6">
        <v>87</v>
      </c>
      <c r="W300" s="6">
        <v>1</v>
      </c>
      <c r="X300" s="6">
        <v>4</v>
      </c>
      <c r="Y300" s="6">
        <v>1</v>
      </c>
      <c r="Z300" s="6">
        <v>1</v>
      </c>
      <c r="AA300" s="10" t="s">
        <v>55</v>
      </c>
      <c r="AB300" s="6">
        <v>2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98</v>
      </c>
      <c r="I301" s="9" t="s">
        <v>6</v>
      </c>
      <c r="J301" s="9" t="s">
        <v>44</v>
      </c>
      <c r="K301" s="6">
        <v>171</v>
      </c>
      <c r="L301" s="6">
        <v>17</v>
      </c>
      <c r="M301" s="6">
        <v>17</v>
      </c>
      <c r="N301" s="6">
        <v>10</v>
      </c>
      <c r="O301" s="6">
        <v>5</v>
      </c>
      <c r="P301" s="10" t="s">
        <v>55</v>
      </c>
      <c r="Q301" s="6">
        <v>2</v>
      </c>
      <c r="R301" s="10" t="s">
        <v>55</v>
      </c>
      <c r="S301" s="6">
        <v>154</v>
      </c>
      <c r="T301" s="6">
        <v>40</v>
      </c>
      <c r="U301" s="10" t="s">
        <v>55</v>
      </c>
      <c r="V301" s="6">
        <v>114</v>
      </c>
      <c r="W301" s="10" t="s">
        <v>55</v>
      </c>
      <c r="X301" s="10" t="s">
        <v>55</v>
      </c>
      <c r="Y301" s="10" t="s">
        <v>55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98</v>
      </c>
      <c r="I302" s="9" t="s">
        <v>6</v>
      </c>
      <c r="J302" s="9" t="s">
        <v>45</v>
      </c>
      <c r="K302" s="6">
        <v>69</v>
      </c>
      <c r="L302" s="6">
        <v>1</v>
      </c>
      <c r="M302" s="6">
        <v>1</v>
      </c>
      <c r="N302" s="10" t="s">
        <v>55</v>
      </c>
      <c r="O302" s="6">
        <v>1</v>
      </c>
      <c r="P302" s="10" t="s">
        <v>55</v>
      </c>
      <c r="Q302" s="10" t="s">
        <v>55</v>
      </c>
      <c r="R302" s="10" t="s">
        <v>55</v>
      </c>
      <c r="S302" s="6">
        <v>68</v>
      </c>
      <c r="T302" s="6">
        <v>11</v>
      </c>
      <c r="U302" s="10" t="s">
        <v>55</v>
      </c>
      <c r="V302" s="6">
        <v>57</v>
      </c>
      <c r="W302" s="10" t="s">
        <v>55</v>
      </c>
      <c r="X302" s="6">
        <v>1</v>
      </c>
      <c r="Y302" s="10" t="s">
        <v>55</v>
      </c>
      <c r="Z302" s="6">
        <v>1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98</v>
      </c>
      <c r="I303" s="9" t="s">
        <v>6</v>
      </c>
      <c r="J303" s="9" t="s">
        <v>46</v>
      </c>
      <c r="K303" s="6">
        <v>32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6">
        <v>32</v>
      </c>
      <c r="T303" s="6">
        <v>4</v>
      </c>
      <c r="U303" s="10" t="s">
        <v>55</v>
      </c>
      <c r="V303" s="6">
        <v>28</v>
      </c>
      <c r="W303" s="10" t="s">
        <v>55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98</v>
      </c>
      <c r="I304" s="9" t="s">
        <v>6</v>
      </c>
      <c r="J304" s="9" t="s">
        <v>47</v>
      </c>
      <c r="K304" s="10" t="s">
        <v>55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10" t="s">
        <v>55</v>
      </c>
      <c r="T304" s="10" t="s">
        <v>55</v>
      </c>
      <c r="U304" s="10" t="s">
        <v>55</v>
      </c>
      <c r="V304" s="10" t="s">
        <v>55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98</v>
      </c>
      <c r="I305" s="9" t="s">
        <v>6</v>
      </c>
      <c r="J305" s="9" t="s">
        <v>48</v>
      </c>
      <c r="K305" s="6">
        <v>359</v>
      </c>
      <c r="L305" s="6">
        <v>287</v>
      </c>
      <c r="M305" s="6">
        <v>279</v>
      </c>
      <c r="N305" s="6">
        <v>248</v>
      </c>
      <c r="O305" s="6">
        <v>24</v>
      </c>
      <c r="P305" s="10" t="s">
        <v>55</v>
      </c>
      <c r="Q305" s="6">
        <v>7</v>
      </c>
      <c r="R305" s="6">
        <v>8</v>
      </c>
      <c r="S305" s="6">
        <v>67</v>
      </c>
      <c r="T305" s="6">
        <v>52</v>
      </c>
      <c r="U305" s="10" t="s">
        <v>55</v>
      </c>
      <c r="V305" s="6">
        <v>15</v>
      </c>
      <c r="W305" s="6">
        <v>5</v>
      </c>
      <c r="X305" s="6">
        <v>246</v>
      </c>
      <c r="Y305" s="6">
        <v>221</v>
      </c>
      <c r="Z305" s="6">
        <v>19</v>
      </c>
      <c r="AA305" s="10" t="s">
        <v>55</v>
      </c>
      <c r="AB305" s="6">
        <v>6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98</v>
      </c>
      <c r="I306" s="9" t="s">
        <v>6</v>
      </c>
      <c r="J306" s="9" t="s">
        <v>49</v>
      </c>
      <c r="K306" s="6">
        <v>830</v>
      </c>
      <c r="L306" s="6">
        <v>191</v>
      </c>
      <c r="M306" s="6">
        <v>186</v>
      </c>
      <c r="N306" s="6">
        <v>126</v>
      </c>
      <c r="O306" s="6">
        <v>42</v>
      </c>
      <c r="P306" s="10" t="s">
        <v>55</v>
      </c>
      <c r="Q306" s="6">
        <v>18</v>
      </c>
      <c r="R306" s="6">
        <v>5</v>
      </c>
      <c r="S306" s="6">
        <v>638</v>
      </c>
      <c r="T306" s="6">
        <v>193</v>
      </c>
      <c r="U306" s="6">
        <v>1</v>
      </c>
      <c r="V306" s="6">
        <v>444</v>
      </c>
      <c r="W306" s="6">
        <v>1</v>
      </c>
      <c r="X306" s="6">
        <v>82</v>
      </c>
      <c r="Y306" s="6">
        <v>62</v>
      </c>
      <c r="Z306" s="6">
        <v>11</v>
      </c>
      <c r="AA306" s="10" t="s">
        <v>55</v>
      </c>
      <c r="AB306" s="6">
        <v>9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98</v>
      </c>
      <c r="I307" s="9" t="s">
        <v>6</v>
      </c>
      <c r="J307" s="9" t="s">
        <v>50</v>
      </c>
      <c r="K307" s="6">
        <v>424</v>
      </c>
      <c r="L307" s="6">
        <v>47</v>
      </c>
      <c r="M307" s="6">
        <v>45</v>
      </c>
      <c r="N307" s="6">
        <v>23</v>
      </c>
      <c r="O307" s="6">
        <v>16</v>
      </c>
      <c r="P307" s="10" t="s">
        <v>55</v>
      </c>
      <c r="Q307" s="6">
        <v>6</v>
      </c>
      <c r="R307" s="6">
        <v>2</v>
      </c>
      <c r="S307" s="6">
        <v>376</v>
      </c>
      <c r="T307" s="6">
        <v>90</v>
      </c>
      <c r="U307" s="10" t="s">
        <v>55</v>
      </c>
      <c r="V307" s="6">
        <v>286</v>
      </c>
      <c r="W307" s="6">
        <v>1</v>
      </c>
      <c r="X307" s="6">
        <v>5</v>
      </c>
      <c r="Y307" s="6">
        <v>1</v>
      </c>
      <c r="Z307" s="6">
        <v>2</v>
      </c>
      <c r="AA307" s="10" t="s">
        <v>55</v>
      </c>
      <c r="AB307" s="6">
        <v>2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98</v>
      </c>
      <c r="I308" s="9" t="s">
        <v>6</v>
      </c>
      <c r="J308" s="9" t="s">
        <v>51</v>
      </c>
      <c r="K308" s="6">
        <v>101</v>
      </c>
      <c r="L308" s="6">
        <v>1</v>
      </c>
      <c r="M308" s="6">
        <v>1</v>
      </c>
      <c r="N308" s="10" t="s">
        <v>55</v>
      </c>
      <c r="O308" s="6">
        <v>1</v>
      </c>
      <c r="P308" s="10" t="s">
        <v>55</v>
      </c>
      <c r="Q308" s="10" t="s">
        <v>55</v>
      </c>
      <c r="R308" s="10" t="s">
        <v>55</v>
      </c>
      <c r="S308" s="6">
        <v>100</v>
      </c>
      <c r="T308" s="6">
        <v>15</v>
      </c>
      <c r="U308" s="10" t="s">
        <v>55</v>
      </c>
      <c r="V308" s="6">
        <v>85</v>
      </c>
      <c r="W308" s="10" t="s">
        <v>55</v>
      </c>
      <c r="X308" s="6">
        <v>1</v>
      </c>
      <c r="Y308" s="10" t="s">
        <v>55</v>
      </c>
      <c r="Z308" s="6">
        <v>1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98</v>
      </c>
      <c r="I309" s="9" t="s">
        <v>6</v>
      </c>
      <c r="J309" s="9" t="s">
        <v>52</v>
      </c>
      <c r="K309" s="6">
        <v>553</v>
      </c>
      <c r="L309" s="6">
        <v>375</v>
      </c>
      <c r="M309" s="6">
        <v>365</v>
      </c>
      <c r="N309" s="6">
        <v>310</v>
      </c>
      <c r="O309" s="6">
        <v>42</v>
      </c>
      <c r="P309" s="10" t="s">
        <v>55</v>
      </c>
      <c r="Q309" s="6">
        <v>13</v>
      </c>
      <c r="R309" s="6">
        <v>10</v>
      </c>
      <c r="S309" s="6">
        <v>173</v>
      </c>
      <c r="T309" s="6">
        <v>98</v>
      </c>
      <c r="U309" s="6">
        <v>1</v>
      </c>
      <c r="V309" s="6">
        <v>74</v>
      </c>
      <c r="W309" s="6">
        <v>5</v>
      </c>
      <c r="X309" s="6">
        <v>295</v>
      </c>
      <c r="Y309" s="6">
        <v>260</v>
      </c>
      <c r="Z309" s="6">
        <v>25</v>
      </c>
      <c r="AA309" s="10" t="s">
        <v>55</v>
      </c>
      <c r="AB309" s="6">
        <v>10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98</v>
      </c>
      <c r="I310" s="9" t="s">
        <v>53</v>
      </c>
      <c r="J310" s="9" t="s">
        <v>30</v>
      </c>
      <c r="K310" s="6">
        <v>596</v>
      </c>
      <c r="L310" s="6">
        <v>259</v>
      </c>
      <c r="M310" s="6">
        <v>249</v>
      </c>
      <c r="N310" s="6">
        <v>221</v>
      </c>
      <c r="O310" s="6">
        <v>11</v>
      </c>
      <c r="P310" s="10" t="s">
        <v>55</v>
      </c>
      <c r="Q310" s="6">
        <v>17</v>
      </c>
      <c r="R310" s="6">
        <v>10</v>
      </c>
      <c r="S310" s="6">
        <v>335</v>
      </c>
      <c r="T310" s="6">
        <v>57</v>
      </c>
      <c r="U310" s="10" t="s">
        <v>55</v>
      </c>
      <c r="V310" s="6">
        <v>278</v>
      </c>
      <c r="W310" s="6">
        <v>2</v>
      </c>
      <c r="X310" s="6">
        <v>164</v>
      </c>
      <c r="Y310" s="6">
        <v>153</v>
      </c>
      <c r="Z310" s="6">
        <v>4</v>
      </c>
      <c r="AA310" s="10" t="s">
        <v>55</v>
      </c>
      <c r="AB310" s="6">
        <v>7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98</v>
      </c>
      <c r="I311" s="9" t="s">
        <v>53</v>
      </c>
      <c r="J311" s="9" t="s">
        <v>31</v>
      </c>
      <c r="K311" s="10" t="s">
        <v>55</v>
      </c>
      <c r="L311" s="10" t="s">
        <v>55</v>
      </c>
      <c r="M311" s="10" t="s">
        <v>55</v>
      </c>
      <c r="N311" s="10" t="s">
        <v>55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10" t="s">
        <v>55</v>
      </c>
      <c r="T311" s="10" t="s">
        <v>55</v>
      </c>
      <c r="U311" s="10" t="s">
        <v>55</v>
      </c>
      <c r="V311" s="10" t="s">
        <v>55</v>
      </c>
      <c r="W311" s="10" t="s">
        <v>55</v>
      </c>
      <c r="X311" s="10" t="s">
        <v>55</v>
      </c>
      <c r="Y311" s="10" t="s">
        <v>55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98</v>
      </c>
      <c r="I312" s="9" t="s">
        <v>53</v>
      </c>
      <c r="J312" s="9" t="s">
        <v>32</v>
      </c>
      <c r="K312" s="10" t="s">
        <v>55</v>
      </c>
      <c r="L312" s="10" t="s">
        <v>55</v>
      </c>
      <c r="M312" s="10" t="s">
        <v>55</v>
      </c>
      <c r="N312" s="10" t="s">
        <v>55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10" t="s">
        <v>55</v>
      </c>
      <c r="T312" s="10" t="s">
        <v>55</v>
      </c>
      <c r="U312" s="10" t="s">
        <v>55</v>
      </c>
      <c r="V312" s="10" t="s">
        <v>55</v>
      </c>
      <c r="W312" s="10" t="s">
        <v>55</v>
      </c>
      <c r="X312" s="10" t="s">
        <v>55</v>
      </c>
      <c r="Y312" s="10" t="s">
        <v>55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98</v>
      </c>
      <c r="I313" s="9" t="s">
        <v>53</v>
      </c>
      <c r="J313" s="9" t="s">
        <v>33</v>
      </c>
      <c r="K313" s="6">
        <v>3</v>
      </c>
      <c r="L313" s="6">
        <v>3</v>
      </c>
      <c r="M313" s="6">
        <v>3</v>
      </c>
      <c r="N313" s="6">
        <v>3</v>
      </c>
      <c r="O313" s="10" t="s">
        <v>55</v>
      </c>
      <c r="P313" s="10" t="s">
        <v>55</v>
      </c>
      <c r="Q313" s="10" t="s">
        <v>55</v>
      </c>
      <c r="R313" s="10" t="s">
        <v>55</v>
      </c>
      <c r="S313" s="10" t="s">
        <v>55</v>
      </c>
      <c r="T313" s="10" t="s">
        <v>55</v>
      </c>
      <c r="U313" s="10" t="s">
        <v>55</v>
      </c>
      <c r="V313" s="10" t="s">
        <v>55</v>
      </c>
      <c r="W313" s="10" t="s">
        <v>55</v>
      </c>
      <c r="X313" s="6">
        <v>3</v>
      </c>
      <c r="Y313" s="6">
        <v>3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98</v>
      </c>
      <c r="I314" s="9" t="s">
        <v>53</v>
      </c>
      <c r="J314" s="9" t="s">
        <v>34</v>
      </c>
      <c r="K314" s="6">
        <v>5</v>
      </c>
      <c r="L314" s="6">
        <v>4</v>
      </c>
      <c r="M314" s="6">
        <v>4</v>
      </c>
      <c r="N314" s="6">
        <v>4</v>
      </c>
      <c r="O314" s="10" t="s">
        <v>55</v>
      </c>
      <c r="P314" s="10" t="s">
        <v>55</v>
      </c>
      <c r="Q314" s="10" t="s">
        <v>55</v>
      </c>
      <c r="R314" s="10" t="s">
        <v>55</v>
      </c>
      <c r="S314" s="10" t="s">
        <v>55</v>
      </c>
      <c r="T314" s="10" t="s">
        <v>55</v>
      </c>
      <c r="U314" s="10" t="s">
        <v>55</v>
      </c>
      <c r="V314" s="10" t="s">
        <v>55</v>
      </c>
      <c r="W314" s="6">
        <v>1</v>
      </c>
      <c r="X314" s="6">
        <v>3</v>
      </c>
      <c r="Y314" s="6">
        <v>3</v>
      </c>
      <c r="Z314" s="10" t="s">
        <v>55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98</v>
      </c>
      <c r="I315" s="9" t="s">
        <v>53</v>
      </c>
      <c r="J315" s="9" t="s">
        <v>35</v>
      </c>
      <c r="K315" s="6">
        <v>7</v>
      </c>
      <c r="L315" s="6">
        <v>7</v>
      </c>
      <c r="M315" s="6">
        <v>7</v>
      </c>
      <c r="N315" s="6">
        <v>7</v>
      </c>
      <c r="O315" s="10" t="s">
        <v>55</v>
      </c>
      <c r="P315" s="10" t="s">
        <v>55</v>
      </c>
      <c r="Q315" s="10" t="s">
        <v>55</v>
      </c>
      <c r="R315" s="10" t="s">
        <v>55</v>
      </c>
      <c r="S315" s="10" t="s">
        <v>55</v>
      </c>
      <c r="T315" s="10" t="s">
        <v>55</v>
      </c>
      <c r="U315" s="10" t="s">
        <v>55</v>
      </c>
      <c r="V315" s="10" t="s">
        <v>55</v>
      </c>
      <c r="W315" s="10" t="s">
        <v>55</v>
      </c>
      <c r="X315" s="6">
        <v>6</v>
      </c>
      <c r="Y315" s="6">
        <v>6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98</v>
      </c>
      <c r="I316" s="9" t="s">
        <v>53</v>
      </c>
      <c r="J316" s="9" t="s">
        <v>36</v>
      </c>
      <c r="K316" s="6">
        <v>11</v>
      </c>
      <c r="L316" s="6">
        <v>11</v>
      </c>
      <c r="M316" s="6">
        <v>11</v>
      </c>
      <c r="N316" s="6">
        <v>11</v>
      </c>
      <c r="O316" s="10" t="s">
        <v>55</v>
      </c>
      <c r="P316" s="10" t="s">
        <v>55</v>
      </c>
      <c r="Q316" s="10" t="s">
        <v>55</v>
      </c>
      <c r="R316" s="10" t="s">
        <v>55</v>
      </c>
      <c r="S316" s="10" t="s">
        <v>55</v>
      </c>
      <c r="T316" s="10" t="s">
        <v>55</v>
      </c>
      <c r="U316" s="10" t="s">
        <v>55</v>
      </c>
      <c r="V316" s="10" t="s">
        <v>55</v>
      </c>
      <c r="W316" s="10" t="s">
        <v>55</v>
      </c>
      <c r="X316" s="6">
        <v>8</v>
      </c>
      <c r="Y316" s="6">
        <v>8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98</v>
      </c>
      <c r="I317" s="9" t="s">
        <v>53</v>
      </c>
      <c r="J317" s="9" t="s">
        <v>37</v>
      </c>
      <c r="K317" s="6">
        <v>9</v>
      </c>
      <c r="L317" s="6">
        <v>9</v>
      </c>
      <c r="M317" s="6">
        <v>9</v>
      </c>
      <c r="N317" s="6">
        <v>8</v>
      </c>
      <c r="O317" s="10" t="s">
        <v>55</v>
      </c>
      <c r="P317" s="10" t="s">
        <v>55</v>
      </c>
      <c r="Q317" s="6">
        <v>1</v>
      </c>
      <c r="R317" s="10" t="s">
        <v>55</v>
      </c>
      <c r="S317" s="10" t="s">
        <v>55</v>
      </c>
      <c r="T317" s="10" t="s">
        <v>55</v>
      </c>
      <c r="U317" s="10" t="s">
        <v>55</v>
      </c>
      <c r="V317" s="10" t="s">
        <v>55</v>
      </c>
      <c r="W317" s="10" t="s">
        <v>55</v>
      </c>
      <c r="X317" s="6">
        <v>7</v>
      </c>
      <c r="Y317" s="6">
        <v>6</v>
      </c>
      <c r="Z317" s="10" t="s">
        <v>55</v>
      </c>
      <c r="AA317" s="10" t="s">
        <v>55</v>
      </c>
      <c r="AB317" s="6">
        <v>1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98</v>
      </c>
      <c r="I318" s="9" t="s">
        <v>53</v>
      </c>
      <c r="J318" s="9" t="s">
        <v>38</v>
      </c>
      <c r="K318" s="6">
        <v>21</v>
      </c>
      <c r="L318" s="6">
        <v>21</v>
      </c>
      <c r="M318" s="6">
        <v>20</v>
      </c>
      <c r="N318" s="6">
        <v>20</v>
      </c>
      <c r="O318" s="10" t="s">
        <v>55</v>
      </c>
      <c r="P318" s="10" t="s">
        <v>55</v>
      </c>
      <c r="Q318" s="10" t="s">
        <v>55</v>
      </c>
      <c r="R318" s="6">
        <v>1</v>
      </c>
      <c r="S318" s="10" t="s">
        <v>55</v>
      </c>
      <c r="T318" s="10" t="s">
        <v>55</v>
      </c>
      <c r="U318" s="10" t="s">
        <v>55</v>
      </c>
      <c r="V318" s="10" t="s">
        <v>55</v>
      </c>
      <c r="W318" s="10" t="s">
        <v>55</v>
      </c>
      <c r="X318" s="6">
        <v>16</v>
      </c>
      <c r="Y318" s="6">
        <v>16</v>
      </c>
      <c r="Z318" s="10" t="s">
        <v>55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98</v>
      </c>
      <c r="I319" s="9" t="s">
        <v>53</v>
      </c>
      <c r="J319" s="9" t="s">
        <v>39</v>
      </c>
      <c r="K319" s="6">
        <v>41</v>
      </c>
      <c r="L319" s="6">
        <v>40</v>
      </c>
      <c r="M319" s="6">
        <v>39</v>
      </c>
      <c r="N319" s="6">
        <v>39</v>
      </c>
      <c r="O319" s="10" t="s">
        <v>55</v>
      </c>
      <c r="P319" s="10" t="s">
        <v>55</v>
      </c>
      <c r="Q319" s="10" t="s">
        <v>55</v>
      </c>
      <c r="R319" s="6">
        <v>1</v>
      </c>
      <c r="S319" s="6">
        <v>1</v>
      </c>
      <c r="T319" s="6">
        <v>1</v>
      </c>
      <c r="U319" s="10" t="s">
        <v>55</v>
      </c>
      <c r="V319" s="10" t="s">
        <v>55</v>
      </c>
      <c r="W319" s="10" t="s">
        <v>55</v>
      </c>
      <c r="X319" s="6">
        <v>35</v>
      </c>
      <c r="Y319" s="6">
        <v>35</v>
      </c>
      <c r="Z319" s="10" t="s">
        <v>55</v>
      </c>
      <c r="AA319" s="10" t="s">
        <v>55</v>
      </c>
      <c r="AB319" s="10" t="s">
        <v>55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98</v>
      </c>
      <c r="I320" s="9" t="s">
        <v>53</v>
      </c>
      <c r="J320" s="9" t="s">
        <v>40</v>
      </c>
      <c r="K320" s="6">
        <v>54</v>
      </c>
      <c r="L320" s="6">
        <v>39</v>
      </c>
      <c r="M320" s="6">
        <v>36</v>
      </c>
      <c r="N320" s="6">
        <v>34</v>
      </c>
      <c r="O320" s="6">
        <v>1</v>
      </c>
      <c r="P320" s="10" t="s">
        <v>55</v>
      </c>
      <c r="Q320" s="6">
        <v>1</v>
      </c>
      <c r="R320" s="6">
        <v>3</v>
      </c>
      <c r="S320" s="6">
        <v>14</v>
      </c>
      <c r="T320" s="6">
        <v>4</v>
      </c>
      <c r="U320" s="10" t="s">
        <v>55</v>
      </c>
      <c r="V320" s="6">
        <v>10</v>
      </c>
      <c r="W320" s="6">
        <v>1</v>
      </c>
      <c r="X320" s="6">
        <v>33</v>
      </c>
      <c r="Y320" s="6">
        <v>32</v>
      </c>
      <c r="Z320" s="6">
        <v>1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98</v>
      </c>
      <c r="I321" s="9" t="s">
        <v>53</v>
      </c>
      <c r="J321" s="9" t="s">
        <v>41</v>
      </c>
      <c r="K321" s="6">
        <v>94</v>
      </c>
      <c r="L321" s="6">
        <v>53</v>
      </c>
      <c r="M321" s="6">
        <v>51</v>
      </c>
      <c r="N321" s="6">
        <v>44</v>
      </c>
      <c r="O321" s="6">
        <v>2</v>
      </c>
      <c r="P321" s="10" t="s">
        <v>55</v>
      </c>
      <c r="Q321" s="6">
        <v>5</v>
      </c>
      <c r="R321" s="6">
        <v>2</v>
      </c>
      <c r="S321" s="6">
        <v>41</v>
      </c>
      <c r="T321" s="6">
        <v>9</v>
      </c>
      <c r="U321" s="10" t="s">
        <v>55</v>
      </c>
      <c r="V321" s="6">
        <v>32</v>
      </c>
      <c r="W321" s="10" t="s">
        <v>55</v>
      </c>
      <c r="X321" s="6">
        <v>30</v>
      </c>
      <c r="Y321" s="6">
        <v>25</v>
      </c>
      <c r="Z321" s="6">
        <v>2</v>
      </c>
      <c r="AA321" s="10" t="s">
        <v>55</v>
      </c>
      <c r="AB321" s="6">
        <v>3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98</v>
      </c>
      <c r="I322" s="9" t="s">
        <v>53</v>
      </c>
      <c r="J322" s="9" t="s">
        <v>42</v>
      </c>
      <c r="K322" s="6">
        <v>114</v>
      </c>
      <c r="L322" s="6">
        <v>43</v>
      </c>
      <c r="M322" s="6">
        <v>42</v>
      </c>
      <c r="N322" s="6">
        <v>34</v>
      </c>
      <c r="O322" s="6">
        <v>3</v>
      </c>
      <c r="P322" s="10" t="s">
        <v>55</v>
      </c>
      <c r="Q322" s="6">
        <v>5</v>
      </c>
      <c r="R322" s="6">
        <v>1</v>
      </c>
      <c r="S322" s="6">
        <v>71</v>
      </c>
      <c r="T322" s="6">
        <v>9</v>
      </c>
      <c r="U322" s="10" t="s">
        <v>55</v>
      </c>
      <c r="V322" s="6">
        <v>62</v>
      </c>
      <c r="W322" s="10" t="s">
        <v>55</v>
      </c>
      <c r="X322" s="6">
        <v>21</v>
      </c>
      <c r="Y322" s="6">
        <v>19</v>
      </c>
      <c r="Z322" s="10" t="s">
        <v>55</v>
      </c>
      <c r="AA322" s="10" t="s">
        <v>55</v>
      </c>
      <c r="AB322" s="6">
        <v>2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98</v>
      </c>
      <c r="I323" s="9" t="s">
        <v>53</v>
      </c>
      <c r="J323" s="9" t="s">
        <v>43</v>
      </c>
      <c r="K323" s="6">
        <v>76</v>
      </c>
      <c r="L323" s="6">
        <v>16</v>
      </c>
      <c r="M323" s="6">
        <v>14</v>
      </c>
      <c r="N323" s="6">
        <v>9</v>
      </c>
      <c r="O323" s="6">
        <v>2</v>
      </c>
      <c r="P323" s="10" t="s">
        <v>55</v>
      </c>
      <c r="Q323" s="6">
        <v>3</v>
      </c>
      <c r="R323" s="6">
        <v>2</v>
      </c>
      <c r="S323" s="6">
        <v>60</v>
      </c>
      <c r="T323" s="6">
        <v>13</v>
      </c>
      <c r="U323" s="10" t="s">
        <v>55</v>
      </c>
      <c r="V323" s="6">
        <v>47</v>
      </c>
      <c r="W323" s="10" t="s">
        <v>55</v>
      </c>
      <c r="X323" s="6">
        <v>1</v>
      </c>
      <c r="Y323" s="10" t="s">
        <v>55</v>
      </c>
      <c r="Z323" s="10" t="s">
        <v>55</v>
      </c>
      <c r="AA323" s="10" t="s">
        <v>55</v>
      </c>
      <c r="AB323" s="6">
        <v>1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98</v>
      </c>
      <c r="I324" s="9" t="s">
        <v>53</v>
      </c>
      <c r="J324" s="9" t="s">
        <v>44</v>
      </c>
      <c r="K324" s="6">
        <v>91</v>
      </c>
      <c r="L324" s="6">
        <v>12</v>
      </c>
      <c r="M324" s="6">
        <v>12</v>
      </c>
      <c r="N324" s="6">
        <v>8</v>
      </c>
      <c r="O324" s="6">
        <v>2</v>
      </c>
      <c r="P324" s="10" t="s">
        <v>55</v>
      </c>
      <c r="Q324" s="6">
        <v>2</v>
      </c>
      <c r="R324" s="10" t="s">
        <v>55</v>
      </c>
      <c r="S324" s="6">
        <v>79</v>
      </c>
      <c r="T324" s="6">
        <v>13</v>
      </c>
      <c r="U324" s="10" t="s">
        <v>55</v>
      </c>
      <c r="V324" s="6">
        <v>66</v>
      </c>
      <c r="W324" s="10" t="s">
        <v>55</v>
      </c>
      <c r="X324" s="10" t="s">
        <v>55</v>
      </c>
      <c r="Y324" s="10" t="s">
        <v>55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98</v>
      </c>
      <c r="I325" s="9" t="s">
        <v>53</v>
      </c>
      <c r="J325" s="9" t="s">
        <v>45</v>
      </c>
      <c r="K325" s="6">
        <v>47</v>
      </c>
      <c r="L325" s="6">
        <v>1</v>
      </c>
      <c r="M325" s="6">
        <v>1</v>
      </c>
      <c r="N325" s="10" t="s">
        <v>55</v>
      </c>
      <c r="O325" s="6">
        <v>1</v>
      </c>
      <c r="P325" s="10" t="s">
        <v>55</v>
      </c>
      <c r="Q325" s="10" t="s">
        <v>55</v>
      </c>
      <c r="R325" s="10" t="s">
        <v>55</v>
      </c>
      <c r="S325" s="6">
        <v>46</v>
      </c>
      <c r="T325" s="6">
        <v>6</v>
      </c>
      <c r="U325" s="10" t="s">
        <v>55</v>
      </c>
      <c r="V325" s="6">
        <v>40</v>
      </c>
      <c r="W325" s="10" t="s">
        <v>55</v>
      </c>
      <c r="X325" s="6">
        <v>1</v>
      </c>
      <c r="Y325" s="10" t="s">
        <v>55</v>
      </c>
      <c r="Z325" s="6">
        <v>1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98</v>
      </c>
      <c r="I326" s="9" t="s">
        <v>53</v>
      </c>
      <c r="J326" s="9" t="s">
        <v>46</v>
      </c>
      <c r="K326" s="6">
        <v>23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6">
        <v>23</v>
      </c>
      <c r="T326" s="6">
        <v>2</v>
      </c>
      <c r="U326" s="10" t="s">
        <v>55</v>
      </c>
      <c r="V326" s="6">
        <v>21</v>
      </c>
      <c r="W326" s="10" t="s">
        <v>55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98</v>
      </c>
      <c r="I327" s="9" t="s">
        <v>53</v>
      </c>
      <c r="J327" s="9" t="s">
        <v>47</v>
      </c>
      <c r="K327" s="10" t="s">
        <v>55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10" t="s">
        <v>55</v>
      </c>
      <c r="T327" s="10" t="s">
        <v>55</v>
      </c>
      <c r="U327" s="10" t="s">
        <v>55</v>
      </c>
      <c r="V327" s="10" t="s">
        <v>55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98</v>
      </c>
      <c r="I328" s="9" t="s">
        <v>53</v>
      </c>
      <c r="J328" s="9" t="s">
        <v>48</v>
      </c>
      <c r="K328" s="6">
        <v>151</v>
      </c>
      <c r="L328" s="6">
        <v>134</v>
      </c>
      <c r="M328" s="6">
        <v>129</v>
      </c>
      <c r="N328" s="6">
        <v>126</v>
      </c>
      <c r="O328" s="6">
        <v>1</v>
      </c>
      <c r="P328" s="10" t="s">
        <v>55</v>
      </c>
      <c r="Q328" s="6">
        <v>2</v>
      </c>
      <c r="R328" s="6">
        <v>5</v>
      </c>
      <c r="S328" s="6">
        <v>15</v>
      </c>
      <c r="T328" s="6">
        <v>5</v>
      </c>
      <c r="U328" s="10" t="s">
        <v>55</v>
      </c>
      <c r="V328" s="6">
        <v>10</v>
      </c>
      <c r="W328" s="6">
        <v>2</v>
      </c>
      <c r="X328" s="6">
        <v>111</v>
      </c>
      <c r="Y328" s="6">
        <v>109</v>
      </c>
      <c r="Z328" s="6">
        <v>1</v>
      </c>
      <c r="AA328" s="10" t="s">
        <v>55</v>
      </c>
      <c r="AB328" s="6">
        <v>1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98</v>
      </c>
      <c r="I329" s="9" t="s">
        <v>53</v>
      </c>
      <c r="J329" s="9" t="s">
        <v>49</v>
      </c>
      <c r="K329" s="6">
        <v>445</v>
      </c>
      <c r="L329" s="6">
        <v>125</v>
      </c>
      <c r="M329" s="6">
        <v>120</v>
      </c>
      <c r="N329" s="6">
        <v>95</v>
      </c>
      <c r="O329" s="6">
        <v>10</v>
      </c>
      <c r="P329" s="10" t="s">
        <v>55</v>
      </c>
      <c r="Q329" s="6">
        <v>15</v>
      </c>
      <c r="R329" s="6">
        <v>5</v>
      </c>
      <c r="S329" s="6">
        <v>320</v>
      </c>
      <c r="T329" s="6">
        <v>52</v>
      </c>
      <c r="U329" s="10" t="s">
        <v>55</v>
      </c>
      <c r="V329" s="6">
        <v>268</v>
      </c>
      <c r="W329" s="10" t="s">
        <v>55</v>
      </c>
      <c r="X329" s="6">
        <v>53</v>
      </c>
      <c r="Y329" s="6">
        <v>44</v>
      </c>
      <c r="Z329" s="6">
        <v>3</v>
      </c>
      <c r="AA329" s="10" t="s">
        <v>55</v>
      </c>
      <c r="AB329" s="6">
        <v>6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98</v>
      </c>
      <c r="I330" s="9" t="s">
        <v>53</v>
      </c>
      <c r="J330" s="9" t="s">
        <v>50</v>
      </c>
      <c r="K330" s="6">
        <v>237</v>
      </c>
      <c r="L330" s="6">
        <v>29</v>
      </c>
      <c r="M330" s="6">
        <v>27</v>
      </c>
      <c r="N330" s="6">
        <v>17</v>
      </c>
      <c r="O330" s="6">
        <v>5</v>
      </c>
      <c r="P330" s="10" t="s">
        <v>55</v>
      </c>
      <c r="Q330" s="6">
        <v>5</v>
      </c>
      <c r="R330" s="6">
        <v>2</v>
      </c>
      <c r="S330" s="6">
        <v>208</v>
      </c>
      <c r="T330" s="6">
        <v>34</v>
      </c>
      <c r="U330" s="10" t="s">
        <v>55</v>
      </c>
      <c r="V330" s="6">
        <v>174</v>
      </c>
      <c r="W330" s="10" t="s">
        <v>55</v>
      </c>
      <c r="X330" s="6">
        <v>2</v>
      </c>
      <c r="Y330" s="10" t="s">
        <v>55</v>
      </c>
      <c r="Z330" s="6">
        <v>1</v>
      </c>
      <c r="AA330" s="10" t="s">
        <v>55</v>
      </c>
      <c r="AB330" s="6">
        <v>1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98</v>
      </c>
      <c r="I331" s="9" t="s">
        <v>53</v>
      </c>
      <c r="J331" s="9" t="s">
        <v>51</v>
      </c>
      <c r="K331" s="6">
        <v>70</v>
      </c>
      <c r="L331" s="6">
        <v>1</v>
      </c>
      <c r="M331" s="6">
        <v>1</v>
      </c>
      <c r="N331" s="10" t="s">
        <v>55</v>
      </c>
      <c r="O331" s="6">
        <v>1</v>
      </c>
      <c r="P331" s="10" t="s">
        <v>55</v>
      </c>
      <c r="Q331" s="10" t="s">
        <v>55</v>
      </c>
      <c r="R331" s="10" t="s">
        <v>55</v>
      </c>
      <c r="S331" s="6">
        <v>69</v>
      </c>
      <c r="T331" s="6">
        <v>8</v>
      </c>
      <c r="U331" s="10" t="s">
        <v>55</v>
      </c>
      <c r="V331" s="6">
        <v>61</v>
      </c>
      <c r="W331" s="10" t="s">
        <v>55</v>
      </c>
      <c r="X331" s="6">
        <v>1</v>
      </c>
      <c r="Y331" s="10" t="s">
        <v>55</v>
      </c>
      <c r="Z331" s="6">
        <v>1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98</v>
      </c>
      <c r="I332" s="9" t="s">
        <v>53</v>
      </c>
      <c r="J332" s="9" t="s">
        <v>52</v>
      </c>
      <c r="K332" s="6">
        <v>245</v>
      </c>
      <c r="L332" s="6">
        <v>187</v>
      </c>
      <c r="M332" s="6">
        <v>180</v>
      </c>
      <c r="N332" s="6">
        <v>170</v>
      </c>
      <c r="O332" s="6">
        <v>3</v>
      </c>
      <c r="P332" s="10" t="s">
        <v>55</v>
      </c>
      <c r="Q332" s="6">
        <v>7</v>
      </c>
      <c r="R332" s="6">
        <v>7</v>
      </c>
      <c r="S332" s="6">
        <v>56</v>
      </c>
      <c r="T332" s="6">
        <v>14</v>
      </c>
      <c r="U332" s="10" t="s">
        <v>55</v>
      </c>
      <c r="V332" s="6">
        <v>42</v>
      </c>
      <c r="W332" s="6">
        <v>2</v>
      </c>
      <c r="X332" s="6">
        <v>141</v>
      </c>
      <c r="Y332" s="6">
        <v>134</v>
      </c>
      <c r="Z332" s="6">
        <v>3</v>
      </c>
      <c r="AA332" s="10" t="s">
        <v>55</v>
      </c>
      <c r="AB332" s="6">
        <v>4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98</v>
      </c>
      <c r="I333" s="9" t="s">
        <v>54</v>
      </c>
      <c r="J333" s="9" t="s">
        <v>30</v>
      </c>
      <c r="K333" s="6">
        <v>593</v>
      </c>
      <c r="L333" s="6">
        <v>219</v>
      </c>
      <c r="M333" s="6">
        <v>216</v>
      </c>
      <c r="N333" s="6">
        <v>153</v>
      </c>
      <c r="O333" s="6">
        <v>55</v>
      </c>
      <c r="P333" s="10" t="s">
        <v>55</v>
      </c>
      <c r="Q333" s="6">
        <v>8</v>
      </c>
      <c r="R333" s="6">
        <v>3</v>
      </c>
      <c r="S333" s="6">
        <v>370</v>
      </c>
      <c r="T333" s="6">
        <v>188</v>
      </c>
      <c r="U333" s="6">
        <v>1</v>
      </c>
      <c r="V333" s="6">
        <v>181</v>
      </c>
      <c r="W333" s="6">
        <v>4</v>
      </c>
      <c r="X333" s="6">
        <v>164</v>
      </c>
      <c r="Y333" s="6">
        <v>130</v>
      </c>
      <c r="Z333" s="6">
        <v>26</v>
      </c>
      <c r="AA333" s="10" t="s">
        <v>55</v>
      </c>
      <c r="AB333" s="6">
        <v>8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98</v>
      </c>
      <c r="I334" s="9" t="s">
        <v>54</v>
      </c>
      <c r="J334" s="9" t="s">
        <v>31</v>
      </c>
      <c r="K334" s="10" t="s">
        <v>55</v>
      </c>
      <c r="L334" s="10" t="s">
        <v>55</v>
      </c>
      <c r="M334" s="10" t="s">
        <v>55</v>
      </c>
      <c r="N334" s="10" t="s">
        <v>55</v>
      </c>
      <c r="O334" s="10" t="s">
        <v>55</v>
      </c>
      <c r="P334" s="10" t="s">
        <v>55</v>
      </c>
      <c r="Q334" s="10" t="s">
        <v>55</v>
      </c>
      <c r="R334" s="10" t="s">
        <v>55</v>
      </c>
      <c r="S334" s="10" t="s">
        <v>55</v>
      </c>
      <c r="T334" s="10" t="s">
        <v>55</v>
      </c>
      <c r="U334" s="10" t="s">
        <v>55</v>
      </c>
      <c r="V334" s="10" t="s">
        <v>55</v>
      </c>
      <c r="W334" s="10" t="s">
        <v>55</v>
      </c>
      <c r="X334" s="10" t="s">
        <v>55</v>
      </c>
      <c r="Y334" s="10" t="s">
        <v>55</v>
      </c>
      <c r="Z334" s="10" t="s">
        <v>55</v>
      </c>
      <c r="AA334" s="10" t="s">
        <v>55</v>
      </c>
      <c r="AB334" s="10" t="s">
        <v>55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98</v>
      </c>
      <c r="I335" s="9" t="s">
        <v>54</v>
      </c>
      <c r="J335" s="9" t="s">
        <v>32</v>
      </c>
      <c r="K335" s="10" t="s">
        <v>55</v>
      </c>
      <c r="L335" s="10" t="s">
        <v>55</v>
      </c>
      <c r="M335" s="10" t="s">
        <v>55</v>
      </c>
      <c r="N335" s="10" t="s">
        <v>55</v>
      </c>
      <c r="O335" s="10" t="s">
        <v>55</v>
      </c>
      <c r="P335" s="10" t="s">
        <v>55</v>
      </c>
      <c r="Q335" s="10" t="s">
        <v>55</v>
      </c>
      <c r="R335" s="10" t="s">
        <v>55</v>
      </c>
      <c r="S335" s="10" t="s">
        <v>55</v>
      </c>
      <c r="T335" s="10" t="s">
        <v>55</v>
      </c>
      <c r="U335" s="10" t="s">
        <v>55</v>
      </c>
      <c r="V335" s="10" t="s">
        <v>55</v>
      </c>
      <c r="W335" s="10" t="s">
        <v>55</v>
      </c>
      <c r="X335" s="10" t="s">
        <v>55</v>
      </c>
      <c r="Y335" s="10" t="s">
        <v>55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98</v>
      </c>
      <c r="I336" s="9" t="s">
        <v>54</v>
      </c>
      <c r="J336" s="9" t="s">
        <v>33</v>
      </c>
      <c r="K336" s="6">
        <v>2</v>
      </c>
      <c r="L336" s="6">
        <v>1</v>
      </c>
      <c r="M336" s="6">
        <v>1</v>
      </c>
      <c r="N336" s="6">
        <v>1</v>
      </c>
      <c r="O336" s="10" t="s">
        <v>55</v>
      </c>
      <c r="P336" s="10" t="s">
        <v>55</v>
      </c>
      <c r="Q336" s="10" t="s">
        <v>55</v>
      </c>
      <c r="R336" s="10" t="s">
        <v>55</v>
      </c>
      <c r="S336" s="6">
        <v>1</v>
      </c>
      <c r="T336" s="6">
        <v>1</v>
      </c>
      <c r="U336" s="10" t="s">
        <v>55</v>
      </c>
      <c r="V336" s="10" t="s">
        <v>55</v>
      </c>
      <c r="W336" s="10" t="s">
        <v>55</v>
      </c>
      <c r="X336" s="6">
        <v>1</v>
      </c>
      <c r="Y336" s="6">
        <v>1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98</v>
      </c>
      <c r="I337" s="9" t="s">
        <v>54</v>
      </c>
      <c r="J337" s="9" t="s">
        <v>34</v>
      </c>
      <c r="K337" s="6">
        <v>6</v>
      </c>
      <c r="L337" s="6">
        <v>3</v>
      </c>
      <c r="M337" s="6">
        <v>3</v>
      </c>
      <c r="N337" s="6">
        <v>3</v>
      </c>
      <c r="O337" s="10" t="s">
        <v>55</v>
      </c>
      <c r="P337" s="10" t="s">
        <v>55</v>
      </c>
      <c r="Q337" s="10" t="s">
        <v>55</v>
      </c>
      <c r="R337" s="10" t="s">
        <v>55</v>
      </c>
      <c r="S337" s="6">
        <v>2</v>
      </c>
      <c r="T337" s="6">
        <v>2</v>
      </c>
      <c r="U337" s="10" t="s">
        <v>55</v>
      </c>
      <c r="V337" s="10" t="s">
        <v>55</v>
      </c>
      <c r="W337" s="6">
        <v>1</v>
      </c>
      <c r="X337" s="6">
        <v>3</v>
      </c>
      <c r="Y337" s="6">
        <v>3</v>
      </c>
      <c r="Z337" s="10" t="s">
        <v>55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98</v>
      </c>
      <c r="I338" s="9" t="s">
        <v>54</v>
      </c>
      <c r="J338" s="9" t="s">
        <v>35</v>
      </c>
      <c r="K338" s="6">
        <v>8</v>
      </c>
      <c r="L338" s="6">
        <v>7</v>
      </c>
      <c r="M338" s="6">
        <v>7</v>
      </c>
      <c r="N338" s="6">
        <v>6</v>
      </c>
      <c r="O338" s="10" t="s">
        <v>55</v>
      </c>
      <c r="P338" s="10" t="s">
        <v>55</v>
      </c>
      <c r="Q338" s="6">
        <v>1</v>
      </c>
      <c r="R338" s="10" t="s">
        <v>55</v>
      </c>
      <c r="S338" s="6">
        <v>1</v>
      </c>
      <c r="T338" s="6">
        <v>1</v>
      </c>
      <c r="U338" s="10" t="s">
        <v>55</v>
      </c>
      <c r="V338" s="10" t="s">
        <v>55</v>
      </c>
      <c r="W338" s="10" t="s">
        <v>55</v>
      </c>
      <c r="X338" s="6">
        <v>7</v>
      </c>
      <c r="Y338" s="6">
        <v>6</v>
      </c>
      <c r="Z338" s="10" t="s">
        <v>55</v>
      </c>
      <c r="AA338" s="10" t="s">
        <v>55</v>
      </c>
      <c r="AB338" s="6">
        <v>1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98</v>
      </c>
      <c r="I339" s="9" t="s">
        <v>54</v>
      </c>
      <c r="J339" s="9" t="s">
        <v>36</v>
      </c>
      <c r="K339" s="6">
        <v>12</v>
      </c>
      <c r="L339" s="6">
        <v>11</v>
      </c>
      <c r="M339" s="6">
        <v>11</v>
      </c>
      <c r="N339" s="6">
        <v>11</v>
      </c>
      <c r="O339" s="10" t="s">
        <v>55</v>
      </c>
      <c r="P339" s="10" t="s">
        <v>55</v>
      </c>
      <c r="Q339" s="10" t="s">
        <v>55</v>
      </c>
      <c r="R339" s="10" t="s">
        <v>55</v>
      </c>
      <c r="S339" s="6">
        <v>1</v>
      </c>
      <c r="T339" s="6">
        <v>1</v>
      </c>
      <c r="U339" s="10" t="s">
        <v>55</v>
      </c>
      <c r="V339" s="10" t="s">
        <v>55</v>
      </c>
      <c r="W339" s="10" t="s">
        <v>55</v>
      </c>
      <c r="X339" s="6">
        <v>10</v>
      </c>
      <c r="Y339" s="6">
        <v>10</v>
      </c>
      <c r="Z339" s="10" t="s">
        <v>55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98</v>
      </c>
      <c r="I340" s="9" t="s">
        <v>54</v>
      </c>
      <c r="J340" s="9" t="s">
        <v>37</v>
      </c>
      <c r="K340" s="6">
        <v>22</v>
      </c>
      <c r="L340" s="6">
        <v>16</v>
      </c>
      <c r="M340" s="6">
        <v>15</v>
      </c>
      <c r="N340" s="6">
        <v>13</v>
      </c>
      <c r="O340" s="6">
        <v>2</v>
      </c>
      <c r="P340" s="10" t="s">
        <v>55</v>
      </c>
      <c r="Q340" s="10" t="s">
        <v>55</v>
      </c>
      <c r="R340" s="6">
        <v>1</v>
      </c>
      <c r="S340" s="6">
        <v>5</v>
      </c>
      <c r="T340" s="6">
        <v>5</v>
      </c>
      <c r="U340" s="10" t="s">
        <v>55</v>
      </c>
      <c r="V340" s="10" t="s">
        <v>55</v>
      </c>
      <c r="W340" s="6">
        <v>1</v>
      </c>
      <c r="X340" s="6">
        <v>12</v>
      </c>
      <c r="Y340" s="6">
        <v>11</v>
      </c>
      <c r="Z340" s="6">
        <v>1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98</v>
      </c>
      <c r="I341" s="9" t="s">
        <v>54</v>
      </c>
      <c r="J341" s="9" t="s">
        <v>38</v>
      </c>
      <c r="K341" s="6">
        <v>34</v>
      </c>
      <c r="L341" s="6">
        <v>28</v>
      </c>
      <c r="M341" s="6">
        <v>28</v>
      </c>
      <c r="N341" s="6">
        <v>23</v>
      </c>
      <c r="O341" s="6">
        <v>5</v>
      </c>
      <c r="P341" s="10" t="s">
        <v>55</v>
      </c>
      <c r="Q341" s="10" t="s">
        <v>55</v>
      </c>
      <c r="R341" s="10" t="s">
        <v>55</v>
      </c>
      <c r="S341" s="6">
        <v>6</v>
      </c>
      <c r="T341" s="6">
        <v>6</v>
      </c>
      <c r="U341" s="10" t="s">
        <v>55</v>
      </c>
      <c r="V341" s="10" t="s">
        <v>55</v>
      </c>
      <c r="W341" s="10" t="s">
        <v>55</v>
      </c>
      <c r="X341" s="6">
        <v>26</v>
      </c>
      <c r="Y341" s="6">
        <v>21</v>
      </c>
      <c r="Z341" s="6">
        <v>5</v>
      </c>
      <c r="AA341" s="10" t="s">
        <v>55</v>
      </c>
      <c r="AB341" s="10" t="s">
        <v>55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98</v>
      </c>
      <c r="I342" s="9" t="s">
        <v>54</v>
      </c>
      <c r="J342" s="9" t="s">
        <v>39</v>
      </c>
      <c r="K342" s="6">
        <v>44</v>
      </c>
      <c r="L342" s="6">
        <v>34</v>
      </c>
      <c r="M342" s="6">
        <v>32</v>
      </c>
      <c r="N342" s="6">
        <v>26</v>
      </c>
      <c r="O342" s="6">
        <v>5</v>
      </c>
      <c r="P342" s="10" t="s">
        <v>55</v>
      </c>
      <c r="Q342" s="6">
        <v>1</v>
      </c>
      <c r="R342" s="6">
        <v>2</v>
      </c>
      <c r="S342" s="6">
        <v>9</v>
      </c>
      <c r="T342" s="6">
        <v>9</v>
      </c>
      <c r="U342" s="10" t="s">
        <v>55</v>
      </c>
      <c r="V342" s="10" t="s">
        <v>55</v>
      </c>
      <c r="W342" s="6">
        <v>1</v>
      </c>
      <c r="X342" s="6">
        <v>31</v>
      </c>
      <c r="Y342" s="6">
        <v>26</v>
      </c>
      <c r="Z342" s="6">
        <v>4</v>
      </c>
      <c r="AA342" s="10" t="s">
        <v>55</v>
      </c>
      <c r="AB342" s="6">
        <v>1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98</v>
      </c>
      <c r="I343" s="9" t="s">
        <v>54</v>
      </c>
      <c r="J343" s="9" t="s">
        <v>40</v>
      </c>
      <c r="K343" s="6">
        <v>80</v>
      </c>
      <c r="L343" s="6">
        <v>53</v>
      </c>
      <c r="M343" s="6">
        <v>53</v>
      </c>
      <c r="N343" s="6">
        <v>39</v>
      </c>
      <c r="O343" s="6">
        <v>11</v>
      </c>
      <c r="P343" s="10" t="s">
        <v>55</v>
      </c>
      <c r="Q343" s="6">
        <v>3</v>
      </c>
      <c r="R343" s="10" t="s">
        <v>55</v>
      </c>
      <c r="S343" s="6">
        <v>27</v>
      </c>
      <c r="T343" s="6">
        <v>22</v>
      </c>
      <c r="U343" s="10" t="s">
        <v>55</v>
      </c>
      <c r="V343" s="6">
        <v>5</v>
      </c>
      <c r="W343" s="10" t="s">
        <v>55</v>
      </c>
      <c r="X343" s="6">
        <v>45</v>
      </c>
      <c r="Y343" s="6">
        <v>34</v>
      </c>
      <c r="Z343" s="6">
        <v>8</v>
      </c>
      <c r="AA343" s="10" t="s">
        <v>55</v>
      </c>
      <c r="AB343" s="6">
        <v>3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98</v>
      </c>
      <c r="I344" s="9" t="s">
        <v>54</v>
      </c>
      <c r="J344" s="9" t="s">
        <v>41</v>
      </c>
      <c r="K344" s="6">
        <v>100</v>
      </c>
      <c r="L344" s="6">
        <v>35</v>
      </c>
      <c r="M344" s="6">
        <v>35</v>
      </c>
      <c r="N344" s="6">
        <v>18</v>
      </c>
      <c r="O344" s="6">
        <v>16</v>
      </c>
      <c r="P344" s="10" t="s">
        <v>55</v>
      </c>
      <c r="Q344" s="6">
        <v>1</v>
      </c>
      <c r="R344" s="10" t="s">
        <v>55</v>
      </c>
      <c r="S344" s="6">
        <v>65</v>
      </c>
      <c r="T344" s="6">
        <v>37</v>
      </c>
      <c r="U344" s="6">
        <v>1</v>
      </c>
      <c r="V344" s="6">
        <v>27</v>
      </c>
      <c r="W344" s="10" t="s">
        <v>55</v>
      </c>
      <c r="X344" s="6">
        <v>19</v>
      </c>
      <c r="Y344" s="6">
        <v>14</v>
      </c>
      <c r="Z344" s="6">
        <v>4</v>
      </c>
      <c r="AA344" s="10" t="s">
        <v>55</v>
      </c>
      <c r="AB344" s="6">
        <v>1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98</v>
      </c>
      <c r="I345" s="9" t="s">
        <v>54</v>
      </c>
      <c r="J345" s="9" t="s">
        <v>42</v>
      </c>
      <c r="K345" s="6">
        <v>98</v>
      </c>
      <c r="L345" s="6">
        <v>13</v>
      </c>
      <c r="M345" s="6">
        <v>13</v>
      </c>
      <c r="N345" s="6">
        <v>7</v>
      </c>
      <c r="O345" s="6">
        <v>5</v>
      </c>
      <c r="P345" s="10" t="s">
        <v>55</v>
      </c>
      <c r="Q345" s="6">
        <v>1</v>
      </c>
      <c r="R345" s="10" t="s">
        <v>55</v>
      </c>
      <c r="S345" s="6">
        <v>85</v>
      </c>
      <c r="T345" s="6">
        <v>48</v>
      </c>
      <c r="U345" s="10" t="s">
        <v>55</v>
      </c>
      <c r="V345" s="6">
        <v>37</v>
      </c>
      <c r="W345" s="10" t="s">
        <v>55</v>
      </c>
      <c r="X345" s="6">
        <v>7</v>
      </c>
      <c r="Y345" s="6">
        <v>3</v>
      </c>
      <c r="Z345" s="6">
        <v>3</v>
      </c>
      <c r="AA345" s="10" t="s">
        <v>55</v>
      </c>
      <c r="AB345" s="6">
        <v>1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98</v>
      </c>
      <c r="I346" s="9" t="s">
        <v>54</v>
      </c>
      <c r="J346" s="9" t="s">
        <v>43</v>
      </c>
      <c r="K346" s="6">
        <v>76</v>
      </c>
      <c r="L346" s="6">
        <v>13</v>
      </c>
      <c r="M346" s="6">
        <v>13</v>
      </c>
      <c r="N346" s="6">
        <v>4</v>
      </c>
      <c r="O346" s="6">
        <v>8</v>
      </c>
      <c r="P346" s="10" t="s">
        <v>55</v>
      </c>
      <c r="Q346" s="6">
        <v>1</v>
      </c>
      <c r="R346" s="10" t="s">
        <v>55</v>
      </c>
      <c r="S346" s="6">
        <v>62</v>
      </c>
      <c r="T346" s="6">
        <v>22</v>
      </c>
      <c r="U346" s="10" t="s">
        <v>55</v>
      </c>
      <c r="V346" s="6">
        <v>40</v>
      </c>
      <c r="W346" s="6">
        <v>1</v>
      </c>
      <c r="X346" s="6">
        <v>3</v>
      </c>
      <c r="Y346" s="6">
        <v>1</v>
      </c>
      <c r="Z346" s="6">
        <v>1</v>
      </c>
      <c r="AA346" s="10" t="s">
        <v>55</v>
      </c>
      <c r="AB346" s="6">
        <v>1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98</v>
      </c>
      <c r="I347" s="9" t="s">
        <v>54</v>
      </c>
      <c r="J347" s="9" t="s">
        <v>44</v>
      </c>
      <c r="K347" s="6">
        <v>80</v>
      </c>
      <c r="L347" s="6">
        <v>5</v>
      </c>
      <c r="M347" s="6">
        <v>5</v>
      </c>
      <c r="N347" s="6">
        <v>2</v>
      </c>
      <c r="O347" s="6">
        <v>3</v>
      </c>
      <c r="P347" s="10" t="s">
        <v>55</v>
      </c>
      <c r="Q347" s="10" t="s">
        <v>55</v>
      </c>
      <c r="R347" s="10" t="s">
        <v>55</v>
      </c>
      <c r="S347" s="6">
        <v>75</v>
      </c>
      <c r="T347" s="6">
        <v>27</v>
      </c>
      <c r="U347" s="10" t="s">
        <v>55</v>
      </c>
      <c r="V347" s="6">
        <v>48</v>
      </c>
      <c r="W347" s="10" t="s">
        <v>55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98</v>
      </c>
      <c r="I348" s="9" t="s">
        <v>54</v>
      </c>
      <c r="J348" s="9" t="s">
        <v>45</v>
      </c>
      <c r="K348" s="6">
        <v>22</v>
      </c>
      <c r="L348" s="10" t="s">
        <v>55</v>
      </c>
      <c r="M348" s="10" t="s">
        <v>55</v>
      </c>
      <c r="N348" s="10" t="s">
        <v>55</v>
      </c>
      <c r="O348" s="10" t="s">
        <v>55</v>
      </c>
      <c r="P348" s="10" t="s">
        <v>55</v>
      </c>
      <c r="Q348" s="10" t="s">
        <v>55</v>
      </c>
      <c r="R348" s="10" t="s">
        <v>55</v>
      </c>
      <c r="S348" s="6">
        <v>22</v>
      </c>
      <c r="T348" s="6">
        <v>5</v>
      </c>
      <c r="U348" s="10" t="s">
        <v>55</v>
      </c>
      <c r="V348" s="6">
        <v>17</v>
      </c>
      <c r="W348" s="10" t="s">
        <v>55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98</v>
      </c>
      <c r="I349" s="9" t="s">
        <v>54</v>
      </c>
      <c r="J349" s="9" t="s">
        <v>46</v>
      </c>
      <c r="K349" s="6">
        <v>9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6">
        <v>9</v>
      </c>
      <c r="T349" s="6">
        <v>2</v>
      </c>
      <c r="U349" s="10" t="s">
        <v>55</v>
      </c>
      <c r="V349" s="6">
        <v>7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98</v>
      </c>
      <c r="I350" s="9" t="s">
        <v>54</v>
      </c>
      <c r="J350" s="9" t="s">
        <v>47</v>
      </c>
      <c r="K350" s="10" t="s">
        <v>55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10" t="s">
        <v>55</v>
      </c>
      <c r="T350" s="10" t="s">
        <v>55</v>
      </c>
      <c r="U350" s="10" t="s">
        <v>55</v>
      </c>
      <c r="V350" s="10" t="s">
        <v>55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98</v>
      </c>
      <c r="I351" s="9" t="s">
        <v>54</v>
      </c>
      <c r="J351" s="9" t="s">
        <v>48</v>
      </c>
      <c r="K351" s="6">
        <v>208</v>
      </c>
      <c r="L351" s="6">
        <v>153</v>
      </c>
      <c r="M351" s="6">
        <v>150</v>
      </c>
      <c r="N351" s="6">
        <v>122</v>
      </c>
      <c r="O351" s="6">
        <v>23</v>
      </c>
      <c r="P351" s="10" t="s">
        <v>55</v>
      </c>
      <c r="Q351" s="6">
        <v>5</v>
      </c>
      <c r="R351" s="6">
        <v>3</v>
      </c>
      <c r="S351" s="6">
        <v>52</v>
      </c>
      <c r="T351" s="6">
        <v>47</v>
      </c>
      <c r="U351" s="10" t="s">
        <v>55</v>
      </c>
      <c r="V351" s="6">
        <v>5</v>
      </c>
      <c r="W351" s="6">
        <v>3</v>
      </c>
      <c r="X351" s="6">
        <v>135</v>
      </c>
      <c r="Y351" s="6">
        <v>112</v>
      </c>
      <c r="Z351" s="6">
        <v>18</v>
      </c>
      <c r="AA351" s="10" t="s">
        <v>55</v>
      </c>
      <c r="AB351" s="6">
        <v>5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98</v>
      </c>
      <c r="I352" s="9" t="s">
        <v>54</v>
      </c>
      <c r="J352" s="9" t="s">
        <v>49</v>
      </c>
      <c r="K352" s="6">
        <v>385</v>
      </c>
      <c r="L352" s="6">
        <v>66</v>
      </c>
      <c r="M352" s="6">
        <v>66</v>
      </c>
      <c r="N352" s="6">
        <v>31</v>
      </c>
      <c r="O352" s="6">
        <v>32</v>
      </c>
      <c r="P352" s="10" t="s">
        <v>55</v>
      </c>
      <c r="Q352" s="6">
        <v>3</v>
      </c>
      <c r="R352" s="10" t="s">
        <v>55</v>
      </c>
      <c r="S352" s="6">
        <v>318</v>
      </c>
      <c r="T352" s="6">
        <v>141</v>
      </c>
      <c r="U352" s="6">
        <v>1</v>
      </c>
      <c r="V352" s="6">
        <v>176</v>
      </c>
      <c r="W352" s="6">
        <v>1</v>
      </c>
      <c r="X352" s="6">
        <v>29</v>
      </c>
      <c r="Y352" s="6">
        <v>18</v>
      </c>
      <c r="Z352" s="6">
        <v>8</v>
      </c>
      <c r="AA352" s="10" t="s">
        <v>55</v>
      </c>
      <c r="AB352" s="6">
        <v>3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98</v>
      </c>
      <c r="I353" s="9" t="s">
        <v>54</v>
      </c>
      <c r="J353" s="9" t="s">
        <v>50</v>
      </c>
      <c r="K353" s="6">
        <v>187</v>
      </c>
      <c r="L353" s="6">
        <v>18</v>
      </c>
      <c r="M353" s="6">
        <v>18</v>
      </c>
      <c r="N353" s="6">
        <v>6</v>
      </c>
      <c r="O353" s="6">
        <v>11</v>
      </c>
      <c r="P353" s="10" t="s">
        <v>55</v>
      </c>
      <c r="Q353" s="6">
        <v>1</v>
      </c>
      <c r="R353" s="10" t="s">
        <v>55</v>
      </c>
      <c r="S353" s="6">
        <v>168</v>
      </c>
      <c r="T353" s="6">
        <v>56</v>
      </c>
      <c r="U353" s="10" t="s">
        <v>55</v>
      </c>
      <c r="V353" s="6">
        <v>112</v>
      </c>
      <c r="W353" s="6">
        <v>1</v>
      </c>
      <c r="X353" s="6">
        <v>3</v>
      </c>
      <c r="Y353" s="6">
        <v>1</v>
      </c>
      <c r="Z353" s="6">
        <v>1</v>
      </c>
      <c r="AA353" s="10" t="s">
        <v>55</v>
      </c>
      <c r="AB353" s="6">
        <v>1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98</v>
      </c>
      <c r="I354" s="9" t="s">
        <v>54</v>
      </c>
      <c r="J354" s="9" t="s">
        <v>51</v>
      </c>
      <c r="K354" s="6">
        <v>31</v>
      </c>
      <c r="L354" s="10" t="s">
        <v>55</v>
      </c>
      <c r="M354" s="10" t="s">
        <v>55</v>
      </c>
      <c r="N354" s="10" t="s">
        <v>55</v>
      </c>
      <c r="O354" s="10" t="s">
        <v>55</v>
      </c>
      <c r="P354" s="10" t="s">
        <v>55</v>
      </c>
      <c r="Q354" s="10" t="s">
        <v>55</v>
      </c>
      <c r="R354" s="10" t="s">
        <v>55</v>
      </c>
      <c r="S354" s="6">
        <v>31</v>
      </c>
      <c r="T354" s="6">
        <v>7</v>
      </c>
      <c r="U354" s="10" t="s">
        <v>55</v>
      </c>
      <c r="V354" s="6">
        <v>24</v>
      </c>
      <c r="W354" s="10" t="s">
        <v>55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98</v>
      </c>
      <c r="I355" s="9" t="s">
        <v>54</v>
      </c>
      <c r="J355" s="9" t="s">
        <v>52</v>
      </c>
      <c r="K355" s="6">
        <v>308</v>
      </c>
      <c r="L355" s="6">
        <v>188</v>
      </c>
      <c r="M355" s="6">
        <v>185</v>
      </c>
      <c r="N355" s="6">
        <v>140</v>
      </c>
      <c r="O355" s="6">
        <v>39</v>
      </c>
      <c r="P355" s="10" t="s">
        <v>55</v>
      </c>
      <c r="Q355" s="6">
        <v>6</v>
      </c>
      <c r="R355" s="6">
        <v>3</v>
      </c>
      <c r="S355" s="6">
        <v>117</v>
      </c>
      <c r="T355" s="6">
        <v>84</v>
      </c>
      <c r="U355" s="6">
        <v>1</v>
      </c>
      <c r="V355" s="6">
        <v>32</v>
      </c>
      <c r="W355" s="6">
        <v>3</v>
      </c>
      <c r="X355" s="6">
        <v>154</v>
      </c>
      <c r="Y355" s="6">
        <v>126</v>
      </c>
      <c r="Z355" s="6">
        <v>22</v>
      </c>
      <c r="AA355" s="10" t="s">
        <v>55</v>
      </c>
      <c r="AB355" s="6">
        <v>6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98</v>
      </c>
      <c r="I356" s="9" t="s">
        <v>6</v>
      </c>
      <c r="J356" s="9" t="s">
        <v>30</v>
      </c>
      <c r="K356" s="6">
        <v>3690</v>
      </c>
      <c r="L356" s="6">
        <v>2469</v>
      </c>
      <c r="M356" s="6">
        <v>2416</v>
      </c>
      <c r="N356" s="6">
        <v>2075</v>
      </c>
      <c r="O356" s="6">
        <v>290</v>
      </c>
      <c r="P356" s="6">
        <v>1</v>
      </c>
      <c r="Q356" s="6">
        <v>50</v>
      </c>
      <c r="R356" s="6">
        <v>53</v>
      </c>
      <c r="S356" s="6">
        <v>1103</v>
      </c>
      <c r="T356" s="6">
        <v>392</v>
      </c>
      <c r="U356" s="6">
        <v>1</v>
      </c>
      <c r="V356" s="6">
        <v>710</v>
      </c>
      <c r="W356" s="6">
        <v>118</v>
      </c>
      <c r="X356" s="6">
        <v>1780</v>
      </c>
      <c r="Y356" s="6">
        <v>1553</v>
      </c>
      <c r="Z356" s="6">
        <v>189</v>
      </c>
      <c r="AA356" s="6">
        <v>1</v>
      </c>
      <c r="AB356" s="6">
        <v>37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98</v>
      </c>
      <c r="I357" s="9" t="s">
        <v>6</v>
      </c>
      <c r="J357" s="9" t="s">
        <v>31</v>
      </c>
      <c r="K357" s="10" t="s">
        <v>55</v>
      </c>
      <c r="L357" s="10" t="s">
        <v>55</v>
      </c>
      <c r="M357" s="10" t="s">
        <v>55</v>
      </c>
      <c r="N357" s="10" t="s">
        <v>55</v>
      </c>
      <c r="O357" s="10" t="s">
        <v>55</v>
      </c>
      <c r="P357" s="10" t="s">
        <v>55</v>
      </c>
      <c r="Q357" s="10" t="s">
        <v>55</v>
      </c>
      <c r="R357" s="10" t="s">
        <v>55</v>
      </c>
      <c r="S357" s="10" t="s">
        <v>55</v>
      </c>
      <c r="T357" s="10" t="s">
        <v>55</v>
      </c>
      <c r="U357" s="10" t="s">
        <v>55</v>
      </c>
      <c r="V357" s="10" t="s">
        <v>55</v>
      </c>
      <c r="W357" s="10" t="s">
        <v>55</v>
      </c>
      <c r="X357" s="10" t="s">
        <v>55</v>
      </c>
      <c r="Y357" s="10" t="s">
        <v>55</v>
      </c>
      <c r="Z357" s="10" t="s">
        <v>55</v>
      </c>
      <c r="AA357" s="10" t="s">
        <v>55</v>
      </c>
      <c r="AB357" s="10" t="s">
        <v>55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98</v>
      </c>
      <c r="I358" s="9" t="s">
        <v>6</v>
      </c>
      <c r="J358" s="9" t="s">
        <v>32</v>
      </c>
      <c r="K358" s="6">
        <v>26</v>
      </c>
      <c r="L358" s="6">
        <v>21</v>
      </c>
      <c r="M358" s="6">
        <v>21</v>
      </c>
      <c r="N358" s="6">
        <v>19</v>
      </c>
      <c r="O358" s="6">
        <v>2</v>
      </c>
      <c r="P358" s="10" t="s">
        <v>55</v>
      </c>
      <c r="Q358" s="10" t="s">
        <v>55</v>
      </c>
      <c r="R358" s="10" t="s">
        <v>55</v>
      </c>
      <c r="S358" s="6">
        <v>3</v>
      </c>
      <c r="T358" s="6">
        <v>2</v>
      </c>
      <c r="U358" s="10" t="s">
        <v>55</v>
      </c>
      <c r="V358" s="6">
        <v>1</v>
      </c>
      <c r="W358" s="6">
        <v>2</v>
      </c>
      <c r="X358" s="6">
        <v>17</v>
      </c>
      <c r="Y358" s="6">
        <v>16</v>
      </c>
      <c r="Z358" s="6">
        <v>1</v>
      </c>
      <c r="AA358" s="10" t="s">
        <v>5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98</v>
      </c>
      <c r="I359" s="9" t="s">
        <v>6</v>
      </c>
      <c r="J359" s="9" t="s">
        <v>33</v>
      </c>
      <c r="K359" s="6">
        <v>107</v>
      </c>
      <c r="L359" s="6">
        <v>92</v>
      </c>
      <c r="M359" s="6">
        <v>90</v>
      </c>
      <c r="N359" s="6">
        <v>74</v>
      </c>
      <c r="O359" s="6">
        <v>12</v>
      </c>
      <c r="P359" s="10" t="s">
        <v>55</v>
      </c>
      <c r="Q359" s="6">
        <v>4</v>
      </c>
      <c r="R359" s="6">
        <v>2</v>
      </c>
      <c r="S359" s="6">
        <v>9</v>
      </c>
      <c r="T359" s="6">
        <v>9</v>
      </c>
      <c r="U359" s="10" t="s">
        <v>55</v>
      </c>
      <c r="V359" s="10" t="s">
        <v>55</v>
      </c>
      <c r="W359" s="6">
        <v>6</v>
      </c>
      <c r="X359" s="6">
        <v>84</v>
      </c>
      <c r="Y359" s="6">
        <v>70</v>
      </c>
      <c r="Z359" s="6">
        <v>10</v>
      </c>
      <c r="AA359" s="10" t="s">
        <v>55</v>
      </c>
      <c r="AB359" s="6">
        <v>4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98</v>
      </c>
      <c r="I360" s="9" t="s">
        <v>6</v>
      </c>
      <c r="J360" s="9" t="s">
        <v>34</v>
      </c>
      <c r="K360" s="6">
        <v>225</v>
      </c>
      <c r="L360" s="6">
        <v>181</v>
      </c>
      <c r="M360" s="6">
        <v>176</v>
      </c>
      <c r="N360" s="6">
        <v>156</v>
      </c>
      <c r="O360" s="6">
        <v>13</v>
      </c>
      <c r="P360" s="10" t="s">
        <v>55</v>
      </c>
      <c r="Q360" s="6">
        <v>7</v>
      </c>
      <c r="R360" s="6">
        <v>5</v>
      </c>
      <c r="S360" s="6">
        <v>20</v>
      </c>
      <c r="T360" s="6">
        <v>18</v>
      </c>
      <c r="U360" s="10" t="s">
        <v>55</v>
      </c>
      <c r="V360" s="6">
        <v>2</v>
      </c>
      <c r="W360" s="6">
        <v>24</v>
      </c>
      <c r="X360" s="6">
        <v>164</v>
      </c>
      <c r="Y360" s="6">
        <v>145</v>
      </c>
      <c r="Z360" s="6">
        <v>12</v>
      </c>
      <c r="AA360" s="10" t="s">
        <v>55</v>
      </c>
      <c r="AB360" s="6">
        <v>7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98</v>
      </c>
      <c r="I361" s="9" t="s">
        <v>6</v>
      </c>
      <c r="J361" s="9" t="s">
        <v>35</v>
      </c>
      <c r="K361" s="6">
        <v>286</v>
      </c>
      <c r="L361" s="6">
        <v>249</v>
      </c>
      <c r="M361" s="6">
        <v>247</v>
      </c>
      <c r="N361" s="6">
        <v>216</v>
      </c>
      <c r="O361" s="6">
        <v>23</v>
      </c>
      <c r="P361" s="10" t="s">
        <v>55</v>
      </c>
      <c r="Q361" s="6">
        <v>8</v>
      </c>
      <c r="R361" s="6">
        <v>2</v>
      </c>
      <c r="S361" s="6">
        <v>21</v>
      </c>
      <c r="T361" s="6">
        <v>20</v>
      </c>
      <c r="U361" s="6">
        <v>1</v>
      </c>
      <c r="V361" s="10" t="s">
        <v>55</v>
      </c>
      <c r="W361" s="6">
        <v>16</v>
      </c>
      <c r="X361" s="6">
        <v>215</v>
      </c>
      <c r="Y361" s="6">
        <v>189</v>
      </c>
      <c r="Z361" s="6">
        <v>18</v>
      </c>
      <c r="AA361" s="10" t="s">
        <v>55</v>
      </c>
      <c r="AB361" s="6">
        <v>8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98</v>
      </c>
      <c r="I362" s="9" t="s">
        <v>6</v>
      </c>
      <c r="J362" s="9" t="s">
        <v>36</v>
      </c>
      <c r="K362" s="6">
        <v>293</v>
      </c>
      <c r="L362" s="6">
        <v>257</v>
      </c>
      <c r="M362" s="6">
        <v>255</v>
      </c>
      <c r="N362" s="6">
        <v>229</v>
      </c>
      <c r="O362" s="6">
        <v>24</v>
      </c>
      <c r="P362" s="6">
        <v>1</v>
      </c>
      <c r="Q362" s="6">
        <v>1</v>
      </c>
      <c r="R362" s="6">
        <v>2</v>
      </c>
      <c r="S362" s="6">
        <v>19</v>
      </c>
      <c r="T362" s="6">
        <v>19</v>
      </c>
      <c r="U362" s="10" t="s">
        <v>55</v>
      </c>
      <c r="V362" s="10" t="s">
        <v>55</v>
      </c>
      <c r="W362" s="6">
        <v>17</v>
      </c>
      <c r="X362" s="6">
        <v>229</v>
      </c>
      <c r="Y362" s="6">
        <v>207</v>
      </c>
      <c r="Z362" s="6">
        <v>20</v>
      </c>
      <c r="AA362" s="6">
        <v>1</v>
      </c>
      <c r="AB362" s="6">
        <v>1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98</v>
      </c>
      <c r="I363" s="9" t="s">
        <v>6</v>
      </c>
      <c r="J363" s="9" t="s">
        <v>37</v>
      </c>
      <c r="K363" s="6">
        <v>328</v>
      </c>
      <c r="L363" s="6">
        <v>300</v>
      </c>
      <c r="M363" s="6">
        <v>291</v>
      </c>
      <c r="N363" s="6">
        <v>265</v>
      </c>
      <c r="O363" s="6">
        <v>26</v>
      </c>
      <c r="P363" s="10" t="s">
        <v>55</v>
      </c>
      <c r="Q363" s="10" t="s">
        <v>55</v>
      </c>
      <c r="R363" s="6">
        <v>9</v>
      </c>
      <c r="S363" s="6">
        <v>16</v>
      </c>
      <c r="T363" s="6">
        <v>16</v>
      </c>
      <c r="U363" s="10" t="s">
        <v>55</v>
      </c>
      <c r="V363" s="10" t="s">
        <v>55</v>
      </c>
      <c r="W363" s="6">
        <v>12</v>
      </c>
      <c r="X363" s="6">
        <v>265</v>
      </c>
      <c r="Y363" s="6">
        <v>241</v>
      </c>
      <c r="Z363" s="6">
        <v>24</v>
      </c>
      <c r="AA363" s="10" t="s">
        <v>55</v>
      </c>
      <c r="AB363" s="10" t="s">
        <v>55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98</v>
      </c>
      <c r="I364" s="9" t="s">
        <v>6</v>
      </c>
      <c r="J364" s="9" t="s">
        <v>38</v>
      </c>
      <c r="K364" s="6">
        <v>302</v>
      </c>
      <c r="L364" s="6">
        <v>282</v>
      </c>
      <c r="M364" s="6">
        <v>278</v>
      </c>
      <c r="N364" s="6">
        <v>247</v>
      </c>
      <c r="O364" s="6">
        <v>28</v>
      </c>
      <c r="P364" s="10" t="s">
        <v>55</v>
      </c>
      <c r="Q364" s="6">
        <v>3</v>
      </c>
      <c r="R364" s="6">
        <v>4</v>
      </c>
      <c r="S364" s="6">
        <v>17</v>
      </c>
      <c r="T364" s="6">
        <v>14</v>
      </c>
      <c r="U364" s="10" t="s">
        <v>55</v>
      </c>
      <c r="V364" s="6">
        <v>3</v>
      </c>
      <c r="W364" s="6">
        <v>3</v>
      </c>
      <c r="X364" s="6">
        <v>220</v>
      </c>
      <c r="Y364" s="6">
        <v>193</v>
      </c>
      <c r="Z364" s="6">
        <v>24</v>
      </c>
      <c r="AA364" s="10" t="s">
        <v>55</v>
      </c>
      <c r="AB364" s="6">
        <v>3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98</v>
      </c>
      <c r="I365" s="9" t="s">
        <v>6</v>
      </c>
      <c r="J365" s="9" t="s">
        <v>39</v>
      </c>
      <c r="K365" s="6">
        <v>343</v>
      </c>
      <c r="L365" s="6">
        <v>301</v>
      </c>
      <c r="M365" s="6">
        <v>295</v>
      </c>
      <c r="N365" s="6">
        <v>262</v>
      </c>
      <c r="O365" s="6">
        <v>30</v>
      </c>
      <c r="P365" s="10" t="s">
        <v>55</v>
      </c>
      <c r="Q365" s="6">
        <v>3</v>
      </c>
      <c r="R365" s="6">
        <v>6</v>
      </c>
      <c r="S365" s="6">
        <v>31</v>
      </c>
      <c r="T365" s="6">
        <v>23</v>
      </c>
      <c r="U365" s="10" t="s">
        <v>55</v>
      </c>
      <c r="V365" s="6">
        <v>8</v>
      </c>
      <c r="W365" s="6">
        <v>11</v>
      </c>
      <c r="X365" s="6">
        <v>212</v>
      </c>
      <c r="Y365" s="6">
        <v>189</v>
      </c>
      <c r="Z365" s="6">
        <v>21</v>
      </c>
      <c r="AA365" s="10" t="s">
        <v>55</v>
      </c>
      <c r="AB365" s="6">
        <v>2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98</v>
      </c>
      <c r="I366" s="9" t="s">
        <v>6</v>
      </c>
      <c r="J366" s="9" t="s">
        <v>40</v>
      </c>
      <c r="K366" s="6">
        <v>389</v>
      </c>
      <c r="L366" s="6">
        <v>305</v>
      </c>
      <c r="M366" s="6">
        <v>297</v>
      </c>
      <c r="N366" s="6">
        <v>255</v>
      </c>
      <c r="O366" s="6">
        <v>34</v>
      </c>
      <c r="P366" s="10" t="s">
        <v>55</v>
      </c>
      <c r="Q366" s="6">
        <v>8</v>
      </c>
      <c r="R366" s="6">
        <v>8</v>
      </c>
      <c r="S366" s="6">
        <v>83</v>
      </c>
      <c r="T366" s="6">
        <v>59</v>
      </c>
      <c r="U366" s="10" t="s">
        <v>55</v>
      </c>
      <c r="V366" s="6">
        <v>24</v>
      </c>
      <c r="W366" s="6">
        <v>1</v>
      </c>
      <c r="X366" s="6">
        <v>193</v>
      </c>
      <c r="Y366" s="6">
        <v>167</v>
      </c>
      <c r="Z366" s="6">
        <v>21</v>
      </c>
      <c r="AA366" s="10" t="s">
        <v>55</v>
      </c>
      <c r="AB366" s="6">
        <v>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98</v>
      </c>
      <c r="I367" s="9" t="s">
        <v>6</v>
      </c>
      <c r="J367" s="9" t="s">
        <v>41</v>
      </c>
      <c r="K367" s="6">
        <v>404</v>
      </c>
      <c r="L367" s="6">
        <v>242</v>
      </c>
      <c r="M367" s="6">
        <v>231</v>
      </c>
      <c r="N367" s="6">
        <v>178</v>
      </c>
      <c r="O367" s="6">
        <v>46</v>
      </c>
      <c r="P367" s="10" t="s">
        <v>55</v>
      </c>
      <c r="Q367" s="6">
        <v>7</v>
      </c>
      <c r="R367" s="6">
        <v>11</v>
      </c>
      <c r="S367" s="6">
        <v>155</v>
      </c>
      <c r="T367" s="6">
        <v>72</v>
      </c>
      <c r="U367" s="10" t="s">
        <v>55</v>
      </c>
      <c r="V367" s="6">
        <v>83</v>
      </c>
      <c r="W367" s="6">
        <v>7</v>
      </c>
      <c r="X367" s="6">
        <v>112</v>
      </c>
      <c r="Y367" s="6">
        <v>83</v>
      </c>
      <c r="Z367" s="6">
        <v>26</v>
      </c>
      <c r="AA367" s="10" t="s">
        <v>55</v>
      </c>
      <c r="AB367" s="6">
        <v>3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98</v>
      </c>
      <c r="I368" s="9" t="s">
        <v>6</v>
      </c>
      <c r="J368" s="9" t="s">
        <v>42</v>
      </c>
      <c r="K368" s="6">
        <v>376</v>
      </c>
      <c r="L368" s="6">
        <v>151</v>
      </c>
      <c r="M368" s="6">
        <v>149</v>
      </c>
      <c r="N368" s="6">
        <v>121</v>
      </c>
      <c r="O368" s="6">
        <v>24</v>
      </c>
      <c r="P368" s="10" t="s">
        <v>55</v>
      </c>
      <c r="Q368" s="6">
        <v>4</v>
      </c>
      <c r="R368" s="6">
        <v>2</v>
      </c>
      <c r="S368" s="6">
        <v>218</v>
      </c>
      <c r="T368" s="6">
        <v>58</v>
      </c>
      <c r="U368" s="10" t="s">
        <v>55</v>
      </c>
      <c r="V368" s="6">
        <v>160</v>
      </c>
      <c r="W368" s="6">
        <v>7</v>
      </c>
      <c r="X368" s="6">
        <v>46</v>
      </c>
      <c r="Y368" s="6">
        <v>40</v>
      </c>
      <c r="Z368" s="6">
        <v>5</v>
      </c>
      <c r="AA368" s="10" t="s">
        <v>55</v>
      </c>
      <c r="AB368" s="6">
        <v>1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98</v>
      </c>
      <c r="I369" s="9" t="s">
        <v>6</v>
      </c>
      <c r="J369" s="9" t="s">
        <v>43</v>
      </c>
      <c r="K369" s="6">
        <v>301</v>
      </c>
      <c r="L369" s="6">
        <v>59</v>
      </c>
      <c r="M369" s="6">
        <v>58</v>
      </c>
      <c r="N369" s="6">
        <v>36</v>
      </c>
      <c r="O369" s="6">
        <v>20</v>
      </c>
      <c r="P369" s="10" t="s">
        <v>55</v>
      </c>
      <c r="Q369" s="6">
        <v>2</v>
      </c>
      <c r="R369" s="6">
        <v>1</v>
      </c>
      <c r="S369" s="6">
        <v>237</v>
      </c>
      <c r="T369" s="6">
        <v>50</v>
      </c>
      <c r="U369" s="10" t="s">
        <v>55</v>
      </c>
      <c r="V369" s="6">
        <v>187</v>
      </c>
      <c r="W369" s="6">
        <v>5</v>
      </c>
      <c r="X369" s="6">
        <v>17</v>
      </c>
      <c r="Y369" s="6">
        <v>9</v>
      </c>
      <c r="Z369" s="6">
        <v>7</v>
      </c>
      <c r="AA369" s="10" t="s">
        <v>55</v>
      </c>
      <c r="AB369" s="6">
        <v>1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98</v>
      </c>
      <c r="I370" s="9" t="s">
        <v>6</v>
      </c>
      <c r="J370" s="9" t="s">
        <v>44</v>
      </c>
      <c r="K370" s="6">
        <v>176</v>
      </c>
      <c r="L370" s="6">
        <v>25</v>
      </c>
      <c r="M370" s="6">
        <v>24</v>
      </c>
      <c r="N370" s="6">
        <v>15</v>
      </c>
      <c r="O370" s="6">
        <v>7</v>
      </c>
      <c r="P370" s="10" t="s">
        <v>55</v>
      </c>
      <c r="Q370" s="6">
        <v>2</v>
      </c>
      <c r="R370" s="6">
        <v>1</v>
      </c>
      <c r="S370" s="6">
        <v>144</v>
      </c>
      <c r="T370" s="6">
        <v>19</v>
      </c>
      <c r="U370" s="10" t="s">
        <v>55</v>
      </c>
      <c r="V370" s="6">
        <v>125</v>
      </c>
      <c r="W370" s="6">
        <v>7</v>
      </c>
      <c r="X370" s="6">
        <v>6</v>
      </c>
      <c r="Y370" s="6">
        <v>4</v>
      </c>
      <c r="Z370" s="10" t="s">
        <v>55</v>
      </c>
      <c r="AA370" s="10" t="s">
        <v>55</v>
      </c>
      <c r="AB370" s="6">
        <v>2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98</v>
      </c>
      <c r="I371" s="9" t="s">
        <v>6</v>
      </c>
      <c r="J371" s="9" t="s">
        <v>45</v>
      </c>
      <c r="K371" s="6">
        <v>96</v>
      </c>
      <c r="L371" s="6">
        <v>3</v>
      </c>
      <c r="M371" s="6">
        <v>3</v>
      </c>
      <c r="N371" s="6">
        <v>1</v>
      </c>
      <c r="O371" s="6">
        <v>1</v>
      </c>
      <c r="P371" s="10" t="s">
        <v>55</v>
      </c>
      <c r="Q371" s="6">
        <v>1</v>
      </c>
      <c r="R371" s="10" t="s">
        <v>55</v>
      </c>
      <c r="S371" s="6">
        <v>93</v>
      </c>
      <c r="T371" s="6">
        <v>11</v>
      </c>
      <c r="U371" s="10" t="s">
        <v>55</v>
      </c>
      <c r="V371" s="6">
        <v>82</v>
      </c>
      <c r="W371" s="10" t="s">
        <v>55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98</v>
      </c>
      <c r="I372" s="9" t="s">
        <v>6</v>
      </c>
      <c r="J372" s="9" t="s">
        <v>46</v>
      </c>
      <c r="K372" s="6">
        <v>35</v>
      </c>
      <c r="L372" s="6">
        <v>1</v>
      </c>
      <c r="M372" s="6">
        <v>1</v>
      </c>
      <c r="N372" s="6">
        <v>1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6">
        <v>34</v>
      </c>
      <c r="T372" s="6">
        <v>2</v>
      </c>
      <c r="U372" s="10" t="s">
        <v>55</v>
      </c>
      <c r="V372" s="6">
        <v>32</v>
      </c>
      <c r="W372" s="10" t="s">
        <v>55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98</v>
      </c>
      <c r="I373" s="9" t="s">
        <v>6</v>
      </c>
      <c r="J373" s="9" t="s">
        <v>47</v>
      </c>
      <c r="K373" s="6">
        <v>3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6">
        <v>3</v>
      </c>
      <c r="T373" s="10" t="s">
        <v>55</v>
      </c>
      <c r="U373" s="10" t="s">
        <v>55</v>
      </c>
      <c r="V373" s="6">
        <v>3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98</v>
      </c>
      <c r="I374" s="9" t="s">
        <v>6</v>
      </c>
      <c r="J374" s="9" t="s">
        <v>48</v>
      </c>
      <c r="K374" s="6">
        <v>2299</v>
      </c>
      <c r="L374" s="6">
        <v>1988</v>
      </c>
      <c r="M374" s="6">
        <v>1950</v>
      </c>
      <c r="N374" s="6">
        <v>1723</v>
      </c>
      <c r="O374" s="6">
        <v>192</v>
      </c>
      <c r="P374" s="6">
        <v>1</v>
      </c>
      <c r="Q374" s="6">
        <v>34</v>
      </c>
      <c r="R374" s="6">
        <v>38</v>
      </c>
      <c r="S374" s="6">
        <v>219</v>
      </c>
      <c r="T374" s="6">
        <v>180</v>
      </c>
      <c r="U374" s="6">
        <v>1</v>
      </c>
      <c r="V374" s="6">
        <v>38</v>
      </c>
      <c r="W374" s="6">
        <v>92</v>
      </c>
      <c r="X374" s="6">
        <v>1599</v>
      </c>
      <c r="Y374" s="6">
        <v>1417</v>
      </c>
      <c r="Z374" s="6">
        <v>151</v>
      </c>
      <c r="AA374" s="6">
        <v>1</v>
      </c>
      <c r="AB374" s="6">
        <v>30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98</v>
      </c>
      <c r="I375" s="9" t="s">
        <v>6</v>
      </c>
      <c r="J375" s="9" t="s">
        <v>49</v>
      </c>
      <c r="K375" s="6">
        <v>1391</v>
      </c>
      <c r="L375" s="6">
        <v>481</v>
      </c>
      <c r="M375" s="6">
        <v>466</v>
      </c>
      <c r="N375" s="6">
        <v>352</v>
      </c>
      <c r="O375" s="6">
        <v>98</v>
      </c>
      <c r="P375" s="10" t="s">
        <v>55</v>
      </c>
      <c r="Q375" s="6">
        <v>16</v>
      </c>
      <c r="R375" s="6">
        <v>15</v>
      </c>
      <c r="S375" s="6">
        <v>884</v>
      </c>
      <c r="T375" s="6">
        <v>212</v>
      </c>
      <c r="U375" s="10" t="s">
        <v>55</v>
      </c>
      <c r="V375" s="6">
        <v>672</v>
      </c>
      <c r="W375" s="6">
        <v>26</v>
      </c>
      <c r="X375" s="6">
        <v>181</v>
      </c>
      <c r="Y375" s="6">
        <v>136</v>
      </c>
      <c r="Z375" s="6">
        <v>38</v>
      </c>
      <c r="AA375" s="10" t="s">
        <v>55</v>
      </c>
      <c r="AB375" s="6">
        <v>7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98</v>
      </c>
      <c r="I376" s="9" t="s">
        <v>6</v>
      </c>
      <c r="J376" s="9" t="s">
        <v>50</v>
      </c>
      <c r="K376" s="6">
        <v>611</v>
      </c>
      <c r="L376" s="6">
        <v>88</v>
      </c>
      <c r="M376" s="6">
        <v>86</v>
      </c>
      <c r="N376" s="6">
        <v>53</v>
      </c>
      <c r="O376" s="6">
        <v>28</v>
      </c>
      <c r="P376" s="10" t="s">
        <v>55</v>
      </c>
      <c r="Q376" s="6">
        <v>5</v>
      </c>
      <c r="R376" s="6">
        <v>2</v>
      </c>
      <c r="S376" s="6">
        <v>511</v>
      </c>
      <c r="T376" s="6">
        <v>82</v>
      </c>
      <c r="U376" s="10" t="s">
        <v>55</v>
      </c>
      <c r="V376" s="6">
        <v>429</v>
      </c>
      <c r="W376" s="6">
        <v>12</v>
      </c>
      <c r="X376" s="6">
        <v>23</v>
      </c>
      <c r="Y376" s="6">
        <v>13</v>
      </c>
      <c r="Z376" s="6">
        <v>7</v>
      </c>
      <c r="AA376" s="10" t="s">
        <v>55</v>
      </c>
      <c r="AB376" s="6">
        <v>3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98</v>
      </c>
      <c r="I377" s="9" t="s">
        <v>6</v>
      </c>
      <c r="J377" s="9" t="s">
        <v>51</v>
      </c>
      <c r="K377" s="6">
        <v>134</v>
      </c>
      <c r="L377" s="6">
        <v>4</v>
      </c>
      <c r="M377" s="6">
        <v>4</v>
      </c>
      <c r="N377" s="6">
        <v>2</v>
      </c>
      <c r="O377" s="6">
        <v>1</v>
      </c>
      <c r="P377" s="10" t="s">
        <v>55</v>
      </c>
      <c r="Q377" s="6">
        <v>1</v>
      </c>
      <c r="R377" s="10" t="s">
        <v>55</v>
      </c>
      <c r="S377" s="6">
        <v>130</v>
      </c>
      <c r="T377" s="6">
        <v>13</v>
      </c>
      <c r="U377" s="10" t="s">
        <v>55</v>
      </c>
      <c r="V377" s="6">
        <v>117</v>
      </c>
      <c r="W377" s="10" t="s">
        <v>5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98</v>
      </c>
      <c r="I378" s="9" t="s">
        <v>6</v>
      </c>
      <c r="J378" s="9" t="s">
        <v>52</v>
      </c>
      <c r="K378" s="6">
        <v>2703</v>
      </c>
      <c r="L378" s="6">
        <v>2230</v>
      </c>
      <c r="M378" s="6">
        <v>2181</v>
      </c>
      <c r="N378" s="6">
        <v>1901</v>
      </c>
      <c r="O378" s="6">
        <v>238</v>
      </c>
      <c r="P378" s="6">
        <v>1</v>
      </c>
      <c r="Q378" s="6">
        <v>41</v>
      </c>
      <c r="R378" s="6">
        <v>49</v>
      </c>
      <c r="S378" s="6">
        <v>374</v>
      </c>
      <c r="T378" s="6">
        <v>252</v>
      </c>
      <c r="U378" s="6">
        <v>1</v>
      </c>
      <c r="V378" s="6">
        <v>121</v>
      </c>
      <c r="W378" s="6">
        <v>99</v>
      </c>
      <c r="X378" s="6">
        <v>1711</v>
      </c>
      <c r="Y378" s="6">
        <v>1500</v>
      </c>
      <c r="Z378" s="6">
        <v>177</v>
      </c>
      <c r="AA378" s="6">
        <v>1</v>
      </c>
      <c r="AB378" s="6">
        <v>33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98</v>
      </c>
      <c r="I379" s="9" t="s">
        <v>53</v>
      </c>
      <c r="J379" s="9" t="s">
        <v>30</v>
      </c>
      <c r="K379" s="6">
        <v>1831</v>
      </c>
      <c r="L379" s="6">
        <v>1304</v>
      </c>
      <c r="M379" s="6">
        <v>1272</v>
      </c>
      <c r="N379" s="6">
        <v>1221</v>
      </c>
      <c r="O379" s="6">
        <v>26</v>
      </c>
      <c r="P379" s="6">
        <v>1</v>
      </c>
      <c r="Q379" s="6">
        <v>24</v>
      </c>
      <c r="R379" s="6">
        <v>32</v>
      </c>
      <c r="S379" s="6">
        <v>467</v>
      </c>
      <c r="T379" s="6">
        <v>49</v>
      </c>
      <c r="U379" s="10" t="s">
        <v>55</v>
      </c>
      <c r="V379" s="6">
        <v>418</v>
      </c>
      <c r="W379" s="6">
        <v>60</v>
      </c>
      <c r="X379" s="6">
        <v>902</v>
      </c>
      <c r="Y379" s="6">
        <v>880</v>
      </c>
      <c r="Z379" s="6">
        <v>10</v>
      </c>
      <c r="AA379" s="6">
        <v>1</v>
      </c>
      <c r="AB379" s="6">
        <v>11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98</v>
      </c>
      <c r="I380" s="9" t="s">
        <v>53</v>
      </c>
      <c r="J380" s="9" t="s">
        <v>31</v>
      </c>
      <c r="K380" s="10" t="s">
        <v>55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  <c r="R380" s="10" t="s">
        <v>55</v>
      </c>
      <c r="S380" s="10" t="s">
        <v>55</v>
      </c>
      <c r="T380" s="10" t="s">
        <v>55</v>
      </c>
      <c r="U380" s="10" t="s">
        <v>55</v>
      </c>
      <c r="V380" s="10" t="s">
        <v>55</v>
      </c>
      <c r="W380" s="10" t="s">
        <v>55</v>
      </c>
      <c r="X380" s="10" t="s">
        <v>55</v>
      </c>
      <c r="Y380" s="10" t="s">
        <v>55</v>
      </c>
      <c r="Z380" s="10" t="s">
        <v>55</v>
      </c>
      <c r="AA380" s="10" t="s">
        <v>55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98</v>
      </c>
      <c r="I381" s="9" t="s">
        <v>53</v>
      </c>
      <c r="J381" s="9" t="s">
        <v>32</v>
      </c>
      <c r="K381" s="6">
        <v>13</v>
      </c>
      <c r="L381" s="6">
        <v>12</v>
      </c>
      <c r="M381" s="6">
        <v>12</v>
      </c>
      <c r="N381" s="6">
        <v>12</v>
      </c>
      <c r="O381" s="10" t="s">
        <v>55</v>
      </c>
      <c r="P381" s="10" t="s">
        <v>55</v>
      </c>
      <c r="Q381" s="10" t="s">
        <v>55</v>
      </c>
      <c r="R381" s="10" t="s">
        <v>55</v>
      </c>
      <c r="S381" s="10" t="s">
        <v>55</v>
      </c>
      <c r="T381" s="10" t="s">
        <v>55</v>
      </c>
      <c r="U381" s="10" t="s">
        <v>55</v>
      </c>
      <c r="V381" s="10" t="s">
        <v>55</v>
      </c>
      <c r="W381" s="6">
        <v>1</v>
      </c>
      <c r="X381" s="6">
        <v>10</v>
      </c>
      <c r="Y381" s="6">
        <v>10</v>
      </c>
      <c r="Z381" s="10" t="s">
        <v>55</v>
      </c>
      <c r="AA381" s="10" t="s">
        <v>55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98</v>
      </c>
      <c r="I382" s="9" t="s">
        <v>53</v>
      </c>
      <c r="J382" s="9" t="s">
        <v>33</v>
      </c>
      <c r="K382" s="6">
        <v>45</v>
      </c>
      <c r="L382" s="6">
        <v>43</v>
      </c>
      <c r="M382" s="6">
        <v>42</v>
      </c>
      <c r="N382" s="6">
        <v>42</v>
      </c>
      <c r="O382" s="10" t="s">
        <v>55</v>
      </c>
      <c r="P382" s="10" t="s">
        <v>55</v>
      </c>
      <c r="Q382" s="10" t="s">
        <v>55</v>
      </c>
      <c r="R382" s="6">
        <v>1</v>
      </c>
      <c r="S382" s="10" t="s">
        <v>55</v>
      </c>
      <c r="T382" s="10" t="s">
        <v>55</v>
      </c>
      <c r="U382" s="10" t="s">
        <v>55</v>
      </c>
      <c r="V382" s="10" t="s">
        <v>55</v>
      </c>
      <c r="W382" s="6">
        <v>2</v>
      </c>
      <c r="X382" s="6">
        <v>39</v>
      </c>
      <c r="Y382" s="6">
        <v>39</v>
      </c>
      <c r="Z382" s="10" t="s">
        <v>55</v>
      </c>
      <c r="AA382" s="10" t="s">
        <v>55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98</v>
      </c>
      <c r="I383" s="9" t="s">
        <v>53</v>
      </c>
      <c r="J383" s="9" t="s">
        <v>34</v>
      </c>
      <c r="K383" s="6">
        <v>102</v>
      </c>
      <c r="L383" s="6">
        <v>90</v>
      </c>
      <c r="M383" s="6">
        <v>89</v>
      </c>
      <c r="N383" s="6">
        <v>89</v>
      </c>
      <c r="O383" s="10" t="s">
        <v>55</v>
      </c>
      <c r="P383" s="10" t="s">
        <v>55</v>
      </c>
      <c r="Q383" s="10" t="s">
        <v>55</v>
      </c>
      <c r="R383" s="6">
        <v>1</v>
      </c>
      <c r="S383" s="10" t="s">
        <v>55</v>
      </c>
      <c r="T383" s="10" t="s">
        <v>55</v>
      </c>
      <c r="U383" s="10" t="s">
        <v>55</v>
      </c>
      <c r="V383" s="10" t="s">
        <v>55</v>
      </c>
      <c r="W383" s="6">
        <v>12</v>
      </c>
      <c r="X383" s="6">
        <v>80</v>
      </c>
      <c r="Y383" s="6">
        <v>80</v>
      </c>
      <c r="Z383" s="10" t="s">
        <v>55</v>
      </c>
      <c r="AA383" s="10" t="s">
        <v>55</v>
      </c>
      <c r="AB383" s="10" t="s">
        <v>55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98</v>
      </c>
      <c r="I384" s="9" t="s">
        <v>53</v>
      </c>
      <c r="J384" s="9" t="s">
        <v>35</v>
      </c>
      <c r="K384" s="6">
        <v>134</v>
      </c>
      <c r="L384" s="6">
        <v>124</v>
      </c>
      <c r="M384" s="6">
        <v>124</v>
      </c>
      <c r="N384" s="6">
        <v>124</v>
      </c>
      <c r="O384" s="10" t="s">
        <v>55</v>
      </c>
      <c r="P384" s="10" t="s">
        <v>55</v>
      </c>
      <c r="Q384" s="10" t="s">
        <v>55</v>
      </c>
      <c r="R384" s="10" t="s">
        <v>55</v>
      </c>
      <c r="S384" s="6">
        <v>2</v>
      </c>
      <c r="T384" s="6">
        <v>2</v>
      </c>
      <c r="U384" s="10" t="s">
        <v>55</v>
      </c>
      <c r="V384" s="10" t="s">
        <v>55</v>
      </c>
      <c r="W384" s="6">
        <v>8</v>
      </c>
      <c r="X384" s="6">
        <v>107</v>
      </c>
      <c r="Y384" s="6">
        <v>107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98</v>
      </c>
      <c r="I385" s="9" t="s">
        <v>53</v>
      </c>
      <c r="J385" s="9" t="s">
        <v>36</v>
      </c>
      <c r="K385" s="6">
        <v>144</v>
      </c>
      <c r="L385" s="6">
        <v>136</v>
      </c>
      <c r="M385" s="6">
        <v>135</v>
      </c>
      <c r="N385" s="6">
        <v>133</v>
      </c>
      <c r="O385" s="6">
        <v>1</v>
      </c>
      <c r="P385" s="6">
        <v>1</v>
      </c>
      <c r="Q385" s="10" t="s">
        <v>55</v>
      </c>
      <c r="R385" s="6">
        <v>1</v>
      </c>
      <c r="S385" s="10" t="s">
        <v>55</v>
      </c>
      <c r="T385" s="10" t="s">
        <v>55</v>
      </c>
      <c r="U385" s="10" t="s">
        <v>55</v>
      </c>
      <c r="V385" s="10" t="s">
        <v>55</v>
      </c>
      <c r="W385" s="6">
        <v>8</v>
      </c>
      <c r="X385" s="6">
        <v>119</v>
      </c>
      <c r="Y385" s="6">
        <v>118</v>
      </c>
      <c r="Z385" s="10" t="s">
        <v>55</v>
      </c>
      <c r="AA385" s="6">
        <v>1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98</v>
      </c>
      <c r="I386" s="9" t="s">
        <v>53</v>
      </c>
      <c r="J386" s="9" t="s">
        <v>37</v>
      </c>
      <c r="K386" s="6">
        <v>157</v>
      </c>
      <c r="L386" s="6">
        <v>149</v>
      </c>
      <c r="M386" s="6">
        <v>145</v>
      </c>
      <c r="N386" s="6">
        <v>144</v>
      </c>
      <c r="O386" s="6">
        <v>1</v>
      </c>
      <c r="P386" s="10" t="s">
        <v>55</v>
      </c>
      <c r="Q386" s="10" t="s">
        <v>55</v>
      </c>
      <c r="R386" s="6">
        <v>4</v>
      </c>
      <c r="S386" s="10" t="s">
        <v>55</v>
      </c>
      <c r="T386" s="10" t="s">
        <v>55</v>
      </c>
      <c r="U386" s="10" t="s">
        <v>55</v>
      </c>
      <c r="V386" s="10" t="s">
        <v>55</v>
      </c>
      <c r="W386" s="6">
        <v>8</v>
      </c>
      <c r="X386" s="6">
        <v>131</v>
      </c>
      <c r="Y386" s="6">
        <v>130</v>
      </c>
      <c r="Z386" s="6">
        <v>1</v>
      </c>
      <c r="AA386" s="10" t="s">
        <v>55</v>
      </c>
      <c r="AB386" s="10" t="s">
        <v>55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98</v>
      </c>
      <c r="I387" s="9" t="s">
        <v>53</v>
      </c>
      <c r="J387" s="9" t="s">
        <v>38</v>
      </c>
      <c r="K387" s="6">
        <v>148</v>
      </c>
      <c r="L387" s="6">
        <v>143</v>
      </c>
      <c r="M387" s="6">
        <v>141</v>
      </c>
      <c r="N387" s="6">
        <v>139</v>
      </c>
      <c r="O387" s="10" t="s">
        <v>55</v>
      </c>
      <c r="P387" s="10" t="s">
        <v>55</v>
      </c>
      <c r="Q387" s="6">
        <v>2</v>
      </c>
      <c r="R387" s="6">
        <v>2</v>
      </c>
      <c r="S387" s="6">
        <v>4</v>
      </c>
      <c r="T387" s="6">
        <v>2</v>
      </c>
      <c r="U387" s="10" t="s">
        <v>55</v>
      </c>
      <c r="V387" s="6">
        <v>2</v>
      </c>
      <c r="W387" s="6">
        <v>1</v>
      </c>
      <c r="X387" s="6">
        <v>109</v>
      </c>
      <c r="Y387" s="6">
        <v>107</v>
      </c>
      <c r="Z387" s="10" t="s">
        <v>55</v>
      </c>
      <c r="AA387" s="10" t="s">
        <v>55</v>
      </c>
      <c r="AB387" s="6">
        <v>2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98</v>
      </c>
      <c r="I388" s="9" t="s">
        <v>53</v>
      </c>
      <c r="J388" s="9" t="s">
        <v>39</v>
      </c>
      <c r="K388" s="6">
        <v>164</v>
      </c>
      <c r="L388" s="6">
        <v>154</v>
      </c>
      <c r="M388" s="6">
        <v>150</v>
      </c>
      <c r="N388" s="6">
        <v>149</v>
      </c>
      <c r="O388" s="10" t="s">
        <v>55</v>
      </c>
      <c r="P388" s="10" t="s">
        <v>55</v>
      </c>
      <c r="Q388" s="6">
        <v>1</v>
      </c>
      <c r="R388" s="6">
        <v>4</v>
      </c>
      <c r="S388" s="6">
        <v>4</v>
      </c>
      <c r="T388" s="10" t="s">
        <v>55</v>
      </c>
      <c r="U388" s="10" t="s">
        <v>55</v>
      </c>
      <c r="V388" s="6">
        <v>4</v>
      </c>
      <c r="W388" s="6">
        <v>6</v>
      </c>
      <c r="X388" s="6">
        <v>105</v>
      </c>
      <c r="Y388" s="6">
        <v>105</v>
      </c>
      <c r="Z388" s="10" t="s">
        <v>55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98</v>
      </c>
      <c r="I389" s="9" t="s">
        <v>53</v>
      </c>
      <c r="J389" s="9" t="s">
        <v>40</v>
      </c>
      <c r="K389" s="6">
        <v>177</v>
      </c>
      <c r="L389" s="6">
        <v>157</v>
      </c>
      <c r="M389" s="6">
        <v>153</v>
      </c>
      <c r="N389" s="6">
        <v>146</v>
      </c>
      <c r="O389" s="6">
        <v>1</v>
      </c>
      <c r="P389" s="10" t="s">
        <v>55</v>
      </c>
      <c r="Q389" s="6">
        <v>6</v>
      </c>
      <c r="R389" s="6">
        <v>4</v>
      </c>
      <c r="S389" s="6">
        <v>19</v>
      </c>
      <c r="T389" s="6">
        <v>4</v>
      </c>
      <c r="U389" s="10" t="s">
        <v>55</v>
      </c>
      <c r="V389" s="6">
        <v>15</v>
      </c>
      <c r="W389" s="6">
        <v>1</v>
      </c>
      <c r="X389" s="6">
        <v>101</v>
      </c>
      <c r="Y389" s="6">
        <v>97</v>
      </c>
      <c r="Z389" s="6">
        <v>1</v>
      </c>
      <c r="AA389" s="10" t="s">
        <v>55</v>
      </c>
      <c r="AB389" s="6">
        <v>3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98</v>
      </c>
      <c r="I390" s="9" t="s">
        <v>53</v>
      </c>
      <c r="J390" s="9" t="s">
        <v>41</v>
      </c>
      <c r="K390" s="6">
        <v>203</v>
      </c>
      <c r="L390" s="6">
        <v>138</v>
      </c>
      <c r="M390" s="6">
        <v>127</v>
      </c>
      <c r="N390" s="6">
        <v>115</v>
      </c>
      <c r="O390" s="6">
        <v>6</v>
      </c>
      <c r="P390" s="10" t="s">
        <v>55</v>
      </c>
      <c r="Q390" s="6">
        <v>6</v>
      </c>
      <c r="R390" s="6">
        <v>11</v>
      </c>
      <c r="S390" s="6">
        <v>64</v>
      </c>
      <c r="T390" s="6">
        <v>14</v>
      </c>
      <c r="U390" s="10" t="s">
        <v>55</v>
      </c>
      <c r="V390" s="6">
        <v>50</v>
      </c>
      <c r="W390" s="6">
        <v>1</v>
      </c>
      <c r="X390" s="6">
        <v>57</v>
      </c>
      <c r="Y390" s="6">
        <v>51</v>
      </c>
      <c r="Z390" s="6">
        <v>4</v>
      </c>
      <c r="AA390" s="10" t="s">
        <v>55</v>
      </c>
      <c r="AB390" s="6">
        <v>2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98</v>
      </c>
      <c r="I391" s="9" t="s">
        <v>53</v>
      </c>
      <c r="J391" s="9" t="s">
        <v>42</v>
      </c>
      <c r="K391" s="6">
        <v>208</v>
      </c>
      <c r="L391" s="6">
        <v>100</v>
      </c>
      <c r="M391" s="6">
        <v>98</v>
      </c>
      <c r="N391" s="6">
        <v>87</v>
      </c>
      <c r="O391" s="6">
        <v>7</v>
      </c>
      <c r="P391" s="10" t="s">
        <v>55</v>
      </c>
      <c r="Q391" s="6">
        <v>4</v>
      </c>
      <c r="R391" s="6">
        <v>2</v>
      </c>
      <c r="S391" s="6">
        <v>102</v>
      </c>
      <c r="T391" s="6">
        <v>8</v>
      </c>
      <c r="U391" s="10" t="s">
        <v>55</v>
      </c>
      <c r="V391" s="6">
        <v>94</v>
      </c>
      <c r="W391" s="6">
        <v>6</v>
      </c>
      <c r="X391" s="6">
        <v>30</v>
      </c>
      <c r="Y391" s="6">
        <v>27</v>
      </c>
      <c r="Z391" s="6">
        <v>2</v>
      </c>
      <c r="AA391" s="10" t="s">
        <v>55</v>
      </c>
      <c r="AB391" s="6">
        <v>1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98</v>
      </c>
      <c r="I392" s="9" t="s">
        <v>53</v>
      </c>
      <c r="J392" s="9" t="s">
        <v>43</v>
      </c>
      <c r="K392" s="6">
        <v>157</v>
      </c>
      <c r="L392" s="6">
        <v>37</v>
      </c>
      <c r="M392" s="6">
        <v>36</v>
      </c>
      <c r="N392" s="6">
        <v>27</v>
      </c>
      <c r="O392" s="6">
        <v>7</v>
      </c>
      <c r="P392" s="10" t="s">
        <v>55</v>
      </c>
      <c r="Q392" s="6">
        <v>2</v>
      </c>
      <c r="R392" s="6">
        <v>1</v>
      </c>
      <c r="S392" s="6">
        <v>118</v>
      </c>
      <c r="T392" s="6">
        <v>11</v>
      </c>
      <c r="U392" s="10" t="s">
        <v>55</v>
      </c>
      <c r="V392" s="6">
        <v>107</v>
      </c>
      <c r="W392" s="6">
        <v>2</v>
      </c>
      <c r="X392" s="6">
        <v>9</v>
      </c>
      <c r="Y392" s="6">
        <v>6</v>
      </c>
      <c r="Z392" s="6">
        <v>2</v>
      </c>
      <c r="AA392" s="10" t="s">
        <v>55</v>
      </c>
      <c r="AB392" s="6">
        <v>1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98</v>
      </c>
      <c r="I393" s="9" t="s">
        <v>53</v>
      </c>
      <c r="J393" s="9" t="s">
        <v>44</v>
      </c>
      <c r="K393" s="6">
        <v>96</v>
      </c>
      <c r="L393" s="6">
        <v>18</v>
      </c>
      <c r="M393" s="6">
        <v>17</v>
      </c>
      <c r="N393" s="6">
        <v>12</v>
      </c>
      <c r="O393" s="6">
        <v>3</v>
      </c>
      <c r="P393" s="10" t="s">
        <v>55</v>
      </c>
      <c r="Q393" s="6">
        <v>2</v>
      </c>
      <c r="R393" s="6">
        <v>1</v>
      </c>
      <c r="S393" s="6">
        <v>74</v>
      </c>
      <c r="T393" s="6">
        <v>4</v>
      </c>
      <c r="U393" s="10" t="s">
        <v>55</v>
      </c>
      <c r="V393" s="6">
        <v>70</v>
      </c>
      <c r="W393" s="6">
        <v>4</v>
      </c>
      <c r="X393" s="6">
        <v>5</v>
      </c>
      <c r="Y393" s="6">
        <v>3</v>
      </c>
      <c r="Z393" s="10" t="s">
        <v>55</v>
      </c>
      <c r="AA393" s="10" t="s">
        <v>55</v>
      </c>
      <c r="AB393" s="6">
        <v>2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98</v>
      </c>
      <c r="I394" s="9" t="s">
        <v>53</v>
      </c>
      <c r="J394" s="9" t="s">
        <v>45</v>
      </c>
      <c r="K394" s="6">
        <v>60</v>
      </c>
      <c r="L394" s="6">
        <v>2</v>
      </c>
      <c r="M394" s="6">
        <v>2</v>
      </c>
      <c r="N394" s="6">
        <v>1</v>
      </c>
      <c r="O394" s="10" t="s">
        <v>55</v>
      </c>
      <c r="P394" s="10" t="s">
        <v>55</v>
      </c>
      <c r="Q394" s="6">
        <v>1</v>
      </c>
      <c r="R394" s="10" t="s">
        <v>55</v>
      </c>
      <c r="S394" s="6">
        <v>58</v>
      </c>
      <c r="T394" s="6">
        <v>3</v>
      </c>
      <c r="U394" s="10" t="s">
        <v>55</v>
      </c>
      <c r="V394" s="6">
        <v>55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98</v>
      </c>
      <c r="I395" s="9" t="s">
        <v>53</v>
      </c>
      <c r="J395" s="9" t="s">
        <v>46</v>
      </c>
      <c r="K395" s="6">
        <v>23</v>
      </c>
      <c r="L395" s="6">
        <v>1</v>
      </c>
      <c r="M395" s="6">
        <v>1</v>
      </c>
      <c r="N395" s="6">
        <v>1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6">
        <v>22</v>
      </c>
      <c r="T395" s="6">
        <v>1</v>
      </c>
      <c r="U395" s="10" t="s">
        <v>55</v>
      </c>
      <c r="V395" s="6">
        <v>21</v>
      </c>
      <c r="W395" s="10" t="s">
        <v>55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98</v>
      </c>
      <c r="I396" s="9" t="s">
        <v>53</v>
      </c>
      <c r="J396" s="9" t="s">
        <v>47</v>
      </c>
      <c r="K396" s="10" t="s">
        <v>5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10" t="s">
        <v>55</v>
      </c>
      <c r="T396" s="10" t="s">
        <v>55</v>
      </c>
      <c r="U396" s="10" t="s">
        <v>55</v>
      </c>
      <c r="V396" s="10" t="s">
        <v>55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98</v>
      </c>
      <c r="I397" s="9" t="s">
        <v>53</v>
      </c>
      <c r="J397" s="9" t="s">
        <v>48</v>
      </c>
      <c r="K397" s="6">
        <v>1084</v>
      </c>
      <c r="L397" s="6">
        <v>1008</v>
      </c>
      <c r="M397" s="6">
        <v>991</v>
      </c>
      <c r="N397" s="6">
        <v>978</v>
      </c>
      <c r="O397" s="6">
        <v>3</v>
      </c>
      <c r="P397" s="6">
        <v>1</v>
      </c>
      <c r="Q397" s="6">
        <v>9</v>
      </c>
      <c r="R397" s="6">
        <v>17</v>
      </c>
      <c r="S397" s="6">
        <v>29</v>
      </c>
      <c r="T397" s="6">
        <v>8</v>
      </c>
      <c r="U397" s="10" t="s">
        <v>55</v>
      </c>
      <c r="V397" s="6">
        <v>21</v>
      </c>
      <c r="W397" s="6">
        <v>47</v>
      </c>
      <c r="X397" s="6">
        <v>801</v>
      </c>
      <c r="Y397" s="6">
        <v>793</v>
      </c>
      <c r="Z397" s="6">
        <v>2</v>
      </c>
      <c r="AA397" s="6">
        <v>1</v>
      </c>
      <c r="AB397" s="6">
        <v>5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98</v>
      </c>
      <c r="I398" s="9" t="s">
        <v>53</v>
      </c>
      <c r="J398" s="9" t="s">
        <v>49</v>
      </c>
      <c r="K398" s="6">
        <v>747</v>
      </c>
      <c r="L398" s="6">
        <v>296</v>
      </c>
      <c r="M398" s="6">
        <v>281</v>
      </c>
      <c r="N398" s="6">
        <v>243</v>
      </c>
      <c r="O398" s="6">
        <v>23</v>
      </c>
      <c r="P398" s="10" t="s">
        <v>55</v>
      </c>
      <c r="Q398" s="6">
        <v>15</v>
      </c>
      <c r="R398" s="6">
        <v>15</v>
      </c>
      <c r="S398" s="6">
        <v>438</v>
      </c>
      <c r="T398" s="6">
        <v>41</v>
      </c>
      <c r="U398" s="10" t="s">
        <v>55</v>
      </c>
      <c r="V398" s="6">
        <v>397</v>
      </c>
      <c r="W398" s="6">
        <v>13</v>
      </c>
      <c r="X398" s="6">
        <v>101</v>
      </c>
      <c r="Y398" s="6">
        <v>87</v>
      </c>
      <c r="Z398" s="6">
        <v>8</v>
      </c>
      <c r="AA398" s="10" t="s">
        <v>55</v>
      </c>
      <c r="AB398" s="6">
        <v>6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98</v>
      </c>
      <c r="I399" s="9" t="s">
        <v>53</v>
      </c>
      <c r="J399" s="9" t="s">
        <v>50</v>
      </c>
      <c r="K399" s="6">
        <v>336</v>
      </c>
      <c r="L399" s="6">
        <v>58</v>
      </c>
      <c r="M399" s="6">
        <v>56</v>
      </c>
      <c r="N399" s="6">
        <v>41</v>
      </c>
      <c r="O399" s="6">
        <v>10</v>
      </c>
      <c r="P399" s="10" t="s">
        <v>55</v>
      </c>
      <c r="Q399" s="6">
        <v>5</v>
      </c>
      <c r="R399" s="6">
        <v>2</v>
      </c>
      <c r="S399" s="6">
        <v>272</v>
      </c>
      <c r="T399" s="6">
        <v>19</v>
      </c>
      <c r="U399" s="10" t="s">
        <v>55</v>
      </c>
      <c r="V399" s="6">
        <v>253</v>
      </c>
      <c r="W399" s="6">
        <v>6</v>
      </c>
      <c r="X399" s="6">
        <v>14</v>
      </c>
      <c r="Y399" s="6">
        <v>9</v>
      </c>
      <c r="Z399" s="6">
        <v>2</v>
      </c>
      <c r="AA399" s="10" t="s">
        <v>55</v>
      </c>
      <c r="AB399" s="6">
        <v>3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98</v>
      </c>
      <c r="I400" s="9" t="s">
        <v>53</v>
      </c>
      <c r="J400" s="9" t="s">
        <v>51</v>
      </c>
      <c r="K400" s="6">
        <v>83</v>
      </c>
      <c r="L400" s="6">
        <v>3</v>
      </c>
      <c r="M400" s="6">
        <v>3</v>
      </c>
      <c r="N400" s="6">
        <v>2</v>
      </c>
      <c r="O400" s="10" t="s">
        <v>55</v>
      </c>
      <c r="P400" s="10" t="s">
        <v>55</v>
      </c>
      <c r="Q400" s="6">
        <v>1</v>
      </c>
      <c r="R400" s="10" t="s">
        <v>55</v>
      </c>
      <c r="S400" s="6">
        <v>80</v>
      </c>
      <c r="T400" s="6">
        <v>4</v>
      </c>
      <c r="U400" s="10" t="s">
        <v>55</v>
      </c>
      <c r="V400" s="6">
        <v>76</v>
      </c>
      <c r="W400" s="10" t="s">
        <v>55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98</v>
      </c>
      <c r="I401" s="9" t="s">
        <v>53</v>
      </c>
      <c r="J401" s="9" t="s">
        <v>52</v>
      </c>
      <c r="K401" s="6">
        <v>1287</v>
      </c>
      <c r="L401" s="6">
        <v>1146</v>
      </c>
      <c r="M401" s="6">
        <v>1118</v>
      </c>
      <c r="N401" s="6">
        <v>1093</v>
      </c>
      <c r="O401" s="6">
        <v>9</v>
      </c>
      <c r="P401" s="6">
        <v>1</v>
      </c>
      <c r="Q401" s="6">
        <v>15</v>
      </c>
      <c r="R401" s="6">
        <v>28</v>
      </c>
      <c r="S401" s="6">
        <v>93</v>
      </c>
      <c r="T401" s="6">
        <v>22</v>
      </c>
      <c r="U401" s="10" t="s">
        <v>55</v>
      </c>
      <c r="V401" s="6">
        <v>71</v>
      </c>
      <c r="W401" s="6">
        <v>48</v>
      </c>
      <c r="X401" s="6">
        <v>858</v>
      </c>
      <c r="Y401" s="6">
        <v>844</v>
      </c>
      <c r="Z401" s="6">
        <v>6</v>
      </c>
      <c r="AA401" s="6">
        <v>1</v>
      </c>
      <c r="AB401" s="6">
        <v>7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98</v>
      </c>
      <c r="I402" s="9" t="s">
        <v>54</v>
      </c>
      <c r="J402" s="9" t="s">
        <v>30</v>
      </c>
      <c r="K402" s="6">
        <v>1859</v>
      </c>
      <c r="L402" s="6">
        <v>1165</v>
      </c>
      <c r="M402" s="6">
        <v>1144</v>
      </c>
      <c r="N402" s="6">
        <v>854</v>
      </c>
      <c r="O402" s="6">
        <v>264</v>
      </c>
      <c r="P402" s="10" t="s">
        <v>55</v>
      </c>
      <c r="Q402" s="6">
        <v>26</v>
      </c>
      <c r="R402" s="6">
        <v>21</v>
      </c>
      <c r="S402" s="6">
        <v>636</v>
      </c>
      <c r="T402" s="6">
        <v>343</v>
      </c>
      <c r="U402" s="6">
        <v>1</v>
      </c>
      <c r="V402" s="6">
        <v>292</v>
      </c>
      <c r="W402" s="6">
        <v>58</v>
      </c>
      <c r="X402" s="6">
        <v>878</v>
      </c>
      <c r="Y402" s="6">
        <v>673</v>
      </c>
      <c r="Z402" s="6">
        <v>179</v>
      </c>
      <c r="AA402" s="10" t="s">
        <v>55</v>
      </c>
      <c r="AB402" s="6">
        <v>26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98</v>
      </c>
      <c r="I403" s="9" t="s">
        <v>54</v>
      </c>
      <c r="J403" s="9" t="s">
        <v>31</v>
      </c>
      <c r="K403" s="10" t="s">
        <v>55</v>
      </c>
      <c r="L403" s="10" t="s">
        <v>55</v>
      </c>
      <c r="M403" s="10" t="s">
        <v>55</v>
      </c>
      <c r="N403" s="10" t="s">
        <v>55</v>
      </c>
      <c r="O403" s="10" t="s">
        <v>55</v>
      </c>
      <c r="P403" s="10" t="s">
        <v>55</v>
      </c>
      <c r="Q403" s="10" t="s">
        <v>55</v>
      </c>
      <c r="R403" s="10" t="s">
        <v>55</v>
      </c>
      <c r="S403" s="10" t="s">
        <v>55</v>
      </c>
      <c r="T403" s="10" t="s">
        <v>55</v>
      </c>
      <c r="U403" s="10" t="s">
        <v>55</v>
      </c>
      <c r="V403" s="10" t="s">
        <v>55</v>
      </c>
      <c r="W403" s="10" t="s">
        <v>55</v>
      </c>
      <c r="X403" s="10" t="s">
        <v>55</v>
      </c>
      <c r="Y403" s="10" t="s">
        <v>55</v>
      </c>
      <c r="Z403" s="10" t="s">
        <v>55</v>
      </c>
      <c r="AA403" s="10" t="s">
        <v>55</v>
      </c>
      <c r="AB403" s="10" t="s">
        <v>55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98</v>
      </c>
      <c r="I404" s="9" t="s">
        <v>54</v>
      </c>
      <c r="J404" s="9" t="s">
        <v>32</v>
      </c>
      <c r="K404" s="6">
        <v>13</v>
      </c>
      <c r="L404" s="6">
        <v>9</v>
      </c>
      <c r="M404" s="6">
        <v>9</v>
      </c>
      <c r="N404" s="6">
        <v>7</v>
      </c>
      <c r="O404" s="6">
        <v>2</v>
      </c>
      <c r="P404" s="10" t="s">
        <v>55</v>
      </c>
      <c r="Q404" s="10" t="s">
        <v>55</v>
      </c>
      <c r="R404" s="10" t="s">
        <v>55</v>
      </c>
      <c r="S404" s="6">
        <v>3</v>
      </c>
      <c r="T404" s="6">
        <v>2</v>
      </c>
      <c r="U404" s="10" t="s">
        <v>55</v>
      </c>
      <c r="V404" s="6">
        <v>1</v>
      </c>
      <c r="W404" s="6">
        <v>1</v>
      </c>
      <c r="X404" s="6">
        <v>7</v>
      </c>
      <c r="Y404" s="6">
        <v>6</v>
      </c>
      <c r="Z404" s="6">
        <v>1</v>
      </c>
      <c r="AA404" s="10" t="s">
        <v>55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98</v>
      </c>
      <c r="I405" s="9" t="s">
        <v>54</v>
      </c>
      <c r="J405" s="9" t="s">
        <v>33</v>
      </c>
      <c r="K405" s="6">
        <v>62</v>
      </c>
      <c r="L405" s="6">
        <v>49</v>
      </c>
      <c r="M405" s="6">
        <v>48</v>
      </c>
      <c r="N405" s="6">
        <v>32</v>
      </c>
      <c r="O405" s="6">
        <v>12</v>
      </c>
      <c r="P405" s="10" t="s">
        <v>55</v>
      </c>
      <c r="Q405" s="6">
        <v>4</v>
      </c>
      <c r="R405" s="6">
        <v>1</v>
      </c>
      <c r="S405" s="6">
        <v>9</v>
      </c>
      <c r="T405" s="6">
        <v>9</v>
      </c>
      <c r="U405" s="10" t="s">
        <v>55</v>
      </c>
      <c r="V405" s="10" t="s">
        <v>55</v>
      </c>
      <c r="W405" s="6">
        <v>4</v>
      </c>
      <c r="X405" s="6">
        <v>45</v>
      </c>
      <c r="Y405" s="6">
        <v>31</v>
      </c>
      <c r="Z405" s="6">
        <v>10</v>
      </c>
      <c r="AA405" s="10" t="s">
        <v>55</v>
      </c>
      <c r="AB405" s="6">
        <v>4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98</v>
      </c>
      <c r="I406" s="9" t="s">
        <v>54</v>
      </c>
      <c r="J406" s="9" t="s">
        <v>34</v>
      </c>
      <c r="K406" s="6">
        <v>123</v>
      </c>
      <c r="L406" s="6">
        <v>91</v>
      </c>
      <c r="M406" s="6">
        <v>87</v>
      </c>
      <c r="N406" s="6">
        <v>67</v>
      </c>
      <c r="O406" s="6">
        <v>13</v>
      </c>
      <c r="P406" s="10" t="s">
        <v>55</v>
      </c>
      <c r="Q406" s="6">
        <v>7</v>
      </c>
      <c r="R406" s="6">
        <v>4</v>
      </c>
      <c r="S406" s="6">
        <v>20</v>
      </c>
      <c r="T406" s="6">
        <v>18</v>
      </c>
      <c r="U406" s="10" t="s">
        <v>55</v>
      </c>
      <c r="V406" s="6">
        <v>2</v>
      </c>
      <c r="W406" s="6">
        <v>12</v>
      </c>
      <c r="X406" s="6">
        <v>84</v>
      </c>
      <c r="Y406" s="6">
        <v>65</v>
      </c>
      <c r="Z406" s="6">
        <v>12</v>
      </c>
      <c r="AA406" s="10" t="s">
        <v>55</v>
      </c>
      <c r="AB406" s="6">
        <v>7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98</v>
      </c>
      <c r="I407" s="9" t="s">
        <v>54</v>
      </c>
      <c r="J407" s="9" t="s">
        <v>35</v>
      </c>
      <c r="K407" s="6">
        <v>152</v>
      </c>
      <c r="L407" s="6">
        <v>125</v>
      </c>
      <c r="M407" s="6">
        <v>123</v>
      </c>
      <c r="N407" s="6">
        <v>92</v>
      </c>
      <c r="O407" s="6">
        <v>23</v>
      </c>
      <c r="P407" s="10" t="s">
        <v>55</v>
      </c>
      <c r="Q407" s="6">
        <v>8</v>
      </c>
      <c r="R407" s="6">
        <v>2</v>
      </c>
      <c r="S407" s="6">
        <v>19</v>
      </c>
      <c r="T407" s="6">
        <v>18</v>
      </c>
      <c r="U407" s="6">
        <v>1</v>
      </c>
      <c r="V407" s="10" t="s">
        <v>55</v>
      </c>
      <c r="W407" s="6">
        <v>8</v>
      </c>
      <c r="X407" s="6">
        <v>108</v>
      </c>
      <c r="Y407" s="6">
        <v>82</v>
      </c>
      <c r="Z407" s="6">
        <v>18</v>
      </c>
      <c r="AA407" s="10" t="s">
        <v>55</v>
      </c>
      <c r="AB407" s="6">
        <v>8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98</v>
      </c>
      <c r="I408" s="9" t="s">
        <v>54</v>
      </c>
      <c r="J408" s="9" t="s">
        <v>36</v>
      </c>
      <c r="K408" s="6">
        <v>149</v>
      </c>
      <c r="L408" s="6">
        <v>121</v>
      </c>
      <c r="M408" s="6">
        <v>120</v>
      </c>
      <c r="N408" s="6">
        <v>96</v>
      </c>
      <c r="O408" s="6">
        <v>23</v>
      </c>
      <c r="P408" s="10" t="s">
        <v>55</v>
      </c>
      <c r="Q408" s="6">
        <v>1</v>
      </c>
      <c r="R408" s="6">
        <v>1</v>
      </c>
      <c r="S408" s="6">
        <v>19</v>
      </c>
      <c r="T408" s="6">
        <v>19</v>
      </c>
      <c r="U408" s="10" t="s">
        <v>55</v>
      </c>
      <c r="V408" s="10" t="s">
        <v>55</v>
      </c>
      <c r="W408" s="6">
        <v>9</v>
      </c>
      <c r="X408" s="6">
        <v>110</v>
      </c>
      <c r="Y408" s="6">
        <v>89</v>
      </c>
      <c r="Z408" s="6">
        <v>20</v>
      </c>
      <c r="AA408" s="10" t="s">
        <v>55</v>
      </c>
      <c r="AB408" s="6">
        <v>1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98</v>
      </c>
      <c r="I409" s="9" t="s">
        <v>54</v>
      </c>
      <c r="J409" s="9" t="s">
        <v>37</v>
      </c>
      <c r="K409" s="6">
        <v>171</v>
      </c>
      <c r="L409" s="6">
        <v>151</v>
      </c>
      <c r="M409" s="6">
        <v>146</v>
      </c>
      <c r="N409" s="6">
        <v>121</v>
      </c>
      <c r="O409" s="6">
        <v>25</v>
      </c>
      <c r="P409" s="10" t="s">
        <v>55</v>
      </c>
      <c r="Q409" s="10" t="s">
        <v>55</v>
      </c>
      <c r="R409" s="6">
        <v>5</v>
      </c>
      <c r="S409" s="6">
        <v>16</v>
      </c>
      <c r="T409" s="6">
        <v>16</v>
      </c>
      <c r="U409" s="10" t="s">
        <v>55</v>
      </c>
      <c r="V409" s="10" t="s">
        <v>55</v>
      </c>
      <c r="W409" s="6">
        <v>4</v>
      </c>
      <c r="X409" s="6">
        <v>134</v>
      </c>
      <c r="Y409" s="6">
        <v>111</v>
      </c>
      <c r="Z409" s="6">
        <v>23</v>
      </c>
      <c r="AA409" s="10" t="s">
        <v>55</v>
      </c>
      <c r="AB409" s="10" t="s">
        <v>55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98</v>
      </c>
      <c r="I410" s="9" t="s">
        <v>54</v>
      </c>
      <c r="J410" s="9" t="s">
        <v>38</v>
      </c>
      <c r="K410" s="6">
        <v>154</v>
      </c>
      <c r="L410" s="6">
        <v>139</v>
      </c>
      <c r="M410" s="6">
        <v>137</v>
      </c>
      <c r="N410" s="6">
        <v>108</v>
      </c>
      <c r="O410" s="6">
        <v>28</v>
      </c>
      <c r="P410" s="10" t="s">
        <v>55</v>
      </c>
      <c r="Q410" s="6">
        <v>1</v>
      </c>
      <c r="R410" s="6">
        <v>2</v>
      </c>
      <c r="S410" s="6">
        <v>13</v>
      </c>
      <c r="T410" s="6">
        <v>12</v>
      </c>
      <c r="U410" s="10" t="s">
        <v>55</v>
      </c>
      <c r="V410" s="6">
        <v>1</v>
      </c>
      <c r="W410" s="6">
        <v>2</v>
      </c>
      <c r="X410" s="6">
        <v>111</v>
      </c>
      <c r="Y410" s="6">
        <v>86</v>
      </c>
      <c r="Z410" s="6">
        <v>24</v>
      </c>
      <c r="AA410" s="10" t="s">
        <v>55</v>
      </c>
      <c r="AB410" s="6">
        <v>1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98</v>
      </c>
      <c r="I411" s="9" t="s">
        <v>54</v>
      </c>
      <c r="J411" s="9" t="s">
        <v>39</v>
      </c>
      <c r="K411" s="6">
        <v>179</v>
      </c>
      <c r="L411" s="6">
        <v>147</v>
      </c>
      <c r="M411" s="6">
        <v>145</v>
      </c>
      <c r="N411" s="6">
        <v>113</v>
      </c>
      <c r="O411" s="6">
        <v>30</v>
      </c>
      <c r="P411" s="10" t="s">
        <v>55</v>
      </c>
      <c r="Q411" s="6">
        <v>2</v>
      </c>
      <c r="R411" s="6">
        <v>2</v>
      </c>
      <c r="S411" s="6">
        <v>27</v>
      </c>
      <c r="T411" s="6">
        <v>23</v>
      </c>
      <c r="U411" s="10" t="s">
        <v>55</v>
      </c>
      <c r="V411" s="6">
        <v>4</v>
      </c>
      <c r="W411" s="6">
        <v>5</v>
      </c>
      <c r="X411" s="6">
        <v>107</v>
      </c>
      <c r="Y411" s="6">
        <v>84</v>
      </c>
      <c r="Z411" s="6">
        <v>21</v>
      </c>
      <c r="AA411" s="10" t="s">
        <v>55</v>
      </c>
      <c r="AB411" s="6">
        <v>2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98</v>
      </c>
      <c r="I412" s="9" t="s">
        <v>54</v>
      </c>
      <c r="J412" s="9" t="s">
        <v>40</v>
      </c>
      <c r="K412" s="6">
        <v>212</v>
      </c>
      <c r="L412" s="6">
        <v>148</v>
      </c>
      <c r="M412" s="6">
        <v>144</v>
      </c>
      <c r="N412" s="6">
        <v>109</v>
      </c>
      <c r="O412" s="6">
        <v>33</v>
      </c>
      <c r="P412" s="10" t="s">
        <v>55</v>
      </c>
      <c r="Q412" s="6">
        <v>2</v>
      </c>
      <c r="R412" s="6">
        <v>4</v>
      </c>
      <c r="S412" s="6">
        <v>64</v>
      </c>
      <c r="T412" s="6">
        <v>55</v>
      </c>
      <c r="U412" s="10" t="s">
        <v>55</v>
      </c>
      <c r="V412" s="6">
        <v>9</v>
      </c>
      <c r="W412" s="10" t="s">
        <v>55</v>
      </c>
      <c r="X412" s="6">
        <v>92</v>
      </c>
      <c r="Y412" s="6">
        <v>70</v>
      </c>
      <c r="Z412" s="6">
        <v>20</v>
      </c>
      <c r="AA412" s="10" t="s">
        <v>55</v>
      </c>
      <c r="AB412" s="6">
        <v>2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98</v>
      </c>
      <c r="I413" s="9" t="s">
        <v>54</v>
      </c>
      <c r="J413" s="9" t="s">
        <v>41</v>
      </c>
      <c r="K413" s="6">
        <v>201</v>
      </c>
      <c r="L413" s="6">
        <v>104</v>
      </c>
      <c r="M413" s="6">
        <v>104</v>
      </c>
      <c r="N413" s="6">
        <v>63</v>
      </c>
      <c r="O413" s="6">
        <v>40</v>
      </c>
      <c r="P413" s="10" t="s">
        <v>55</v>
      </c>
      <c r="Q413" s="6">
        <v>1</v>
      </c>
      <c r="R413" s="10" t="s">
        <v>55</v>
      </c>
      <c r="S413" s="6">
        <v>91</v>
      </c>
      <c r="T413" s="6">
        <v>58</v>
      </c>
      <c r="U413" s="10" t="s">
        <v>55</v>
      </c>
      <c r="V413" s="6">
        <v>33</v>
      </c>
      <c r="W413" s="6">
        <v>6</v>
      </c>
      <c r="X413" s="6">
        <v>55</v>
      </c>
      <c r="Y413" s="6">
        <v>32</v>
      </c>
      <c r="Z413" s="6">
        <v>22</v>
      </c>
      <c r="AA413" s="10" t="s">
        <v>55</v>
      </c>
      <c r="AB413" s="6">
        <v>1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98</v>
      </c>
      <c r="I414" s="9" t="s">
        <v>54</v>
      </c>
      <c r="J414" s="9" t="s">
        <v>42</v>
      </c>
      <c r="K414" s="6">
        <v>168</v>
      </c>
      <c r="L414" s="6">
        <v>51</v>
      </c>
      <c r="M414" s="6">
        <v>51</v>
      </c>
      <c r="N414" s="6">
        <v>34</v>
      </c>
      <c r="O414" s="6">
        <v>17</v>
      </c>
      <c r="P414" s="10" t="s">
        <v>55</v>
      </c>
      <c r="Q414" s="10" t="s">
        <v>55</v>
      </c>
      <c r="R414" s="10" t="s">
        <v>55</v>
      </c>
      <c r="S414" s="6">
        <v>116</v>
      </c>
      <c r="T414" s="6">
        <v>50</v>
      </c>
      <c r="U414" s="10" t="s">
        <v>55</v>
      </c>
      <c r="V414" s="6">
        <v>66</v>
      </c>
      <c r="W414" s="6">
        <v>1</v>
      </c>
      <c r="X414" s="6">
        <v>16</v>
      </c>
      <c r="Y414" s="6">
        <v>13</v>
      </c>
      <c r="Z414" s="6">
        <v>3</v>
      </c>
      <c r="AA414" s="10" t="s">
        <v>55</v>
      </c>
      <c r="AB414" s="10" t="s">
        <v>55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98</v>
      </c>
      <c r="I415" s="9" t="s">
        <v>54</v>
      </c>
      <c r="J415" s="9" t="s">
        <v>43</v>
      </c>
      <c r="K415" s="6">
        <v>144</v>
      </c>
      <c r="L415" s="6">
        <v>22</v>
      </c>
      <c r="M415" s="6">
        <v>22</v>
      </c>
      <c r="N415" s="6">
        <v>9</v>
      </c>
      <c r="O415" s="6">
        <v>13</v>
      </c>
      <c r="P415" s="10" t="s">
        <v>55</v>
      </c>
      <c r="Q415" s="10" t="s">
        <v>55</v>
      </c>
      <c r="R415" s="10" t="s">
        <v>55</v>
      </c>
      <c r="S415" s="6">
        <v>119</v>
      </c>
      <c r="T415" s="6">
        <v>39</v>
      </c>
      <c r="U415" s="10" t="s">
        <v>55</v>
      </c>
      <c r="V415" s="6">
        <v>80</v>
      </c>
      <c r="W415" s="6">
        <v>3</v>
      </c>
      <c r="X415" s="6">
        <v>8</v>
      </c>
      <c r="Y415" s="6">
        <v>3</v>
      </c>
      <c r="Z415" s="6">
        <v>5</v>
      </c>
      <c r="AA415" s="10" t="s">
        <v>55</v>
      </c>
      <c r="AB415" s="10" t="s">
        <v>55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98</v>
      </c>
      <c r="I416" s="9" t="s">
        <v>54</v>
      </c>
      <c r="J416" s="9" t="s">
        <v>44</v>
      </c>
      <c r="K416" s="6">
        <v>80</v>
      </c>
      <c r="L416" s="6">
        <v>7</v>
      </c>
      <c r="M416" s="6">
        <v>7</v>
      </c>
      <c r="N416" s="6">
        <v>3</v>
      </c>
      <c r="O416" s="6">
        <v>4</v>
      </c>
      <c r="P416" s="10" t="s">
        <v>55</v>
      </c>
      <c r="Q416" s="10" t="s">
        <v>55</v>
      </c>
      <c r="R416" s="10" t="s">
        <v>55</v>
      </c>
      <c r="S416" s="6">
        <v>70</v>
      </c>
      <c r="T416" s="6">
        <v>15</v>
      </c>
      <c r="U416" s="10" t="s">
        <v>55</v>
      </c>
      <c r="V416" s="6">
        <v>55</v>
      </c>
      <c r="W416" s="6">
        <v>3</v>
      </c>
      <c r="X416" s="6">
        <v>1</v>
      </c>
      <c r="Y416" s="6">
        <v>1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98</v>
      </c>
      <c r="I417" s="9" t="s">
        <v>54</v>
      </c>
      <c r="J417" s="9" t="s">
        <v>45</v>
      </c>
      <c r="K417" s="6">
        <v>36</v>
      </c>
      <c r="L417" s="6">
        <v>1</v>
      </c>
      <c r="M417" s="6">
        <v>1</v>
      </c>
      <c r="N417" s="10" t="s">
        <v>55</v>
      </c>
      <c r="O417" s="6">
        <v>1</v>
      </c>
      <c r="P417" s="10" t="s">
        <v>55</v>
      </c>
      <c r="Q417" s="10" t="s">
        <v>55</v>
      </c>
      <c r="R417" s="10" t="s">
        <v>55</v>
      </c>
      <c r="S417" s="6">
        <v>35</v>
      </c>
      <c r="T417" s="6">
        <v>8</v>
      </c>
      <c r="U417" s="10" t="s">
        <v>55</v>
      </c>
      <c r="V417" s="6">
        <v>27</v>
      </c>
      <c r="W417" s="10" t="s">
        <v>55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98</v>
      </c>
      <c r="I418" s="9" t="s">
        <v>54</v>
      </c>
      <c r="J418" s="9" t="s">
        <v>46</v>
      </c>
      <c r="K418" s="6">
        <v>12</v>
      </c>
      <c r="L418" s="10" t="s">
        <v>55</v>
      </c>
      <c r="M418" s="10" t="s">
        <v>55</v>
      </c>
      <c r="N418" s="10" t="s">
        <v>55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6">
        <v>12</v>
      </c>
      <c r="T418" s="6">
        <v>1</v>
      </c>
      <c r="U418" s="10" t="s">
        <v>55</v>
      </c>
      <c r="V418" s="6">
        <v>11</v>
      </c>
      <c r="W418" s="10" t="s">
        <v>55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98</v>
      </c>
      <c r="I419" s="9" t="s">
        <v>54</v>
      </c>
      <c r="J419" s="9" t="s">
        <v>47</v>
      </c>
      <c r="K419" s="6">
        <v>3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6">
        <v>3</v>
      </c>
      <c r="T419" s="10" t="s">
        <v>55</v>
      </c>
      <c r="U419" s="10" t="s">
        <v>55</v>
      </c>
      <c r="V419" s="6">
        <v>3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98</v>
      </c>
      <c r="I420" s="9" t="s">
        <v>54</v>
      </c>
      <c r="J420" s="9" t="s">
        <v>48</v>
      </c>
      <c r="K420" s="6">
        <v>1215</v>
      </c>
      <c r="L420" s="6">
        <v>980</v>
      </c>
      <c r="M420" s="6">
        <v>959</v>
      </c>
      <c r="N420" s="6">
        <v>745</v>
      </c>
      <c r="O420" s="6">
        <v>189</v>
      </c>
      <c r="P420" s="10" t="s">
        <v>55</v>
      </c>
      <c r="Q420" s="6">
        <v>25</v>
      </c>
      <c r="R420" s="6">
        <v>21</v>
      </c>
      <c r="S420" s="6">
        <v>190</v>
      </c>
      <c r="T420" s="6">
        <v>172</v>
      </c>
      <c r="U420" s="6">
        <v>1</v>
      </c>
      <c r="V420" s="6">
        <v>17</v>
      </c>
      <c r="W420" s="6">
        <v>45</v>
      </c>
      <c r="X420" s="6">
        <v>798</v>
      </c>
      <c r="Y420" s="6">
        <v>624</v>
      </c>
      <c r="Z420" s="6">
        <v>149</v>
      </c>
      <c r="AA420" s="10" t="s">
        <v>55</v>
      </c>
      <c r="AB420" s="6">
        <v>25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98</v>
      </c>
      <c r="I421" s="9" t="s">
        <v>54</v>
      </c>
      <c r="J421" s="9" t="s">
        <v>49</v>
      </c>
      <c r="K421" s="6">
        <v>644</v>
      </c>
      <c r="L421" s="6">
        <v>185</v>
      </c>
      <c r="M421" s="6">
        <v>185</v>
      </c>
      <c r="N421" s="6">
        <v>109</v>
      </c>
      <c r="O421" s="6">
        <v>75</v>
      </c>
      <c r="P421" s="10" t="s">
        <v>55</v>
      </c>
      <c r="Q421" s="6">
        <v>1</v>
      </c>
      <c r="R421" s="10" t="s">
        <v>55</v>
      </c>
      <c r="S421" s="6">
        <v>446</v>
      </c>
      <c r="T421" s="6">
        <v>171</v>
      </c>
      <c r="U421" s="10" t="s">
        <v>55</v>
      </c>
      <c r="V421" s="6">
        <v>275</v>
      </c>
      <c r="W421" s="6">
        <v>13</v>
      </c>
      <c r="X421" s="6">
        <v>80</v>
      </c>
      <c r="Y421" s="6">
        <v>49</v>
      </c>
      <c r="Z421" s="6">
        <v>30</v>
      </c>
      <c r="AA421" s="10" t="s">
        <v>55</v>
      </c>
      <c r="AB421" s="6">
        <v>1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98</v>
      </c>
      <c r="I422" s="9" t="s">
        <v>54</v>
      </c>
      <c r="J422" s="9" t="s">
        <v>50</v>
      </c>
      <c r="K422" s="6">
        <v>275</v>
      </c>
      <c r="L422" s="6">
        <v>30</v>
      </c>
      <c r="M422" s="6">
        <v>30</v>
      </c>
      <c r="N422" s="6">
        <v>12</v>
      </c>
      <c r="O422" s="6">
        <v>18</v>
      </c>
      <c r="P422" s="10" t="s">
        <v>55</v>
      </c>
      <c r="Q422" s="10" t="s">
        <v>55</v>
      </c>
      <c r="R422" s="10" t="s">
        <v>55</v>
      </c>
      <c r="S422" s="6">
        <v>239</v>
      </c>
      <c r="T422" s="6">
        <v>63</v>
      </c>
      <c r="U422" s="10" t="s">
        <v>55</v>
      </c>
      <c r="V422" s="6">
        <v>176</v>
      </c>
      <c r="W422" s="6">
        <v>6</v>
      </c>
      <c r="X422" s="6">
        <v>9</v>
      </c>
      <c r="Y422" s="6">
        <v>4</v>
      </c>
      <c r="Z422" s="6">
        <v>5</v>
      </c>
      <c r="AA422" s="10" t="s">
        <v>55</v>
      </c>
      <c r="AB422" s="10" t="s">
        <v>55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98</v>
      </c>
      <c r="I423" s="9" t="s">
        <v>54</v>
      </c>
      <c r="J423" s="9" t="s">
        <v>51</v>
      </c>
      <c r="K423" s="6">
        <v>51</v>
      </c>
      <c r="L423" s="6">
        <v>1</v>
      </c>
      <c r="M423" s="6">
        <v>1</v>
      </c>
      <c r="N423" s="10" t="s">
        <v>55</v>
      </c>
      <c r="O423" s="6">
        <v>1</v>
      </c>
      <c r="P423" s="10" t="s">
        <v>55</v>
      </c>
      <c r="Q423" s="10" t="s">
        <v>55</v>
      </c>
      <c r="R423" s="10" t="s">
        <v>55</v>
      </c>
      <c r="S423" s="6">
        <v>50</v>
      </c>
      <c r="T423" s="6">
        <v>9</v>
      </c>
      <c r="U423" s="10" t="s">
        <v>55</v>
      </c>
      <c r="V423" s="6">
        <v>41</v>
      </c>
      <c r="W423" s="10" t="s">
        <v>55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98</v>
      </c>
      <c r="I424" s="9" t="s">
        <v>54</v>
      </c>
      <c r="J424" s="9" t="s">
        <v>52</v>
      </c>
      <c r="K424" s="6">
        <v>1416</v>
      </c>
      <c r="L424" s="6">
        <v>1084</v>
      </c>
      <c r="M424" s="6">
        <v>1063</v>
      </c>
      <c r="N424" s="6">
        <v>808</v>
      </c>
      <c r="O424" s="6">
        <v>229</v>
      </c>
      <c r="P424" s="10" t="s">
        <v>55</v>
      </c>
      <c r="Q424" s="6">
        <v>26</v>
      </c>
      <c r="R424" s="6">
        <v>21</v>
      </c>
      <c r="S424" s="6">
        <v>281</v>
      </c>
      <c r="T424" s="6">
        <v>230</v>
      </c>
      <c r="U424" s="6">
        <v>1</v>
      </c>
      <c r="V424" s="6">
        <v>50</v>
      </c>
      <c r="W424" s="6">
        <v>51</v>
      </c>
      <c r="X424" s="6">
        <v>853</v>
      </c>
      <c r="Y424" s="6">
        <v>656</v>
      </c>
      <c r="Z424" s="6">
        <v>171</v>
      </c>
      <c r="AA424" s="10" t="s">
        <v>55</v>
      </c>
      <c r="AB424" s="6">
        <v>26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98</v>
      </c>
      <c r="I425" s="9" t="s">
        <v>6</v>
      </c>
      <c r="J425" s="9" t="s">
        <v>30</v>
      </c>
      <c r="K425" s="6">
        <v>6837</v>
      </c>
      <c r="L425" s="6">
        <v>4366</v>
      </c>
      <c r="M425" s="6">
        <v>4289</v>
      </c>
      <c r="N425" s="6">
        <v>3679</v>
      </c>
      <c r="O425" s="6">
        <v>514</v>
      </c>
      <c r="P425" s="6">
        <v>3</v>
      </c>
      <c r="Q425" s="6">
        <v>93</v>
      </c>
      <c r="R425" s="6">
        <v>77</v>
      </c>
      <c r="S425" s="6">
        <v>2291</v>
      </c>
      <c r="T425" s="6">
        <v>745</v>
      </c>
      <c r="U425" s="10" t="s">
        <v>55</v>
      </c>
      <c r="V425" s="6">
        <v>1546</v>
      </c>
      <c r="W425" s="6">
        <v>180</v>
      </c>
      <c r="X425" s="6">
        <v>2867</v>
      </c>
      <c r="Y425" s="6">
        <v>2489</v>
      </c>
      <c r="Z425" s="6">
        <v>303</v>
      </c>
      <c r="AA425" s="6">
        <v>3</v>
      </c>
      <c r="AB425" s="6">
        <v>72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98</v>
      </c>
      <c r="I426" s="9" t="s">
        <v>6</v>
      </c>
      <c r="J426" s="9" t="s">
        <v>31</v>
      </c>
      <c r="K426" s="6">
        <v>2</v>
      </c>
      <c r="L426" s="6">
        <v>2</v>
      </c>
      <c r="M426" s="6">
        <v>2</v>
      </c>
      <c r="N426" s="6">
        <v>2</v>
      </c>
      <c r="O426" s="10" t="s">
        <v>55</v>
      </c>
      <c r="P426" s="10" t="s">
        <v>55</v>
      </c>
      <c r="Q426" s="10" t="s">
        <v>55</v>
      </c>
      <c r="R426" s="10" t="s">
        <v>55</v>
      </c>
      <c r="S426" s="10" t="s">
        <v>55</v>
      </c>
      <c r="T426" s="10" t="s">
        <v>55</v>
      </c>
      <c r="U426" s="10" t="s">
        <v>55</v>
      </c>
      <c r="V426" s="10" t="s">
        <v>55</v>
      </c>
      <c r="W426" s="10" t="s">
        <v>55</v>
      </c>
      <c r="X426" s="10" t="s">
        <v>55</v>
      </c>
      <c r="Y426" s="10" t="s">
        <v>55</v>
      </c>
      <c r="Z426" s="10" t="s">
        <v>55</v>
      </c>
      <c r="AA426" s="10" t="s">
        <v>55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98</v>
      </c>
      <c r="I427" s="9" t="s">
        <v>6</v>
      </c>
      <c r="J427" s="9" t="s">
        <v>32</v>
      </c>
      <c r="K427" s="6">
        <v>41</v>
      </c>
      <c r="L427" s="6">
        <v>32</v>
      </c>
      <c r="M427" s="6">
        <v>32</v>
      </c>
      <c r="N427" s="6">
        <v>25</v>
      </c>
      <c r="O427" s="6">
        <v>4</v>
      </c>
      <c r="P427" s="10" t="s">
        <v>55</v>
      </c>
      <c r="Q427" s="6">
        <v>3</v>
      </c>
      <c r="R427" s="10" t="s">
        <v>55</v>
      </c>
      <c r="S427" s="6">
        <v>6</v>
      </c>
      <c r="T427" s="6">
        <v>6</v>
      </c>
      <c r="U427" s="10" t="s">
        <v>55</v>
      </c>
      <c r="V427" s="10" t="s">
        <v>55</v>
      </c>
      <c r="W427" s="6">
        <v>3</v>
      </c>
      <c r="X427" s="6">
        <v>30</v>
      </c>
      <c r="Y427" s="6">
        <v>23</v>
      </c>
      <c r="Z427" s="6">
        <v>4</v>
      </c>
      <c r="AA427" s="10" t="s">
        <v>55</v>
      </c>
      <c r="AB427" s="6">
        <v>3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98</v>
      </c>
      <c r="I428" s="9" t="s">
        <v>6</v>
      </c>
      <c r="J428" s="9" t="s">
        <v>33</v>
      </c>
      <c r="K428" s="6">
        <v>154</v>
      </c>
      <c r="L428" s="6">
        <v>127</v>
      </c>
      <c r="M428" s="6">
        <v>127</v>
      </c>
      <c r="N428" s="6">
        <v>112</v>
      </c>
      <c r="O428" s="6">
        <v>9</v>
      </c>
      <c r="P428" s="10" t="s">
        <v>55</v>
      </c>
      <c r="Q428" s="6">
        <v>6</v>
      </c>
      <c r="R428" s="10" t="s">
        <v>55</v>
      </c>
      <c r="S428" s="6">
        <v>18</v>
      </c>
      <c r="T428" s="6">
        <v>16</v>
      </c>
      <c r="U428" s="10" t="s">
        <v>55</v>
      </c>
      <c r="V428" s="6">
        <v>2</v>
      </c>
      <c r="W428" s="6">
        <v>9</v>
      </c>
      <c r="X428" s="6">
        <v>113</v>
      </c>
      <c r="Y428" s="6">
        <v>100</v>
      </c>
      <c r="Z428" s="6">
        <v>7</v>
      </c>
      <c r="AA428" s="10" t="s">
        <v>55</v>
      </c>
      <c r="AB428" s="6">
        <v>6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98</v>
      </c>
      <c r="I429" s="9" t="s">
        <v>6</v>
      </c>
      <c r="J429" s="9" t="s">
        <v>34</v>
      </c>
      <c r="K429" s="6">
        <v>327</v>
      </c>
      <c r="L429" s="6">
        <v>288</v>
      </c>
      <c r="M429" s="6">
        <v>280</v>
      </c>
      <c r="N429" s="6">
        <v>234</v>
      </c>
      <c r="O429" s="6">
        <v>36</v>
      </c>
      <c r="P429" s="10" t="s">
        <v>55</v>
      </c>
      <c r="Q429" s="6">
        <v>10</v>
      </c>
      <c r="R429" s="6">
        <v>8</v>
      </c>
      <c r="S429" s="6">
        <v>20</v>
      </c>
      <c r="T429" s="6">
        <v>18</v>
      </c>
      <c r="U429" s="10" t="s">
        <v>55</v>
      </c>
      <c r="V429" s="6">
        <v>2</v>
      </c>
      <c r="W429" s="6">
        <v>19</v>
      </c>
      <c r="X429" s="6">
        <v>236</v>
      </c>
      <c r="Y429" s="6">
        <v>202</v>
      </c>
      <c r="Z429" s="6">
        <v>24</v>
      </c>
      <c r="AA429" s="10" t="s">
        <v>55</v>
      </c>
      <c r="AB429" s="6">
        <v>10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98</v>
      </c>
      <c r="I430" s="9" t="s">
        <v>6</v>
      </c>
      <c r="J430" s="9" t="s">
        <v>35</v>
      </c>
      <c r="K430" s="6">
        <v>442</v>
      </c>
      <c r="L430" s="6">
        <v>399</v>
      </c>
      <c r="M430" s="6">
        <v>393</v>
      </c>
      <c r="N430" s="6">
        <v>342</v>
      </c>
      <c r="O430" s="6">
        <v>39</v>
      </c>
      <c r="P430" s="6">
        <v>3</v>
      </c>
      <c r="Q430" s="6">
        <v>9</v>
      </c>
      <c r="R430" s="6">
        <v>6</v>
      </c>
      <c r="S430" s="6">
        <v>17</v>
      </c>
      <c r="T430" s="6">
        <v>15</v>
      </c>
      <c r="U430" s="10" t="s">
        <v>55</v>
      </c>
      <c r="V430" s="6">
        <v>2</v>
      </c>
      <c r="W430" s="6">
        <v>26</v>
      </c>
      <c r="X430" s="6">
        <v>315</v>
      </c>
      <c r="Y430" s="6">
        <v>276</v>
      </c>
      <c r="Z430" s="6">
        <v>27</v>
      </c>
      <c r="AA430" s="6">
        <v>3</v>
      </c>
      <c r="AB430" s="6">
        <v>9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98</v>
      </c>
      <c r="I431" s="9" t="s">
        <v>6</v>
      </c>
      <c r="J431" s="9" t="s">
        <v>36</v>
      </c>
      <c r="K431" s="6">
        <v>507</v>
      </c>
      <c r="L431" s="6">
        <v>461</v>
      </c>
      <c r="M431" s="6">
        <v>457</v>
      </c>
      <c r="N431" s="6">
        <v>411</v>
      </c>
      <c r="O431" s="6">
        <v>39</v>
      </c>
      <c r="P431" s="10" t="s">
        <v>55</v>
      </c>
      <c r="Q431" s="6">
        <v>7</v>
      </c>
      <c r="R431" s="6">
        <v>4</v>
      </c>
      <c r="S431" s="6">
        <v>22</v>
      </c>
      <c r="T431" s="6">
        <v>20</v>
      </c>
      <c r="U431" s="10" t="s">
        <v>55</v>
      </c>
      <c r="V431" s="6">
        <v>2</v>
      </c>
      <c r="W431" s="6">
        <v>24</v>
      </c>
      <c r="X431" s="6">
        <v>376</v>
      </c>
      <c r="Y431" s="6">
        <v>339</v>
      </c>
      <c r="Z431" s="6">
        <v>30</v>
      </c>
      <c r="AA431" s="10" t="s">
        <v>55</v>
      </c>
      <c r="AB431" s="6">
        <v>7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98</v>
      </c>
      <c r="I432" s="9" t="s">
        <v>6</v>
      </c>
      <c r="J432" s="9" t="s">
        <v>37</v>
      </c>
      <c r="K432" s="6">
        <v>503</v>
      </c>
      <c r="L432" s="6">
        <v>457</v>
      </c>
      <c r="M432" s="6">
        <v>453</v>
      </c>
      <c r="N432" s="6">
        <v>419</v>
      </c>
      <c r="O432" s="6">
        <v>33</v>
      </c>
      <c r="P432" s="10" t="s">
        <v>55</v>
      </c>
      <c r="Q432" s="6">
        <v>1</v>
      </c>
      <c r="R432" s="6">
        <v>4</v>
      </c>
      <c r="S432" s="6">
        <v>27</v>
      </c>
      <c r="T432" s="6">
        <v>26</v>
      </c>
      <c r="U432" s="10" t="s">
        <v>55</v>
      </c>
      <c r="V432" s="6">
        <v>1</v>
      </c>
      <c r="W432" s="6">
        <v>19</v>
      </c>
      <c r="X432" s="6">
        <v>353</v>
      </c>
      <c r="Y432" s="6">
        <v>328</v>
      </c>
      <c r="Z432" s="6">
        <v>24</v>
      </c>
      <c r="AA432" s="10" t="s">
        <v>55</v>
      </c>
      <c r="AB432" s="6">
        <v>1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98</v>
      </c>
      <c r="I433" s="9" t="s">
        <v>6</v>
      </c>
      <c r="J433" s="9" t="s">
        <v>38</v>
      </c>
      <c r="K433" s="6">
        <v>546</v>
      </c>
      <c r="L433" s="6">
        <v>481</v>
      </c>
      <c r="M433" s="6">
        <v>472</v>
      </c>
      <c r="N433" s="6">
        <v>426</v>
      </c>
      <c r="O433" s="6">
        <v>43</v>
      </c>
      <c r="P433" s="10" t="s">
        <v>55</v>
      </c>
      <c r="Q433" s="6">
        <v>3</v>
      </c>
      <c r="R433" s="6">
        <v>9</v>
      </c>
      <c r="S433" s="6">
        <v>48</v>
      </c>
      <c r="T433" s="6">
        <v>46</v>
      </c>
      <c r="U433" s="10" t="s">
        <v>55</v>
      </c>
      <c r="V433" s="6">
        <v>2</v>
      </c>
      <c r="W433" s="6">
        <v>17</v>
      </c>
      <c r="X433" s="6">
        <v>341</v>
      </c>
      <c r="Y433" s="6">
        <v>305</v>
      </c>
      <c r="Z433" s="6">
        <v>33</v>
      </c>
      <c r="AA433" s="10" t="s">
        <v>55</v>
      </c>
      <c r="AB433" s="6">
        <v>3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98</v>
      </c>
      <c r="I434" s="9" t="s">
        <v>6</v>
      </c>
      <c r="J434" s="9" t="s">
        <v>39</v>
      </c>
      <c r="K434" s="6">
        <v>605</v>
      </c>
      <c r="L434" s="6">
        <v>538</v>
      </c>
      <c r="M434" s="6">
        <v>529</v>
      </c>
      <c r="N434" s="6">
        <v>471</v>
      </c>
      <c r="O434" s="6">
        <v>53</v>
      </c>
      <c r="P434" s="10" t="s">
        <v>55</v>
      </c>
      <c r="Q434" s="6">
        <v>5</v>
      </c>
      <c r="R434" s="6">
        <v>9</v>
      </c>
      <c r="S434" s="6">
        <v>58</v>
      </c>
      <c r="T434" s="6">
        <v>57</v>
      </c>
      <c r="U434" s="10" t="s">
        <v>55</v>
      </c>
      <c r="V434" s="6">
        <v>1</v>
      </c>
      <c r="W434" s="6">
        <v>9</v>
      </c>
      <c r="X434" s="6">
        <v>382</v>
      </c>
      <c r="Y434" s="6">
        <v>343</v>
      </c>
      <c r="Z434" s="6">
        <v>35</v>
      </c>
      <c r="AA434" s="10" t="s">
        <v>55</v>
      </c>
      <c r="AB434" s="6">
        <v>4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98</v>
      </c>
      <c r="I435" s="9" t="s">
        <v>6</v>
      </c>
      <c r="J435" s="9" t="s">
        <v>40</v>
      </c>
      <c r="K435" s="6">
        <v>743</v>
      </c>
      <c r="L435" s="6">
        <v>588</v>
      </c>
      <c r="M435" s="6">
        <v>577</v>
      </c>
      <c r="N435" s="6">
        <v>479</v>
      </c>
      <c r="O435" s="6">
        <v>78</v>
      </c>
      <c r="P435" s="10" t="s">
        <v>55</v>
      </c>
      <c r="Q435" s="6">
        <v>20</v>
      </c>
      <c r="R435" s="6">
        <v>11</v>
      </c>
      <c r="S435" s="6">
        <v>140</v>
      </c>
      <c r="T435" s="6">
        <v>84</v>
      </c>
      <c r="U435" s="10" t="s">
        <v>55</v>
      </c>
      <c r="V435" s="6">
        <v>56</v>
      </c>
      <c r="W435" s="6">
        <v>15</v>
      </c>
      <c r="X435" s="6">
        <v>348</v>
      </c>
      <c r="Y435" s="6">
        <v>289</v>
      </c>
      <c r="Z435" s="6">
        <v>45</v>
      </c>
      <c r="AA435" s="10" t="s">
        <v>55</v>
      </c>
      <c r="AB435" s="6">
        <v>14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98</v>
      </c>
      <c r="I436" s="9" t="s">
        <v>6</v>
      </c>
      <c r="J436" s="9" t="s">
        <v>41</v>
      </c>
      <c r="K436" s="6">
        <v>803</v>
      </c>
      <c r="L436" s="6">
        <v>465</v>
      </c>
      <c r="M436" s="6">
        <v>450</v>
      </c>
      <c r="N436" s="6">
        <v>369</v>
      </c>
      <c r="O436" s="6">
        <v>69</v>
      </c>
      <c r="P436" s="10" t="s">
        <v>55</v>
      </c>
      <c r="Q436" s="6">
        <v>12</v>
      </c>
      <c r="R436" s="6">
        <v>15</v>
      </c>
      <c r="S436" s="6">
        <v>329</v>
      </c>
      <c r="T436" s="6">
        <v>146</v>
      </c>
      <c r="U436" s="10" t="s">
        <v>55</v>
      </c>
      <c r="V436" s="6">
        <v>183</v>
      </c>
      <c r="W436" s="6">
        <v>9</v>
      </c>
      <c r="X436" s="6">
        <v>217</v>
      </c>
      <c r="Y436" s="6">
        <v>169</v>
      </c>
      <c r="Z436" s="6">
        <v>40</v>
      </c>
      <c r="AA436" s="10" t="s">
        <v>55</v>
      </c>
      <c r="AB436" s="6">
        <v>8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98</v>
      </c>
      <c r="I437" s="9" t="s">
        <v>6</v>
      </c>
      <c r="J437" s="9" t="s">
        <v>42</v>
      </c>
      <c r="K437" s="6">
        <v>791</v>
      </c>
      <c r="L437" s="6">
        <v>328</v>
      </c>
      <c r="M437" s="6">
        <v>321</v>
      </c>
      <c r="N437" s="6">
        <v>255</v>
      </c>
      <c r="O437" s="6">
        <v>58</v>
      </c>
      <c r="P437" s="10" t="s">
        <v>55</v>
      </c>
      <c r="Q437" s="6">
        <v>8</v>
      </c>
      <c r="R437" s="6">
        <v>7</v>
      </c>
      <c r="S437" s="6">
        <v>449</v>
      </c>
      <c r="T437" s="6">
        <v>134</v>
      </c>
      <c r="U437" s="10" t="s">
        <v>55</v>
      </c>
      <c r="V437" s="6">
        <v>315</v>
      </c>
      <c r="W437" s="6">
        <v>14</v>
      </c>
      <c r="X437" s="6">
        <v>115</v>
      </c>
      <c r="Y437" s="6">
        <v>92</v>
      </c>
      <c r="Z437" s="6">
        <v>20</v>
      </c>
      <c r="AA437" s="10" t="s">
        <v>55</v>
      </c>
      <c r="AB437" s="6">
        <v>3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98</v>
      </c>
      <c r="I438" s="9" t="s">
        <v>6</v>
      </c>
      <c r="J438" s="9" t="s">
        <v>43</v>
      </c>
      <c r="K438" s="6">
        <v>593</v>
      </c>
      <c r="L438" s="6">
        <v>122</v>
      </c>
      <c r="M438" s="6">
        <v>119</v>
      </c>
      <c r="N438" s="6">
        <v>83</v>
      </c>
      <c r="O438" s="6">
        <v>31</v>
      </c>
      <c r="P438" s="10" t="s">
        <v>55</v>
      </c>
      <c r="Q438" s="6">
        <v>5</v>
      </c>
      <c r="R438" s="6">
        <v>3</v>
      </c>
      <c r="S438" s="6">
        <v>463</v>
      </c>
      <c r="T438" s="6">
        <v>98</v>
      </c>
      <c r="U438" s="10" t="s">
        <v>55</v>
      </c>
      <c r="V438" s="6">
        <v>365</v>
      </c>
      <c r="W438" s="6">
        <v>8</v>
      </c>
      <c r="X438" s="6">
        <v>27</v>
      </c>
      <c r="Y438" s="6">
        <v>17</v>
      </c>
      <c r="Z438" s="6">
        <v>8</v>
      </c>
      <c r="AA438" s="10" t="s">
        <v>55</v>
      </c>
      <c r="AB438" s="6">
        <v>2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98</v>
      </c>
      <c r="I439" s="9" t="s">
        <v>6</v>
      </c>
      <c r="J439" s="9" t="s">
        <v>44</v>
      </c>
      <c r="K439" s="6">
        <v>449</v>
      </c>
      <c r="L439" s="6">
        <v>61</v>
      </c>
      <c r="M439" s="6">
        <v>60</v>
      </c>
      <c r="N439" s="6">
        <v>38</v>
      </c>
      <c r="O439" s="6">
        <v>19</v>
      </c>
      <c r="P439" s="10" t="s">
        <v>55</v>
      </c>
      <c r="Q439" s="6">
        <v>3</v>
      </c>
      <c r="R439" s="6">
        <v>1</v>
      </c>
      <c r="S439" s="6">
        <v>384</v>
      </c>
      <c r="T439" s="6">
        <v>48</v>
      </c>
      <c r="U439" s="10" t="s">
        <v>55</v>
      </c>
      <c r="V439" s="6">
        <v>336</v>
      </c>
      <c r="W439" s="6">
        <v>4</v>
      </c>
      <c r="X439" s="6">
        <v>11</v>
      </c>
      <c r="Y439" s="6">
        <v>4</v>
      </c>
      <c r="Z439" s="6">
        <v>5</v>
      </c>
      <c r="AA439" s="10" t="s">
        <v>55</v>
      </c>
      <c r="AB439" s="6">
        <v>2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98</v>
      </c>
      <c r="I440" s="9" t="s">
        <v>6</v>
      </c>
      <c r="J440" s="9" t="s">
        <v>45</v>
      </c>
      <c r="K440" s="6">
        <v>264</v>
      </c>
      <c r="L440" s="6">
        <v>14</v>
      </c>
      <c r="M440" s="6">
        <v>14</v>
      </c>
      <c r="N440" s="6">
        <v>11</v>
      </c>
      <c r="O440" s="6">
        <v>3</v>
      </c>
      <c r="P440" s="10" t="s">
        <v>55</v>
      </c>
      <c r="Q440" s="10" t="s">
        <v>55</v>
      </c>
      <c r="R440" s="10" t="s">
        <v>55</v>
      </c>
      <c r="S440" s="6">
        <v>247</v>
      </c>
      <c r="T440" s="6">
        <v>29</v>
      </c>
      <c r="U440" s="10" t="s">
        <v>55</v>
      </c>
      <c r="V440" s="6">
        <v>218</v>
      </c>
      <c r="W440" s="6">
        <v>3</v>
      </c>
      <c r="X440" s="6">
        <v>2</v>
      </c>
      <c r="Y440" s="6">
        <v>1</v>
      </c>
      <c r="Z440" s="6">
        <v>1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98</v>
      </c>
      <c r="I441" s="9" t="s">
        <v>6</v>
      </c>
      <c r="J441" s="9" t="s">
        <v>46</v>
      </c>
      <c r="K441" s="6">
        <v>60</v>
      </c>
      <c r="L441" s="6">
        <v>3</v>
      </c>
      <c r="M441" s="6">
        <v>3</v>
      </c>
      <c r="N441" s="6">
        <v>2</v>
      </c>
      <c r="O441" s="10" t="s">
        <v>55</v>
      </c>
      <c r="P441" s="10" t="s">
        <v>55</v>
      </c>
      <c r="Q441" s="6">
        <v>1</v>
      </c>
      <c r="R441" s="10" t="s">
        <v>55</v>
      </c>
      <c r="S441" s="6">
        <v>56</v>
      </c>
      <c r="T441" s="6">
        <v>2</v>
      </c>
      <c r="U441" s="10" t="s">
        <v>55</v>
      </c>
      <c r="V441" s="6">
        <v>54</v>
      </c>
      <c r="W441" s="6">
        <v>1</v>
      </c>
      <c r="X441" s="6">
        <v>1</v>
      </c>
      <c r="Y441" s="6">
        <v>1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98</v>
      </c>
      <c r="I442" s="9" t="s">
        <v>6</v>
      </c>
      <c r="J442" s="9" t="s">
        <v>47</v>
      </c>
      <c r="K442" s="6">
        <v>7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6">
        <v>7</v>
      </c>
      <c r="T442" s="10" t="s">
        <v>55</v>
      </c>
      <c r="U442" s="10" t="s">
        <v>55</v>
      </c>
      <c r="V442" s="6">
        <v>7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98</v>
      </c>
      <c r="I443" s="9" t="s">
        <v>6</v>
      </c>
      <c r="J443" s="9" t="s">
        <v>48</v>
      </c>
      <c r="K443" s="6">
        <v>3870</v>
      </c>
      <c r="L443" s="6">
        <v>3373</v>
      </c>
      <c r="M443" s="6">
        <v>3322</v>
      </c>
      <c r="N443" s="6">
        <v>2921</v>
      </c>
      <c r="O443" s="6">
        <v>334</v>
      </c>
      <c r="P443" s="6">
        <v>3</v>
      </c>
      <c r="Q443" s="6">
        <v>64</v>
      </c>
      <c r="R443" s="6">
        <v>51</v>
      </c>
      <c r="S443" s="6">
        <v>356</v>
      </c>
      <c r="T443" s="6">
        <v>288</v>
      </c>
      <c r="U443" s="10" t="s">
        <v>55</v>
      </c>
      <c r="V443" s="6">
        <v>68</v>
      </c>
      <c r="W443" s="6">
        <v>141</v>
      </c>
      <c r="X443" s="6">
        <v>2494</v>
      </c>
      <c r="Y443" s="6">
        <v>2205</v>
      </c>
      <c r="Z443" s="6">
        <v>229</v>
      </c>
      <c r="AA443" s="6">
        <v>3</v>
      </c>
      <c r="AB443" s="6">
        <v>57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98</v>
      </c>
      <c r="I444" s="9" t="s">
        <v>6</v>
      </c>
      <c r="J444" s="9" t="s">
        <v>49</v>
      </c>
      <c r="K444" s="6">
        <v>2967</v>
      </c>
      <c r="L444" s="6">
        <v>993</v>
      </c>
      <c r="M444" s="6">
        <v>967</v>
      </c>
      <c r="N444" s="6">
        <v>758</v>
      </c>
      <c r="O444" s="6">
        <v>180</v>
      </c>
      <c r="P444" s="10" t="s">
        <v>55</v>
      </c>
      <c r="Q444" s="6">
        <v>29</v>
      </c>
      <c r="R444" s="6">
        <v>26</v>
      </c>
      <c r="S444" s="6">
        <v>1935</v>
      </c>
      <c r="T444" s="6">
        <v>457</v>
      </c>
      <c r="U444" s="10" t="s">
        <v>55</v>
      </c>
      <c r="V444" s="6">
        <v>1478</v>
      </c>
      <c r="W444" s="6">
        <v>39</v>
      </c>
      <c r="X444" s="6">
        <v>373</v>
      </c>
      <c r="Y444" s="6">
        <v>284</v>
      </c>
      <c r="Z444" s="6">
        <v>74</v>
      </c>
      <c r="AA444" s="10" t="s">
        <v>55</v>
      </c>
      <c r="AB444" s="6">
        <v>15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98</v>
      </c>
      <c r="I445" s="9" t="s">
        <v>6</v>
      </c>
      <c r="J445" s="9" t="s">
        <v>50</v>
      </c>
      <c r="K445" s="6">
        <v>1373</v>
      </c>
      <c r="L445" s="6">
        <v>200</v>
      </c>
      <c r="M445" s="6">
        <v>196</v>
      </c>
      <c r="N445" s="6">
        <v>134</v>
      </c>
      <c r="O445" s="6">
        <v>53</v>
      </c>
      <c r="P445" s="10" t="s">
        <v>55</v>
      </c>
      <c r="Q445" s="6">
        <v>9</v>
      </c>
      <c r="R445" s="6">
        <v>4</v>
      </c>
      <c r="S445" s="6">
        <v>1157</v>
      </c>
      <c r="T445" s="6">
        <v>177</v>
      </c>
      <c r="U445" s="10" t="s">
        <v>55</v>
      </c>
      <c r="V445" s="6">
        <v>980</v>
      </c>
      <c r="W445" s="6">
        <v>16</v>
      </c>
      <c r="X445" s="6">
        <v>41</v>
      </c>
      <c r="Y445" s="6">
        <v>23</v>
      </c>
      <c r="Z445" s="6">
        <v>14</v>
      </c>
      <c r="AA445" s="10" t="s">
        <v>55</v>
      </c>
      <c r="AB445" s="6">
        <v>4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98</v>
      </c>
      <c r="I446" s="9" t="s">
        <v>6</v>
      </c>
      <c r="J446" s="9" t="s">
        <v>51</v>
      </c>
      <c r="K446" s="6">
        <v>331</v>
      </c>
      <c r="L446" s="6">
        <v>17</v>
      </c>
      <c r="M446" s="6">
        <v>17</v>
      </c>
      <c r="N446" s="6">
        <v>13</v>
      </c>
      <c r="O446" s="6">
        <v>3</v>
      </c>
      <c r="P446" s="10" t="s">
        <v>55</v>
      </c>
      <c r="Q446" s="6">
        <v>1</v>
      </c>
      <c r="R446" s="10" t="s">
        <v>55</v>
      </c>
      <c r="S446" s="6">
        <v>310</v>
      </c>
      <c r="T446" s="6">
        <v>31</v>
      </c>
      <c r="U446" s="10" t="s">
        <v>55</v>
      </c>
      <c r="V446" s="6">
        <v>279</v>
      </c>
      <c r="W446" s="6">
        <v>4</v>
      </c>
      <c r="X446" s="6">
        <v>3</v>
      </c>
      <c r="Y446" s="6">
        <v>2</v>
      </c>
      <c r="Z446" s="6">
        <v>1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98</v>
      </c>
      <c r="I447" s="9" t="s">
        <v>6</v>
      </c>
      <c r="J447" s="9" t="s">
        <v>52</v>
      </c>
      <c r="K447" s="6">
        <v>4671</v>
      </c>
      <c r="L447" s="6">
        <v>3836</v>
      </c>
      <c r="M447" s="6">
        <v>3770</v>
      </c>
      <c r="N447" s="6">
        <v>3288</v>
      </c>
      <c r="O447" s="6">
        <v>403</v>
      </c>
      <c r="P447" s="6">
        <v>3</v>
      </c>
      <c r="Q447" s="6">
        <v>76</v>
      </c>
      <c r="R447" s="6">
        <v>66</v>
      </c>
      <c r="S447" s="6">
        <v>685</v>
      </c>
      <c r="T447" s="6">
        <v>434</v>
      </c>
      <c r="U447" s="10" t="s">
        <v>55</v>
      </c>
      <c r="V447" s="6">
        <v>251</v>
      </c>
      <c r="W447" s="6">
        <v>150</v>
      </c>
      <c r="X447" s="6">
        <v>2711</v>
      </c>
      <c r="Y447" s="6">
        <v>2374</v>
      </c>
      <c r="Z447" s="6">
        <v>269</v>
      </c>
      <c r="AA447" s="6">
        <v>3</v>
      </c>
      <c r="AB447" s="6">
        <v>65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98</v>
      </c>
      <c r="I448" s="9" t="s">
        <v>53</v>
      </c>
      <c r="J448" s="9" t="s">
        <v>30</v>
      </c>
      <c r="K448" s="6">
        <v>3352</v>
      </c>
      <c r="L448" s="6">
        <v>2241</v>
      </c>
      <c r="M448" s="6">
        <v>2192</v>
      </c>
      <c r="N448" s="6">
        <v>2110</v>
      </c>
      <c r="O448" s="6">
        <v>40</v>
      </c>
      <c r="P448" s="6">
        <v>1</v>
      </c>
      <c r="Q448" s="6">
        <v>41</v>
      </c>
      <c r="R448" s="6">
        <v>49</v>
      </c>
      <c r="S448" s="6">
        <v>1024</v>
      </c>
      <c r="T448" s="6">
        <v>90</v>
      </c>
      <c r="U448" s="10" t="s">
        <v>55</v>
      </c>
      <c r="V448" s="6">
        <v>934</v>
      </c>
      <c r="W448" s="6">
        <v>87</v>
      </c>
      <c r="X448" s="6">
        <v>1374</v>
      </c>
      <c r="Y448" s="6">
        <v>1332</v>
      </c>
      <c r="Z448" s="6">
        <v>21</v>
      </c>
      <c r="AA448" s="6">
        <v>1</v>
      </c>
      <c r="AB448" s="6">
        <v>20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98</v>
      </c>
      <c r="I449" s="9" t="s">
        <v>53</v>
      </c>
      <c r="J449" s="9" t="s">
        <v>31</v>
      </c>
      <c r="K449" s="6">
        <v>1</v>
      </c>
      <c r="L449" s="6">
        <v>1</v>
      </c>
      <c r="M449" s="6">
        <v>1</v>
      </c>
      <c r="N449" s="6">
        <v>1</v>
      </c>
      <c r="O449" s="10" t="s">
        <v>55</v>
      </c>
      <c r="P449" s="10" t="s">
        <v>55</v>
      </c>
      <c r="Q449" s="10" t="s">
        <v>55</v>
      </c>
      <c r="R449" s="10" t="s">
        <v>55</v>
      </c>
      <c r="S449" s="10" t="s">
        <v>55</v>
      </c>
      <c r="T449" s="10" t="s">
        <v>55</v>
      </c>
      <c r="U449" s="10" t="s">
        <v>55</v>
      </c>
      <c r="V449" s="10" t="s">
        <v>55</v>
      </c>
      <c r="W449" s="10" t="s">
        <v>55</v>
      </c>
      <c r="X449" s="10" t="s">
        <v>55</v>
      </c>
      <c r="Y449" s="10" t="s">
        <v>55</v>
      </c>
      <c r="Z449" s="10" t="s">
        <v>55</v>
      </c>
      <c r="AA449" s="10" t="s">
        <v>5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98</v>
      </c>
      <c r="I450" s="9" t="s">
        <v>53</v>
      </c>
      <c r="J450" s="9" t="s">
        <v>32</v>
      </c>
      <c r="K450" s="6">
        <v>15</v>
      </c>
      <c r="L450" s="6">
        <v>13</v>
      </c>
      <c r="M450" s="6">
        <v>13</v>
      </c>
      <c r="N450" s="6">
        <v>13</v>
      </c>
      <c r="O450" s="10" t="s">
        <v>55</v>
      </c>
      <c r="P450" s="10" t="s">
        <v>55</v>
      </c>
      <c r="Q450" s="10" t="s">
        <v>55</v>
      </c>
      <c r="R450" s="10" t="s">
        <v>55</v>
      </c>
      <c r="S450" s="10" t="s">
        <v>55</v>
      </c>
      <c r="T450" s="10" t="s">
        <v>55</v>
      </c>
      <c r="U450" s="10" t="s">
        <v>55</v>
      </c>
      <c r="V450" s="10" t="s">
        <v>55</v>
      </c>
      <c r="W450" s="6">
        <v>2</v>
      </c>
      <c r="X450" s="6">
        <v>12</v>
      </c>
      <c r="Y450" s="6">
        <v>12</v>
      </c>
      <c r="Z450" s="10" t="s">
        <v>55</v>
      </c>
      <c r="AA450" s="10" t="s">
        <v>5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98</v>
      </c>
      <c r="I451" s="9" t="s">
        <v>53</v>
      </c>
      <c r="J451" s="9" t="s">
        <v>33</v>
      </c>
      <c r="K451" s="6">
        <v>66</v>
      </c>
      <c r="L451" s="6">
        <v>61</v>
      </c>
      <c r="M451" s="6">
        <v>61</v>
      </c>
      <c r="N451" s="6">
        <v>61</v>
      </c>
      <c r="O451" s="10" t="s">
        <v>55</v>
      </c>
      <c r="P451" s="10" t="s">
        <v>55</v>
      </c>
      <c r="Q451" s="10" t="s">
        <v>55</v>
      </c>
      <c r="R451" s="10" t="s">
        <v>55</v>
      </c>
      <c r="S451" s="6">
        <v>1</v>
      </c>
      <c r="T451" s="10" t="s">
        <v>55</v>
      </c>
      <c r="U451" s="10" t="s">
        <v>55</v>
      </c>
      <c r="V451" s="6">
        <v>1</v>
      </c>
      <c r="W451" s="6">
        <v>4</v>
      </c>
      <c r="X451" s="6">
        <v>52</v>
      </c>
      <c r="Y451" s="6">
        <v>52</v>
      </c>
      <c r="Z451" s="10" t="s">
        <v>55</v>
      </c>
      <c r="AA451" s="10" t="s">
        <v>55</v>
      </c>
      <c r="AB451" s="10" t="s">
        <v>55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98</v>
      </c>
      <c r="I452" s="9" t="s">
        <v>53</v>
      </c>
      <c r="J452" s="9" t="s">
        <v>34</v>
      </c>
      <c r="K452" s="6">
        <v>119</v>
      </c>
      <c r="L452" s="6">
        <v>111</v>
      </c>
      <c r="M452" s="6">
        <v>110</v>
      </c>
      <c r="N452" s="6">
        <v>110</v>
      </c>
      <c r="O452" s="10" t="s">
        <v>55</v>
      </c>
      <c r="P452" s="10" t="s">
        <v>55</v>
      </c>
      <c r="Q452" s="10" t="s">
        <v>55</v>
      </c>
      <c r="R452" s="6">
        <v>1</v>
      </c>
      <c r="S452" s="10" t="s">
        <v>55</v>
      </c>
      <c r="T452" s="10" t="s">
        <v>55</v>
      </c>
      <c r="U452" s="10" t="s">
        <v>55</v>
      </c>
      <c r="V452" s="10" t="s">
        <v>55</v>
      </c>
      <c r="W452" s="6">
        <v>8</v>
      </c>
      <c r="X452" s="6">
        <v>90</v>
      </c>
      <c r="Y452" s="6">
        <v>90</v>
      </c>
      <c r="Z452" s="10" t="s">
        <v>55</v>
      </c>
      <c r="AA452" s="10" t="s">
        <v>55</v>
      </c>
      <c r="AB452" s="10" t="s">
        <v>55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98</v>
      </c>
      <c r="I453" s="9" t="s">
        <v>53</v>
      </c>
      <c r="J453" s="9" t="s">
        <v>35</v>
      </c>
      <c r="K453" s="6">
        <v>206</v>
      </c>
      <c r="L453" s="6">
        <v>193</v>
      </c>
      <c r="M453" s="6">
        <v>190</v>
      </c>
      <c r="N453" s="6">
        <v>189</v>
      </c>
      <c r="O453" s="10" t="s">
        <v>55</v>
      </c>
      <c r="P453" s="6">
        <v>1</v>
      </c>
      <c r="Q453" s="10" t="s">
        <v>55</v>
      </c>
      <c r="R453" s="6">
        <v>3</v>
      </c>
      <c r="S453" s="10" t="s">
        <v>55</v>
      </c>
      <c r="T453" s="10" t="s">
        <v>55</v>
      </c>
      <c r="U453" s="10" t="s">
        <v>55</v>
      </c>
      <c r="V453" s="10" t="s">
        <v>55</v>
      </c>
      <c r="W453" s="6">
        <v>13</v>
      </c>
      <c r="X453" s="6">
        <v>146</v>
      </c>
      <c r="Y453" s="6">
        <v>145</v>
      </c>
      <c r="Z453" s="10" t="s">
        <v>55</v>
      </c>
      <c r="AA453" s="6">
        <v>1</v>
      </c>
      <c r="AB453" s="10" t="s">
        <v>55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98</v>
      </c>
      <c r="I454" s="9" t="s">
        <v>53</v>
      </c>
      <c r="J454" s="9" t="s">
        <v>36</v>
      </c>
      <c r="K454" s="6">
        <v>237</v>
      </c>
      <c r="L454" s="6">
        <v>225</v>
      </c>
      <c r="M454" s="6">
        <v>223</v>
      </c>
      <c r="N454" s="6">
        <v>221</v>
      </c>
      <c r="O454" s="6">
        <v>1</v>
      </c>
      <c r="P454" s="10" t="s">
        <v>55</v>
      </c>
      <c r="Q454" s="6">
        <v>1</v>
      </c>
      <c r="R454" s="6">
        <v>2</v>
      </c>
      <c r="S454" s="6">
        <v>2</v>
      </c>
      <c r="T454" s="10" t="s">
        <v>55</v>
      </c>
      <c r="U454" s="10" t="s">
        <v>55</v>
      </c>
      <c r="V454" s="6">
        <v>2</v>
      </c>
      <c r="W454" s="6">
        <v>10</v>
      </c>
      <c r="X454" s="6">
        <v>170</v>
      </c>
      <c r="Y454" s="6">
        <v>168</v>
      </c>
      <c r="Z454" s="6">
        <v>1</v>
      </c>
      <c r="AA454" s="10" t="s">
        <v>55</v>
      </c>
      <c r="AB454" s="6">
        <v>1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98</v>
      </c>
      <c r="I455" s="9" t="s">
        <v>53</v>
      </c>
      <c r="J455" s="9" t="s">
        <v>37</v>
      </c>
      <c r="K455" s="6">
        <v>228</v>
      </c>
      <c r="L455" s="6">
        <v>216</v>
      </c>
      <c r="M455" s="6">
        <v>215</v>
      </c>
      <c r="N455" s="6">
        <v>215</v>
      </c>
      <c r="O455" s="10" t="s">
        <v>55</v>
      </c>
      <c r="P455" s="10" t="s">
        <v>55</v>
      </c>
      <c r="Q455" s="10" t="s">
        <v>55</v>
      </c>
      <c r="R455" s="6">
        <v>1</v>
      </c>
      <c r="S455" s="6">
        <v>2</v>
      </c>
      <c r="T455" s="6">
        <v>2</v>
      </c>
      <c r="U455" s="10" t="s">
        <v>55</v>
      </c>
      <c r="V455" s="10" t="s">
        <v>55</v>
      </c>
      <c r="W455" s="6">
        <v>10</v>
      </c>
      <c r="X455" s="6">
        <v>161</v>
      </c>
      <c r="Y455" s="6">
        <v>161</v>
      </c>
      <c r="Z455" s="10" t="s">
        <v>55</v>
      </c>
      <c r="AA455" s="10" t="s">
        <v>55</v>
      </c>
      <c r="AB455" s="10" t="s">
        <v>55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98</v>
      </c>
      <c r="I456" s="9" t="s">
        <v>53</v>
      </c>
      <c r="J456" s="9" t="s">
        <v>38</v>
      </c>
      <c r="K456" s="6">
        <v>252</v>
      </c>
      <c r="L456" s="6">
        <v>244</v>
      </c>
      <c r="M456" s="6">
        <v>237</v>
      </c>
      <c r="N456" s="6">
        <v>234</v>
      </c>
      <c r="O456" s="6">
        <v>2</v>
      </c>
      <c r="P456" s="10" t="s">
        <v>55</v>
      </c>
      <c r="Q456" s="6">
        <v>1</v>
      </c>
      <c r="R456" s="6">
        <v>7</v>
      </c>
      <c r="S456" s="10" t="s">
        <v>55</v>
      </c>
      <c r="T456" s="10" t="s">
        <v>55</v>
      </c>
      <c r="U456" s="10" t="s">
        <v>55</v>
      </c>
      <c r="V456" s="10" t="s">
        <v>55</v>
      </c>
      <c r="W456" s="6">
        <v>8</v>
      </c>
      <c r="X456" s="6">
        <v>168</v>
      </c>
      <c r="Y456" s="6">
        <v>165</v>
      </c>
      <c r="Z456" s="6">
        <v>2</v>
      </c>
      <c r="AA456" s="10" t="s">
        <v>55</v>
      </c>
      <c r="AB456" s="6">
        <v>1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98</v>
      </c>
      <c r="I457" s="9" t="s">
        <v>53</v>
      </c>
      <c r="J457" s="9" t="s">
        <v>39</v>
      </c>
      <c r="K457" s="6">
        <v>288</v>
      </c>
      <c r="L457" s="6">
        <v>279</v>
      </c>
      <c r="M457" s="6">
        <v>273</v>
      </c>
      <c r="N457" s="6">
        <v>268</v>
      </c>
      <c r="O457" s="6">
        <v>1</v>
      </c>
      <c r="P457" s="10" t="s">
        <v>55</v>
      </c>
      <c r="Q457" s="6">
        <v>4</v>
      </c>
      <c r="R457" s="6">
        <v>6</v>
      </c>
      <c r="S457" s="6">
        <v>4</v>
      </c>
      <c r="T457" s="6">
        <v>4</v>
      </c>
      <c r="U457" s="10" t="s">
        <v>55</v>
      </c>
      <c r="V457" s="10" t="s">
        <v>55</v>
      </c>
      <c r="W457" s="6">
        <v>5</v>
      </c>
      <c r="X457" s="6">
        <v>191</v>
      </c>
      <c r="Y457" s="6">
        <v>187</v>
      </c>
      <c r="Z457" s="6">
        <v>1</v>
      </c>
      <c r="AA457" s="10" t="s">
        <v>55</v>
      </c>
      <c r="AB457" s="6">
        <v>3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98</v>
      </c>
      <c r="I458" s="9" t="s">
        <v>53</v>
      </c>
      <c r="J458" s="9" t="s">
        <v>40</v>
      </c>
      <c r="K458" s="6">
        <v>356</v>
      </c>
      <c r="L458" s="6">
        <v>308</v>
      </c>
      <c r="M458" s="6">
        <v>300</v>
      </c>
      <c r="N458" s="6">
        <v>285</v>
      </c>
      <c r="O458" s="6">
        <v>2</v>
      </c>
      <c r="P458" s="10" t="s">
        <v>55</v>
      </c>
      <c r="Q458" s="6">
        <v>13</v>
      </c>
      <c r="R458" s="6">
        <v>8</v>
      </c>
      <c r="S458" s="6">
        <v>41</v>
      </c>
      <c r="T458" s="6">
        <v>4</v>
      </c>
      <c r="U458" s="10" t="s">
        <v>55</v>
      </c>
      <c r="V458" s="6">
        <v>37</v>
      </c>
      <c r="W458" s="6">
        <v>7</v>
      </c>
      <c r="X458" s="6">
        <v>179</v>
      </c>
      <c r="Y458" s="6">
        <v>171</v>
      </c>
      <c r="Z458" s="6">
        <v>1</v>
      </c>
      <c r="AA458" s="10" t="s">
        <v>55</v>
      </c>
      <c r="AB458" s="6">
        <v>7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98</v>
      </c>
      <c r="I459" s="9" t="s">
        <v>53</v>
      </c>
      <c r="J459" s="9" t="s">
        <v>41</v>
      </c>
      <c r="K459" s="6">
        <v>388</v>
      </c>
      <c r="L459" s="6">
        <v>261</v>
      </c>
      <c r="M459" s="6">
        <v>247</v>
      </c>
      <c r="N459" s="6">
        <v>230</v>
      </c>
      <c r="O459" s="6">
        <v>9</v>
      </c>
      <c r="P459" s="10" t="s">
        <v>55</v>
      </c>
      <c r="Q459" s="6">
        <v>8</v>
      </c>
      <c r="R459" s="6">
        <v>14</v>
      </c>
      <c r="S459" s="6">
        <v>121</v>
      </c>
      <c r="T459" s="6">
        <v>25</v>
      </c>
      <c r="U459" s="10" t="s">
        <v>55</v>
      </c>
      <c r="V459" s="6">
        <v>96</v>
      </c>
      <c r="W459" s="6">
        <v>6</v>
      </c>
      <c r="X459" s="6">
        <v>111</v>
      </c>
      <c r="Y459" s="6">
        <v>100</v>
      </c>
      <c r="Z459" s="6">
        <v>7</v>
      </c>
      <c r="AA459" s="10" t="s">
        <v>55</v>
      </c>
      <c r="AB459" s="6">
        <v>4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98</v>
      </c>
      <c r="I460" s="9" t="s">
        <v>53</v>
      </c>
      <c r="J460" s="9" t="s">
        <v>42</v>
      </c>
      <c r="K460" s="6">
        <v>428</v>
      </c>
      <c r="L460" s="6">
        <v>199</v>
      </c>
      <c r="M460" s="6">
        <v>196</v>
      </c>
      <c r="N460" s="6">
        <v>181</v>
      </c>
      <c r="O460" s="6">
        <v>8</v>
      </c>
      <c r="P460" s="10" t="s">
        <v>55</v>
      </c>
      <c r="Q460" s="6">
        <v>7</v>
      </c>
      <c r="R460" s="6">
        <v>3</v>
      </c>
      <c r="S460" s="6">
        <v>223</v>
      </c>
      <c r="T460" s="6">
        <v>17</v>
      </c>
      <c r="U460" s="10" t="s">
        <v>55</v>
      </c>
      <c r="V460" s="6">
        <v>206</v>
      </c>
      <c r="W460" s="6">
        <v>6</v>
      </c>
      <c r="X460" s="6">
        <v>68</v>
      </c>
      <c r="Y460" s="6">
        <v>63</v>
      </c>
      <c r="Z460" s="6">
        <v>3</v>
      </c>
      <c r="AA460" s="10" t="s">
        <v>55</v>
      </c>
      <c r="AB460" s="6">
        <v>2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98</v>
      </c>
      <c r="I461" s="9" t="s">
        <v>53</v>
      </c>
      <c r="J461" s="9" t="s">
        <v>43</v>
      </c>
      <c r="K461" s="6">
        <v>303</v>
      </c>
      <c r="L461" s="6">
        <v>79</v>
      </c>
      <c r="M461" s="6">
        <v>76</v>
      </c>
      <c r="N461" s="6">
        <v>65</v>
      </c>
      <c r="O461" s="6">
        <v>8</v>
      </c>
      <c r="P461" s="10" t="s">
        <v>55</v>
      </c>
      <c r="Q461" s="6">
        <v>3</v>
      </c>
      <c r="R461" s="6">
        <v>3</v>
      </c>
      <c r="S461" s="6">
        <v>220</v>
      </c>
      <c r="T461" s="6">
        <v>14</v>
      </c>
      <c r="U461" s="10" t="s">
        <v>55</v>
      </c>
      <c r="V461" s="6">
        <v>206</v>
      </c>
      <c r="W461" s="6">
        <v>4</v>
      </c>
      <c r="X461" s="6">
        <v>18</v>
      </c>
      <c r="Y461" s="6">
        <v>14</v>
      </c>
      <c r="Z461" s="6">
        <v>4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98</v>
      </c>
      <c r="I462" s="9" t="s">
        <v>53</v>
      </c>
      <c r="J462" s="9" t="s">
        <v>44</v>
      </c>
      <c r="K462" s="6">
        <v>247</v>
      </c>
      <c r="L462" s="6">
        <v>40</v>
      </c>
      <c r="M462" s="6">
        <v>39</v>
      </c>
      <c r="N462" s="6">
        <v>27</v>
      </c>
      <c r="O462" s="6">
        <v>9</v>
      </c>
      <c r="P462" s="10" t="s">
        <v>55</v>
      </c>
      <c r="Q462" s="6">
        <v>3</v>
      </c>
      <c r="R462" s="6">
        <v>1</v>
      </c>
      <c r="S462" s="6">
        <v>206</v>
      </c>
      <c r="T462" s="6">
        <v>13</v>
      </c>
      <c r="U462" s="10" t="s">
        <v>55</v>
      </c>
      <c r="V462" s="6">
        <v>193</v>
      </c>
      <c r="W462" s="6">
        <v>1</v>
      </c>
      <c r="X462" s="6">
        <v>7</v>
      </c>
      <c r="Y462" s="6">
        <v>3</v>
      </c>
      <c r="Z462" s="6">
        <v>2</v>
      </c>
      <c r="AA462" s="10" t="s">
        <v>55</v>
      </c>
      <c r="AB462" s="6">
        <v>2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98</v>
      </c>
      <c r="I463" s="9" t="s">
        <v>53</v>
      </c>
      <c r="J463" s="9" t="s">
        <v>45</v>
      </c>
      <c r="K463" s="6">
        <v>170</v>
      </c>
      <c r="L463" s="6">
        <v>9</v>
      </c>
      <c r="M463" s="6">
        <v>9</v>
      </c>
      <c r="N463" s="6">
        <v>9</v>
      </c>
      <c r="O463" s="10" t="s">
        <v>55</v>
      </c>
      <c r="P463" s="10" t="s">
        <v>55</v>
      </c>
      <c r="Q463" s="10" t="s">
        <v>55</v>
      </c>
      <c r="R463" s="10" t="s">
        <v>55</v>
      </c>
      <c r="S463" s="6">
        <v>159</v>
      </c>
      <c r="T463" s="6">
        <v>10</v>
      </c>
      <c r="U463" s="10" t="s">
        <v>55</v>
      </c>
      <c r="V463" s="6">
        <v>149</v>
      </c>
      <c r="W463" s="6">
        <v>2</v>
      </c>
      <c r="X463" s="6">
        <v>1</v>
      </c>
      <c r="Y463" s="6">
        <v>1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98</v>
      </c>
      <c r="I464" s="9" t="s">
        <v>53</v>
      </c>
      <c r="J464" s="9" t="s">
        <v>46</v>
      </c>
      <c r="K464" s="6">
        <v>45</v>
      </c>
      <c r="L464" s="6">
        <v>2</v>
      </c>
      <c r="M464" s="6">
        <v>2</v>
      </c>
      <c r="N464" s="6">
        <v>1</v>
      </c>
      <c r="O464" s="10" t="s">
        <v>55</v>
      </c>
      <c r="P464" s="10" t="s">
        <v>55</v>
      </c>
      <c r="Q464" s="6">
        <v>1</v>
      </c>
      <c r="R464" s="10" t="s">
        <v>55</v>
      </c>
      <c r="S464" s="6">
        <v>42</v>
      </c>
      <c r="T464" s="6">
        <v>1</v>
      </c>
      <c r="U464" s="10" t="s">
        <v>55</v>
      </c>
      <c r="V464" s="6">
        <v>41</v>
      </c>
      <c r="W464" s="6">
        <v>1</v>
      </c>
      <c r="X464" s="10" t="s">
        <v>55</v>
      </c>
      <c r="Y464" s="10" t="s">
        <v>55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98</v>
      </c>
      <c r="I465" s="9" t="s">
        <v>53</v>
      </c>
      <c r="J465" s="9" t="s">
        <v>47</v>
      </c>
      <c r="K465" s="6">
        <v>3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6">
        <v>3</v>
      </c>
      <c r="T465" s="10" t="s">
        <v>55</v>
      </c>
      <c r="U465" s="10" t="s">
        <v>55</v>
      </c>
      <c r="V465" s="6">
        <v>3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98</v>
      </c>
      <c r="I466" s="9" t="s">
        <v>53</v>
      </c>
      <c r="J466" s="9" t="s">
        <v>48</v>
      </c>
      <c r="K466" s="6">
        <v>1768</v>
      </c>
      <c r="L466" s="6">
        <v>1651</v>
      </c>
      <c r="M466" s="6">
        <v>1623</v>
      </c>
      <c r="N466" s="6">
        <v>1597</v>
      </c>
      <c r="O466" s="6">
        <v>6</v>
      </c>
      <c r="P466" s="6">
        <v>1</v>
      </c>
      <c r="Q466" s="6">
        <v>19</v>
      </c>
      <c r="R466" s="6">
        <v>28</v>
      </c>
      <c r="S466" s="6">
        <v>50</v>
      </c>
      <c r="T466" s="6">
        <v>10</v>
      </c>
      <c r="U466" s="10" t="s">
        <v>55</v>
      </c>
      <c r="V466" s="6">
        <v>40</v>
      </c>
      <c r="W466" s="6">
        <v>67</v>
      </c>
      <c r="X466" s="6">
        <v>1169</v>
      </c>
      <c r="Y466" s="6">
        <v>1151</v>
      </c>
      <c r="Z466" s="6">
        <v>5</v>
      </c>
      <c r="AA466" s="6">
        <v>1</v>
      </c>
      <c r="AB466" s="6">
        <v>12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98</v>
      </c>
      <c r="I467" s="9" t="s">
        <v>53</v>
      </c>
      <c r="J467" s="9" t="s">
        <v>49</v>
      </c>
      <c r="K467" s="6">
        <v>1584</v>
      </c>
      <c r="L467" s="6">
        <v>590</v>
      </c>
      <c r="M467" s="6">
        <v>569</v>
      </c>
      <c r="N467" s="6">
        <v>513</v>
      </c>
      <c r="O467" s="6">
        <v>34</v>
      </c>
      <c r="P467" s="10" t="s">
        <v>55</v>
      </c>
      <c r="Q467" s="6">
        <v>22</v>
      </c>
      <c r="R467" s="6">
        <v>21</v>
      </c>
      <c r="S467" s="6">
        <v>974</v>
      </c>
      <c r="T467" s="6">
        <v>80</v>
      </c>
      <c r="U467" s="10" t="s">
        <v>55</v>
      </c>
      <c r="V467" s="6">
        <v>894</v>
      </c>
      <c r="W467" s="6">
        <v>20</v>
      </c>
      <c r="X467" s="6">
        <v>205</v>
      </c>
      <c r="Y467" s="6">
        <v>181</v>
      </c>
      <c r="Z467" s="6">
        <v>16</v>
      </c>
      <c r="AA467" s="10" t="s">
        <v>55</v>
      </c>
      <c r="AB467" s="6">
        <v>8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98</v>
      </c>
      <c r="I468" s="9" t="s">
        <v>53</v>
      </c>
      <c r="J468" s="9" t="s">
        <v>50</v>
      </c>
      <c r="K468" s="6">
        <v>768</v>
      </c>
      <c r="L468" s="6">
        <v>130</v>
      </c>
      <c r="M468" s="6">
        <v>126</v>
      </c>
      <c r="N468" s="6">
        <v>102</v>
      </c>
      <c r="O468" s="6">
        <v>17</v>
      </c>
      <c r="P468" s="10" t="s">
        <v>55</v>
      </c>
      <c r="Q468" s="6">
        <v>7</v>
      </c>
      <c r="R468" s="6">
        <v>4</v>
      </c>
      <c r="S468" s="6">
        <v>630</v>
      </c>
      <c r="T468" s="6">
        <v>38</v>
      </c>
      <c r="U468" s="10" t="s">
        <v>55</v>
      </c>
      <c r="V468" s="6">
        <v>592</v>
      </c>
      <c r="W468" s="6">
        <v>8</v>
      </c>
      <c r="X468" s="6">
        <v>26</v>
      </c>
      <c r="Y468" s="6">
        <v>18</v>
      </c>
      <c r="Z468" s="6">
        <v>6</v>
      </c>
      <c r="AA468" s="10" t="s">
        <v>55</v>
      </c>
      <c r="AB468" s="6">
        <v>2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98</v>
      </c>
      <c r="I469" s="9" t="s">
        <v>53</v>
      </c>
      <c r="J469" s="9" t="s">
        <v>51</v>
      </c>
      <c r="K469" s="6">
        <v>218</v>
      </c>
      <c r="L469" s="6">
        <v>11</v>
      </c>
      <c r="M469" s="6">
        <v>11</v>
      </c>
      <c r="N469" s="6">
        <v>10</v>
      </c>
      <c r="O469" s="10" t="s">
        <v>55</v>
      </c>
      <c r="P469" s="10" t="s">
        <v>55</v>
      </c>
      <c r="Q469" s="6">
        <v>1</v>
      </c>
      <c r="R469" s="10" t="s">
        <v>55</v>
      </c>
      <c r="S469" s="6">
        <v>204</v>
      </c>
      <c r="T469" s="6">
        <v>11</v>
      </c>
      <c r="U469" s="10" t="s">
        <v>55</v>
      </c>
      <c r="V469" s="6">
        <v>193</v>
      </c>
      <c r="W469" s="6">
        <v>3</v>
      </c>
      <c r="X469" s="6">
        <v>1</v>
      </c>
      <c r="Y469" s="6">
        <v>1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98</v>
      </c>
      <c r="I470" s="9" t="s">
        <v>53</v>
      </c>
      <c r="J470" s="9" t="s">
        <v>52</v>
      </c>
      <c r="K470" s="6">
        <v>2155</v>
      </c>
      <c r="L470" s="6">
        <v>1911</v>
      </c>
      <c r="M470" s="6">
        <v>1869</v>
      </c>
      <c r="N470" s="6">
        <v>1826</v>
      </c>
      <c r="O470" s="6">
        <v>15</v>
      </c>
      <c r="P470" s="6">
        <v>1</v>
      </c>
      <c r="Q470" s="6">
        <v>27</v>
      </c>
      <c r="R470" s="6">
        <v>42</v>
      </c>
      <c r="S470" s="6">
        <v>171</v>
      </c>
      <c r="T470" s="6">
        <v>35</v>
      </c>
      <c r="U470" s="10" t="s">
        <v>55</v>
      </c>
      <c r="V470" s="6">
        <v>136</v>
      </c>
      <c r="W470" s="6">
        <v>73</v>
      </c>
      <c r="X470" s="6">
        <v>1280</v>
      </c>
      <c r="Y470" s="6">
        <v>1251</v>
      </c>
      <c r="Z470" s="6">
        <v>12</v>
      </c>
      <c r="AA470" s="6">
        <v>1</v>
      </c>
      <c r="AB470" s="6">
        <v>16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98</v>
      </c>
      <c r="I471" s="9" t="s">
        <v>54</v>
      </c>
      <c r="J471" s="9" t="s">
        <v>30</v>
      </c>
      <c r="K471" s="6">
        <v>3485</v>
      </c>
      <c r="L471" s="6">
        <v>2125</v>
      </c>
      <c r="M471" s="6">
        <v>2097</v>
      </c>
      <c r="N471" s="6">
        <v>1569</v>
      </c>
      <c r="O471" s="6">
        <v>474</v>
      </c>
      <c r="P471" s="6">
        <v>2</v>
      </c>
      <c r="Q471" s="6">
        <v>52</v>
      </c>
      <c r="R471" s="6">
        <v>28</v>
      </c>
      <c r="S471" s="6">
        <v>1267</v>
      </c>
      <c r="T471" s="6">
        <v>655</v>
      </c>
      <c r="U471" s="10" t="s">
        <v>55</v>
      </c>
      <c r="V471" s="6">
        <v>612</v>
      </c>
      <c r="W471" s="6">
        <v>93</v>
      </c>
      <c r="X471" s="6">
        <v>1493</v>
      </c>
      <c r="Y471" s="6">
        <v>1157</v>
      </c>
      <c r="Z471" s="6">
        <v>282</v>
      </c>
      <c r="AA471" s="6">
        <v>2</v>
      </c>
      <c r="AB471" s="6">
        <v>52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98</v>
      </c>
      <c r="I472" s="9" t="s">
        <v>54</v>
      </c>
      <c r="J472" s="9" t="s">
        <v>31</v>
      </c>
      <c r="K472" s="6">
        <v>1</v>
      </c>
      <c r="L472" s="6">
        <v>1</v>
      </c>
      <c r="M472" s="6">
        <v>1</v>
      </c>
      <c r="N472" s="6">
        <v>1</v>
      </c>
      <c r="O472" s="10" t="s">
        <v>55</v>
      </c>
      <c r="P472" s="10" t="s">
        <v>55</v>
      </c>
      <c r="Q472" s="10" t="s">
        <v>55</v>
      </c>
      <c r="R472" s="10" t="s">
        <v>55</v>
      </c>
      <c r="S472" s="10" t="s">
        <v>55</v>
      </c>
      <c r="T472" s="10" t="s">
        <v>55</v>
      </c>
      <c r="U472" s="10" t="s">
        <v>55</v>
      </c>
      <c r="V472" s="10" t="s">
        <v>55</v>
      </c>
      <c r="W472" s="10" t="s">
        <v>55</v>
      </c>
      <c r="X472" s="10" t="s">
        <v>55</v>
      </c>
      <c r="Y472" s="10" t="s">
        <v>55</v>
      </c>
      <c r="Z472" s="10" t="s">
        <v>55</v>
      </c>
      <c r="AA472" s="10" t="s">
        <v>55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98</v>
      </c>
      <c r="I473" s="9" t="s">
        <v>54</v>
      </c>
      <c r="J473" s="9" t="s">
        <v>32</v>
      </c>
      <c r="K473" s="6">
        <v>26</v>
      </c>
      <c r="L473" s="6">
        <v>19</v>
      </c>
      <c r="M473" s="6">
        <v>19</v>
      </c>
      <c r="N473" s="6">
        <v>12</v>
      </c>
      <c r="O473" s="6">
        <v>4</v>
      </c>
      <c r="P473" s="10" t="s">
        <v>55</v>
      </c>
      <c r="Q473" s="6">
        <v>3</v>
      </c>
      <c r="R473" s="10" t="s">
        <v>55</v>
      </c>
      <c r="S473" s="6">
        <v>6</v>
      </c>
      <c r="T473" s="6">
        <v>6</v>
      </c>
      <c r="U473" s="10" t="s">
        <v>55</v>
      </c>
      <c r="V473" s="10" t="s">
        <v>55</v>
      </c>
      <c r="W473" s="6">
        <v>1</v>
      </c>
      <c r="X473" s="6">
        <v>18</v>
      </c>
      <c r="Y473" s="6">
        <v>11</v>
      </c>
      <c r="Z473" s="6">
        <v>4</v>
      </c>
      <c r="AA473" s="10" t="s">
        <v>55</v>
      </c>
      <c r="AB473" s="6">
        <v>3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98</v>
      </c>
      <c r="I474" s="9" t="s">
        <v>54</v>
      </c>
      <c r="J474" s="9" t="s">
        <v>33</v>
      </c>
      <c r="K474" s="6">
        <v>88</v>
      </c>
      <c r="L474" s="6">
        <v>66</v>
      </c>
      <c r="M474" s="6">
        <v>66</v>
      </c>
      <c r="N474" s="6">
        <v>51</v>
      </c>
      <c r="O474" s="6">
        <v>9</v>
      </c>
      <c r="P474" s="10" t="s">
        <v>55</v>
      </c>
      <c r="Q474" s="6">
        <v>6</v>
      </c>
      <c r="R474" s="10" t="s">
        <v>55</v>
      </c>
      <c r="S474" s="6">
        <v>17</v>
      </c>
      <c r="T474" s="6">
        <v>16</v>
      </c>
      <c r="U474" s="10" t="s">
        <v>55</v>
      </c>
      <c r="V474" s="6">
        <v>1</v>
      </c>
      <c r="W474" s="6">
        <v>5</v>
      </c>
      <c r="X474" s="6">
        <v>61</v>
      </c>
      <c r="Y474" s="6">
        <v>48</v>
      </c>
      <c r="Z474" s="6">
        <v>7</v>
      </c>
      <c r="AA474" s="10" t="s">
        <v>55</v>
      </c>
      <c r="AB474" s="6">
        <v>6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98</v>
      </c>
      <c r="I475" s="9" t="s">
        <v>54</v>
      </c>
      <c r="J475" s="9" t="s">
        <v>34</v>
      </c>
      <c r="K475" s="6">
        <v>208</v>
      </c>
      <c r="L475" s="6">
        <v>177</v>
      </c>
      <c r="M475" s="6">
        <v>170</v>
      </c>
      <c r="N475" s="6">
        <v>124</v>
      </c>
      <c r="O475" s="6">
        <v>36</v>
      </c>
      <c r="P475" s="10" t="s">
        <v>55</v>
      </c>
      <c r="Q475" s="6">
        <v>10</v>
      </c>
      <c r="R475" s="6">
        <v>7</v>
      </c>
      <c r="S475" s="6">
        <v>20</v>
      </c>
      <c r="T475" s="6">
        <v>18</v>
      </c>
      <c r="U475" s="10" t="s">
        <v>55</v>
      </c>
      <c r="V475" s="6">
        <v>2</v>
      </c>
      <c r="W475" s="6">
        <v>11</v>
      </c>
      <c r="X475" s="6">
        <v>146</v>
      </c>
      <c r="Y475" s="6">
        <v>112</v>
      </c>
      <c r="Z475" s="6">
        <v>24</v>
      </c>
      <c r="AA475" s="10" t="s">
        <v>55</v>
      </c>
      <c r="AB475" s="6">
        <v>10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98</v>
      </c>
      <c r="I476" s="9" t="s">
        <v>54</v>
      </c>
      <c r="J476" s="9" t="s">
        <v>35</v>
      </c>
      <c r="K476" s="6">
        <v>236</v>
      </c>
      <c r="L476" s="6">
        <v>206</v>
      </c>
      <c r="M476" s="6">
        <v>203</v>
      </c>
      <c r="N476" s="6">
        <v>153</v>
      </c>
      <c r="O476" s="6">
        <v>39</v>
      </c>
      <c r="P476" s="6">
        <v>2</v>
      </c>
      <c r="Q476" s="6">
        <v>9</v>
      </c>
      <c r="R476" s="6">
        <v>3</v>
      </c>
      <c r="S476" s="6">
        <v>17</v>
      </c>
      <c r="T476" s="6">
        <v>15</v>
      </c>
      <c r="U476" s="10" t="s">
        <v>55</v>
      </c>
      <c r="V476" s="6">
        <v>2</v>
      </c>
      <c r="W476" s="6">
        <v>13</v>
      </c>
      <c r="X476" s="6">
        <v>169</v>
      </c>
      <c r="Y476" s="6">
        <v>131</v>
      </c>
      <c r="Z476" s="6">
        <v>27</v>
      </c>
      <c r="AA476" s="6">
        <v>2</v>
      </c>
      <c r="AB476" s="6">
        <v>9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98</v>
      </c>
      <c r="I477" s="9" t="s">
        <v>54</v>
      </c>
      <c r="J477" s="9" t="s">
        <v>36</v>
      </c>
      <c r="K477" s="6">
        <v>270</v>
      </c>
      <c r="L477" s="6">
        <v>236</v>
      </c>
      <c r="M477" s="6">
        <v>234</v>
      </c>
      <c r="N477" s="6">
        <v>190</v>
      </c>
      <c r="O477" s="6">
        <v>38</v>
      </c>
      <c r="P477" s="10" t="s">
        <v>55</v>
      </c>
      <c r="Q477" s="6">
        <v>6</v>
      </c>
      <c r="R477" s="6">
        <v>2</v>
      </c>
      <c r="S477" s="6">
        <v>20</v>
      </c>
      <c r="T477" s="6">
        <v>20</v>
      </c>
      <c r="U477" s="10" t="s">
        <v>55</v>
      </c>
      <c r="V477" s="10" t="s">
        <v>55</v>
      </c>
      <c r="W477" s="6">
        <v>14</v>
      </c>
      <c r="X477" s="6">
        <v>206</v>
      </c>
      <c r="Y477" s="6">
        <v>171</v>
      </c>
      <c r="Z477" s="6">
        <v>29</v>
      </c>
      <c r="AA477" s="10" t="s">
        <v>55</v>
      </c>
      <c r="AB477" s="6">
        <v>6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98</v>
      </c>
      <c r="I478" s="9" t="s">
        <v>54</v>
      </c>
      <c r="J478" s="9" t="s">
        <v>37</v>
      </c>
      <c r="K478" s="6">
        <v>275</v>
      </c>
      <c r="L478" s="6">
        <v>241</v>
      </c>
      <c r="M478" s="6">
        <v>238</v>
      </c>
      <c r="N478" s="6">
        <v>204</v>
      </c>
      <c r="O478" s="6">
        <v>33</v>
      </c>
      <c r="P478" s="10" t="s">
        <v>55</v>
      </c>
      <c r="Q478" s="6">
        <v>1</v>
      </c>
      <c r="R478" s="6">
        <v>3</v>
      </c>
      <c r="S478" s="6">
        <v>25</v>
      </c>
      <c r="T478" s="6">
        <v>24</v>
      </c>
      <c r="U478" s="10" t="s">
        <v>55</v>
      </c>
      <c r="V478" s="6">
        <v>1</v>
      </c>
      <c r="W478" s="6">
        <v>9</v>
      </c>
      <c r="X478" s="6">
        <v>192</v>
      </c>
      <c r="Y478" s="6">
        <v>167</v>
      </c>
      <c r="Z478" s="6">
        <v>24</v>
      </c>
      <c r="AA478" s="10" t="s">
        <v>55</v>
      </c>
      <c r="AB478" s="6">
        <v>1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98</v>
      </c>
      <c r="I479" s="9" t="s">
        <v>54</v>
      </c>
      <c r="J479" s="9" t="s">
        <v>38</v>
      </c>
      <c r="K479" s="6">
        <v>294</v>
      </c>
      <c r="L479" s="6">
        <v>237</v>
      </c>
      <c r="M479" s="6">
        <v>235</v>
      </c>
      <c r="N479" s="6">
        <v>192</v>
      </c>
      <c r="O479" s="6">
        <v>41</v>
      </c>
      <c r="P479" s="10" t="s">
        <v>55</v>
      </c>
      <c r="Q479" s="6">
        <v>2</v>
      </c>
      <c r="R479" s="6">
        <v>2</v>
      </c>
      <c r="S479" s="6">
        <v>48</v>
      </c>
      <c r="T479" s="6">
        <v>46</v>
      </c>
      <c r="U479" s="10" t="s">
        <v>55</v>
      </c>
      <c r="V479" s="6">
        <v>2</v>
      </c>
      <c r="W479" s="6">
        <v>9</v>
      </c>
      <c r="X479" s="6">
        <v>173</v>
      </c>
      <c r="Y479" s="6">
        <v>140</v>
      </c>
      <c r="Z479" s="6">
        <v>31</v>
      </c>
      <c r="AA479" s="10" t="s">
        <v>55</v>
      </c>
      <c r="AB479" s="6">
        <v>2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98</v>
      </c>
      <c r="I480" s="9" t="s">
        <v>54</v>
      </c>
      <c r="J480" s="9" t="s">
        <v>39</v>
      </c>
      <c r="K480" s="6">
        <v>317</v>
      </c>
      <c r="L480" s="6">
        <v>259</v>
      </c>
      <c r="M480" s="6">
        <v>256</v>
      </c>
      <c r="N480" s="6">
        <v>203</v>
      </c>
      <c r="O480" s="6">
        <v>52</v>
      </c>
      <c r="P480" s="10" t="s">
        <v>55</v>
      </c>
      <c r="Q480" s="6">
        <v>1</v>
      </c>
      <c r="R480" s="6">
        <v>3</v>
      </c>
      <c r="S480" s="6">
        <v>54</v>
      </c>
      <c r="T480" s="6">
        <v>53</v>
      </c>
      <c r="U480" s="10" t="s">
        <v>55</v>
      </c>
      <c r="V480" s="6">
        <v>1</v>
      </c>
      <c r="W480" s="6">
        <v>4</v>
      </c>
      <c r="X480" s="6">
        <v>191</v>
      </c>
      <c r="Y480" s="6">
        <v>156</v>
      </c>
      <c r="Z480" s="6">
        <v>34</v>
      </c>
      <c r="AA480" s="10" t="s">
        <v>55</v>
      </c>
      <c r="AB480" s="6">
        <v>1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98</v>
      </c>
      <c r="I481" s="9" t="s">
        <v>54</v>
      </c>
      <c r="J481" s="9" t="s">
        <v>40</v>
      </c>
      <c r="K481" s="6">
        <v>387</v>
      </c>
      <c r="L481" s="6">
        <v>280</v>
      </c>
      <c r="M481" s="6">
        <v>277</v>
      </c>
      <c r="N481" s="6">
        <v>194</v>
      </c>
      <c r="O481" s="6">
        <v>76</v>
      </c>
      <c r="P481" s="10" t="s">
        <v>55</v>
      </c>
      <c r="Q481" s="6">
        <v>7</v>
      </c>
      <c r="R481" s="6">
        <v>3</v>
      </c>
      <c r="S481" s="6">
        <v>99</v>
      </c>
      <c r="T481" s="6">
        <v>80</v>
      </c>
      <c r="U481" s="10" t="s">
        <v>55</v>
      </c>
      <c r="V481" s="6">
        <v>19</v>
      </c>
      <c r="W481" s="6">
        <v>8</v>
      </c>
      <c r="X481" s="6">
        <v>169</v>
      </c>
      <c r="Y481" s="6">
        <v>118</v>
      </c>
      <c r="Z481" s="6">
        <v>44</v>
      </c>
      <c r="AA481" s="10" t="s">
        <v>55</v>
      </c>
      <c r="AB481" s="6">
        <v>7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98</v>
      </c>
      <c r="I482" s="9" t="s">
        <v>54</v>
      </c>
      <c r="J482" s="9" t="s">
        <v>41</v>
      </c>
      <c r="K482" s="6">
        <v>415</v>
      </c>
      <c r="L482" s="6">
        <v>204</v>
      </c>
      <c r="M482" s="6">
        <v>203</v>
      </c>
      <c r="N482" s="6">
        <v>139</v>
      </c>
      <c r="O482" s="6">
        <v>60</v>
      </c>
      <c r="P482" s="10" t="s">
        <v>55</v>
      </c>
      <c r="Q482" s="6">
        <v>4</v>
      </c>
      <c r="R482" s="6">
        <v>1</v>
      </c>
      <c r="S482" s="6">
        <v>208</v>
      </c>
      <c r="T482" s="6">
        <v>121</v>
      </c>
      <c r="U482" s="10" t="s">
        <v>55</v>
      </c>
      <c r="V482" s="6">
        <v>87</v>
      </c>
      <c r="W482" s="6">
        <v>3</v>
      </c>
      <c r="X482" s="6">
        <v>106</v>
      </c>
      <c r="Y482" s="6">
        <v>69</v>
      </c>
      <c r="Z482" s="6">
        <v>33</v>
      </c>
      <c r="AA482" s="10" t="s">
        <v>55</v>
      </c>
      <c r="AB482" s="6">
        <v>4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98</v>
      </c>
      <c r="I483" s="9" t="s">
        <v>54</v>
      </c>
      <c r="J483" s="9" t="s">
        <v>42</v>
      </c>
      <c r="K483" s="6">
        <v>363</v>
      </c>
      <c r="L483" s="6">
        <v>129</v>
      </c>
      <c r="M483" s="6">
        <v>125</v>
      </c>
      <c r="N483" s="6">
        <v>74</v>
      </c>
      <c r="O483" s="6">
        <v>50</v>
      </c>
      <c r="P483" s="10" t="s">
        <v>55</v>
      </c>
      <c r="Q483" s="6">
        <v>1</v>
      </c>
      <c r="R483" s="6">
        <v>4</v>
      </c>
      <c r="S483" s="6">
        <v>226</v>
      </c>
      <c r="T483" s="6">
        <v>117</v>
      </c>
      <c r="U483" s="10" t="s">
        <v>55</v>
      </c>
      <c r="V483" s="6">
        <v>109</v>
      </c>
      <c r="W483" s="6">
        <v>8</v>
      </c>
      <c r="X483" s="6">
        <v>47</v>
      </c>
      <c r="Y483" s="6">
        <v>29</v>
      </c>
      <c r="Z483" s="6">
        <v>17</v>
      </c>
      <c r="AA483" s="10" t="s">
        <v>55</v>
      </c>
      <c r="AB483" s="6">
        <v>1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98</v>
      </c>
      <c r="I484" s="9" t="s">
        <v>54</v>
      </c>
      <c r="J484" s="9" t="s">
        <v>43</v>
      </c>
      <c r="K484" s="6">
        <v>290</v>
      </c>
      <c r="L484" s="6">
        <v>43</v>
      </c>
      <c r="M484" s="6">
        <v>43</v>
      </c>
      <c r="N484" s="6">
        <v>18</v>
      </c>
      <c r="O484" s="6">
        <v>23</v>
      </c>
      <c r="P484" s="10" t="s">
        <v>55</v>
      </c>
      <c r="Q484" s="6">
        <v>2</v>
      </c>
      <c r="R484" s="10" t="s">
        <v>55</v>
      </c>
      <c r="S484" s="6">
        <v>243</v>
      </c>
      <c r="T484" s="6">
        <v>84</v>
      </c>
      <c r="U484" s="10" t="s">
        <v>55</v>
      </c>
      <c r="V484" s="6">
        <v>159</v>
      </c>
      <c r="W484" s="6">
        <v>4</v>
      </c>
      <c r="X484" s="6">
        <v>9</v>
      </c>
      <c r="Y484" s="6">
        <v>3</v>
      </c>
      <c r="Z484" s="6">
        <v>4</v>
      </c>
      <c r="AA484" s="10" t="s">
        <v>55</v>
      </c>
      <c r="AB484" s="6">
        <v>2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98</v>
      </c>
      <c r="I485" s="9" t="s">
        <v>54</v>
      </c>
      <c r="J485" s="9" t="s">
        <v>44</v>
      </c>
      <c r="K485" s="6">
        <v>202</v>
      </c>
      <c r="L485" s="6">
        <v>21</v>
      </c>
      <c r="M485" s="6">
        <v>21</v>
      </c>
      <c r="N485" s="6">
        <v>11</v>
      </c>
      <c r="O485" s="6">
        <v>10</v>
      </c>
      <c r="P485" s="10" t="s">
        <v>55</v>
      </c>
      <c r="Q485" s="10" t="s">
        <v>55</v>
      </c>
      <c r="R485" s="10" t="s">
        <v>55</v>
      </c>
      <c r="S485" s="6">
        <v>178</v>
      </c>
      <c r="T485" s="6">
        <v>35</v>
      </c>
      <c r="U485" s="10" t="s">
        <v>55</v>
      </c>
      <c r="V485" s="6">
        <v>143</v>
      </c>
      <c r="W485" s="6">
        <v>3</v>
      </c>
      <c r="X485" s="6">
        <v>4</v>
      </c>
      <c r="Y485" s="6">
        <v>1</v>
      </c>
      <c r="Z485" s="6">
        <v>3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98</v>
      </c>
      <c r="I486" s="9" t="s">
        <v>54</v>
      </c>
      <c r="J486" s="9" t="s">
        <v>45</v>
      </c>
      <c r="K486" s="6">
        <v>94</v>
      </c>
      <c r="L486" s="6">
        <v>5</v>
      </c>
      <c r="M486" s="6">
        <v>5</v>
      </c>
      <c r="N486" s="6">
        <v>2</v>
      </c>
      <c r="O486" s="6">
        <v>3</v>
      </c>
      <c r="P486" s="10" t="s">
        <v>55</v>
      </c>
      <c r="Q486" s="10" t="s">
        <v>55</v>
      </c>
      <c r="R486" s="10" t="s">
        <v>55</v>
      </c>
      <c r="S486" s="6">
        <v>88</v>
      </c>
      <c r="T486" s="6">
        <v>19</v>
      </c>
      <c r="U486" s="10" t="s">
        <v>55</v>
      </c>
      <c r="V486" s="6">
        <v>69</v>
      </c>
      <c r="W486" s="6">
        <v>1</v>
      </c>
      <c r="X486" s="6">
        <v>1</v>
      </c>
      <c r="Y486" s="10" t="s">
        <v>55</v>
      </c>
      <c r="Z486" s="6">
        <v>1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98</v>
      </c>
      <c r="I487" s="9" t="s">
        <v>54</v>
      </c>
      <c r="J487" s="9" t="s">
        <v>46</v>
      </c>
      <c r="K487" s="6">
        <v>15</v>
      </c>
      <c r="L487" s="6">
        <v>1</v>
      </c>
      <c r="M487" s="6">
        <v>1</v>
      </c>
      <c r="N487" s="6">
        <v>1</v>
      </c>
      <c r="O487" s="10" t="s">
        <v>55</v>
      </c>
      <c r="P487" s="10" t="s">
        <v>55</v>
      </c>
      <c r="Q487" s="10" t="s">
        <v>55</v>
      </c>
      <c r="R487" s="10" t="s">
        <v>55</v>
      </c>
      <c r="S487" s="6">
        <v>14</v>
      </c>
      <c r="T487" s="6">
        <v>1</v>
      </c>
      <c r="U487" s="10" t="s">
        <v>55</v>
      </c>
      <c r="V487" s="6">
        <v>13</v>
      </c>
      <c r="W487" s="10" t="s">
        <v>55</v>
      </c>
      <c r="X487" s="6">
        <v>1</v>
      </c>
      <c r="Y487" s="6">
        <v>1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98</v>
      </c>
      <c r="I488" s="9" t="s">
        <v>54</v>
      </c>
      <c r="J488" s="9" t="s">
        <v>47</v>
      </c>
      <c r="K488" s="6">
        <v>4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6">
        <v>4</v>
      </c>
      <c r="T488" s="10" t="s">
        <v>55</v>
      </c>
      <c r="U488" s="10" t="s">
        <v>55</v>
      </c>
      <c r="V488" s="6">
        <v>4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98</v>
      </c>
      <c r="I489" s="9" t="s">
        <v>54</v>
      </c>
      <c r="J489" s="9" t="s">
        <v>48</v>
      </c>
      <c r="K489" s="6">
        <v>2102</v>
      </c>
      <c r="L489" s="6">
        <v>1722</v>
      </c>
      <c r="M489" s="6">
        <v>1699</v>
      </c>
      <c r="N489" s="6">
        <v>1324</v>
      </c>
      <c r="O489" s="6">
        <v>328</v>
      </c>
      <c r="P489" s="6">
        <v>2</v>
      </c>
      <c r="Q489" s="6">
        <v>45</v>
      </c>
      <c r="R489" s="6">
        <v>23</v>
      </c>
      <c r="S489" s="6">
        <v>306</v>
      </c>
      <c r="T489" s="6">
        <v>278</v>
      </c>
      <c r="U489" s="10" t="s">
        <v>55</v>
      </c>
      <c r="V489" s="6">
        <v>28</v>
      </c>
      <c r="W489" s="6">
        <v>74</v>
      </c>
      <c r="X489" s="6">
        <v>1325</v>
      </c>
      <c r="Y489" s="6">
        <v>1054</v>
      </c>
      <c r="Z489" s="6">
        <v>224</v>
      </c>
      <c r="AA489" s="6">
        <v>2</v>
      </c>
      <c r="AB489" s="6">
        <v>45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98</v>
      </c>
      <c r="I490" s="9" t="s">
        <v>54</v>
      </c>
      <c r="J490" s="9" t="s">
        <v>49</v>
      </c>
      <c r="K490" s="6">
        <v>1383</v>
      </c>
      <c r="L490" s="6">
        <v>403</v>
      </c>
      <c r="M490" s="6">
        <v>398</v>
      </c>
      <c r="N490" s="6">
        <v>245</v>
      </c>
      <c r="O490" s="6">
        <v>146</v>
      </c>
      <c r="P490" s="10" t="s">
        <v>55</v>
      </c>
      <c r="Q490" s="6">
        <v>7</v>
      </c>
      <c r="R490" s="6">
        <v>5</v>
      </c>
      <c r="S490" s="6">
        <v>961</v>
      </c>
      <c r="T490" s="6">
        <v>377</v>
      </c>
      <c r="U490" s="10" t="s">
        <v>55</v>
      </c>
      <c r="V490" s="6">
        <v>584</v>
      </c>
      <c r="W490" s="6">
        <v>19</v>
      </c>
      <c r="X490" s="6">
        <v>168</v>
      </c>
      <c r="Y490" s="6">
        <v>103</v>
      </c>
      <c r="Z490" s="6">
        <v>58</v>
      </c>
      <c r="AA490" s="10" t="s">
        <v>55</v>
      </c>
      <c r="AB490" s="6">
        <v>7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98</v>
      </c>
      <c r="I491" s="9" t="s">
        <v>54</v>
      </c>
      <c r="J491" s="9" t="s">
        <v>50</v>
      </c>
      <c r="K491" s="6">
        <v>605</v>
      </c>
      <c r="L491" s="6">
        <v>70</v>
      </c>
      <c r="M491" s="6">
        <v>70</v>
      </c>
      <c r="N491" s="6">
        <v>32</v>
      </c>
      <c r="O491" s="6">
        <v>36</v>
      </c>
      <c r="P491" s="10" t="s">
        <v>55</v>
      </c>
      <c r="Q491" s="6">
        <v>2</v>
      </c>
      <c r="R491" s="10" t="s">
        <v>55</v>
      </c>
      <c r="S491" s="6">
        <v>527</v>
      </c>
      <c r="T491" s="6">
        <v>139</v>
      </c>
      <c r="U491" s="10" t="s">
        <v>55</v>
      </c>
      <c r="V491" s="6">
        <v>388</v>
      </c>
      <c r="W491" s="6">
        <v>8</v>
      </c>
      <c r="X491" s="6">
        <v>15</v>
      </c>
      <c r="Y491" s="6">
        <v>5</v>
      </c>
      <c r="Z491" s="6">
        <v>8</v>
      </c>
      <c r="AA491" s="10" t="s">
        <v>55</v>
      </c>
      <c r="AB491" s="6">
        <v>2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98</v>
      </c>
      <c r="I492" s="9" t="s">
        <v>54</v>
      </c>
      <c r="J492" s="9" t="s">
        <v>51</v>
      </c>
      <c r="K492" s="6">
        <v>113</v>
      </c>
      <c r="L492" s="6">
        <v>6</v>
      </c>
      <c r="M492" s="6">
        <v>6</v>
      </c>
      <c r="N492" s="6">
        <v>3</v>
      </c>
      <c r="O492" s="6">
        <v>3</v>
      </c>
      <c r="P492" s="10" t="s">
        <v>55</v>
      </c>
      <c r="Q492" s="10" t="s">
        <v>55</v>
      </c>
      <c r="R492" s="10" t="s">
        <v>55</v>
      </c>
      <c r="S492" s="6">
        <v>106</v>
      </c>
      <c r="T492" s="6">
        <v>20</v>
      </c>
      <c r="U492" s="10" t="s">
        <v>55</v>
      </c>
      <c r="V492" s="6">
        <v>86</v>
      </c>
      <c r="W492" s="6">
        <v>1</v>
      </c>
      <c r="X492" s="6">
        <v>2</v>
      </c>
      <c r="Y492" s="6">
        <v>1</v>
      </c>
      <c r="Z492" s="6">
        <v>1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98</v>
      </c>
      <c r="I493" s="9" t="s">
        <v>54</v>
      </c>
      <c r="J493" s="9" t="s">
        <v>52</v>
      </c>
      <c r="K493" s="6">
        <v>2516</v>
      </c>
      <c r="L493" s="6">
        <v>1925</v>
      </c>
      <c r="M493" s="6">
        <v>1901</v>
      </c>
      <c r="N493" s="6">
        <v>1462</v>
      </c>
      <c r="O493" s="6">
        <v>388</v>
      </c>
      <c r="P493" s="6">
        <v>2</v>
      </c>
      <c r="Q493" s="6">
        <v>49</v>
      </c>
      <c r="R493" s="6">
        <v>24</v>
      </c>
      <c r="S493" s="6">
        <v>514</v>
      </c>
      <c r="T493" s="6">
        <v>399</v>
      </c>
      <c r="U493" s="10" t="s">
        <v>55</v>
      </c>
      <c r="V493" s="6">
        <v>115</v>
      </c>
      <c r="W493" s="6">
        <v>77</v>
      </c>
      <c r="X493" s="6">
        <v>1431</v>
      </c>
      <c r="Y493" s="6">
        <v>1123</v>
      </c>
      <c r="Z493" s="6">
        <v>257</v>
      </c>
      <c r="AA493" s="6">
        <v>2</v>
      </c>
      <c r="AB493" s="6">
        <v>49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98</v>
      </c>
      <c r="I494" s="9" t="s">
        <v>6</v>
      </c>
      <c r="J494" s="9" t="s">
        <v>30</v>
      </c>
      <c r="K494" s="6">
        <v>984</v>
      </c>
      <c r="L494" s="6">
        <v>624</v>
      </c>
      <c r="M494" s="6">
        <v>612</v>
      </c>
      <c r="N494" s="6">
        <v>514</v>
      </c>
      <c r="O494" s="6">
        <v>89</v>
      </c>
      <c r="P494" s="10" t="s">
        <v>55</v>
      </c>
      <c r="Q494" s="6">
        <v>9</v>
      </c>
      <c r="R494" s="6">
        <v>12</v>
      </c>
      <c r="S494" s="6">
        <v>348</v>
      </c>
      <c r="T494" s="6">
        <v>102</v>
      </c>
      <c r="U494" s="10" t="s">
        <v>55</v>
      </c>
      <c r="V494" s="6">
        <v>246</v>
      </c>
      <c r="W494" s="6">
        <v>12</v>
      </c>
      <c r="X494" s="6">
        <v>325</v>
      </c>
      <c r="Y494" s="6">
        <v>289</v>
      </c>
      <c r="Z494" s="6">
        <v>31</v>
      </c>
      <c r="AA494" s="10" t="s">
        <v>55</v>
      </c>
      <c r="AB494" s="6">
        <v>5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98</v>
      </c>
      <c r="I495" s="9" t="s">
        <v>6</v>
      </c>
      <c r="J495" s="9" t="s">
        <v>31</v>
      </c>
      <c r="K495" s="10" t="s">
        <v>55</v>
      </c>
      <c r="L495" s="10" t="s">
        <v>55</v>
      </c>
      <c r="M495" s="10" t="s">
        <v>55</v>
      </c>
      <c r="N495" s="10" t="s">
        <v>55</v>
      </c>
      <c r="O495" s="10" t="s">
        <v>55</v>
      </c>
      <c r="P495" s="10" t="s">
        <v>55</v>
      </c>
      <c r="Q495" s="10" t="s">
        <v>55</v>
      </c>
      <c r="R495" s="10" t="s">
        <v>55</v>
      </c>
      <c r="S495" s="10" t="s">
        <v>55</v>
      </c>
      <c r="T495" s="10" t="s">
        <v>55</v>
      </c>
      <c r="U495" s="10" t="s">
        <v>55</v>
      </c>
      <c r="V495" s="10" t="s">
        <v>55</v>
      </c>
      <c r="W495" s="10" t="s">
        <v>55</v>
      </c>
      <c r="X495" s="10" t="s">
        <v>55</v>
      </c>
      <c r="Y495" s="10" t="s">
        <v>55</v>
      </c>
      <c r="Z495" s="10" t="s">
        <v>55</v>
      </c>
      <c r="AA495" s="10" t="s">
        <v>55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98</v>
      </c>
      <c r="I496" s="9" t="s">
        <v>6</v>
      </c>
      <c r="J496" s="9" t="s">
        <v>32</v>
      </c>
      <c r="K496" s="6">
        <v>5</v>
      </c>
      <c r="L496" s="6">
        <v>4</v>
      </c>
      <c r="M496" s="6">
        <v>4</v>
      </c>
      <c r="N496" s="6">
        <v>4</v>
      </c>
      <c r="O496" s="10" t="s">
        <v>55</v>
      </c>
      <c r="P496" s="10" t="s">
        <v>55</v>
      </c>
      <c r="Q496" s="10" t="s">
        <v>55</v>
      </c>
      <c r="R496" s="10" t="s">
        <v>55</v>
      </c>
      <c r="S496" s="10" t="s">
        <v>55</v>
      </c>
      <c r="T496" s="10" t="s">
        <v>55</v>
      </c>
      <c r="U496" s="10" t="s">
        <v>55</v>
      </c>
      <c r="V496" s="10" t="s">
        <v>55</v>
      </c>
      <c r="W496" s="6">
        <v>1</v>
      </c>
      <c r="X496" s="6">
        <v>4</v>
      </c>
      <c r="Y496" s="6">
        <v>4</v>
      </c>
      <c r="Z496" s="10" t="s">
        <v>55</v>
      </c>
      <c r="AA496" s="10" t="s">
        <v>55</v>
      </c>
      <c r="AB496" s="10" t="s">
        <v>55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98</v>
      </c>
      <c r="I497" s="9" t="s">
        <v>6</v>
      </c>
      <c r="J497" s="9" t="s">
        <v>33</v>
      </c>
      <c r="K497" s="6">
        <v>6</v>
      </c>
      <c r="L497" s="6">
        <v>5</v>
      </c>
      <c r="M497" s="6">
        <v>4</v>
      </c>
      <c r="N497" s="6">
        <v>4</v>
      </c>
      <c r="O497" s="10" t="s">
        <v>55</v>
      </c>
      <c r="P497" s="10" t="s">
        <v>55</v>
      </c>
      <c r="Q497" s="10" t="s">
        <v>55</v>
      </c>
      <c r="R497" s="6">
        <v>1</v>
      </c>
      <c r="S497" s="6">
        <v>1</v>
      </c>
      <c r="T497" s="6">
        <v>1</v>
      </c>
      <c r="U497" s="10" t="s">
        <v>55</v>
      </c>
      <c r="V497" s="10" t="s">
        <v>55</v>
      </c>
      <c r="W497" s="10" t="s">
        <v>55</v>
      </c>
      <c r="X497" s="6">
        <v>3</v>
      </c>
      <c r="Y497" s="6">
        <v>3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98</v>
      </c>
      <c r="I498" s="9" t="s">
        <v>6</v>
      </c>
      <c r="J498" s="9" t="s">
        <v>34</v>
      </c>
      <c r="K498" s="6">
        <v>14</v>
      </c>
      <c r="L498" s="6">
        <v>13</v>
      </c>
      <c r="M498" s="6">
        <v>13</v>
      </c>
      <c r="N498" s="6">
        <v>10</v>
      </c>
      <c r="O498" s="6">
        <v>2</v>
      </c>
      <c r="P498" s="10" t="s">
        <v>55</v>
      </c>
      <c r="Q498" s="6">
        <v>1</v>
      </c>
      <c r="R498" s="10" t="s">
        <v>55</v>
      </c>
      <c r="S498" s="6">
        <v>1</v>
      </c>
      <c r="T498" s="6">
        <v>1</v>
      </c>
      <c r="U498" s="10" t="s">
        <v>55</v>
      </c>
      <c r="V498" s="10" t="s">
        <v>55</v>
      </c>
      <c r="W498" s="10" t="s">
        <v>55</v>
      </c>
      <c r="X498" s="6">
        <v>11</v>
      </c>
      <c r="Y498" s="6">
        <v>9</v>
      </c>
      <c r="Z498" s="6">
        <v>1</v>
      </c>
      <c r="AA498" s="10" t="s">
        <v>55</v>
      </c>
      <c r="AB498" s="6">
        <v>1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98</v>
      </c>
      <c r="I499" s="9" t="s">
        <v>6</v>
      </c>
      <c r="J499" s="9" t="s">
        <v>35</v>
      </c>
      <c r="K499" s="6">
        <v>33</v>
      </c>
      <c r="L499" s="6">
        <v>31</v>
      </c>
      <c r="M499" s="6">
        <v>30</v>
      </c>
      <c r="N499" s="6">
        <v>26</v>
      </c>
      <c r="O499" s="6">
        <v>4</v>
      </c>
      <c r="P499" s="10" t="s">
        <v>55</v>
      </c>
      <c r="Q499" s="10" t="s">
        <v>55</v>
      </c>
      <c r="R499" s="6">
        <v>1</v>
      </c>
      <c r="S499" s="6">
        <v>2</v>
      </c>
      <c r="T499" s="6">
        <v>2</v>
      </c>
      <c r="U499" s="10" t="s">
        <v>55</v>
      </c>
      <c r="V499" s="10" t="s">
        <v>55</v>
      </c>
      <c r="W499" s="10" t="s">
        <v>55</v>
      </c>
      <c r="X499" s="6">
        <v>21</v>
      </c>
      <c r="Y499" s="6">
        <v>19</v>
      </c>
      <c r="Z499" s="6">
        <v>2</v>
      </c>
      <c r="AA499" s="10" t="s">
        <v>55</v>
      </c>
      <c r="AB499" s="10" t="s">
        <v>55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98</v>
      </c>
      <c r="I500" s="9" t="s">
        <v>6</v>
      </c>
      <c r="J500" s="9" t="s">
        <v>36</v>
      </c>
      <c r="K500" s="6">
        <v>39</v>
      </c>
      <c r="L500" s="6">
        <v>35</v>
      </c>
      <c r="M500" s="6">
        <v>34</v>
      </c>
      <c r="N500" s="6">
        <v>32</v>
      </c>
      <c r="O500" s="6">
        <v>2</v>
      </c>
      <c r="P500" s="10" t="s">
        <v>55</v>
      </c>
      <c r="Q500" s="10" t="s">
        <v>55</v>
      </c>
      <c r="R500" s="6">
        <v>1</v>
      </c>
      <c r="S500" s="6">
        <v>3</v>
      </c>
      <c r="T500" s="6">
        <v>3</v>
      </c>
      <c r="U500" s="10" t="s">
        <v>55</v>
      </c>
      <c r="V500" s="10" t="s">
        <v>55</v>
      </c>
      <c r="W500" s="6">
        <v>1</v>
      </c>
      <c r="X500" s="6">
        <v>26</v>
      </c>
      <c r="Y500" s="6">
        <v>25</v>
      </c>
      <c r="Z500" s="6">
        <v>1</v>
      </c>
      <c r="AA500" s="10" t="s">
        <v>55</v>
      </c>
      <c r="AB500" s="10" t="s">
        <v>55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98</v>
      </c>
      <c r="I501" s="9" t="s">
        <v>6</v>
      </c>
      <c r="J501" s="9" t="s">
        <v>37</v>
      </c>
      <c r="K501" s="6">
        <v>51</v>
      </c>
      <c r="L501" s="6">
        <v>48</v>
      </c>
      <c r="M501" s="6">
        <v>47</v>
      </c>
      <c r="N501" s="6">
        <v>42</v>
      </c>
      <c r="O501" s="6">
        <v>5</v>
      </c>
      <c r="P501" s="10" t="s">
        <v>55</v>
      </c>
      <c r="Q501" s="10" t="s">
        <v>55</v>
      </c>
      <c r="R501" s="6">
        <v>1</v>
      </c>
      <c r="S501" s="6">
        <v>1</v>
      </c>
      <c r="T501" s="6">
        <v>1</v>
      </c>
      <c r="U501" s="10" t="s">
        <v>55</v>
      </c>
      <c r="V501" s="10" t="s">
        <v>55</v>
      </c>
      <c r="W501" s="6">
        <v>2</v>
      </c>
      <c r="X501" s="6">
        <v>39</v>
      </c>
      <c r="Y501" s="6">
        <v>35</v>
      </c>
      <c r="Z501" s="6">
        <v>4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98</v>
      </c>
      <c r="I502" s="9" t="s">
        <v>6</v>
      </c>
      <c r="J502" s="9" t="s">
        <v>38</v>
      </c>
      <c r="K502" s="6">
        <v>49</v>
      </c>
      <c r="L502" s="6">
        <v>45</v>
      </c>
      <c r="M502" s="6">
        <v>44</v>
      </c>
      <c r="N502" s="6">
        <v>40</v>
      </c>
      <c r="O502" s="6">
        <v>4</v>
      </c>
      <c r="P502" s="10" t="s">
        <v>55</v>
      </c>
      <c r="Q502" s="10" t="s">
        <v>55</v>
      </c>
      <c r="R502" s="6">
        <v>1</v>
      </c>
      <c r="S502" s="6">
        <v>2</v>
      </c>
      <c r="T502" s="6">
        <v>2</v>
      </c>
      <c r="U502" s="10" t="s">
        <v>55</v>
      </c>
      <c r="V502" s="10" t="s">
        <v>55</v>
      </c>
      <c r="W502" s="6">
        <v>2</v>
      </c>
      <c r="X502" s="6">
        <v>36</v>
      </c>
      <c r="Y502" s="6">
        <v>33</v>
      </c>
      <c r="Z502" s="6">
        <v>3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98</v>
      </c>
      <c r="I503" s="9" t="s">
        <v>6</v>
      </c>
      <c r="J503" s="9" t="s">
        <v>39</v>
      </c>
      <c r="K503" s="6">
        <v>104</v>
      </c>
      <c r="L503" s="6">
        <v>100</v>
      </c>
      <c r="M503" s="6">
        <v>97</v>
      </c>
      <c r="N503" s="6">
        <v>84</v>
      </c>
      <c r="O503" s="6">
        <v>11</v>
      </c>
      <c r="P503" s="10" t="s">
        <v>55</v>
      </c>
      <c r="Q503" s="6">
        <v>2</v>
      </c>
      <c r="R503" s="6">
        <v>3</v>
      </c>
      <c r="S503" s="6">
        <v>4</v>
      </c>
      <c r="T503" s="6">
        <v>4</v>
      </c>
      <c r="U503" s="10" t="s">
        <v>55</v>
      </c>
      <c r="V503" s="10" t="s">
        <v>55</v>
      </c>
      <c r="W503" s="10" t="s">
        <v>55</v>
      </c>
      <c r="X503" s="6">
        <v>72</v>
      </c>
      <c r="Y503" s="6">
        <v>63</v>
      </c>
      <c r="Z503" s="6">
        <v>8</v>
      </c>
      <c r="AA503" s="10" t="s">
        <v>55</v>
      </c>
      <c r="AB503" s="6">
        <v>1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98</v>
      </c>
      <c r="I504" s="9" t="s">
        <v>6</v>
      </c>
      <c r="J504" s="9" t="s">
        <v>40</v>
      </c>
      <c r="K504" s="6">
        <v>122</v>
      </c>
      <c r="L504" s="6">
        <v>106</v>
      </c>
      <c r="M504" s="6">
        <v>103</v>
      </c>
      <c r="N504" s="6">
        <v>84</v>
      </c>
      <c r="O504" s="6">
        <v>17</v>
      </c>
      <c r="P504" s="10" t="s">
        <v>55</v>
      </c>
      <c r="Q504" s="6">
        <v>2</v>
      </c>
      <c r="R504" s="6">
        <v>3</v>
      </c>
      <c r="S504" s="6">
        <v>16</v>
      </c>
      <c r="T504" s="6">
        <v>10</v>
      </c>
      <c r="U504" s="10" t="s">
        <v>55</v>
      </c>
      <c r="V504" s="6">
        <v>6</v>
      </c>
      <c r="W504" s="10" t="s">
        <v>55</v>
      </c>
      <c r="X504" s="6">
        <v>51</v>
      </c>
      <c r="Y504" s="6">
        <v>46</v>
      </c>
      <c r="Z504" s="6">
        <v>3</v>
      </c>
      <c r="AA504" s="10" t="s">
        <v>55</v>
      </c>
      <c r="AB504" s="6">
        <v>2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98</v>
      </c>
      <c r="I505" s="9" t="s">
        <v>6</v>
      </c>
      <c r="J505" s="9" t="s">
        <v>41</v>
      </c>
      <c r="K505" s="6">
        <v>148</v>
      </c>
      <c r="L505" s="6">
        <v>106</v>
      </c>
      <c r="M505" s="6">
        <v>106</v>
      </c>
      <c r="N505" s="6">
        <v>84</v>
      </c>
      <c r="O505" s="6">
        <v>20</v>
      </c>
      <c r="P505" s="10" t="s">
        <v>55</v>
      </c>
      <c r="Q505" s="6">
        <v>2</v>
      </c>
      <c r="R505" s="10" t="s">
        <v>55</v>
      </c>
      <c r="S505" s="6">
        <v>41</v>
      </c>
      <c r="T505" s="6">
        <v>17</v>
      </c>
      <c r="U505" s="10" t="s">
        <v>55</v>
      </c>
      <c r="V505" s="6">
        <v>24</v>
      </c>
      <c r="W505" s="6">
        <v>1</v>
      </c>
      <c r="X505" s="6">
        <v>41</v>
      </c>
      <c r="Y505" s="6">
        <v>34</v>
      </c>
      <c r="Z505" s="6">
        <v>6</v>
      </c>
      <c r="AA505" s="10" t="s">
        <v>55</v>
      </c>
      <c r="AB505" s="6">
        <v>1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98</v>
      </c>
      <c r="I506" s="9" t="s">
        <v>6</v>
      </c>
      <c r="J506" s="9" t="s">
        <v>42</v>
      </c>
      <c r="K506" s="6">
        <v>134</v>
      </c>
      <c r="L506" s="6">
        <v>59</v>
      </c>
      <c r="M506" s="6">
        <v>58</v>
      </c>
      <c r="N506" s="6">
        <v>50</v>
      </c>
      <c r="O506" s="6">
        <v>8</v>
      </c>
      <c r="P506" s="10" t="s">
        <v>55</v>
      </c>
      <c r="Q506" s="10" t="s">
        <v>55</v>
      </c>
      <c r="R506" s="6">
        <v>1</v>
      </c>
      <c r="S506" s="6">
        <v>75</v>
      </c>
      <c r="T506" s="6">
        <v>26</v>
      </c>
      <c r="U506" s="10" t="s">
        <v>55</v>
      </c>
      <c r="V506" s="6">
        <v>49</v>
      </c>
      <c r="W506" s="10" t="s">
        <v>55</v>
      </c>
      <c r="X506" s="6">
        <v>13</v>
      </c>
      <c r="Y506" s="6">
        <v>10</v>
      </c>
      <c r="Z506" s="6">
        <v>3</v>
      </c>
      <c r="AA506" s="10" t="s">
        <v>55</v>
      </c>
      <c r="AB506" s="10" t="s">
        <v>55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98</v>
      </c>
      <c r="I507" s="9" t="s">
        <v>6</v>
      </c>
      <c r="J507" s="9" t="s">
        <v>43</v>
      </c>
      <c r="K507" s="6">
        <v>118</v>
      </c>
      <c r="L507" s="6">
        <v>38</v>
      </c>
      <c r="M507" s="6">
        <v>38</v>
      </c>
      <c r="N507" s="6">
        <v>28</v>
      </c>
      <c r="O507" s="6">
        <v>9</v>
      </c>
      <c r="P507" s="10" t="s">
        <v>55</v>
      </c>
      <c r="Q507" s="6">
        <v>1</v>
      </c>
      <c r="R507" s="10" t="s">
        <v>55</v>
      </c>
      <c r="S507" s="6">
        <v>78</v>
      </c>
      <c r="T507" s="6">
        <v>26</v>
      </c>
      <c r="U507" s="10" t="s">
        <v>55</v>
      </c>
      <c r="V507" s="6">
        <v>52</v>
      </c>
      <c r="W507" s="6">
        <v>2</v>
      </c>
      <c r="X507" s="6">
        <v>5</v>
      </c>
      <c r="Y507" s="6">
        <v>5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98</v>
      </c>
      <c r="I508" s="9" t="s">
        <v>6</v>
      </c>
      <c r="J508" s="9" t="s">
        <v>44</v>
      </c>
      <c r="K508" s="6">
        <v>111</v>
      </c>
      <c r="L508" s="6">
        <v>29</v>
      </c>
      <c r="M508" s="6">
        <v>29</v>
      </c>
      <c r="N508" s="6">
        <v>23</v>
      </c>
      <c r="O508" s="6">
        <v>5</v>
      </c>
      <c r="P508" s="10" t="s">
        <v>55</v>
      </c>
      <c r="Q508" s="6">
        <v>1</v>
      </c>
      <c r="R508" s="10" t="s">
        <v>55</v>
      </c>
      <c r="S508" s="6">
        <v>79</v>
      </c>
      <c r="T508" s="6">
        <v>8</v>
      </c>
      <c r="U508" s="10" t="s">
        <v>55</v>
      </c>
      <c r="V508" s="6">
        <v>71</v>
      </c>
      <c r="W508" s="6">
        <v>3</v>
      </c>
      <c r="X508" s="6">
        <v>3</v>
      </c>
      <c r="Y508" s="6">
        <v>3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98</v>
      </c>
      <c r="I509" s="9" t="s">
        <v>6</v>
      </c>
      <c r="J509" s="9" t="s">
        <v>45</v>
      </c>
      <c r="K509" s="6">
        <v>41</v>
      </c>
      <c r="L509" s="6">
        <v>4</v>
      </c>
      <c r="M509" s="6">
        <v>4</v>
      </c>
      <c r="N509" s="6">
        <v>2</v>
      </c>
      <c r="O509" s="6">
        <v>2</v>
      </c>
      <c r="P509" s="10" t="s">
        <v>55</v>
      </c>
      <c r="Q509" s="10" t="s">
        <v>55</v>
      </c>
      <c r="R509" s="10" t="s">
        <v>55</v>
      </c>
      <c r="S509" s="6">
        <v>37</v>
      </c>
      <c r="T509" s="6">
        <v>1</v>
      </c>
      <c r="U509" s="10" t="s">
        <v>55</v>
      </c>
      <c r="V509" s="6">
        <v>36</v>
      </c>
      <c r="W509" s="10" t="s">
        <v>55</v>
      </c>
      <c r="X509" s="10" t="s">
        <v>55</v>
      </c>
      <c r="Y509" s="10" t="s">
        <v>55</v>
      </c>
      <c r="Z509" s="10" t="s">
        <v>55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98</v>
      </c>
      <c r="I510" s="9" t="s">
        <v>6</v>
      </c>
      <c r="J510" s="9" t="s">
        <v>46</v>
      </c>
      <c r="K510" s="6">
        <v>8</v>
      </c>
      <c r="L510" s="6">
        <v>1</v>
      </c>
      <c r="M510" s="6">
        <v>1</v>
      </c>
      <c r="N510" s="6">
        <v>1</v>
      </c>
      <c r="O510" s="10" t="s">
        <v>55</v>
      </c>
      <c r="P510" s="10" t="s">
        <v>55</v>
      </c>
      <c r="Q510" s="10" t="s">
        <v>55</v>
      </c>
      <c r="R510" s="10" t="s">
        <v>55</v>
      </c>
      <c r="S510" s="6">
        <v>7</v>
      </c>
      <c r="T510" s="10" t="s">
        <v>55</v>
      </c>
      <c r="U510" s="10" t="s">
        <v>55</v>
      </c>
      <c r="V510" s="6">
        <v>7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98</v>
      </c>
      <c r="I511" s="9" t="s">
        <v>6</v>
      </c>
      <c r="J511" s="9" t="s">
        <v>47</v>
      </c>
      <c r="K511" s="6">
        <v>1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6">
        <v>1</v>
      </c>
      <c r="T511" s="10" t="s">
        <v>55</v>
      </c>
      <c r="U511" s="10" t="s">
        <v>55</v>
      </c>
      <c r="V511" s="6">
        <v>1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98</v>
      </c>
      <c r="I512" s="9" t="s">
        <v>6</v>
      </c>
      <c r="J512" s="9" t="s">
        <v>48</v>
      </c>
      <c r="K512" s="6">
        <v>423</v>
      </c>
      <c r="L512" s="6">
        <v>387</v>
      </c>
      <c r="M512" s="6">
        <v>376</v>
      </c>
      <c r="N512" s="6">
        <v>326</v>
      </c>
      <c r="O512" s="6">
        <v>45</v>
      </c>
      <c r="P512" s="10" t="s">
        <v>55</v>
      </c>
      <c r="Q512" s="6">
        <v>5</v>
      </c>
      <c r="R512" s="6">
        <v>11</v>
      </c>
      <c r="S512" s="6">
        <v>30</v>
      </c>
      <c r="T512" s="6">
        <v>24</v>
      </c>
      <c r="U512" s="10" t="s">
        <v>55</v>
      </c>
      <c r="V512" s="6">
        <v>6</v>
      </c>
      <c r="W512" s="6">
        <v>6</v>
      </c>
      <c r="X512" s="6">
        <v>263</v>
      </c>
      <c r="Y512" s="6">
        <v>237</v>
      </c>
      <c r="Z512" s="6">
        <v>22</v>
      </c>
      <c r="AA512" s="10" t="s">
        <v>55</v>
      </c>
      <c r="AB512" s="6">
        <v>4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98</v>
      </c>
      <c r="I513" s="9" t="s">
        <v>6</v>
      </c>
      <c r="J513" s="9" t="s">
        <v>49</v>
      </c>
      <c r="K513" s="6">
        <v>561</v>
      </c>
      <c r="L513" s="6">
        <v>237</v>
      </c>
      <c r="M513" s="6">
        <v>236</v>
      </c>
      <c r="N513" s="6">
        <v>188</v>
      </c>
      <c r="O513" s="6">
        <v>44</v>
      </c>
      <c r="P513" s="10" t="s">
        <v>55</v>
      </c>
      <c r="Q513" s="6">
        <v>4</v>
      </c>
      <c r="R513" s="6">
        <v>1</v>
      </c>
      <c r="S513" s="6">
        <v>318</v>
      </c>
      <c r="T513" s="6">
        <v>78</v>
      </c>
      <c r="U513" s="10" t="s">
        <v>55</v>
      </c>
      <c r="V513" s="6">
        <v>240</v>
      </c>
      <c r="W513" s="6">
        <v>6</v>
      </c>
      <c r="X513" s="6">
        <v>62</v>
      </c>
      <c r="Y513" s="6">
        <v>52</v>
      </c>
      <c r="Z513" s="6">
        <v>9</v>
      </c>
      <c r="AA513" s="10" t="s">
        <v>55</v>
      </c>
      <c r="AB513" s="6">
        <v>1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98</v>
      </c>
      <c r="I514" s="9" t="s">
        <v>6</v>
      </c>
      <c r="J514" s="9" t="s">
        <v>50</v>
      </c>
      <c r="K514" s="6">
        <v>279</v>
      </c>
      <c r="L514" s="6">
        <v>72</v>
      </c>
      <c r="M514" s="6">
        <v>72</v>
      </c>
      <c r="N514" s="6">
        <v>54</v>
      </c>
      <c r="O514" s="6">
        <v>16</v>
      </c>
      <c r="P514" s="10" t="s">
        <v>55</v>
      </c>
      <c r="Q514" s="6">
        <v>2</v>
      </c>
      <c r="R514" s="10" t="s">
        <v>55</v>
      </c>
      <c r="S514" s="6">
        <v>202</v>
      </c>
      <c r="T514" s="6">
        <v>35</v>
      </c>
      <c r="U514" s="10" t="s">
        <v>55</v>
      </c>
      <c r="V514" s="6">
        <v>167</v>
      </c>
      <c r="W514" s="6">
        <v>5</v>
      </c>
      <c r="X514" s="6">
        <v>8</v>
      </c>
      <c r="Y514" s="6">
        <v>8</v>
      </c>
      <c r="Z514" s="10" t="s">
        <v>55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98</v>
      </c>
      <c r="I515" s="9" t="s">
        <v>6</v>
      </c>
      <c r="J515" s="9" t="s">
        <v>51</v>
      </c>
      <c r="K515" s="6">
        <v>50</v>
      </c>
      <c r="L515" s="6">
        <v>5</v>
      </c>
      <c r="M515" s="6">
        <v>5</v>
      </c>
      <c r="N515" s="6">
        <v>3</v>
      </c>
      <c r="O515" s="6">
        <v>2</v>
      </c>
      <c r="P515" s="10" t="s">
        <v>55</v>
      </c>
      <c r="Q515" s="10" t="s">
        <v>55</v>
      </c>
      <c r="R515" s="10" t="s">
        <v>55</v>
      </c>
      <c r="S515" s="6">
        <v>45</v>
      </c>
      <c r="T515" s="6">
        <v>1</v>
      </c>
      <c r="U515" s="10" t="s">
        <v>55</v>
      </c>
      <c r="V515" s="6">
        <v>44</v>
      </c>
      <c r="W515" s="10" t="s">
        <v>55</v>
      </c>
      <c r="X515" s="10" t="s">
        <v>55</v>
      </c>
      <c r="Y515" s="10" t="s">
        <v>55</v>
      </c>
      <c r="Z515" s="10" t="s">
        <v>55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98</v>
      </c>
      <c r="I516" s="9" t="s">
        <v>6</v>
      </c>
      <c r="J516" s="9" t="s">
        <v>52</v>
      </c>
      <c r="K516" s="6">
        <v>571</v>
      </c>
      <c r="L516" s="6">
        <v>493</v>
      </c>
      <c r="M516" s="6">
        <v>482</v>
      </c>
      <c r="N516" s="6">
        <v>410</v>
      </c>
      <c r="O516" s="6">
        <v>65</v>
      </c>
      <c r="P516" s="10" t="s">
        <v>55</v>
      </c>
      <c r="Q516" s="6">
        <v>7</v>
      </c>
      <c r="R516" s="6">
        <v>11</v>
      </c>
      <c r="S516" s="6">
        <v>71</v>
      </c>
      <c r="T516" s="6">
        <v>41</v>
      </c>
      <c r="U516" s="10" t="s">
        <v>55</v>
      </c>
      <c r="V516" s="6">
        <v>30</v>
      </c>
      <c r="W516" s="6">
        <v>7</v>
      </c>
      <c r="X516" s="6">
        <v>304</v>
      </c>
      <c r="Y516" s="6">
        <v>271</v>
      </c>
      <c r="Z516" s="6">
        <v>28</v>
      </c>
      <c r="AA516" s="10" t="s">
        <v>55</v>
      </c>
      <c r="AB516" s="6">
        <v>5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98</v>
      </c>
      <c r="I517" s="9" t="s">
        <v>53</v>
      </c>
      <c r="J517" s="9" t="s">
        <v>30</v>
      </c>
      <c r="K517" s="6">
        <v>493</v>
      </c>
      <c r="L517" s="6">
        <v>325</v>
      </c>
      <c r="M517" s="6">
        <v>319</v>
      </c>
      <c r="N517" s="6">
        <v>309</v>
      </c>
      <c r="O517" s="6">
        <v>8</v>
      </c>
      <c r="P517" s="10" t="s">
        <v>55</v>
      </c>
      <c r="Q517" s="6">
        <v>2</v>
      </c>
      <c r="R517" s="6">
        <v>6</v>
      </c>
      <c r="S517" s="6">
        <v>162</v>
      </c>
      <c r="T517" s="6">
        <v>13</v>
      </c>
      <c r="U517" s="10" t="s">
        <v>55</v>
      </c>
      <c r="V517" s="6">
        <v>149</v>
      </c>
      <c r="W517" s="6">
        <v>6</v>
      </c>
      <c r="X517" s="6">
        <v>159</v>
      </c>
      <c r="Y517" s="6">
        <v>156</v>
      </c>
      <c r="Z517" s="6">
        <v>3</v>
      </c>
      <c r="AA517" s="10" t="s">
        <v>55</v>
      </c>
      <c r="AB517" s="10" t="s">
        <v>55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98</v>
      </c>
      <c r="I518" s="9" t="s">
        <v>53</v>
      </c>
      <c r="J518" s="9" t="s">
        <v>31</v>
      </c>
      <c r="K518" s="10" t="s">
        <v>55</v>
      </c>
      <c r="L518" s="10" t="s">
        <v>55</v>
      </c>
      <c r="M518" s="10" t="s">
        <v>55</v>
      </c>
      <c r="N518" s="10" t="s">
        <v>55</v>
      </c>
      <c r="O518" s="10" t="s">
        <v>55</v>
      </c>
      <c r="P518" s="10" t="s">
        <v>55</v>
      </c>
      <c r="Q518" s="10" t="s">
        <v>55</v>
      </c>
      <c r="R518" s="10" t="s">
        <v>55</v>
      </c>
      <c r="S518" s="10" t="s">
        <v>55</v>
      </c>
      <c r="T518" s="10" t="s">
        <v>55</v>
      </c>
      <c r="U518" s="10" t="s">
        <v>55</v>
      </c>
      <c r="V518" s="10" t="s">
        <v>55</v>
      </c>
      <c r="W518" s="10" t="s">
        <v>55</v>
      </c>
      <c r="X518" s="10" t="s">
        <v>55</v>
      </c>
      <c r="Y518" s="10" t="s">
        <v>55</v>
      </c>
      <c r="Z518" s="10" t="s">
        <v>55</v>
      </c>
      <c r="AA518" s="10" t="s">
        <v>55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98</v>
      </c>
      <c r="I519" s="9" t="s">
        <v>53</v>
      </c>
      <c r="J519" s="9" t="s">
        <v>32</v>
      </c>
      <c r="K519" s="6">
        <v>1</v>
      </c>
      <c r="L519" s="6">
        <v>1</v>
      </c>
      <c r="M519" s="6">
        <v>1</v>
      </c>
      <c r="N519" s="6">
        <v>1</v>
      </c>
      <c r="O519" s="10" t="s">
        <v>55</v>
      </c>
      <c r="P519" s="10" t="s">
        <v>55</v>
      </c>
      <c r="Q519" s="10" t="s">
        <v>55</v>
      </c>
      <c r="R519" s="10" t="s">
        <v>55</v>
      </c>
      <c r="S519" s="10" t="s">
        <v>55</v>
      </c>
      <c r="T519" s="10" t="s">
        <v>55</v>
      </c>
      <c r="U519" s="10" t="s">
        <v>55</v>
      </c>
      <c r="V519" s="10" t="s">
        <v>55</v>
      </c>
      <c r="W519" s="10" t="s">
        <v>55</v>
      </c>
      <c r="X519" s="6">
        <v>1</v>
      </c>
      <c r="Y519" s="6">
        <v>1</v>
      </c>
      <c r="Z519" s="10" t="s">
        <v>55</v>
      </c>
      <c r="AA519" s="10" t="s">
        <v>55</v>
      </c>
      <c r="AB519" s="10" t="s">
        <v>55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98</v>
      </c>
      <c r="I520" s="9" t="s">
        <v>53</v>
      </c>
      <c r="J520" s="9" t="s">
        <v>33</v>
      </c>
      <c r="K520" s="6">
        <v>2</v>
      </c>
      <c r="L520" s="6">
        <v>2</v>
      </c>
      <c r="M520" s="6">
        <v>2</v>
      </c>
      <c r="N520" s="6">
        <v>2</v>
      </c>
      <c r="O520" s="10" t="s">
        <v>55</v>
      </c>
      <c r="P520" s="10" t="s">
        <v>55</v>
      </c>
      <c r="Q520" s="10" t="s">
        <v>55</v>
      </c>
      <c r="R520" s="10" t="s">
        <v>55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6">
        <v>1</v>
      </c>
      <c r="Y520" s="6">
        <v>1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98</v>
      </c>
      <c r="I521" s="9" t="s">
        <v>53</v>
      </c>
      <c r="J521" s="9" t="s">
        <v>34</v>
      </c>
      <c r="K521" s="6">
        <v>4</v>
      </c>
      <c r="L521" s="6">
        <v>4</v>
      </c>
      <c r="M521" s="6">
        <v>4</v>
      </c>
      <c r="N521" s="6">
        <v>4</v>
      </c>
      <c r="O521" s="10" t="s">
        <v>55</v>
      </c>
      <c r="P521" s="10" t="s">
        <v>55</v>
      </c>
      <c r="Q521" s="10" t="s">
        <v>55</v>
      </c>
      <c r="R521" s="10" t="s">
        <v>55</v>
      </c>
      <c r="S521" s="10" t="s">
        <v>55</v>
      </c>
      <c r="T521" s="10" t="s">
        <v>55</v>
      </c>
      <c r="U521" s="10" t="s">
        <v>55</v>
      </c>
      <c r="V521" s="10" t="s">
        <v>55</v>
      </c>
      <c r="W521" s="10" t="s">
        <v>55</v>
      </c>
      <c r="X521" s="6">
        <v>3</v>
      </c>
      <c r="Y521" s="6">
        <v>3</v>
      </c>
      <c r="Z521" s="10" t="s">
        <v>55</v>
      </c>
      <c r="AA521" s="10" t="s">
        <v>55</v>
      </c>
      <c r="AB521" s="10" t="s">
        <v>55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98</v>
      </c>
      <c r="I522" s="9" t="s">
        <v>53</v>
      </c>
      <c r="J522" s="9" t="s">
        <v>35</v>
      </c>
      <c r="K522" s="6">
        <v>15</v>
      </c>
      <c r="L522" s="6">
        <v>15</v>
      </c>
      <c r="M522" s="6">
        <v>15</v>
      </c>
      <c r="N522" s="6">
        <v>15</v>
      </c>
      <c r="O522" s="10" t="s">
        <v>55</v>
      </c>
      <c r="P522" s="10" t="s">
        <v>55</v>
      </c>
      <c r="Q522" s="10" t="s">
        <v>55</v>
      </c>
      <c r="R522" s="10" t="s">
        <v>55</v>
      </c>
      <c r="S522" s="10" t="s">
        <v>55</v>
      </c>
      <c r="T522" s="10" t="s">
        <v>55</v>
      </c>
      <c r="U522" s="10" t="s">
        <v>55</v>
      </c>
      <c r="V522" s="10" t="s">
        <v>55</v>
      </c>
      <c r="W522" s="10" t="s">
        <v>55</v>
      </c>
      <c r="X522" s="6">
        <v>10</v>
      </c>
      <c r="Y522" s="6">
        <v>10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98</v>
      </c>
      <c r="I523" s="9" t="s">
        <v>53</v>
      </c>
      <c r="J523" s="9" t="s">
        <v>36</v>
      </c>
      <c r="K523" s="6">
        <v>24</v>
      </c>
      <c r="L523" s="6">
        <v>23</v>
      </c>
      <c r="M523" s="6">
        <v>22</v>
      </c>
      <c r="N523" s="6">
        <v>22</v>
      </c>
      <c r="O523" s="10" t="s">
        <v>55</v>
      </c>
      <c r="P523" s="10" t="s">
        <v>55</v>
      </c>
      <c r="Q523" s="10" t="s">
        <v>55</v>
      </c>
      <c r="R523" s="6">
        <v>1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6">
        <v>1</v>
      </c>
      <c r="X523" s="6">
        <v>17</v>
      </c>
      <c r="Y523" s="6">
        <v>17</v>
      </c>
      <c r="Z523" s="10" t="s">
        <v>55</v>
      </c>
      <c r="AA523" s="10" t="s">
        <v>55</v>
      </c>
      <c r="AB523" s="10" t="s">
        <v>55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98</v>
      </c>
      <c r="I524" s="9" t="s">
        <v>53</v>
      </c>
      <c r="J524" s="9" t="s">
        <v>37</v>
      </c>
      <c r="K524" s="6">
        <v>17</v>
      </c>
      <c r="L524" s="6">
        <v>17</v>
      </c>
      <c r="M524" s="6">
        <v>17</v>
      </c>
      <c r="N524" s="6">
        <v>17</v>
      </c>
      <c r="O524" s="10" t="s">
        <v>55</v>
      </c>
      <c r="P524" s="10" t="s">
        <v>55</v>
      </c>
      <c r="Q524" s="10" t="s">
        <v>55</v>
      </c>
      <c r="R524" s="10" t="s">
        <v>55</v>
      </c>
      <c r="S524" s="10" t="s">
        <v>55</v>
      </c>
      <c r="T524" s="10" t="s">
        <v>55</v>
      </c>
      <c r="U524" s="10" t="s">
        <v>55</v>
      </c>
      <c r="V524" s="10" t="s">
        <v>55</v>
      </c>
      <c r="W524" s="10" t="s">
        <v>55</v>
      </c>
      <c r="X524" s="6">
        <v>13</v>
      </c>
      <c r="Y524" s="6">
        <v>13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98</v>
      </c>
      <c r="I525" s="9" t="s">
        <v>53</v>
      </c>
      <c r="J525" s="9" t="s">
        <v>38</v>
      </c>
      <c r="K525" s="6">
        <v>23</v>
      </c>
      <c r="L525" s="6">
        <v>21</v>
      </c>
      <c r="M525" s="6">
        <v>21</v>
      </c>
      <c r="N525" s="6">
        <v>21</v>
      </c>
      <c r="O525" s="10" t="s">
        <v>55</v>
      </c>
      <c r="P525" s="10" t="s">
        <v>55</v>
      </c>
      <c r="Q525" s="10" t="s">
        <v>55</v>
      </c>
      <c r="R525" s="10" t="s">
        <v>55</v>
      </c>
      <c r="S525" s="10" t="s">
        <v>55</v>
      </c>
      <c r="T525" s="10" t="s">
        <v>55</v>
      </c>
      <c r="U525" s="10" t="s">
        <v>55</v>
      </c>
      <c r="V525" s="10" t="s">
        <v>55</v>
      </c>
      <c r="W525" s="6">
        <v>2</v>
      </c>
      <c r="X525" s="6">
        <v>18</v>
      </c>
      <c r="Y525" s="6">
        <v>18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98</v>
      </c>
      <c r="I526" s="9" t="s">
        <v>53</v>
      </c>
      <c r="J526" s="9" t="s">
        <v>39</v>
      </c>
      <c r="K526" s="6">
        <v>46</v>
      </c>
      <c r="L526" s="6">
        <v>46</v>
      </c>
      <c r="M526" s="6">
        <v>43</v>
      </c>
      <c r="N526" s="6">
        <v>42</v>
      </c>
      <c r="O526" s="6">
        <v>1</v>
      </c>
      <c r="P526" s="10" t="s">
        <v>55</v>
      </c>
      <c r="Q526" s="10" t="s">
        <v>55</v>
      </c>
      <c r="R526" s="6">
        <v>3</v>
      </c>
      <c r="S526" s="10" t="s">
        <v>55</v>
      </c>
      <c r="T526" s="10" t="s">
        <v>55</v>
      </c>
      <c r="U526" s="10" t="s">
        <v>55</v>
      </c>
      <c r="V526" s="10" t="s">
        <v>55</v>
      </c>
      <c r="W526" s="10" t="s">
        <v>55</v>
      </c>
      <c r="X526" s="6">
        <v>32</v>
      </c>
      <c r="Y526" s="6">
        <v>31</v>
      </c>
      <c r="Z526" s="6">
        <v>1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98</v>
      </c>
      <c r="I527" s="9" t="s">
        <v>53</v>
      </c>
      <c r="J527" s="9" t="s">
        <v>40</v>
      </c>
      <c r="K527" s="6">
        <v>58</v>
      </c>
      <c r="L527" s="6">
        <v>52</v>
      </c>
      <c r="M527" s="6">
        <v>51</v>
      </c>
      <c r="N527" s="6">
        <v>51</v>
      </c>
      <c r="O527" s="10" t="s">
        <v>55</v>
      </c>
      <c r="P527" s="10" t="s">
        <v>55</v>
      </c>
      <c r="Q527" s="10" t="s">
        <v>55</v>
      </c>
      <c r="R527" s="6">
        <v>1</v>
      </c>
      <c r="S527" s="6">
        <v>6</v>
      </c>
      <c r="T527" s="6">
        <v>1</v>
      </c>
      <c r="U527" s="10" t="s">
        <v>55</v>
      </c>
      <c r="V527" s="6">
        <v>5</v>
      </c>
      <c r="W527" s="10" t="s">
        <v>55</v>
      </c>
      <c r="X527" s="6">
        <v>29</v>
      </c>
      <c r="Y527" s="6">
        <v>29</v>
      </c>
      <c r="Z527" s="10" t="s">
        <v>55</v>
      </c>
      <c r="AA527" s="10" t="s">
        <v>55</v>
      </c>
      <c r="AB527" s="10" t="s">
        <v>55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98</v>
      </c>
      <c r="I528" s="9" t="s">
        <v>53</v>
      </c>
      <c r="J528" s="9" t="s">
        <v>41</v>
      </c>
      <c r="K528" s="6">
        <v>74</v>
      </c>
      <c r="L528" s="6">
        <v>62</v>
      </c>
      <c r="M528" s="6">
        <v>62</v>
      </c>
      <c r="N528" s="6">
        <v>59</v>
      </c>
      <c r="O528" s="6">
        <v>2</v>
      </c>
      <c r="P528" s="10" t="s">
        <v>55</v>
      </c>
      <c r="Q528" s="6">
        <v>1</v>
      </c>
      <c r="R528" s="10" t="s">
        <v>55</v>
      </c>
      <c r="S528" s="6">
        <v>12</v>
      </c>
      <c r="T528" s="6">
        <v>1</v>
      </c>
      <c r="U528" s="10" t="s">
        <v>55</v>
      </c>
      <c r="V528" s="6">
        <v>11</v>
      </c>
      <c r="W528" s="10" t="s">
        <v>55</v>
      </c>
      <c r="X528" s="6">
        <v>23</v>
      </c>
      <c r="Y528" s="6">
        <v>22</v>
      </c>
      <c r="Z528" s="6">
        <v>1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98</v>
      </c>
      <c r="I529" s="9" t="s">
        <v>53</v>
      </c>
      <c r="J529" s="9" t="s">
        <v>42</v>
      </c>
      <c r="K529" s="6">
        <v>72</v>
      </c>
      <c r="L529" s="6">
        <v>35</v>
      </c>
      <c r="M529" s="6">
        <v>34</v>
      </c>
      <c r="N529" s="6">
        <v>33</v>
      </c>
      <c r="O529" s="6">
        <v>1</v>
      </c>
      <c r="P529" s="10" t="s">
        <v>55</v>
      </c>
      <c r="Q529" s="10" t="s">
        <v>55</v>
      </c>
      <c r="R529" s="6">
        <v>1</v>
      </c>
      <c r="S529" s="6">
        <v>37</v>
      </c>
      <c r="T529" s="6">
        <v>5</v>
      </c>
      <c r="U529" s="10" t="s">
        <v>55</v>
      </c>
      <c r="V529" s="6">
        <v>32</v>
      </c>
      <c r="W529" s="10" t="s">
        <v>55</v>
      </c>
      <c r="X529" s="6">
        <v>7</v>
      </c>
      <c r="Y529" s="6">
        <v>6</v>
      </c>
      <c r="Z529" s="6">
        <v>1</v>
      </c>
      <c r="AA529" s="10" t="s">
        <v>55</v>
      </c>
      <c r="AB529" s="10" t="s">
        <v>55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98</v>
      </c>
      <c r="I530" s="9" t="s">
        <v>53</v>
      </c>
      <c r="J530" s="9" t="s">
        <v>43</v>
      </c>
      <c r="K530" s="6">
        <v>55</v>
      </c>
      <c r="L530" s="6">
        <v>21</v>
      </c>
      <c r="M530" s="6">
        <v>21</v>
      </c>
      <c r="N530" s="6">
        <v>20</v>
      </c>
      <c r="O530" s="6">
        <v>1</v>
      </c>
      <c r="P530" s="10" t="s">
        <v>55</v>
      </c>
      <c r="Q530" s="10" t="s">
        <v>55</v>
      </c>
      <c r="R530" s="10" t="s">
        <v>55</v>
      </c>
      <c r="S530" s="6">
        <v>33</v>
      </c>
      <c r="T530" s="6">
        <v>4</v>
      </c>
      <c r="U530" s="10" t="s">
        <v>55</v>
      </c>
      <c r="V530" s="6">
        <v>29</v>
      </c>
      <c r="W530" s="6">
        <v>1</v>
      </c>
      <c r="X530" s="6">
        <v>3</v>
      </c>
      <c r="Y530" s="6">
        <v>3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98</v>
      </c>
      <c r="I531" s="9" t="s">
        <v>53</v>
      </c>
      <c r="J531" s="9" t="s">
        <v>44</v>
      </c>
      <c r="K531" s="6">
        <v>68</v>
      </c>
      <c r="L531" s="6">
        <v>21</v>
      </c>
      <c r="M531" s="6">
        <v>21</v>
      </c>
      <c r="N531" s="6">
        <v>19</v>
      </c>
      <c r="O531" s="6">
        <v>1</v>
      </c>
      <c r="P531" s="10" t="s">
        <v>55</v>
      </c>
      <c r="Q531" s="6">
        <v>1</v>
      </c>
      <c r="R531" s="10" t="s">
        <v>55</v>
      </c>
      <c r="S531" s="6">
        <v>45</v>
      </c>
      <c r="T531" s="6">
        <v>2</v>
      </c>
      <c r="U531" s="10" t="s">
        <v>55</v>
      </c>
      <c r="V531" s="6">
        <v>43</v>
      </c>
      <c r="W531" s="6">
        <v>2</v>
      </c>
      <c r="X531" s="6">
        <v>2</v>
      </c>
      <c r="Y531" s="6">
        <v>2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98</v>
      </c>
      <c r="I532" s="9" t="s">
        <v>53</v>
      </c>
      <c r="J532" s="9" t="s">
        <v>45</v>
      </c>
      <c r="K532" s="6">
        <v>28</v>
      </c>
      <c r="L532" s="6">
        <v>4</v>
      </c>
      <c r="M532" s="6">
        <v>4</v>
      </c>
      <c r="N532" s="6">
        <v>2</v>
      </c>
      <c r="O532" s="6">
        <v>2</v>
      </c>
      <c r="P532" s="10" t="s">
        <v>55</v>
      </c>
      <c r="Q532" s="10" t="s">
        <v>55</v>
      </c>
      <c r="R532" s="10" t="s">
        <v>55</v>
      </c>
      <c r="S532" s="6">
        <v>24</v>
      </c>
      <c r="T532" s="10" t="s">
        <v>55</v>
      </c>
      <c r="U532" s="10" t="s">
        <v>55</v>
      </c>
      <c r="V532" s="6">
        <v>24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98</v>
      </c>
      <c r="I533" s="9" t="s">
        <v>53</v>
      </c>
      <c r="J533" s="9" t="s">
        <v>46</v>
      </c>
      <c r="K533" s="6">
        <v>5</v>
      </c>
      <c r="L533" s="6">
        <v>1</v>
      </c>
      <c r="M533" s="6">
        <v>1</v>
      </c>
      <c r="N533" s="6">
        <v>1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6">
        <v>4</v>
      </c>
      <c r="T533" s="10" t="s">
        <v>55</v>
      </c>
      <c r="U533" s="10" t="s">
        <v>55</v>
      </c>
      <c r="V533" s="6">
        <v>4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98</v>
      </c>
      <c r="I534" s="9" t="s">
        <v>53</v>
      </c>
      <c r="J534" s="9" t="s">
        <v>47</v>
      </c>
      <c r="K534" s="6">
        <v>1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6">
        <v>1</v>
      </c>
      <c r="T534" s="10" t="s">
        <v>55</v>
      </c>
      <c r="U534" s="10" t="s">
        <v>55</v>
      </c>
      <c r="V534" s="6">
        <v>1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98</v>
      </c>
      <c r="I535" s="9" t="s">
        <v>53</v>
      </c>
      <c r="J535" s="9" t="s">
        <v>48</v>
      </c>
      <c r="K535" s="6">
        <v>190</v>
      </c>
      <c r="L535" s="6">
        <v>181</v>
      </c>
      <c r="M535" s="6">
        <v>176</v>
      </c>
      <c r="N535" s="6">
        <v>175</v>
      </c>
      <c r="O535" s="6">
        <v>1</v>
      </c>
      <c r="P535" s="10" t="s">
        <v>55</v>
      </c>
      <c r="Q535" s="10" t="s">
        <v>55</v>
      </c>
      <c r="R535" s="6">
        <v>5</v>
      </c>
      <c r="S535" s="6">
        <v>6</v>
      </c>
      <c r="T535" s="6">
        <v>1</v>
      </c>
      <c r="U535" s="10" t="s">
        <v>55</v>
      </c>
      <c r="V535" s="6">
        <v>5</v>
      </c>
      <c r="W535" s="6">
        <v>3</v>
      </c>
      <c r="X535" s="6">
        <v>124</v>
      </c>
      <c r="Y535" s="6">
        <v>123</v>
      </c>
      <c r="Z535" s="6">
        <v>1</v>
      </c>
      <c r="AA535" s="10" t="s">
        <v>55</v>
      </c>
      <c r="AB535" s="10" t="s">
        <v>55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98</v>
      </c>
      <c r="I536" s="9" t="s">
        <v>53</v>
      </c>
      <c r="J536" s="9" t="s">
        <v>49</v>
      </c>
      <c r="K536" s="6">
        <v>303</v>
      </c>
      <c r="L536" s="6">
        <v>144</v>
      </c>
      <c r="M536" s="6">
        <v>143</v>
      </c>
      <c r="N536" s="6">
        <v>134</v>
      </c>
      <c r="O536" s="6">
        <v>7</v>
      </c>
      <c r="P536" s="10" t="s">
        <v>55</v>
      </c>
      <c r="Q536" s="6">
        <v>2</v>
      </c>
      <c r="R536" s="6">
        <v>1</v>
      </c>
      <c r="S536" s="6">
        <v>156</v>
      </c>
      <c r="T536" s="6">
        <v>12</v>
      </c>
      <c r="U536" s="10" t="s">
        <v>55</v>
      </c>
      <c r="V536" s="6">
        <v>144</v>
      </c>
      <c r="W536" s="6">
        <v>3</v>
      </c>
      <c r="X536" s="6">
        <v>35</v>
      </c>
      <c r="Y536" s="6">
        <v>33</v>
      </c>
      <c r="Z536" s="6">
        <v>2</v>
      </c>
      <c r="AA536" s="10" t="s">
        <v>55</v>
      </c>
      <c r="AB536" s="10" t="s">
        <v>55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98</v>
      </c>
      <c r="I537" s="9" t="s">
        <v>53</v>
      </c>
      <c r="J537" s="9" t="s">
        <v>50</v>
      </c>
      <c r="K537" s="6">
        <v>157</v>
      </c>
      <c r="L537" s="6">
        <v>47</v>
      </c>
      <c r="M537" s="6">
        <v>47</v>
      </c>
      <c r="N537" s="6">
        <v>42</v>
      </c>
      <c r="O537" s="6">
        <v>4</v>
      </c>
      <c r="P537" s="10" t="s">
        <v>55</v>
      </c>
      <c r="Q537" s="6">
        <v>1</v>
      </c>
      <c r="R537" s="10" t="s">
        <v>55</v>
      </c>
      <c r="S537" s="6">
        <v>107</v>
      </c>
      <c r="T537" s="6">
        <v>6</v>
      </c>
      <c r="U537" s="10" t="s">
        <v>55</v>
      </c>
      <c r="V537" s="6">
        <v>101</v>
      </c>
      <c r="W537" s="6">
        <v>3</v>
      </c>
      <c r="X537" s="6">
        <v>5</v>
      </c>
      <c r="Y537" s="6">
        <v>5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98</v>
      </c>
      <c r="I538" s="9" t="s">
        <v>53</v>
      </c>
      <c r="J538" s="9" t="s">
        <v>51</v>
      </c>
      <c r="K538" s="6">
        <v>34</v>
      </c>
      <c r="L538" s="6">
        <v>5</v>
      </c>
      <c r="M538" s="6">
        <v>5</v>
      </c>
      <c r="N538" s="6">
        <v>3</v>
      </c>
      <c r="O538" s="6">
        <v>2</v>
      </c>
      <c r="P538" s="10" t="s">
        <v>55</v>
      </c>
      <c r="Q538" s="10" t="s">
        <v>55</v>
      </c>
      <c r="R538" s="10" t="s">
        <v>55</v>
      </c>
      <c r="S538" s="6">
        <v>29</v>
      </c>
      <c r="T538" s="10" t="s">
        <v>55</v>
      </c>
      <c r="U538" s="10" t="s">
        <v>55</v>
      </c>
      <c r="V538" s="6">
        <v>29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98</v>
      </c>
      <c r="I539" s="9" t="s">
        <v>53</v>
      </c>
      <c r="J539" s="9" t="s">
        <v>52</v>
      </c>
      <c r="K539" s="6">
        <v>264</v>
      </c>
      <c r="L539" s="6">
        <v>243</v>
      </c>
      <c r="M539" s="6">
        <v>238</v>
      </c>
      <c r="N539" s="6">
        <v>234</v>
      </c>
      <c r="O539" s="6">
        <v>3</v>
      </c>
      <c r="P539" s="10" t="s">
        <v>55</v>
      </c>
      <c r="Q539" s="6">
        <v>1</v>
      </c>
      <c r="R539" s="6">
        <v>5</v>
      </c>
      <c r="S539" s="6">
        <v>18</v>
      </c>
      <c r="T539" s="6">
        <v>2</v>
      </c>
      <c r="U539" s="10" t="s">
        <v>55</v>
      </c>
      <c r="V539" s="6">
        <v>16</v>
      </c>
      <c r="W539" s="6">
        <v>3</v>
      </c>
      <c r="X539" s="6">
        <v>147</v>
      </c>
      <c r="Y539" s="6">
        <v>145</v>
      </c>
      <c r="Z539" s="6">
        <v>2</v>
      </c>
      <c r="AA539" s="10" t="s">
        <v>55</v>
      </c>
      <c r="AB539" s="10" t="s">
        <v>55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98</v>
      </c>
      <c r="I540" s="9" t="s">
        <v>54</v>
      </c>
      <c r="J540" s="9" t="s">
        <v>30</v>
      </c>
      <c r="K540" s="6">
        <v>491</v>
      </c>
      <c r="L540" s="6">
        <v>299</v>
      </c>
      <c r="M540" s="6">
        <v>293</v>
      </c>
      <c r="N540" s="6">
        <v>205</v>
      </c>
      <c r="O540" s="6">
        <v>81</v>
      </c>
      <c r="P540" s="10" t="s">
        <v>55</v>
      </c>
      <c r="Q540" s="6">
        <v>7</v>
      </c>
      <c r="R540" s="6">
        <v>6</v>
      </c>
      <c r="S540" s="6">
        <v>186</v>
      </c>
      <c r="T540" s="6">
        <v>89</v>
      </c>
      <c r="U540" s="10" t="s">
        <v>55</v>
      </c>
      <c r="V540" s="6">
        <v>97</v>
      </c>
      <c r="W540" s="6">
        <v>6</v>
      </c>
      <c r="X540" s="6">
        <v>166</v>
      </c>
      <c r="Y540" s="6">
        <v>133</v>
      </c>
      <c r="Z540" s="6">
        <v>28</v>
      </c>
      <c r="AA540" s="10" t="s">
        <v>55</v>
      </c>
      <c r="AB540" s="6">
        <v>5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98</v>
      </c>
      <c r="I541" s="9" t="s">
        <v>54</v>
      </c>
      <c r="J541" s="9" t="s">
        <v>31</v>
      </c>
      <c r="K541" s="10" t="s">
        <v>55</v>
      </c>
      <c r="L541" s="10" t="s">
        <v>55</v>
      </c>
      <c r="M541" s="10" t="s">
        <v>55</v>
      </c>
      <c r="N541" s="10" t="s">
        <v>55</v>
      </c>
      <c r="O541" s="10" t="s">
        <v>55</v>
      </c>
      <c r="P541" s="10" t="s">
        <v>55</v>
      </c>
      <c r="Q541" s="10" t="s">
        <v>55</v>
      </c>
      <c r="R541" s="10" t="s">
        <v>55</v>
      </c>
      <c r="S541" s="10" t="s">
        <v>55</v>
      </c>
      <c r="T541" s="10" t="s">
        <v>55</v>
      </c>
      <c r="U541" s="10" t="s">
        <v>55</v>
      </c>
      <c r="V541" s="10" t="s">
        <v>55</v>
      </c>
      <c r="W541" s="10" t="s">
        <v>55</v>
      </c>
      <c r="X541" s="10" t="s">
        <v>55</v>
      </c>
      <c r="Y541" s="10" t="s">
        <v>55</v>
      </c>
      <c r="Z541" s="10" t="s">
        <v>55</v>
      </c>
      <c r="AA541" s="10" t="s">
        <v>55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98</v>
      </c>
      <c r="I542" s="9" t="s">
        <v>54</v>
      </c>
      <c r="J542" s="9" t="s">
        <v>32</v>
      </c>
      <c r="K542" s="6">
        <v>4</v>
      </c>
      <c r="L542" s="6">
        <v>3</v>
      </c>
      <c r="M542" s="6">
        <v>3</v>
      </c>
      <c r="N542" s="6">
        <v>3</v>
      </c>
      <c r="O542" s="10" t="s">
        <v>55</v>
      </c>
      <c r="P542" s="10" t="s">
        <v>55</v>
      </c>
      <c r="Q542" s="10" t="s">
        <v>55</v>
      </c>
      <c r="R542" s="10" t="s">
        <v>55</v>
      </c>
      <c r="S542" s="10" t="s">
        <v>55</v>
      </c>
      <c r="T542" s="10" t="s">
        <v>55</v>
      </c>
      <c r="U542" s="10" t="s">
        <v>55</v>
      </c>
      <c r="V542" s="10" t="s">
        <v>55</v>
      </c>
      <c r="W542" s="6">
        <v>1</v>
      </c>
      <c r="X542" s="6">
        <v>3</v>
      </c>
      <c r="Y542" s="6">
        <v>3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98</v>
      </c>
      <c r="I543" s="9" t="s">
        <v>54</v>
      </c>
      <c r="J543" s="9" t="s">
        <v>33</v>
      </c>
      <c r="K543" s="6">
        <v>4</v>
      </c>
      <c r="L543" s="6">
        <v>3</v>
      </c>
      <c r="M543" s="6">
        <v>2</v>
      </c>
      <c r="N543" s="6">
        <v>2</v>
      </c>
      <c r="O543" s="10" t="s">
        <v>55</v>
      </c>
      <c r="P543" s="10" t="s">
        <v>55</v>
      </c>
      <c r="Q543" s="10" t="s">
        <v>55</v>
      </c>
      <c r="R543" s="6">
        <v>1</v>
      </c>
      <c r="S543" s="6">
        <v>1</v>
      </c>
      <c r="T543" s="6">
        <v>1</v>
      </c>
      <c r="U543" s="10" t="s">
        <v>55</v>
      </c>
      <c r="V543" s="10" t="s">
        <v>55</v>
      </c>
      <c r="W543" s="10" t="s">
        <v>55</v>
      </c>
      <c r="X543" s="6">
        <v>2</v>
      </c>
      <c r="Y543" s="6">
        <v>2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98</v>
      </c>
      <c r="I544" s="9" t="s">
        <v>54</v>
      </c>
      <c r="J544" s="9" t="s">
        <v>34</v>
      </c>
      <c r="K544" s="6">
        <v>10</v>
      </c>
      <c r="L544" s="6">
        <v>9</v>
      </c>
      <c r="M544" s="6">
        <v>9</v>
      </c>
      <c r="N544" s="6">
        <v>6</v>
      </c>
      <c r="O544" s="6">
        <v>2</v>
      </c>
      <c r="P544" s="10" t="s">
        <v>55</v>
      </c>
      <c r="Q544" s="6">
        <v>1</v>
      </c>
      <c r="R544" s="10" t="s">
        <v>55</v>
      </c>
      <c r="S544" s="6">
        <v>1</v>
      </c>
      <c r="T544" s="6">
        <v>1</v>
      </c>
      <c r="U544" s="10" t="s">
        <v>55</v>
      </c>
      <c r="V544" s="10" t="s">
        <v>55</v>
      </c>
      <c r="W544" s="10" t="s">
        <v>55</v>
      </c>
      <c r="X544" s="6">
        <v>8</v>
      </c>
      <c r="Y544" s="6">
        <v>6</v>
      </c>
      <c r="Z544" s="6">
        <v>1</v>
      </c>
      <c r="AA544" s="10" t="s">
        <v>55</v>
      </c>
      <c r="AB544" s="6">
        <v>1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98</v>
      </c>
      <c r="I545" s="9" t="s">
        <v>54</v>
      </c>
      <c r="J545" s="9" t="s">
        <v>35</v>
      </c>
      <c r="K545" s="6">
        <v>18</v>
      </c>
      <c r="L545" s="6">
        <v>16</v>
      </c>
      <c r="M545" s="6">
        <v>15</v>
      </c>
      <c r="N545" s="6">
        <v>11</v>
      </c>
      <c r="O545" s="6">
        <v>4</v>
      </c>
      <c r="P545" s="10" t="s">
        <v>55</v>
      </c>
      <c r="Q545" s="10" t="s">
        <v>55</v>
      </c>
      <c r="R545" s="6">
        <v>1</v>
      </c>
      <c r="S545" s="6">
        <v>2</v>
      </c>
      <c r="T545" s="6">
        <v>2</v>
      </c>
      <c r="U545" s="10" t="s">
        <v>55</v>
      </c>
      <c r="V545" s="10" t="s">
        <v>55</v>
      </c>
      <c r="W545" s="10" t="s">
        <v>55</v>
      </c>
      <c r="X545" s="6">
        <v>11</v>
      </c>
      <c r="Y545" s="6">
        <v>9</v>
      </c>
      <c r="Z545" s="6">
        <v>2</v>
      </c>
      <c r="AA545" s="10" t="s">
        <v>55</v>
      </c>
      <c r="AB545" s="10" t="s">
        <v>55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98</v>
      </c>
      <c r="I546" s="9" t="s">
        <v>54</v>
      </c>
      <c r="J546" s="9" t="s">
        <v>36</v>
      </c>
      <c r="K546" s="6">
        <v>15</v>
      </c>
      <c r="L546" s="6">
        <v>12</v>
      </c>
      <c r="M546" s="6">
        <v>12</v>
      </c>
      <c r="N546" s="6">
        <v>10</v>
      </c>
      <c r="O546" s="6">
        <v>2</v>
      </c>
      <c r="P546" s="10" t="s">
        <v>55</v>
      </c>
      <c r="Q546" s="10" t="s">
        <v>55</v>
      </c>
      <c r="R546" s="10" t="s">
        <v>55</v>
      </c>
      <c r="S546" s="6">
        <v>3</v>
      </c>
      <c r="T546" s="6">
        <v>3</v>
      </c>
      <c r="U546" s="10" t="s">
        <v>55</v>
      </c>
      <c r="V546" s="10" t="s">
        <v>55</v>
      </c>
      <c r="W546" s="10" t="s">
        <v>55</v>
      </c>
      <c r="X546" s="6">
        <v>9</v>
      </c>
      <c r="Y546" s="6">
        <v>8</v>
      </c>
      <c r="Z546" s="6">
        <v>1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98</v>
      </c>
      <c r="I547" s="9" t="s">
        <v>54</v>
      </c>
      <c r="J547" s="9" t="s">
        <v>37</v>
      </c>
      <c r="K547" s="6">
        <v>34</v>
      </c>
      <c r="L547" s="6">
        <v>31</v>
      </c>
      <c r="M547" s="6">
        <v>30</v>
      </c>
      <c r="N547" s="6">
        <v>25</v>
      </c>
      <c r="O547" s="6">
        <v>5</v>
      </c>
      <c r="P547" s="10" t="s">
        <v>55</v>
      </c>
      <c r="Q547" s="10" t="s">
        <v>55</v>
      </c>
      <c r="R547" s="6">
        <v>1</v>
      </c>
      <c r="S547" s="6">
        <v>1</v>
      </c>
      <c r="T547" s="6">
        <v>1</v>
      </c>
      <c r="U547" s="10" t="s">
        <v>55</v>
      </c>
      <c r="V547" s="10" t="s">
        <v>55</v>
      </c>
      <c r="W547" s="6">
        <v>2</v>
      </c>
      <c r="X547" s="6">
        <v>26</v>
      </c>
      <c r="Y547" s="6">
        <v>22</v>
      </c>
      <c r="Z547" s="6">
        <v>4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98</v>
      </c>
      <c r="I548" s="9" t="s">
        <v>54</v>
      </c>
      <c r="J548" s="9" t="s">
        <v>38</v>
      </c>
      <c r="K548" s="6">
        <v>26</v>
      </c>
      <c r="L548" s="6">
        <v>24</v>
      </c>
      <c r="M548" s="6">
        <v>23</v>
      </c>
      <c r="N548" s="6">
        <v>19</v>
      </c>
      <c r="O548" s="6">
        <v>4</v>
      </c>
      <c r="P548" s="10" t="s">
        <v>55</v>
      </c>
      <c r="Q548" s="10" t="s">
        <v>55</v>
      </c>
      <c r="R548" s="6">
        <v>1</v>
      </c>
      <c r="S548" s="6">
        <v>2</v>
      </c>
      <c r="T548" s="6">
        <v>2</v>
      </c>
      <c r="U548" s="10" t="s">
        <v>55</v>
      </c>
      <c r="V548" s="10" t="s">
        <v>55</v>
      </c>
      <c r="W548" s="10" t="s">
        <v>55</v>
      </c>
      <c r="X548" s="6">
        <v>18</v>
      </c>
      <c r="Y548" s="6">
        <v>15</v>
      </c>
      <c r="Z548" s="6">
        <v>3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98</v>
      </c>
      <c r="I549" s="9" t="s">
        <v>54</v>
      </c>
      <c r="J549" s="9" t="s">
        <v>39</v>
      </c>
      <c r="K549" s="6">
        <v>58</v>
      </c>
      <c r="L549" s="6">
        <v>54</v>
      </c>
      <c r="M549" s="6">
        <v>54</v>
      </c>
      <c r="N549" s="6">
        <v>42</v>
      </c>
      <c r="O549" s="6">
        <v>10</v>
      </c>
      <c r="P549" s="10" t="s">
        <v>55</v>
      </c>
      <c r="Q549" s="6">
        <v>2</v>
      </c>
      <c r="R549" s="10" t="s">
        <v>55</v>
      </c>
      <c r="S549" s="6">
        <v>4</v>
      </c>
      <c r="T549" s="6">
        <v>4</v>
      </c>
      <c r="U549" s="10" t="s">
        <v>55</v>
      </c>
      <c r="V549" s="10" t="s">
        <v>55</v>
      </c>
      <c r="W549" s="10" t="s">
        <v>55</v>
      </c>
      <c r="X549" s="6">
        <v>40</v>
      </c>
      <c r="Y549" s="6">
        <v>32</v>
      </c>
      <c r="Z549" s="6">
        <v>7</v>
      </c>
      <c r="AA549" s="10" t="s">
        <v>55</v>
      </c>
      <c r="AB549" s="6">
        <v>1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98</v>
      </c>
      <c r="I550" s="9" t="s">
        <v>54</v>
      </c>
      <c r="J550" s="9" t="s">
        <v>40</v>
      </c>
      <c r="K550" s="6">
        <v>64</v>
      </c>
      <c r="L550" s="6">
        <v>54</v>
      </c>
      <c r="M550" s="6">
        <v>52</v>
      </c>
      <c r="N550" s="6">
        <v>33</v>
      </c>
      <c r="O550" s="6">
        <v>17</v>
      </c>
      <c r="P550" s="10" t="s">
        <v>55</v>
      </c>
      <c r="Q550" s="6">
        <v>2</v>
      </c>
      <c r="R550" s="6">
        <v>2</v>
      </c>
      <c r="S550" s="6">
        <v>10</v>
      </c>
      <c r="T550" s="6">
        <v>9</v>
      </c>
      <c r="U550" s="10" t="s">
        <v>55</v>
      </c>
      <c r="V550" s="6">
        <v>1</v>
      </c>
      <c r="W550" s="10" t="s">
        <v>55</v>
      </c>
      <c r="X550" s="6">
        <v>22</v>
      </c>
      <c r="Y550" s="6">
        <v>17</v>
      </c>
      <c r="Z550" s="6">
        <v>3</v>
      </c>
      <c r="AA550" s="10" t="s">
        <v>55</v>
      </c>
      <c r="AB550" s="6">
        <v>2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98</v>
      </c>
      <c r="I551" s="9" t="s">
        <v>54</v>
      </c>
      <c r="J551" s="9" t="s">
        <v>41</v>
      </c>
      <c r="K551" s="6">
        <v>74</v>
      </c>
      <c r="L551" s="6">
        <v>44</v>
      </c>
      <c r="M551" s="6">
        <v>44</v>
      </c>
      <c r="N551" s="6">
        <v>25</v>
      </c>
      <c r="O551" s="6">
        <v>18</v>
      </c>
      <c r="P551" s="10" t="s">
        <v>55</v>
      </c>
      <c r="Q551" s="6">
        <v>1</v>
      </c>
      <c r="R551" s="10" t="s">
        <v>55</v>
      </c>
      <c r="S551" s="6">
        <v>29</v>
      </c>
      <c r="T551" s="6">
        <v>16</v>
      </c>
      <c r="U551" s="10" t="s">
        <v>55</v>
      </c>
      <c r="V551" s="6">
        <v>13</v>
      </c>
      <c r="W551" s="6">
        <v>1</v>
      </c>
      <c r="X551" s="6">
        <v>18</v>
      </c>
      <c r="Y551" s="6">
        <v>12</v>
      </c>
      <c r="Z551" s="6">
        <v>5</v>
      </c>
      <c r="AA551" s="10" t="s">
        <v>55</v>
      </c>
      <c r="AB551" s="6">
        <v>1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98</v>
      </c>
      <c r="I552" s="9" t="s">
        <v>54</v>
      </c>
      <c r="J552" s="9" t="s">
        <v>42</v>
      </c>
      <c r="K552" s="6">
        <v>62</v>
      </c>
      <c r="L552" s="6">
        <v>24</v>
      </c>
      <c r="M552" s="6">
        <v>24</v>
      </c>
      <c r="N552" s="6">
        <v>17</v>
      </c>
      <c r="O552" s="6">
        <v>7</v>
      </c>
      <c r="P552" s="10" t="s">
        <v>55</v>
      </c>
      <c r="Q552" s="10" t="s">
        <v>55</v>
      </c>
      <c r="R552" s="10" t="s">
        <v>55</v>
      </c>
      <c r="S552" s="6">
        <v>38</v>
      </c>
      <c r="T552" s="6">
        <v>21</v>
      </c>
      <c r="U552" s="10" t="s">
        <v>55</v>
      </c>
      <c r="V552" s="6">
        <v>17</v>
      </c>
      <c r="W552" s="10" t="s">
        <v>55</v>
      </c>
      <c r="X552" s="6">
        <v>6</v>
      </c>
      <c r="Y552" s="6">
        <v>4</v>
      </c>
      <c r="Z552" s="6">
        <v>2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98</v>
      </c>
      <c r="I553" s="9" t="s">
        <v>54</v>
      </c>
      <c r="J553" s="9" t="s">
        <v>43</v>
      </c>
      <c r="K553" s="6">
        <v>63</v>
      </c>
      <c r="L553" s="6">
        <v>17</v>
      </c>
      <c r="M553" s="6">
        <v>17</v>
      </c>
      <c r="N553" s="6">
        <v>8</v>
      </c>
      <c r="O553" s="6">
        <v>8</v>
      </c>
      <c r="P553" s="10" t="s">
        <v>55</v>
      </c>
      <c r="Q553" s="6">
        <v>1</v>
      </c>
      <c r="R553" s="10" t="s">
        <v>55</v>
      </c>
      <c r="S553" s="6">
        <v>45</v>
      </c>
      <c r="T553" s="6">
        <v>22</v>
      </c>
      <c r="U553" s="10" t="s">
        <v>55</v>
      </c>
      <c r="V553" s="6">
        <v>23</v>
      </c>
      <c r="W553" s="6">
        <v>1</v>
      </c>
      <c r="X553" s="6">
        <v>2</v>
      </c>
      <c r="Y553" s="6">
        <v>2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98</v>
      </c>
      <c r="I554" s="9" t="s">
        <v>54</v>
      </c>
      <c r="J554" s="9" t="s">
        <v>44</v>
      </c>
      <c r="K554" s="6">
        <v>43</v>
      </c>
      <c r="L554" s="6">
        <v>8</v>
      </c>
      <c r="M554" s="6">
        <v>8</v>
      </c>
      <c r="N554" s="6">
        <v>4</v>
      </c>
      <c r="O554" s="6">
        <v>4</v>
      </c>
      <c r="P554" s="10" t="s">
        <v>55</v>
      </c>
      <c r="Q554" s="10" t="s">
        <v>55</v>
      </c>
      <c r="R554" s="10" t="s">
        <v>55</v>
      </c>
      <c r="S554" s="6">
        <v>34</v>
      </c>
      <c r="T554" s="6">
        <v>6</v>
      </c>
      <c r="U554" s="10" t="s">
        <v>55</v>
      </c>
      <c r="V554" s="6">
        <v>28</v>
      </c>
      <c r="W554" s="6">
        <v>1</v>
      </c>
      <c r="X554" s="6">
        <v>1</v>
      </c>
      <c r="Y554" s="6">
        <v>1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98</v>
      </c>
      <c r="I555" s="9" t="s">
        <v>54</v>
      </c>
      <c r="J555" s="9" t="s">
        <v>45</v>
      </c>
      <c r="K555" s="6">
        <v>13</v>
      </c>
      <c r="L555" s="10" t="s">
        <v>55</v>
      </c>
      <c r="M555" s="10" t="s">
        <v>55</v>
      </c>
      <c r="N555" s="10" t="s">
        <v>55</v>
      </c>
      <c r="O555" s="10" t="s">
        <v>55</v>
      </c>
      <c r="P555" s="10" t="s">
        <v>55</v>
      </c>
      <c r="Q555" s="10" t="s">
        <v>55</v>
      </c>
      <c r="R555" s="10" t="s">
        <v>55</v>
      </c>
      <c r="S555" s="6">
        <v>13</v>
      </c>
      <c r="T555" s="6">
        <v>1</v>
      </c>
      <c r="U555" s="10" t="s">
        <v>55</v>
      </c>
      <c r="V555" s="6">
        <v>12</v>
      </c>
      <c r="W555" s="10" t="s">
        <v>55</v>
      </c>
      <c r="X555" s="10" t="s">
        <v>55</v>
      </c>
      <c r="Y555" s="10" t="s">
        <v>55</v>
      </c>
      <c r="Z555" s="10" t="s">
        <v>55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98</v>
      </c>
      <c r="I556" s="9" t="s">
        <v>54</v>
      </c>
      <c r="J556" s="9" t="s">
        <v>46</v>
      </c>
      <c r="K556" s="6">
        <v>3</v>
      </c>
      <c r="L556" s="10" t="s">
        <v>55</v>
      </c>
      <c r="M556" s="10" t="s">
        <v>55</v>
      </c>
      <c r="N556" s="10" t="s">
        <v>55</v>
      </c>
      <c r="O556" s="10" t="s">
        <v>55</v>
      </c>
      <c r="P556" s="10" t="s">
        <v>55</v>
      </c>
      <c r="Q556" s="10" t="s">
        <v>55</v>
      </c>
      <c r="R556" s="10" t="s">
        <v>55</v>
      </c>
      <c r="S556" s="6">
        <v>3</v>
      </c>
      <c r="T556" s="10" t="s">
        <v>55</v>
      </c>
      <c r="U556" s="10" t="s">
        <v>55</v>
      </c>
      <c r="V556" s="6">
        <v>3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98</v>
      </c>
      <c r="I557" s="9" t="s">
        <v>54</v>
      </c>
      <c r="J557" s="9" t="s">
        <v>47</v>
      </c>
      <c r="K557" s="10" t="s">
        <v>55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10" t="s">
        <v>55</v>
      </c>
      <c r="T557" s="10" t="s">
        <v>55</v>
      </c>
      <c r="U557" s="10" t="s">
        <v>55</v>
      </c>
      <c r="V557" s="10" t="s">
        <v>55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98</v>
      </c>
      <c r="I558" s="9" t="s">
        <v>54</v>
      </c>
      <c r="J558" s="9" t="s">
        <v>48</v>
      </c>
      <c r="K558" s="6">
        <v>233</v>
      </c>
      <c r="L558" s="6">
        <v>206</v>
      </c>
      <c r="M558" s="6">
        <v>200</v>
      </c>
      <c r="N558" s="6">
        <v>151</v>
      </c>
      <c r="O558" s="6">
        <v>44</v>
      </c>
      <c r="P558" s="10" t="s">
        <v>55</v>
      </c>
      <c r="Q558" s="6">
        <v>5</v>
      </c>
      <c r="R558" s="6">
        <v>6</v>
      </c>
      <c r="S558" s="6">
        <v>24</v>
      </c>
      <c r="T558" s="6">
        <v>23</v>
      </c>
      <c r="U558" s="10" t="s">
        <v>55</v>
      </c>
      <c r="V558" s="6">
        <v>1</v>
      </c>
      <c r="W558" s="6">
        <v>3</v>
      </c>
      <c r="X558" s="6">
        <v>139</v>
      </c>
      <c r="Y558" s="6">
        <v>114</v>
      </c>
      <c r="Z558" s="6">
        <v>21</v>
      </c>
      <c r="AA558" s="10" t="s">
        <v>55</v>
      </c>
      <c r="AB558" s="6">
        <v>4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98</v>
      </c>
      <c r="I559" s="9" t="s">
        <v>54</v>
      </c>
      <c r="J559" s="9" t="s">
        <v>49</v>
      </c>
      <c r="K559" s="6">
        <v>258</v>
      </c>
      <c r="L559" s="6">
        <v>93</v>
      </c>
      <c r="M559" s="6">
        <v>93</v>
      </c>
      <c r="N559" s="6">
        <v>54</v>
      </c>
      <c r="O559" s="6">
        <v>37</v>
      </c>
      <c r="P559" s="10" t="s">
        <v>55</v>
      </c>
      <c r="Q559" s="6">
        <v>2</v>
      </c>
      <c r="R559" s="10" t="s">
        <v>55</v>
      </c>
      <c r="S559" s="6">
        <v>162</v>
      </c>
      <c r="T559" s="6">
        <v>66</v>
      </c>
      <c r="U559" s="10" t="s">
        <v>55</v>
      </c>
      <c r="V559" s="6">
        <v>96</v>
      </c>
      <c r="W559" s="6">
        <v>3</v>
      </c>
      <c r="X559" s="6">
        <v>27</v>
      </c>
      <c r="Y559" s="6">
        <v>19</v>
      </c>
      <c r="Z559" s="6">
        <v>7</v>
      </c>
      <c r="AA559" s="10" t="s">
        <v>55</v>
      </c>
      <c r="AB559" s="6">
        <v>1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98</v>
      </c>
      <c r="I560" s="9" t="s">
        <v>54</v>
      </c>
      <c r="J560" s="9" t="s">
        <v>50</v>
      </c>
      <c r="K560" s="6">
        <v>122</v>
      </c>
      <c r="L560" s="6">
        <v>25</v>
      </c>
      <c r="M560" s="6">
        <v>25</v>
      </c>
      <c r="N560" s="6">
        <v>12</v>
      </c>
      <c r="O560" s="6">
        <v>12</v>
      </c>
      <c r="P560" s="10" t="s">
        <v>55</v>
      </c>
      <c r="Q560" s="6">
        <v>1</v>
      </c>
      <c r="R560" s="10" t="s">
        <v>55</v>
      </c>
      <c r="S560" s="6">
        <v>95</v>
      </c>
      <c r="T560" s="6">
        <v>29</v>
      </c>
      <c r="U560" s="10" t="s">
        <v>55</v>
      </c>
      <c r="V560" s="6">
        <v>66</v>
      </c>
      <c r="W560" s="6">
        <v>2</v>
      </c>
      <c r="X560" s="6">
        <v>3</v>
      </c>
      <c r="Y560" s="6">
        <v>3</v>
      </c>
      <c r="Z560" s="10" t="s">
        <v>55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98</v>
      </c>
      <c r="I561" s="9" t="s">
        <v>54</v>
      </c>
      <c r="J561" s="9" t="s">
        <v>51</v>
      </c>
      <c r="K561" s="6">
        <v>16</v>
      </c>
      <c r="L561" s="10" t="s">
        <v>55</v>
      </c>
      <c r="M561" s="10" t="s">
        <v>55</v>
      </c>
      <c r="N561" s="10" t="s">
        <v>55</v>
      </c>
      <c r="O561" s="10" t="s">
        <v>55</v>
      </c>
      <c r="P561" s="10" t="s">
        <v>55</v>
      </c>
      <c r="Q561" s="10" t="s">
        <v>55</v>
      </c>
      <c r="R561" s="10" t="s">
        <v>55</v>
      </c>
      <c r="S561" s="6">
        <v>16</v>
      </c>
      <c r="T561" s="6">
        <v>1</v>
      </c>
      <c r="U561" s="10" t="s">
        <v>55</v>
      </c>
      <c r="V561" s="6">
        <v>15</v>
      </c>
      <c r="W561" s="10" t="s">
        <v>55</v>
      </c>
      <c r="X561" s="10" t="s">
        <v>55</v>
      </c>
      <c r="Y561" s="10" t="s">
        <v>55</v>
      </c>
      <c r="Z561" s="10" t="s">
        <v>55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98</v>
      </c>
      <c r="I562" s="9" t="s">
        <v>54</v>
      </c>
      <c r="J562" s="9" t="s">
        <v>52</v>
      </c>
      <c r="K562" s="6">
        <v>307</v>
      </c>
      <c r="L562" s="6">
        <v>250</v>
      </c>
      <c r="M562" s="6">
        <v>244</v>
      </c>
      <c r="N562" s="6">
        <v>176</v>
      </c>
      <c r="O562" s="6">
        <v>62</v>
      </c>
      <c r="P562" s="10" t="s">
        <v>55</v>
      </c>
      <c r="Q562" s="6">
        <v>6</v>
      </c>
      <c r="R562" s="6">
        <v>6</v>
      </c>
      <c r="S562" s="6">
        <v>53</v>
      </c>
      <c r="T562" s="6">
        <v>39</v>
      </c>
      <c r="U562" s="10" t="s">
        <v>55</v>
      </c>
      <c r="V562" s="6">
        <v>14</v>
      </c>
      <c r="W562" s="6">
        <v>4</v>
      </c>
      <c r="X562" s="6">
        <v>157</v>
      </c>
      <c r="Y562" s="6">
        <v>126</v>
      </c>
      <c r="Z562" s="6">
        <v>26</v>
      </c>
      <c r="AA562" s="10" t="s">
        <v>55</v>
      </c>
      <c r="AB562" s="6">
        <v>5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98</v>
      </c>
      <c r="I563" s="9" t="s">
        <v>6</v>
      </c>
      <c r="J563" s="9" t="s">
        <v>30</v>
      </c>
      <c r="K563" s="6">
        <v>864</v>
      </c>
      <c r="L563" s="6">
        <v>424</v>
      </c>
      <c r="M563" s="6">
        <v>422</v>
      </c>
      <c r="N563" s="6">
        <v>351</v>
      </c>
      <c r="O563" s="6">
        <v>64</v>
      </c>
      <c r="P563" s="10" t="s">
        <v>55</v>
      </c>
      <c r="Q563" s="6">
        <v>7</v>
      </c>
      <c r="R563" s="6">
        <v>2</v>
      </c>
      <c r="S563" s="6">
        <v>436</v>
      </c>
      <c r="T563" s="6">
        <v>183</v>
      </c>
      <c r="U563" s="10" t="s">
        <v>55</v>
      </c>
      <c r="V563" s="6">
        <v>253</v>
      </c>
      <c r="W563" s="6">
        <v>4</v>
      </c>
      <c r="X563" s="6">
        <v>297</v>
      </c>
      <c r="Y563" s="6">
        <v>252</v>
      </c>
      <c r="Z563" s="6">
        <v>39</v>
      </c>
      <c r="AA563" s="10" t="s">
        <v>55</v>
      </c>
      <c r="AB563" s="6">
        <v>6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98</v>
      </c>
      <c r="I564" s="9" t="s">
        <v>6</v>
      </c>
      <c r="J564" s="9" t="s">
        <v>31</v>
      </c>
      <c r="K564" s="10" t="s">
        <v>55</v>
      </c>
      <c r="L564" s="10" t="s">
        <v>55</v>
      </c>
      <c r="M564" s="10" t="s">
        <v>55</v>
      </c>
      <c r="N564" s="10" t="s">
        <v>55</v>
      </c>
      <c r="O564" s="10" t="s">
        <v>55</v>
      </c>
      <c r="P564" s="10" t="s">
        <v>55</v>
      </c>
      <c r="Q564" s="10" t="s">
        <v>55</v>
      </c>
      <c r="R564" s="10" t="s">
        <v>55</v>
      </c>
      <c r="S564" s="10" t="s">
        <v>55</v>
      </c>
      <c r="T564" s="10" t="s">
        <v>55</v>
      </c>
      <c r="U564" s="10" t="s">
        <v>55</v>
      </c>
      <c r="V564" s="10" t="s">
        <v>55</v>
      </c>
      <c r="W564" s="10" t="s">
        <v>55</v>
      </c>
      <c r="X564" s="10" t="s">
        <v>55</v>
      </c>
      <c r="Y564" s="10" t="s">
        <v>55</v>
      </c>
      <c r="Z564" s="10" t="s">
        <v>55</v>
      </c>
      <c r="AA564" s="10" t="s">
        <v>55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98</v>
      </c>
      <c r="I565" s="9" t="s">
        <v>6</v>
      </c>
      <c r="J565" s="9" t="s">
        <v>32</v>
      </c>
      <c r="K565" s="6">
        <v>2</v>
      </c>
      <c r="L565" s="6">
        <v>2</v>
      </c>
      <c r="M565" s="6">
        <v>2</v>
      </c>
      <c r="N565" s="6">
        <v>1</v>
      </c>
      <c r="O565" s="6">
        <v>1</v>
      </c>
      <c r="P565" s="10" t="s">
        <v>55</v>
      </c>
      <c r="Q565" s="10" t="s">
        <v>55</v>
      </c>
      <c r="R565" s="10" t="s">
        <v>55</v>
      </c>
      <c r="S565" s="10" t="s">
        <v>55</v>
      </c>
      <c r="T565" s="10" t="s">
        <v>55</v>
      </c>
      <c r="U565" s="10" t="s">
        <v>55</v>
      </c>
      <c r="V565" s="10" t="s">
        <v>55</v>
      </c>
      <c r="W565" s="10" t="s">
        <v>55</v>
      </c>
      <c r="X565" s="6">
        <v>2</v>
      </c>
      <c r="Y565" s="6">
        <v>1</v>
      </c>
      <c r="Z565" s="6">
        <v>1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98</v>
      </c>
      <c r="I566" s="9" t="s">
        <v>6</v>
      </c>
      <c r="J566" s="9" t="s">
        <v>33</v>
      </c>
      <c r="K566" s="6">
        <v>5</v>
      </c>
      <c r="L566" s="6">
        <v>4</v>
      </c>
      <c r="M566" s="6">
        <v>4</v>
      </c>
      <c r="N566" s="6">
        <v>3</v>
      </c>
      <c r="O566" s="10" t="s">
        <v>55</v>
      </c>
      <c r="P566" s="10" t="s">
        <v>55</v>
      </c>
      <c r="Q566" s="6">
        <v>1</v>
      </c>
      <c r="R566" s="10" t="s">
        <v>55</v>
      </c>
      <c r="S566" s="6">
        <v>1</v>
      </c>
      <c r="T566" s="6">
        <v>1</v>
      </c>
      <c r="U566" s="10" t="s">
        <v>55</v>
      </c>
      <c r="V566" s="10" t="s">
        <v>55</v>
      </c>
      <c r="W566" s="10" t="s">
        <v>55</v>
      </c>
      <c r="X566" s="6">
        <v>4</v>
      </c>
      <c r="Y566" s="6">
        <v>3</v>
      </c>
      <c r="Z566" s="10" t="s">
        <v>55</v>
      </c>
      <c r="AA566" s="10" t="s">
        <v>55</v>
      </c>
      <c r="AB566" s="6">
        <v>1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98</v>
      </c>
      <c r="I567" s="9" t="s">
        <v>6</v>
      </c>
      <c r="J567" s="9" t="s">
        <v>34</v>
      </c>
      <c r="K567" s="6">
        <v>14</v>
      </c>
      <c r="L567" s="6">
        <v>14</v>
      </c>
      <c r="M567" s="6">
        <v>14</v>
      </c>
      <c r="N567" s="6">
        <v>10</v>
      </c>
      <c r="O567" s="6">
        <v>4</v>
      </c>
      <c r="P567" s="10" t="s">
        <v>55</v>
      </c>
      <c r="Q567" s="10" t="s">
        <v>55</v>
      </c>
      <c r="R567" s="10" t="s">
        <v>55</v>
      </c>
      <c r="S567" s="10" t="s">
        <v>55</v>
      </c>
      <c r="T567" s="10" t="s">
        <v>55</v>
      </c>
      <c r="U567" s="10" t="s">
        <v>55</v>
      </c>
      <c r="V567" s="10" t="s">
        <v>55</v>
      </c>
      <c r="W567" s="10" t="s">
        <v>55</v>
      </c>
      <c r="X567" s="6">
        <v>12</v>
      </c>
      <c r="Y567" s="6">
        <v>9</v>
      </c>
      <c r="Z567" s="6">
        <v>3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98</v>
      </c>
      <c r="I568" s="9" t="s">
        <v>6</v>
      </c>
      <c r="J568" s="9" t="s">
        <v>35</v>
      </c>
      <c r="K568" s="6">
        <v>16</v>
      </c>
      <c r="L568" s="6">
        <v>14</v>
      </c>
      <c r="M568" s="6">
        <v>14</v>
      </c>
      <c r="N568" s="6">
        <v>13</v>
      </c>
      <c r="O568" s="6">
        <v>1</v>
      </c>
      <c r="P568" s="10" t="s">
        <v>55</v>
      </c>
      <c r="Q568" s="10" t="s">
        <v>55</v>
      </c>
      <c r="R568" s="10" t="s">
        <v>55</v>
      </c>
      <c r="S568" s="6">
        <v>2</v>
      </c>
      <c r="T568" s="6">
        <v>2</v>
      </c>
      <c r="U568" s="10" t="s">
        <v>55</v>
      </c>
      <c r="V568" s="10" t="s">
        <v>55</v>
      </c>
      <c r="W568" s="10" t="s">
        <v>55</v>
      </c>
      <c r="X568" s="6">
        <v>13</v>
      </c>
      <c r="Y568" s="6">
        <v>12</v>
      </c>
      <c r="Z568" s="6">
        <v>1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98</v>
      </c>
      <c r="I569" s="9" t="s">
        <v>6</v>
      </c>
      <c r="J569" s="9" t="s">
        <v>36</v>
      </c>
      <c r="K569" s="6">
        <v>31</v>
      </c>
      <c r="L569" s="6">
        <v>29</v>
      </c>
      <c r="M569" s="6">
        <v>29</v>
      </c>
      <c r="N569" s="6">
        <v>25</v>
      </c>
      <c r="O569" s="6">
        <v>4</v>
      </c>
      <c r="P569" s="10" t="s">
        <v>55</v>
      </c>
      <c r="Q569" s="10" t="s">
        <v>55</v>
      </c>
      <c r="R569" s="10" t="s">
        <v>55</v>
      </c>
      <c r="S569" s="6">
        <v>2</v>
      </c>
      <c r="T569" s="6">
        <v>1</v>
      </c>
      <c r="U569" s="10" t="s">
        <v>55</v>
      </c>
      <c r="V569" s="6">
        <v>1</v>
      </c>
      <c r="W569" s="10" t="s">
        <v>55</v>
      </c>
      <c r="X569" s="6">
        <v>28</v>
      </c>
      <c r="Y569" s="6">
        <v>24</v>
      </c>
      <c r="Z569" s="6">
        <v>4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98</v>
      </c>
      <c r="I570" s="9" t="s">
        <v>6</v>
      </c>
      <c r="J570" s="9" t="s">
        <v>37</v>
      </c>
      <c r="K570" s="6">
        <v>29</v>
      </c>
      <c r="L570" s="6">
        <v>26</v>
      </c>
      <c r="M570" s="6">
        <v>26</v>
      </c>
      <c r="N570" s="6">
        <v>22</v>
      </c>
      <c r="O570" s="6">
        <v>4</v>
      </c>
      <c r="P570" s="10" t="s">
        <v>55</v>
      </c>
      <c r="Q570" s="10" t="s">
        <v>55</v>
      </c>
      <c r="R570" s="10" t="s">
        <v>55</v>
      </c>
      <c r="S570" s="6">
        <v>3</v>
      </c>
      <c r="T570" s="6">
        <v>3</v>
      </c>
      <c r="U570" s="10" t="s">
        <v>55</v>
      </c>
      <c r="V570" s="10" t="s">
        <v>55</v>
      </c>
      <c r="W570" s="10" t="s">
        <v>55</v>
      </c>
      <c r="X570" s="6">
        <v>23</v>
      </c>
      <c r="Y570" s="6">
        <v>20</v>
      </c>
      <c r="Z570" s="6">
        <v>3</v>
      </c>
      <c r="AA570" s="10" t="s">
        <v>55</v>
      </c>
      <c r="AB570" s="10" t="s">
        <v>55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98</v>
      </c>
      <c r="I571" s="9" t="s">
        <v>6</v>
      </c>
      <c r="J571" s="9" t="s">
        <v>38</v>
      </c>
      <c r="K571" s="6">
        <v>49</v>
      </c>
      <c r="L571" s="6">
        <v>45</v>
      </c>
      <c r="M571" s="6">
        <v>45</v>
      </c>
      <c r="N571" s="6">
        <v>41</v>
      </c>
      <c r="O571" s="6">
        <v>4</v>
      </c>
      <c r="P571" s="10" t="s">
        <v>55</v>
      </c>
      <c r="Q571" s="10" t="s">
        <v>55</v>
      </c>
      <c r="R571" s="10" t="s">
        <v>55</v>
      </c>
      <c r="S571" s="6">
        <v>2</v>
      </c>
      <c r="T571" s="6">
        <v>2</v>
      </c>
      <c r="U571" s="10" t="s">
        <v>55</v>
      </c>
      <c r="V571" s="10" t="s">
        <v>55</v>
      </c>
      <c r="W571" s="6">
        <v>2</v>
      </c>
      <c r="X571" s="6">
        <v>37</v>
      </c>
      <c r="Y571" s="6">
        <v>34</v>
      </c>
      <c r="Z571" s="6">
        <v>3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98</v>
      </c>
      <c r="I572" s="9" t="s">
        <v>6</v>
      </c>
      <c r="J572" s="9" t="s">
        <v>39</v>
      </c>
      <c r="K572" s="6">
        <v>67</v>
      </c>
      <c r="L572" s="6">
        <v>58</v>
      </c>
      <c r="M572" s="6">
        <v>57</v>
      </c>
      <c r="N572" s="6">
        <v>48</v>
      </c>
      <c r="O572" s="6">
        <v>9</v>
      </c>
      <c r="P572" s="10" t="s">
        <v>55</v>
      </c>
      <c r="Q572" s="10" t="s">
        <v>55</v>
      </c>
      <c r="R572" s="6">
        <v>1</v>
      </c>
      <c r="S572" s="6">
        <v>7</v>
      </c>
      <c r="T572" s="6">
        <v>7</v>
      </c>
      <c r="U572" s="10" t="s">
        <v>55</v>
      </c>
      <c r="V572" s="10" t="s">
        <v>55</v>
      </c>
      <c r="W572" s="6">
        <v>2</v>
      </c>
      <c r="X572" s="6">
        <v>41</v>
      </c>
      <c r="Y572" s="6">
        <v>36</v>
      </c>
      <c r="Z572" s="6">
        <v>5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98</v>
      </c>
      <c r="I573" s="9" t="s">
        <v>6</v>
      </c>
      <c r="J573" s="9" t="s">
        <v>40</v>
      </c>
      <c r="K573" s="6">
        <v>88</v>
      </c>
      <c r="L573" s="6">
        <v>60</v>
      </c>
      <c r="M573" s="6">
        <v>60</v>
      </c>
      <c r="N573" s="6">
        <v>48</v>
      </c>
      <c r="O573" s="6">
        <v>11</v>
      </c>
      <c r="P573" s="10" t="s">
        <v>55</v>
      </c>
      <c r="Q573" s="6">
        <v>1</v>
      </c>
      <c r="R573" s="10" t="s">
        <v>55</v>
      </c>
      <c r="S573" s="6">
        <v>28</v>
      </c>
      <c r="T573" s="6">
        <v>21</v>
      </c>
      <c r="U573" s="10" t="s">
        <v>55</v>
      </c>
      <c r="V573" s="6">
        <v>7</v>
      </c>
      <c r="W573" s="10" t="s">
        <v>55</v>
      </c>
      <c r="X573" s="6">
        <v>42</v>
      </c>
      <c r="Y573" s="6">
        <v>37</v>
      </c>
      <c r="Z573" s="6">
        <v>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98</v>
      </c>
      <c r="I574" s="9" t="s">
        <v>6</v>
      </c>
      <c r="J574" s="9" t="s">
        <v>41</v>
      </c>
      <c r="K574" s="6">
        <v>125</v>
      </c>
      <c r="L574" s="6">
        <v>77</v>
      </c>
      <c r="M574" s="6">
        <v>76</v>
      </c>
      <c r="N574" s="6">
        <v>64</v>
      </c>
      <c r="O574" s="6">
        <v>11</v>
      </c>
      <c r="P574" s="10" t="s">
        <v>55</v>
      </c>
      <c r="Q574" s="6">
        <v>1</v>
      </c>
      <c r="R574" s="6">
        <v>1</v>
      </c>
      <c r="S574" s="6">
        <v>48</v>
      </c>
      <c r="T574" s="6">
        <v>32</v>
      </c>
      <c r="U574" s="10" t="s">
        <v>55</v>
      </c>
      <c r="V574" s="6">
        <v>16</v>
      </c>
      <c r="W574" s="10" t="s">
        <v>55</v>
      </c>
      <c r="X574" s="6">
        <v>47</v>
      </c>
      <c r="Y574" s="6">
        <v>40</v>
      </c>
      <c r="Z574" s="6">
        <v>6</v>
      </c>
      <c r="AA574" s="10" t="s">
        <v>55</v>
      </c>
      <c r="AB574" s="6">
        <v>1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98</v>
      </c>
      <c r="I575" s="9" t="s">
        <v>6</v>
      </c>
      <c r="J575" s="9" t="s">
        <v>42</v>
      </c>
      <c r="K575" s="6">
        <v>152</v>
      </c>
      <c r="L575" s="6">
        <v>57</v>
      </c>
      <c r="M575" s="6">
        <v>57</v>
      </c>
      <c r="N575" s="6">
        <v>48</v>
      </c>
      <c r="O575" s="6">
        <v>6</v>
      </c>
      <c r="P575" s="10" t="s">
        <v>55</v>
      </c>
      <c r="Q575" s="6">
        <v>3</v>
      </c>
      <c r="R575" s="10" t="s">
        <v>55</v>
      </c>
      <c r="S575" s="6">
        <v>95</v>
      </c>
      <c r="T575" s="6">
        <v>48</v>
      </c>
      <c r="U575" s="10" t="s">
        <v>55</v>
      </c>
      <c r="V575" s="6">
        <v>47</v>
      </c>
      <c r="W575" s="10" t="s">
        <v>55</v>
      </c>
      <c r="X575" s="6">
        <v>35</v>
      </c>
      <c r="Y575" s="6">
        <v>27</v>
      </c>
      <c r="Z575" s="6">
        <v>5</v>
      </c>
      <c r="AA575" s="10" t="s">
        <v>55</v>
      </c>
      <c r="AB575" s="6">
        <v>3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98</v>
      </c>
      <c r="I576" s="9" t="s">
        <v>6</v>
      </c>
      <c r="J576" s="9" t="s">
        <v>43</v>
      </c>
      <c r="K576" s="6">
        <v>116</v>
      </c>
      <c r="L576" s="6">
        <v>22</v>
      </c>
      <c r="M576" s="6">
        <v>22</v>
      </c>
      <c r="N576" s="6">
        <v>18</v>
      </c>
      <c r="O576" s="6">
        <v>3</v>
      </c>
      <c r="P576" s="10" t="s">
        <v>55</v>
      </c>
      <c r="Q576" s="6">
        <v>1</v>
      </c>
      <c r="R576" s="10" t="s">
        <v>55</v>
      </c>
      <c r="S576" s="6">
        <v>94</v>
      </c>
      <c r="T576" s="6">
        <v>30</v>
      </c>
      <c r="U576" s="10" t="s">
        <v>55</v>
      </c>
      <c r="V576" s="6">
        <v>64</v>
      </c>
      <c r="W576" s="10" t="s">
        <v>55</v>
      </c>
      <c r="X576" s="6">
        <v>10</v>
      </c>
      <c r="Y576" s="6">
        <v>7</v>
      </c>
      <c r="Z576" s="6">
        <v>2</v>
      </c>
      <c r="AA576" s="10" t="s">
        <v>55</v>
      </c>
      <c r="AB576" s="6">
        <v>1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98</v>
      </c>
      <c r="I577" s="9" t="s">
        <v>6</v>
      </c>
      <c r="J577" s="9" t="s">
        <v>44</v>
      </c>
      <c r="K577" s="6">
        <v>115</v>
      </c>
      <c r="L577" s="6">
        <v>15</v>
      </c>
      <c r="M577" s="6">
        <v>15</v>
      </c>
      <c r="N577" s="6">
        <v>10</v>
      </c>
      <c r="O577" s="6">
        <v>5</v>
      </c>
      <c r="P577" s="10" t="s">
        <v>55</v>
      </c>
      <c r="Q577" s="10" t="s">
        <v>55</v>
      </c>
      <c r="R577" s="10" t="s">
        <v>55</v>
      </c>
      <c r="S577" s="6">
        <v>100</v>
      </c>
      <c r="T577" s="6">
        <v>24</v>
      </c>
      <c r="U577" s="10" t="s">
        <v>55</v>
      </c>
      <c r="V577" s="6">
        <v>76</v>
      </c>
      <c r="W577" s="10" t="s">
        <v>55</v>
      </c>
      <c r="X577" s="6">
        <v>3</v>
      </c>
      <c r="Y577" s="6">
        <v>2</v>
      </c>
      <c r="Z577" s="6">
        <v>1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98</v>
      </c>
      <c r="I578" s="9" t="s">
        <v>6</v>
      </c>
      <c r="J578" s="9" t="s">
        <v>45</v>
      </c>
      <c r="K578" s="6">
        <v>38</v>
      </c>
      <c r="L578" s="6">
        <v>1</v>
      </c>
      <c r="M578" s="6">
        <v>1</v>
      </c>
      <c r="N578" s="10" t="s">
        <v>55</v>
      </c>
      <c r="O578" s="6">
        <v>1</v>
      </c>
      <c r="P578" s="10" t="s">
        <v>55</v>
      </c>
      <c r="Q578" s="10" t="s">
        <v>55</v>
      </c>
      <c r="R578" s="10" t="s">
        <v>55</v>
      </c>
      <c r="S578" s="6">
        <v>37</v>
      </c>
      <c r="T578" s="6">
        <v>9</v>
      </c>
      <c r="U578" s="10" t="s">
        <v>55</v>
      </c>
      <c r="V578" s="6">
        <v>28</v>
      </c>
      <c r="W578" s="10" t="s">
        <v>55</v>
      </c>
      <c r="X578" s="10" t="s">
        <v>55</v>
      </c>
      <c r="Y578" s="10" t="s">
        <v>55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98</v>
      </c>
      <c r="I579" s="9" t="s">
        <v>6</v>
      </c>
      <c r="J579" s="9" t="s">
        <v>46</v>
      </c>
      <c r="K579" s="6">
        <v>16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6">
        <v>16</v>
      </c>
      <c r="T579" s="6">
        <v>2</v>
      </c>
      <c r="U579" s="10" t="s">
        <v>55</v>
      </c>
      <c r="V579" s="6">
        <v>14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98</v>
      </c>
      <c r="I580" s="9" t="s">
        <v>6</v>
      </c>
      <c r="J580" s="9" t="s">
        <v>47</v>
      </c>
      <c r="K580" s="6">
        <v>1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6">
        <v>1</v>
      </c>
      <c r="T580" s="6">
        <v>1</v>
      </c>
      <c r="U580" s="10" t="s">
        <v>55</v>
      </c>
      <c r="V580" s="10" t="s">
        <v>55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98</v>
      </c>
      <c r="I581" s="9" t="s">
        <v>6</v>
      </c>
      <c r="J581" s="9" t="s">
        <v>48</v>
      </c>
      <c r="K581" s="6">
        <v>301</v>
      </c>
      <c r="L581" s="6">
        <v>252</v>
      </c>
      <c r="M581" s="6">
        <v>251</v>
      </c>
      <c r="N581" s="6">
        <v>211</v>
      </c>
      <c r="O581" s="6">
        <v>38</v>
      </c>
      <c r="P581" s="10" t="s">
        <v>55</v>
      </c>
      <c r="Q581" s="6">
        <v>2</v>
      </c>
      <c r="R581" s="6">
        <v>1</v>
      </c>
      <c r="S581" s="6">
        <v>45</v>
      </c>
      <c r="T581" s="6">
        <v>37</v>
      </c>
      <c r="U581" s="10" t="s">
        <v>55</v>
      </c>
      <c r="V581" s="6">
        <v>8</v>
      </c>
      <c r="W581" s="6">
        <v>4</v>
      </c>
      <c r="X581" s="6">
        <v>202</v>
      </c>
      <c r="Y581" s="6">
        <v>176</v>
      </c>
      <c r="Z581" s="6">
        <v>25</v>
      </c>
      <c r="AA581" s="10" t="s">
        <v>55</v>
      </c>
      <c r="AB581" s="6">
        <v>1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98</v>
      </c>
      <c r="I582" s="9" t="s">
        <v>6</v>
      </c>
      <c r="J582" s="9" t="s">
        <v>49</v>
      </c>
      <c r="K582" s="6">
        <v>563</v>
      </c>
      <c r="L582" s="6">
        <v>172</v>
      </c>
      <c r="M582" s="6">
        <v>171</v>
      </c>
      <c r="N582" s="6">
        <v>140</v>
      </c>
      <c r="O582" s="6">
        <v>26</v>
      </c>
      <c r="P582" s="10" t="s">
        <v>55</v>
      </c>
      <c r="Q582" s="6">
        <v>5</v>
      </c>
      <c r="R582" s="6">
        <v>1</v>
      </c>
      <c r="S582" s="6">
        <v>391</v>
      </c>
      <c r="T582" s="6">
        <v>146</v>
      </c>
      <c r="U582" s="10" t="s">
        <v>55</v>
      </c>
      <c r="V582" s="6">
        <v>245</v>
      </c>
      <c r="W582" s="10" t="s">
        <v>55</v>
      </c>
      <c r="X582" s="6">
        <v>95</v>
      </c>
      <c r="Y582" s="6">
        <v>76</v>
      </c>
      <c r="Z582" s="6">
        <v>14</v>
      </c>
      <c r="AA582" s="10" t="s">
        <v>55</v>
      </c>
      <c r="AB582" s="6">
        <v>5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98</v>
      </c>
      <c r="I583" s="9" t="s">
        <v>6</v>
      </c>
      <c r="J583" s="9" t="s">
        <v>50</v>
      </c>
      <c r="K583" s="6">
        <v>286</v>
      </c>
      <c r="L583" s="6">
        <v>38</v>
      </c>
      <c r="M583" s="6">
        <v>38</v>
      </c>
      <c r="N583" s="6">
        <v>28</v>
      </c>
      <c r="O583" s="6">
        <v>9</v>
      </c>
      <c r="P583" s="10" t="s">
        <v>55</v>
      </c>
      <c r="Q583" s="6">
        <v>1</v>
      </c>
      <c r="R583" s="10" t="s">
        <v>55</v>
      </c>
      <c r="S583" s="6">
        <v>248</v>
      </c>
      <c r="T583" s="6">
        <v>66</v>
      </c>
      <c r="U583" s="10" t="s">
        <v>55</v>
      </c>
      <c r="V583" s="6">
        <v>182</v>
      </c>
      <c r="W583" s="10" t="s">
        <v>55</v>
      </c>
      <c r="X583" s="6">
        <v>13</v>
      </c>
      <c r="Y583" s="6">
        <v>9</v>
      </c>
      <c r="Z583" s="6">
        <v>3</v>
      </c>
      <c r="AA583" s="10" t="s">
        <v>55</v>
      </c>
      <c r="AB583" s="6">
        <v>1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98</v>
      </c>
      <c r="I584" s="9" t="s">
        <v>6</v>
      </c>
      <c r="J584" s="9" t="s">
        <v>51</v>
      </c>
      <c r="K584" s="6">
        <v>55</v>
      </c>
      <c r="L584" s="6">
        <v>1</v>
      </c>
      <c r="M584" s="6">
        <v>1</v>
      </c>
      <c r="N584" s="10" t="s">
        <v>55</v>
      </c>
      <c r="O584" s="6">
        <v>1</v>
      </c>
      <c r="P584" s="10" t="s">
        <v>55</v>
      </c>
      <c r="Q584" s="10" t="s">
        <v>55</v>
      </c>
      <c r="R584" s="10" t="s">
        <v>55</v>
      </c>
      <c r="S584" s="6">
        <v>54</v>
      </c>
      <c r="T584" s="6">
        <v>12</v>
      </c>
      <c r="U584" s="10" t="s">
        <v>55</v>
      </c>
      <c r="V584" s="6">
        <v>42</v>
      </c>
      <c r="W584" s="10" t="s">
        <v>55</v>
      </c>
      <c r="X584" s="10" t="s">
        <v>55</v>
      </c>
      <c r="Y584" s="10" t="s">
        <v>55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98</v>
      </c>
      <c r="I585" s="9" t="s">
        <v>6</v>
      </c>
      <c r="J585" s="9" t="s">
        <v>52</v>
      </c>
      <c r="K585" s="6">
        <v>426</v>
      </c>
      <c r="L585" s="6">
        <v>329</v>
      </c>
      <c r="M585" s="6">
        <v>327</v>
      </c>
      <c r="N585" s="6">
        <v>275</v>
      </c>
      <c r="O585" s="6">
        <v>49</v>
      </c>
      <c r="P585" s="10" t="s">
        <v>55</v>
      </c>
      <c r="Q585" s="6">
        <v>3</v>
      </c>
      <c r="R585" s="6">
        <v>2</v>
      </c>
      <c r="S585" s="6">
        <v>93</v>
      </c>
      <c r="T585" s="6">
        <v>69</v>
      </c>
      <c r="U585" s="10" t="s">
        <v>55</v>
      </c>
      <c r="V585" s="6">
        <v>24</v>
      </c>
      <c r="W585" s="6">
        <v>4</v>
      </c>
      <c r="X585" s="6">
        <v>249</v>
      </c>
      <c r="Y585" s="6">
        <v>216</v>
      </c>
      <c r="Z585" s="6">
        <v>31</v>
      </c>
      <c r="AA585" s="10" t="s">
        <v>55</v>
      </c>
      <c r="AB585" s="6">
        <v>2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98</v>
      </c>
      <c r="I586" s="9" t="s">
        <v>53</v>
      </c>
      <c r="J586" s="9" t="s">
        <v>30</v>
      </c>
      <c r="K586" s="6">
        <v>435</v>
      </c>
      <c r="L586" s="6">
        <v>242</v>
      </c>
      <c r="M586" s="6">
        <v>240</v>
      </c>
      <c r="N586" s="6">
        <v>230</v>
      </c>
      <c r="O586" s="6">
        <v>4</v>
      </c>
      <c r="P586" s="10" t="s">
        <v>55</v>
      </c>
      <c r="Q586" s="6">
        <v>6</v>
      </c>
      <c r="R586" s="6">
        <v>2</v>
      </c>
      <c r="S586" s="6">
        <v>191</v>
      </c>
      <c r="T586" s="6">
        <v>31</v>
      </c>
      <c r="U586" s="10" t="s">
        <v>55</v>
      </c>
      <c r="V586" s="6">
        <v>160</v>
      </c>
      <c r="W586" s="6">
        <v>2</v>
      </c>
      <c r="X586" s="6">
        <v>165</v>
      </c>
      <c r="Y586" s="6">
        <v>158</v>
      </c>
      <c r="Z586" s="6">
        <v>2</v>
      </c>
      <c r="AA586" s="10" t="s">
        <v>55</v>
      </c>
      <c r="AB586" s="6">
        <v>5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98</v>
      </c>
      <c r="I587" s="9" t="s">
        <v>53</v>
      </c>
      <c r="J587" s="9" t="s">
        <v>31</v>
      </c>
      <c r="K587" s="10" t="s">
        <v>55</v>
      </c>
      <c r="L587" s="10" t="s">
        <v>55</v>
      </c>
      <c r="M587" s="10" t="s">
        <v>55</v>
      </c>
      <c r="N587" s="10" t="s">
        <v>55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10" t="s">
        <v>55</v>
      </c>
      <c r="T587" s="10" t="s">
        <v>55</v>
      </c>
      <c r="U587" s="10" t="s">
        <v>55</v>
      </c>
      <c r="V587" s="10" t="s">
        <v>55</v>
      </c>
      <c r="W587" s="10" t="s">
        <v>55</v>
      </c>
      <c r="X587" s="10" t="s">
        <v>55</v>
      </c>
      <c r="Y587" s="10" t="s">
        <v>55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98</v>
      </c>
      <c r="I588" s="9" t="s">
        <v>53</v>
      </c>
      <c r="J588" s="9" t="s">
        <v>32</v>
      </c>
      <c r="K588" s="6">
        <v>1</v>
      </c>
      <c r="L588" s="6">
        <v>1</v>
      </c>
      <c r="M588" s="6">
        <v>1</v>
      </c>
      <c r="N588" s="6">
        <v>1</v>
      </c>
      <c r="O588" s="10" t="s">
        <v>55</v>
      </c>
      <c r="P588" s="10" t="s">
        <v>55</v>
      </c>
      <c r="Q588" s="10" t="s">
        <v>55</v>
      </c>
      <c r="R588" s="10" t="s">
        <v>55</v>
      </c>
      <c r="S588" s="10" t="s">
        <v>55</v>
      </c>
      <c r="T588" s="10" t="s">
        <v>55</v>
      </c>
      <c r="U588" s="10" t="s">
        <v>55</v>
      </c>
      <c r="V588" s="10" t="s">
        <v>55</v>
      </c>
      <c r="W588" s="10" t="s">
        <v>55</v>
      </c>
      <c r="X588" s="6">
        <v>1</v>
      </c>
      <c r="Y588" s="6">
        <v>1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98</v>
      </c>
      <c r="I589" s="9" t="s">
        <v>53</v>
      </c>
      <c r="J589" s="9" t="s">
        <v>33</v>
      </c>
      <c r="K589" s="6">
        <v>3</v>
      </c>
      <c r="L589" s="6">
        <v>3</v>
      </c>
      <c r="M589" s="6">
        <v>3</v>
      </c>
      <c r="N589" s="6">
        <v>3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10" t="s">
        <v>55</v>
      </c>
      <c r="T589" s="10" t="s">
        <v>55</v>
      </c>
      <c r="U589" s="10" t="s">
        <v>55</v>
      </c>
      <c r="V589" s="10" t="s">
        <v>55</v>
      </c>
      <c r="W589" s="10" t="s">
        <v>55</v>
      </c>
      <c r="X589" s="6">
        <v>3</v>
      </c>
      <c r="Y589" s="6">
        <v>3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98</v>
      </c>
      <c r="I590" s="9" t="s">
        <v>53</v>
      </c>
      <c r="J590" s="9" t="s">
        <v>34</v>
      </c>
      <c r="K590" s="6">
        <v>6</v>
      </c>
      <c r="L590" s="6">
        <v>6</v>
      </c>
      <c r="M590" s="6">
        <v>6</v>
      </c>
      <c r="N590" s="6">
        <v>6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6">
        <v>5</v>
      </c>
      <c r="Y590" s="6">
        <v>5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98</v>
      </c>
      <c r="I591" s="9" t="s">
        <v>53</v>
      </c>
      <c r="J591" s="9" t="s">
        <v>35</v>
      </c>
      <c r="K591" s="6">
        <v>9</v>
      </c>
      <c r="L591" s="6">
        <v>9</v>
      </c>
      <c r="M591" s="6">
        <v>9</v>
      </c>
      <c r="N591" s="6">
        <v>9</v>
      </c>
      <c r="O591" s="10" t="s">
        <v>55</v>
      </c>
      <c r="P591" s="10" t="s">
        <v>55</v>
      </c>
      <c r="Q591" s="10" t="s">
        <v>55</v>
      </c>
      <c r="R591" s="10" t="s">
        <v>55</v>
      </c>
      <c r="S591" s="10" t="s">
        <v>55</v>
      </c>
      <c r="T591" s="10" t="s">
        <v>55</v>
      </c>
      <c r="U591" s="10" t="s">
        <v>55</v>
      </c>
      <c r="V591" s="10" t="s">
        <v>55</v>
      </c>
      <c r="W591" s="10" t="s">
        <v>55</v>
      </c>
      <c r="X591" s="6">
        <v>8</v>
      </c>
      <c r="Y591" s="6">
        <v>8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98</v>
      </c>
      <c r="I592" s="9" t="s">
        <v>53</v>
      </c>
      <c r="J592" s="9" t="s">
        <v>36</v>
      </c>
      <c r="K592" s="6">
        <v>15</v>
      </c>
      <c r="L592" s="6">
        <v>14</v>
      </c>
      <c r="M592" s="6">
        <v>14</v>
      </c>
      <c r="N592" s="6">
        <v>14</v>
      </c>
      <c r="O592" s="10" t="s">
        <v>55</v>
      </c>
      <c r="P592" s="10" t="s">
        <v>55</v>
      </c>
      <c r="Q592" s="10" t="s">
        <v>55</v>
      </c>
      <c r="R592" s="10" t="s">
        <v>55</v>
      </c>
      <c r="S592" s="6">
        <v>1</v>
      </c>
      <c r="T592" s="10" t="s">
        <v>55</v>
      </c>
      <c r="U592" s="10" t="s">
        <v>55</v>
      </c>
      <c r="V592" s="6">
        <v>1</v>
      </c>
      <c r="W592" s="10" t="s">
        <v>55</v>
      </c>
      <c r="X592" s="6">
        <v>13</v>
      </c>
      <c r="Y592" s="6">
        <v>13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98</v>
      </c>
      <c r="I593" s="9" t="s">
        <v>53</v>
      </c>
      <c r="J593" s="9" t="s">
        <v>37</v>
      </c>
      <c r="K593" s="6">
        <v>10</v>
      </c>
      <c r="L593" s="6">
        <v>10</v>
      </c>
      <c r="M593" s="6">
        <v>10</v>
      </c>
      <c r="N593" s="6">
        <v>10</v>
      </c>
      <c r="O593" s="10" t="s">
        <v>55</v>
      </c>
      <c r="P593" s="10" t="s">
        <v>55</v>
      </c>
      <c r="Q593" s="10" t="s">
        <v>55</v>
      </c>
      <c r="R593" s="10" t="s">
        <v>55</v>
      </c>
      <c r="S593" s="10" t="s">
        <v>55</v>
      </c>
      <c r="T593" s="10" t="s">
        <v>55</v>
      </c>
      <c r="U593" s="10" t="s">
        <v>55</v>
      </c>
      <c r="V593" s="10" t="s">
        <v>55</v>
      </c>
      <c r="W593" s="10" t="s">
        <v>55</v>
      </c>
      <c r="X593" s="6">
        <v>10</v>
      </c>
      <c r="Y593" s="6">
        <v>10</v>
      </c>
      <c r="Z593" s="10" t="s">
        <v>55</v>
      </c>
      <c r="AA593" s="10" t="s">
        <v>55</v>
      </c>
      <c r="AB593" s="10" t="s">
        <v>55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98</v>
      </c>
      <c r="I594" s="9" t="s">
        <v>53</v>
      </c>
      <c r="J594" s="9" t="s">
        <v>38</v>
      </c>
      <c r="K594" s="6">
        <v>26</v>
      </c>
      <c r="L594" s="6">
        <v>25</v>
      </c>
      <c r="M594" s="6">
        <v>25</v>
      </c>
      <c r="N594" s="6">
        <v>25</v>
      </c>
      <c r="O594" s="10" t="s">
        <v>55</v>
      </c>
      <c r="P594" s="10" t="s">
        <v>55</v>
      </c>
      <c r="Q594" s="10" t="s">
        <v>55</v>
      </c>
      <c r="R594" s="10" t="s">
        <v>55</v>
      </c>
      <c r="S594" s="10" t="s">
        <v>55</v>
      </c>
      <c r="T594" s="10" t="s">
        <v>55</v>
      </c>
      <c r="U594" s="10" t="s">
        <v>55</v>
      </c>
      <c r="V594" s="10" t="s">
        <v>55</v>
      </c>
      <c r="W594" s="6">
        <v>1</v>
      </c>
      <c r="X594" s="6">
        <v>19</v>
      </c>
      <c r="Y594" s="6">
        <v>19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98</v>
      </c>
      <c r="I595" s="9" t="s">
        <v>53</v>
      </c>
      <c r="J595" s="9" t="s">
        <v>39</v>
      </c>
      <c r="K595" s="6">
        <v>29</v>
      </c>
      <c r="L595" s="6">
        <v>28</v>
      </c>
      <c r="M595" s="6">
        <v>27</v>
      </c>
      <c r="N595" s="6">
        <v>27</v>
      </c>
      <c r="O595" s="10" t="s">
        <v>55</v>
      </c>
      <c r="P595" s="10" t="s">
        <v>55</v>
      </c>
      <c r="Q595" s="10" t="s">
        <v>55</v>
      </c>
      <c r="R595" s="6">
        <v>1</v>
      </c>
      <c r="S595" s="10" t="s">
        <v>55</v>
      </c>
      <c r="T595" s="10" t="s">
        <v>55</v>
      </c>
      <c r="U595" s="10" t="s">
        <v>55</v>
      </c>
      <c r="V595" s="10" t="s">
        <v>55</v>
      </c>
      <c r="W595" s="6">
        <v>1</v>
      </c>
      <c r="X595" s="6">
        <v>18</v>
      </c>
      <c r="Y595" s="6">
        <v>18</v>
      </c>
      <c r="Z595" s="10" t="s">
        <v>55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98</v>
      </c>
      <c r="I596" s="9" t="s">
        <v>53</v>
      </c>
      <c r="J596" s="9" t="s">
        <v>40</v>
      </c>
      <c r="K596" s="6">
        <v>36</v>
      </c>
      <c r="L596" s="6">
        <v>29</v>
      </c>
      <c r="M596" s="6">
        <v>29</v>
      </c>
      <c r="N596" s="6">
        <v>28</v>
      </c>
      <c r="O596" s="10" t="s">
        <v>55</v>
      </c>
      <c r="P596" s="10" t="s">
        <v>55</v>
      </c>
      <c r="Q596" s="6">
        <v>1</v>
      </c>
      <c r="R596" s="10" t="s">
        <v>55</v>
      </c>
      <c r="S596" s="6">
        <v>7</v>
      </c>
      <c r="T596" s="6">
        <v>3</v>
      </c>
      <c r="U596" s="10" t="s">
        <v>55</v>
      </c>
      <c r="V596" s="6">
        <v>4</v>
      </c>
      <c r="W596" s="10" t="s">
        <v>55</v>
      </c>
      <c r="X596" s="6">
        <v>20</v>
      </c>
      <c r="Y596" s="6">
        <v>20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98</v>
      </c>
      <c r="I597" s="9" t="s">
        <v>53</v>
      </c>
      <c r="J597" s="9" t="s">
        <v>41</v>
      </c>
      <c r="K597" s="6">
        <v>60</v>
      </c>
      <c r="L597" s="6">
        <v>47</v>
      </c>
      <c r="M597" s="6">
        <v>46</v>
      </c>
      <c r="N597" s="6">
        <v>44</v>
      </c>
      <c r="O597" s="6">
        <v>1</v>
      </c>
      <c r="P597" s="10" t="s">
        <v>55</v>
      </c>
      <c r="Q597" s="6">
        <v>1</v>
      </c>
      <c r="R597" s="6">
        <v>1</v>
      </c>
      <c r="S597" s="6">
        <v>13</v>
      </c>
      <c r="T597" s="6">
        <v>2</v>
      </c>
      <c r="U597" s="10" t="s">
        <v>55</v>
      </c>
      <c r="V597" s="6">
        <v>11</v>
      </c>
      <c r="W597" s="10" t="s">
        <v>55</v>
      </c>
      <c r="X597" s="6">
        <v>31</v>
      </c>
      <c r="Y597" s="6">
        <v>29</v>
      </c>
      <c r="Z597" s="6">
        <v>1</v>
      </c>
      <c r="AA597" s="10" t="s">
        <v>55</v>
      </c>
      <c r="AB597" s="6">
        <v>1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98</v>
      </c>
      <c r="I598" s="9" t="s">
        <v>53</v>
      </c>
      <c r="J598" s="9" t="s">
        <v>42</v>
      </c>
      <c r="K598" s="6">
        <v>79</v>
      </c>
      <c r="L598" s="6">
        <v>44</v>
      </c>
      <c r="M598" s="6">
        <v>44</v>
      </c>
      <c r="N598" s="6">
        <v>41</v>
      </c>
      <c r="O598" s="10" t="s">
        <v>55</v>
      </c>
      <c r="P598" s="10" t="s">
        <v>55</v>
      </c>
      <c r="Q598" s="6">
        <v>3</v>
      </c>
      <c r="R598" s="10" t="s">
        <v>55</v>
      </c>
      <c r="S598" s="6">
        <v>35</v>
      </c>
      <c r="T598" s="6">
        <v>9</v>
      </c>
      <c r="U598" s="10" t="s">
        <v>55</v>
      </c>
      <c r="V598" s="6">
        <v>26</v>
      </c>
      <c r="W598" s="10" t="s">
        <v>55</v>
      </c>
      <c r="X598" s="6">
        <v>27</v>
      </c>
      <c r="Y598" s="6">
        <v>24</v>
      </c>
      <c r="Z598" s="10" t="s">
        <v>55</v>
      </c>
      <c r="AA598" s="10" t="s">
        <v>55</v>
      </c>
      <c r="AB598" s="6">
        <v>3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98</v>
      </c>
      <c r="I599" s="9" t="s">
        <v>53</v>
      </c>
      <c r="J599" s="9" t="s">
        <v>43</v>
      </c>
      <c r="K599" s="6">
        <v>53</v>
      </c>
      <c r="L599" s="6">
        <v>13</v>
      </c>
      <c r="M599" s="6">
        <v>13</v>
      </c>
      <c r="N599" s="6">
        <v>12</v>
      </c>
      <c r="O599" s="10" t="s">
        <v>55</v>
      </c>
      <c r="P599" s="10" t="s">
        <v>55</v>
      </c>
      <c r="Q599" s="6">
        <v>1</v>
      </c>
      <c r="R599" s="10" t="s">
        <v>55</v>
      </c>
      <c r="S599" s="6">
        <v>40</v>
      </c>
      <c r="T599" s="6">
        <v>4</v>
      </c>
      <c r="U599" s="10" t="s">
        <v>55</v>
      </c>
      <c r="V599" s="6">
        <v>36</v>
      </c>
      <c r="W599" s="10" t="s">
        <v>55</v>
      </c>
      <c r="X599" s="6">
        <v>7</v>
      </c>
      <c r="Y599" s="6">
        <v>6</v>
      </c>
      <c r="Z599" s="10" t="s">
        <v>55</v>
      </c>
      <c r="AA599" s="10" t="s">
        <v>55</v>
      </c>
      <c r="AB599" s="6">
        <v>1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98</v>
      </c>
      <c r="I600" s="9" t="s">
        <v>53</v>
      </c>
      <c r="J600" s="9" t="s">
        <v>44</v>
      </c>
      <c r="K600" s="6">
        <v>70</v>
      </c>
      <c r="L600" s="6">
        <v>12</v>
      </c>
      <c r="M600" s="6">
        <v>12</v>
      </c>
      <c r="N600" s="6">
        <v>10</v>
      </c>
      <c r="O600" s="6">
        <v>2</v>
      </c>
      <c r="P600" s="10" t="s">
        <v>55</v>
      </c>
      <c r="Q600" s="10" t="s">
        <v>55</v>
      </c>
      <c r="R600" s="10" t="s">
        <v>55</v>
      </c>
      <c r="S600" s="6">
        <v>58</v>
      </c>
      <c r="T600" s="6">
        <v>7</v>
      </c>
      <c r="U600" s="10" t="s">
        <v>55</v>
      </c>
      <c r="V600" s="6">
        <v>51</v>
      </c>
      <c r="W600" s="10" t="s">
        <v>55</v>
      </c>
      <c r="X600" s="6">
        <v>3</v>
      </c>
      <c r="Y600" s="6">
        <v>2</v>
      </c>
      <c r="Z600" s="6">
        <v>1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98</v>
      </c>
      <c r="I601" s="9" t="s">
        <v>53</v>
      </c>
      <c r="J601" s="9" t="s">
        <v>45</v>
      </c>
      <c r="K601" s="6">
        <v>27</v>
      </c>
      <c r="L601" s="6">
        <v>1</v>
      </c>
      <c r="M601" s="6">
        <v>1</v>
      </c>
      <c r="N601" s="10" t="s">
        <v>55</v>
      </c>
      <c r="O601" s="6">
        <v>1</v>
      </c>
      <c r="P601" s="10" t="s">
        <v>55</v>
      </c>
      <c r="Q601" s="10" t="s">
        <v>55</v>
      </c>
      <c r="R601" s="10" t="s">
        <v>55</v>
      </c>
      <c r="S601" s="6">
        <v>26</v>
      </c>
      <c r="T601" s="6">
        <v>5</v>
      </c>
      <c r="U601" s="10" t="s">
        <v>55</v>
      </c>
      <c r="V601" s="6">
        <v>21</v>
      </c>
      <c r="W601" s="10" t="s">
        <v>55</v>
      </c>
      <c r="X601" s="10" t="s">
        <v>55</v>
      </c>
      <c r="Y601" s="10" t="s">
        <v>55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98</v>
      </c>
      <c r="I602" s="9" t="s">
        <v>53</v>
      </c>
      <c r="J602" s="9" t="s">
        <v>46</v>
      </c>
      <c r="K602" s="6">
        <v>11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6">
        <v>11</v>
      </c>
      <c r="T602" s="6">
        <v>1</v>
      </c>
      <c r="U602" s="10" t="s">
        <v>55</v>
      </c>
      <c r="V602" s="6">
        <v>10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98</v>
      </c>
      <c r="I603" s="9" t="s">
        <v>53</v>
      </c>
      <c r="J603" s="9" t="s">
        <v>47</v>
      </c>
      <c r="K603" s="10" t="s">
        <v>55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10" t="s">
        <v>55</v>
      </c>
      <c r="T603" s="10" t="s">
        <v>55</v>
      </c>
      <c r="U603" s="10" t="s">
        <v>55</v>
      </c>
      <c r="V603" s="10" t="s">
        <v>55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98</v>
      </c>
      <c r="I604" s="9" t="s">
        <v>53</v>
      </c>
      <c r="J604" s="9" t="s">
        <v>48</v>
      </c>
      <c r="K604" s="6">
        <v>135</v>
      </c>
      <c r="L604" s="6">
        <v>125</v>
      </c>
      <c r="M604" s="6">
        <v>124</v>
      </c>
      <c r="N604" s="6">
        <v>123</v>
      </c>
      <c r="O604" s="10" t="s">
        <v>55</v>
      </c>
      <c r="P604" s="10" t="s">
        <v>55</v>
      </c>
      <c r="Q604" s="6">
        <v>1</v>
      </c>
      <c r="R604" s="6">
        <v>1</v>
      </c>
      <c r="S604" s="6">
        <v>8</v>
      </c>
      <c r="T604" s="6">
        <v>3</v>
      </c>
      <c r="U604" s="10" t="s">
        <v>55</v>
      </c>
      <c r="V604" s="6">
        <v>5</v>
      </c>
      <c r="W604" s="6">
        <v>2</v>
      </c>
      <c r="X604" s="6">
        <v>97</v>
      </c>
      <c r="Y604" s="6">
        <v>97</v>
      </c>
      <c r="Z604" s="10" t="s">
        <v>55</v>
      </c>
      <c r="AA604" s="10" t="s">
        <v>55</v>
      </c>
      <c r="AB604" s="10" t="s">
        <v>55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98</v>
      </c>
      <c r="I605" s="9" t="s">
        <v>53</v>
      </c>
      <c r="J605" s="9" t="s">
        <v>49</v>
      </c>
      <c r="K605" s="6">
        <v>300</v>
      </c>
      <c r="L605" s="6">
        <v>117</v>
      </c>
      <c r="M605" s="6">
        <v>116</v>
      </c>
      <c r="N605" s="6">
        <v>107</v>
      </c>
      <c r="O605" s="6">
        <v>4</v>
      </c>
      <c r="P605" s="10" t="s">
        <v>55</v>
      </c>
      <c r="Q605" s="6">
        <v>5</v>
      </c>
      <c r="R605" s="6">
        <v>1</v>
      </c>
      <c r="S605" s="6">
        <v>183</v>
      </c>
      <c r="T605" s="6">
        <v>28</v>
      </c>
      <c r="U605" s="10" t="s">
        <v>55</v>
      </c>
      <c r="V605" s="6">
        <v>155</v>
      </c>
      <c r="W605" s="10" t="s">
        <v>55</v>
      </c>
      <c r="X605" s="6">
        <v>68</v>
      </c>
      <c r="Y605" s="6">
        <v>61</v>
      </c>
      <c r="Z605" s="6">
        <v>2</v>
      </c>
      <c r="AA605" s="10" t="s">
        <v>55</v>
      </c>
      <c r="AB605" s="6">
        <v>5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98</v>
      </c>
      <c r="I606" s="9" t="s">
        <v>53</v>
      </c>
      <c r="J606" s="9" t="s">
        <v>50</v>
      </c>
      <c r="K606" s="6">
        <v>161</v>
      </c>
      <c r="L606" s="6">
        <v>26</v>
      </c>
      <c r="M606" s="6">
        <v>26</v>
      </c>
      <c r="N606" s="6">
        <v>22</v>
      </c>
      <c r="O606" s="6">
        <v>3</v>
      </c>
      <c r="P606" s="10" t="s">
        <v>55</v>
      </c>
      <c r="Q606" s="6">
        <v>1</v>
      </c>
      <c r="R606" s="10" t="s">
        <v>55</v>
      </c>
      <c r="S606" s="6">
        <v>135</v>
      </c>
      <c r="T606" s="6">
        <v>17</v>
      </c>
      <c r="U606" s="10" t="s">
        <v>55</v>
      </c>
      <c r="V606" s="6">
        <v>118</v>
      </c>
      <c r="W606" s="10" t="s">
        <v>55</v>
      </c>
      <c r="X606" s="6">
        <v>10</v>
      </c>
      <c r="Y606" s="6">
        <v>8</v>
      </c>
      <c r="Z606" s="6">
        <v>1</v>
      </c>
      <c r="AA606" s="10" t="s">
        <v>55</v>
      </c>
      <c r="AB606" s="6">
        <v>1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98</v>
      </c>
      <c r="I607" s="9" t="s">
        <v>53</v>
      </c>
      <c r="J607" s="9" t="s">
        <v>51</v>
      </c>
      <c r="K607" s="6">
        <v>38</v>
      </c>
      <c r="L607" s="6">
        <v>1</v>
      </c>
      <c r="M607" s="6">
        <v>1</v>
      </c>
      <c r="N607" s="10" t="s">
        <v>55</v>
      </c>
      <c r="O607" s="6">
        <v>1</v>
      </c>
      <c r="P607" s="10" t="s">
        <v>55</v>
      </c>
      <c r="Q607" s="10" t="s">
        <v>55</v>
      </c>
      <c r="R607" s="10" t="s">
        <v>55</v>
      </c>
      <c r="S607" s="6">
        <v>37</v>
      </c>
      <c r="T607" s="6">
        <v>6</v>
      </c>
      <c r="U607" s="10" t="s">
        <v>55</v>
      </c>
      <c r="V607" s="6">
        <v>31</v>
      </c>
      <c r="W607" s="10" t="s">
        <v>55</v>
      </c>
      <c r="X607" s="10" t="s">
        <v>55</v>
      </c>
      <c r="Y607" s="10" t="s">
        <v>55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98</v>
      </c>
      <c r="I608" s="9" t="s">
        <v>53</v>
      </c>
      <c r="J608" s="9" t="s">
        <v>52</v>
      </c>
      <c r="K608" s="6">
        <v>195</v>
      </c>
      <c r="L608" s="6">
        <v>172</v>
      </c>
      <c r="M608" s="6">
        <v>170</v>
      </c>
      <c r="N608" s="6">
        <v>167</v>
      </c>
      <c r="O608" s="6">
        <v>1</v>
      </c>
      <c r="P608" s="10" t="s">
        <v>55</v>
      </c>
      <c r="Q608" s="6">
        <v>2</v>
      </c>
      <c r="R608" s="6">
        <v>2</v>
      </c>
      <c r="S608" s="6">
        <v>21</v>
      </c>
      <c r="T608" s="6">
        <v>5</v>
      </c>
      <c r="U608" s="10" t="s">
        <v>55</v>
      </c>
      <c r="V608" s="6">
        <v>16</v>
      </c>
      <c r="W608" s="6">
        <v>2</v>
      </c>
      <c r="X608" s="6">
        <v>128</v>
      </c>
      <c r="Y608" s="6">
        <v>126</v>
      </c>
      <c r="Z608" s="6">
        <v>1</v>
      </c>
      <c r="AA608" s="10" t="s">
        <v>55</v>
      </c>
      <c r="AB608" s="6">
        <v>1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98</v>
      </c>
      <c r="I609" s="9" t="s">
        <v>54</v>
      </c>
      <c r="J609" s="9" t="s">
        <v>30</v>
      </c>
      <c r="K609" s="6">
        <v>429</v>
      </c>
      <c r="L609" s="6">
        <v>182</v>
      </c>
      <c r="M609" s="6">
        <v>182</v>
      </c>
      <c r="N609" s="6">
        <v>121</v>
      </c>
      <c r="O609" s="6">
        <v>60</v>
      </c>
      <c r="P609" s="10" t="s">
        <v>55</v>
      </c>
      <c r="Q609" s="6">
        <v>1</v>
      </c>
      <c r="R609" s="10" t="s">
        <v>55</v>
      </c>
      <c r="S609" s="6">
        <v>245</v>
      </c>
      <c r="T609" s="6">
        <v>152</v>
      </c>
      <c r="U609" s="10" t="s">
        <v>55</v>
      </c>
      <c r="V609" s="6">
        <v>93</v>
      </c>
      <c r="W609" s="6">
        <v>2</v>
      </c>
      <c r="X609" s="6">
        <v>132</v>
      </c>
      <c r="Y609" s="6">
        <v>94</v>
      </c>
      <c r="Z609" s="6">
        <v>37</v>
      </c>
      <c r="AA609" s="10" t="s">
        <v>55</v>
      </c>
      <c r="AB609" s="6">
        <v>1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98</v>
      </c>
      <c r="I610" s="9" t="s">
        <v>54</v>
      </c>
      <c r="J610" s="9" t="s">
        <v>31</v>
      </c>
      <c r="K610" s="10" t="s">
        <v>55</v>
      </c>
      <c r="L610" s="10" t="s">
        <v>55</v>
      </c>
      <c r="M610" s="10" t="s">
        <v>55</v>
      </c>
      <c r="N610" s="10" t="s">
        <v>55</v>
      </c>
      <c r="O610" s="10" t="s">
        <v>55</v>
      </c>
      <c r="P610" s="10" t="s">
        <v>55</v>
      </c>
      <c r="Q610" s="10" t="s">
        <v>55</v>
      </c>
      <c r="R610" s="10" t="s">
        <v>55</v>
      </c>
      <c r="S610" s="10" t="s">
        <v>55</v>
      </c>
      <c r="T610" s="10" t="s">
        <v>55</v>
      </c>
      <c r="U610" s="10" t="s">
        <v>55</v>
      </c>
      <c r="V610" s="10" t="s">
        <v>55</v>
      </c>
      <c r="W610" s="10" t="s">
        <v>55</v>
      </c>
      <c r="X610" s="10" t="s">
        <v>55</v>
      </c>
      <c r="Y610" s="10" t="s">
        <v>55</v>
      </c>
      <c r="Z610" s="10" t="s">
        <v>55</v>
      </c>
      <c r="AA610" s="10" t="s">
        <v>55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98</v>
      </c>
      <c r="I611" s="9" t="s">
        <v>54</v>
      </c>
      <c r="J611" s="9" t="s">
        <v>32</v>
      </c>
      <c r="K611" s="6">
        <v>1</v>
      </c>
      <c r="L611" s="6">
        <v>1</v>
      </c>
      <c r="M611" s="6">
        <v>1</v>
      </c>
      <c r="N611" s="10" t="s">
        <v>55</v>
      </c>
      <c r="O611" s="6">
        <v>1</v>
      </c>
      <c r="P611" s="10" t="s">
        <v>55</v>
      </c>
      <c r="Q611" s="10" t="s">
        <v>55</v>
      </c>
      <c r="R611" s="10" t="s">
        <v>55</v>
      </c>
      <c r="S611" s="10" t="s">
        <v>55</v>
      </c>
      <c r="T611" s="10" t="s">
        <v>55</v>
      </c>
      <c r="U611" s="10" t="s">
        <v>55</v>
      </c>
      <c r="V611" s="10" t="s">
        <v>55</v>
      </c>
      <c r="W611" s="10" t="s">
        <v>55</v>
      </c>
      <c r="X611" s="6">
        <v>1</v>
      </c>
      <c r="Y611" s="10" t="s">
        <v>55</v>
      </c>
      <c r="Z611" s="6">
        <v>1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98</v>
      </c>
      <c r="I612" s="9" t="s">
        <v>54</v>
      </c>
      <c r="J612" s="9" t="s">
        <v>33</v>
      </c>
      <c r="K612" s="6">
        <v>2</v>
      </c>
      <c r="L612" s="6">
        <v>1</v>
      </c>
      <c r="M612" s="6">
        <v>1</v>
      </c>
      <c r="N612" s="10" t="s">
        <v>55</v>
      </c>
      <c r="O612" s="10" t="s">
        <v>55</v>
      </c>
      <c r="P612" s="10" t="s">
        <v>55</v>
      </c>
      <c r="Q612" s="6">
        <v>1</v>
      </c>
      <c r="R612" s="10" t="s">
        <v>55</v>
      </c>
      <c r="S612" s="6">
        <v>1</v>
      </c>
      <c r="T612" s="6">
        <v>1</v>
      </c>
      <c r="U612" s="10" t="s">
        <v>55</v>
      </c>
      <c r="V612" s="10" t="s">
        <v>55</v>
      </c>
      <c r="W612" s="10" t="s">
        <v>55</v>
      </c>
      <c r="X612" s="6">
        <v>1</v>
      </c>
      <c r="Y612" s="10" t="s">
        <v>55</v>
      </c>
      <c r="Z612" s="10" t="s">
        <v>55</v>
      </c>
      <c r="AA612" s="10" t="s">
        <v>55</v>
      </c>
      <c r="AB612" s="6">
        <v>1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98</v>
      </c>
      <c r="I613" s="9" t="s">
        <v>54</v>
      </c>
      <c r="J613" s="9" t="s">
        <v>34</v>
      </c>
      <c r="K613" s="6">
        <v>8</v>
      </c>
      <c r="L613" s="6">
        <v>8</v>
      </c>
      <c r="M613" s="6">
        <v>8</v>
      </c>
      <c r="N613" s="6">
        <v>4</v>
      </c>
      <c r="O613" s="6">
        <v>4</v>
      </c>
      <c r="P613" s="10" t="s">
        <v>55</v>
      </c>
      <c r="Q613" s="10" t="s">
        <v>55</v>
      </c>
      <c r="R613" s="10" t="s">
        <v>55</v>
      </c>
      <c r="S613" s="10" t="s">
        <v>55</v>
      </c>
      <c r="T613" s="10" t="s">
        <v>55</v>
      </c>
      <c r="U613" s="10" t="s">
        <v>55</v>
      </c>
      <c r="V613" s="10" t="s">
        <v>55</v>
      </c>
      <c r="W613" s="10" t="s">
        <v>55</v>
      </c>
      <c r="X613" s="6">
        <v>7</v>
      </c>
      <c r="Y613" s="6">
        <v>4</v>
      </c>
      <c r="Z613" s="6">
        <v>3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98</v>
      </c>
      <c r="I614" s="9" t="s">
        <v>54</v>
      </c>
      <c r="J614" s="9" t="s">
        <v>35</v>
      </c>
      <c r="K614" s="6">
        <v>7</v>
      </c>
      <c r="L614" s="6">
        <v>5</v>
      </c>
      <c r="M614" s="6">
        <v>5</v>
      </c>
      <c r="N614" s="6">
        <v>4</v>
      </c>
      <c r="O614" s="6">
        <v>1</v>
      </c>
      <c r="P614" s="10" t="s">
        <v>55</v>
      </c>
      <c r="Q614" s="10" t="s">
        <v>55</v>
      </c>
      <c r="R614" s="10" t="s">
        <v>55</v>
      </c>
      <c r="S614" s="6">
        <v>2</v>
      </c>
      <c r="T614" s="6">
        <v>2</v>
      </c>
      <c r="U614" s="10" t="s">
        <v>55</v>
      </c>
      <c r="V614" s="10" t="s">
        <v>55</v>
      </c>
      <c r="W614" s="10" t="s">
        <v>55</v>
      </c>
      <c r="X614" s="6">
        <v>5</v>
      </c>
      <c r="Y614" s="6">
        <v>4</v>
      </c>
      <c r="Z614" s="6">
        <v>1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98</v>
      </c>
      <c r="I615" s="9" t="s">
        <v>54</v>
      </c>
      <c r="J615" s="9" t="s">
        <v>36</v>
      </c>
      <c r="K615" s="6">
        <v>16</v>
      </c>
      <c r="L615" s="6">
        <v>15</v>
      </c>
      <c r="M615" s="6">
        <v>15</v>
      </c>
      <c r="N615" s="6">
        <v>11</v>
      </c>
      <c r="O615" s="6">
        <v>4</v>
      </c>
      <c r="P615" s="10" t="s">
        <v>55</v>
      </c>
      <c r="Q615" s="10" t="s">
        <v>55</v>
      </c>
      <c r="R615" s="10" t="s">
        <v>55</v>
      </c>
      <c r="S615" s="6">
        <v>1</v>
      </c>
      <c r="T615" s="6">
        <v>1</v>
      </c>
      <c r="U615" s="10" t="s">
        <v>55</v>
      </c>
      <c r="V615" s="10" t="s">
        <v>55</v>
      </c>
      <c r="W615" s="10" t="s">
        <v>55</v>
      </c>
      <c r="X615" s="6">
        <v>15</v>
      </c>
      <c r="Y615" s="6">
        <v>11</v>
      </c>
      <c r="Z615" s="6">
        <v>4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98</v>
      </c>
      <c r="I616" s="9" t="s">
        <v>54</v>
      </c>
      <c r="J616" s="9" t="s">
        <v>37</v>
      </c>
      <c r="K616" s="6">
        <v>19</v>
      </c>
      <c r="L616" s="6">
        <v>16</v>
      </c>
      <c r="M616" s="6">
        <v>16</v>
      </c>
      <c r="N616" s="6">
        <v>12</v>
      </c>
      <c r="O616" s="6">
        <v>4</v>
      </c>
      <c r="P616" s="10" t="s">
        <v>55</v>
      </c>
      <c r="Q616" s="10" t="s">
        <v>55</v>
      </c>
      <c r="R616" s="10" t="s">
        <v>55</v>
      </c>
      <c r="S616" s="6">
        <v>3</v>
      </c>
      <c r="T616" s="6">
        <v>3</v>
      </c>
      <c r="U616" s="10" t="s">
        <v>55</v>
      </c>
      <c r="V616" s="10" t="s">
        <v>55</v>
      </c>
      <c r="W616" s="10" t="s">
        <v>55</v>
      </c>
      <c r="X616" s="6">
        <v>13</v>
      </c>
      <c r="Y616" s="6">
        <v>10</v>
      </c>
      <c r="Z616" s="6">
        <v>3</v>
      </c>
      <c r="AA616" s="10" t="s">
        <v>55</v>
      </c>
      <c r="AB616" s="10" t="s">
        <v>55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98</v>
      </c>
      <c r="I617" s="9" t="s">
        <v>54</v>
      </c>
      <c r="J617" s="9" t="s">
        <v>38</v>
      </c>
      <c r="K617" s="6">
        <v>23</v>
      </c>
      <c r="L617" s="6">
        <v>20</v>
      </c>
      <c r="M617" s="6">
        <v>20</v>
      </c>
      <c r="N617" s="6">
        <v>16</v>
      </c>
      <c r="O617" s="6">
        <v>4</v>
      </c>
      <c r="P617" s="10" t="s">
        <v>55</v>
      </c>
      <c r="Q617" s="10" t="s">
        <v>55</v>
      </c>
      <c r="R617" s="10" t="s">
        <v>55</v>
      </c>
      <c r="S617" s="6">
        <v>2</v>
      </c>
      <c r="T617" s="6">
        <v>2</v>
      </c>
      <c r="U617" s="10" t="s">
        <v>55</v>
      </c>
      <c r="V617" s="10" t="s">
        <v>55</v>
      </c>
      <c r="W617" s="6">
        <v>1</v>
      </c>
      <c r="X617" s="6">
        <v>18</v>
      </c>
      <c r="Y617" s="6">
        <v>15</v>
      </c>
      <c r="Z617" s="6">
        <v>3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98</v>
      </c>
      <c r="I618" s="9" t="s">
        <v>54</v>
      </c>
      <c r="J618" s="9" t="s">
        <v>39</v>
      </c>
      <c r="K618" s="6">
        <v>38</v>
      </c>
      <c r="L618" s="6">
        <v>30</v>
      </c>
      <c r="M618" s="6">
        <v>30</v>
      </c>
      <c r="N618" s="6">
        <v>21</v>
      </c>
      <c r="O618" s="6">
        <v>9</v>
      </c>
      <c r="P618" s="10" t="s">
        <v>55</v>
      </c>
      <c r="Q618" s="10" t="s">
        <v>55</v>
      </c>
      <c r="R618" s="10" t="s">
        <v>55</v>
      </c>
      <c r="S618" s="6">
        <v>7</v>
      </c>
      <c r="T618" s="6">
        <v>7</v>
      </c>
      <c r="U618" s="10" t="s">
        <v>55</v>
      </c>
      <c r="V618" s="10" t="s">
        <v>55</v>
      </c>
      <c r="W618" s="6">
        <v>1</v>
      </c>
      <c r="X618" s="6">
        <v>23</v>
      </c>
      <c r="Y618" s="6">
        <v>18</v>
      </c>
      <c r="Z618" s="6">
        <v>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98</v>
      </c>
      <c r="I619" s="9" t="s">
        <v>54</v>
      </c>
      <c r="J619" s="9" t="s">
        <v>40</v>
      </c>
      <c r="K619" s="6">
        <v>52</v>
      </c>
      <c r="L619" s="6">
        <v>31</v>
      </c>
      <c r="M619" s="6">
        <v>31</v>
      </c>
      <c r="N619" s="6">
        <v>20</v>
      </c>
      <c r="O619" s="6">
        <v>11</v>
      </c>
      <c r="P619" s="10" t="s">
        <v>55</v>
      </c>
      <c r="Q619" s="10" t="s">
        <v>55</v>
      </c>
      <c r="R619" s="10" t="s">
        <v>55</v>
      </c>
      <c r="S619" s="6">
        <v>21</v>
      </c>
      <c r="T619" s="6">
        <v>18</v>
      </c>
      <c r="U619" s="10" t="s">
        <v>55</v>
      </c>
      <c r="V619" s="6">
        <v>3</v>
      </c>
      <c r="W619" s="10" t="s">
        <v>55</v>
      </c>
      <c r="X619" s="6">
        <v>22</v>
      </c>
      <c r="Y619" s="6">
        <v>17</v>
      </c>
      <c r="Z619" s="6">
        <v>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98</v>
      </c>
      <c r="I620" s="9" t="s">
        <v>54</v>
      </c>
      <c r="J620" s="9" t="s">
        <v>41</v>
      </c>
      <c r="K620" s="6">
        <v>65</v>
      </c>
      <c r="L620" s="6">
        <v>30</v>
      </c>
      <c r="M620" s="6">
        <v>30</v>
      </c>
      <c r="N620" s="6">
        <v>20</v>
      </c>
      <c r="O620" s="6">
        <v>10</v>
      </c>
      <c r="P620" s="10" t="s">
        <v>55</v>
      </c>
      <c r="Q620" s="10" t="s">
        <v>55</v>
      </c>
      <c r="R620" s="10" t="s">
        <v>55</v>
      </c>
      <c r="S620" s="6">
        <v>35</v>
      </c>
      <c r="T620" s="6">
        <v>30</v>
      </c>
      <c r="U620" s="10" t="s">
        <v>55</v>
      </c>
      <c r="V620" s="6">
        <v>5</v>
      </c>
      <c r="W620" s="10" t="s">
        <v>55</v>
      </c>
      <c r="X620" s="6">
        <v>16</v>
      </c>
      <c r="Y620" s="6">
        <v>11</v>
      </c>
      <c r="Z620" s="6">
        <v>5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98</v>
      </c>
      <c r="I621" s="9" t="s">
        <v>54</v>
      </c>
      <c r="J621" s="9" t="s">
        <v>42</v>
      </c>
      <c r="K621" s="6">
        <v>73</v>
      </c>
      <c r="L621" s="6">
        <v>13</v>
      </c>
      <c r="M621" s="6">
        <v>13</v>
      </c>
      <c r="N621" s="6">
        <v>7</v>
      </c>
      <c r="O621" s="6">
        <v>6</v>
      </c>
      <c r="P621" s="10" t="s">
        <v>55</v>
      </c>
      <c r="Q621" s="10" t="s">
        <v>55</v>
      </c>
      <c r="R621" s="10" t="s">
        <v>55</v>
      </c>
      <c r="S621" s="6">
        <v>60</v>
      </c>
      <c r="T621" s="6">
        <v>39</v>
      </c>
      <c r="U621" s="10" t="s">
        <v>55</v>
      </c>
      <c r="V621" s="6">
        <v>21</v>
      </c>
      <c r="W621" s="10" t="s">
        <v>55</v>
      </c>
      <c r="X621" s="6">
        <v>8</v>
      </c>
      <c r="Y621" s="6">
        <v>3</v>
      </c>
      <c r="Z621" s="6">
        <v>5</v>
      </c>
      <c r="AA621" s="10" t="s">
        <v>55</v>
      </c>
      <c r="AB621" s="10" t="s">
        <v>55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98</v>
      </c>
      <c r="I622" s="9" t="s">
        <v>54</v>
      </c>
      <c r="J622" s="9" t="s">
        <v>43</v>
      </c>
      <c r="K622" s="6">
        <v>63</v>
      </c>
      <c r="L622" s="6">
        <v>9</v>
      </c>
      <c r="M622" s="6">
        <v>9</v>
      </c>
      <c r="N622" s="6">
        <v>6</v>
      </c>
      <c r="O622" s="6">
        <v>3</v>
      </c>
      <c r="P622" s="10" t="s">
        <v>55</v>
      </c>
      <c r="Q622" s="10" t="s">
        <v>55</v>
      </c>
      <c r="R622" s="10" t="s">
        <v>55</v>
      </c>
      <c r="S622" s="6">
        <v>54</v>
      </c>
      <c r="T622" s="6">
        <v>26</v>
      </c>
      <c r="U622" s="10" t="s">
        <v>55</v>
      </c>
      <c r="V622" s="6">
        <v>28</v>
      </c>
      <c r="W622" s="10" t="s">
        <v>55</v>
      </c>
      <c r="X622" s="6">
        <v>3</v>
      </c>
      <c r="Y622" s="6">
        <v>1</v>
      </c>
      <c r="Z622" s="6">
        <v>2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98</v>
      </c>
      <c r="I623" s="9" t="s">
        <v>54</v>
      </c>
      <c r="J623" s="9" t="s">
        <v>44</v>
      </c>
      <c r="K623" s="6">
        <v>45</v>
      </c>
      <c r="L623" s="6">
        <v>3</v>
      </c>
      <c r="M623" s="6">
        <v>3</v>
      </c>
      <c r="N623" s="10" t="s">
        <v>55</v>
      </c>
      <c r="O623" s="6">
        <v>3</v>
      </c>
      <c r="P623" s="10" t="s">
        <v>55</v>
      </c>
      <c r="Q623" s="10" t="s">
        <v>55</v>
      </c>
      <c r="R623" s="10" t="s">
        <v>55</v>
      </c>
      <c r="S623" s="6">
        <v>42</v>
      </c>
      <c r="T623" s="6">
        <v>17</v>
      </c>
      <c r="U623" s="10" t="s">
        <v>55</v>
      </c>
      <c r="V623" s="6">
        <v>25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98</v>
      </c>
      <c r="I624" s="9" t="s">
        <v>54</v>
      </c>
      <c r="J624" s="9" t="s">
        <v>45</v>
      </c>
      <c r="K624" s="6">
        <v>11</v>
      </c>
      <c r="L624" s="10" t="s">
        <v>55</v>
      </c>
      <c r="M624" s="10" t="s">
        <v>55</v>
      </c>
      <c r="N624" s="10" t="s">
        <v>55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6">
        <v>11</v>
      </c>
      <c r="T624" s="6">
        <v>4</v>
      </c>
      <c r="U624" s="10" t="s">
        <v>55</v>
      </c>
      <c r="V624" s="6">
        <v>7</v>
      </c>
      <c r="W624" s="10" t="s">
        <v>55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98</v>
      </c>
      <c r="I625" s="9" t="s">
        <v>54</v>
      </c>
      <c r="J625" s="9" t="s">
        <v>46</v>
      </c>
      <c r="K625" s="6">
        <v>5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6">
        <v>5</v>
      </c>
      <c r="T625" s="6">
        <v>1</v>
      </c>
      <c r="U625" s="10" t="s">
        <v>55</v>
      </c>
      <c r="V625" s="6">
        <v>4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98</v>
      </c>
      <c r="I626" s="9" t="s">
        <v>54</v>
      </c>
      <c r="J626" s="9" t="s">
        <v>47</v>
      </c>
      <c r="K626" s="6">
        <v>1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6">
        <v>1</v>
      </c>
      <c r="T626" s="6">
        <v>1</v>
      </c>
      <c r="U626" s="10" t="s">
        <v>55</v>
      </c>
      <c r="V626" s="10" t="s">
        <v>55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98</v>
      </c>
      <c r="I627" s="9" t="s">
        <v>54</v>
      </c>
      <c r="J627" s="9" t="s">
        <v>48</v>
      </c>
      <c r="K627" s="6">
        <v>166</v>
      </c>
      <c r="L627" s="6">
        <v>127</v>
      </c>
      <c r="M627" s="6">
        <v>127</v>
      </c>
      <c r="N627" s="6">
        <v>88</v>
      </c>
      <c r="O627" s="6">
        <v>38</v>
      </c>
      <c r="P627" s="10" t="s">
        <v>55</v>
      </c>
      <c r="Q627" s="6">
        <v>1</v>
      </c>
      <c r="R627" s="10" t="s">
        <v>55</v>
      </c>
      <c r="S627" s="6">
        <v>37</v>
      </c>
      <c r="T627" s="6">
        <v>34</v>
      </c>
      <c r="U627" s="10" t="s">
        <v>55</v>
      </c>
      <c r="V627" s="6">
        <v>3</v>
      </c>
      <c r="W627" s="6">
        <v>2</v>
      </c>
      <c r="X627" s="6">
        <v>105</v>
      </c>
      <c r="Y627" s="6">
        <v>79</v>
      </c>
      <c r="Z627" s="6">
        <v>25</v>
      </c>
      <c r="AA627" s="10" t="s">
        <v>55</v>
      </c>
      <c r="AB627" s="6">
        <v>1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98</v>
      </c>
      <c r="I628" s="9" t="s">
        <v>54</v>
      </c>
      <c r="J628" s="9" t="s">
        <v>49</v>
      </c>
      <c r="K628" s="6">
        <v>263</v>
      </c>
      <c r="L628" s="6">
        <v>55</v>
      </c>
      <c r="M628" s="6">
        <v>55</v>
      </c>
      <c r="N628" s="6">
        <v>33</v>
      </c>
      <c r="O628" s="6">
        <v>22</v>
      </c>
      <c r="P628" s="10" t="s">
        <v>55</v>
      </c>
      <c r="Q628" s="10" t="s">
        <v>55</v>
      </c>
      <c r="R628" s="10" t="s">
        <v>55</v>
      </c>
      <c r="S628" s="6">
        <v>208</v>
      </c>
      <c r="T628" s="6">
        <v>118</v>
      </c>
      <c r="U628" s="10" t="s">
        <v>55</v>
      </c>
      <c r="V628" s="6">
        <v>90</v>
      </c>
      <c r="W628" s="10" t="s">
        <v>55</v>
      </c>
      <c r="X628" s="6">
        <v>27</v>
      </c>
      <c r="Y628" s="6">
        <v>15</v>
      </c>
      <c r="Z628" s="6">
        <v>12</v>
      </c>
      <c r="AA628" s="10" t="s">
        <v>55</v>
      </c>
      <c r="AB628" s="10" t="s">
        <v>55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98</v>
      </c>
      <c r="I629" s="9" t="s">
        <v>54</v>
      </c>
      <c r="J629" s="9" t="s">
        <v>50</v>
      </c>
      <c r="K629" s="6">
        <v>125</v>
      </c>
      <c r="L629" s="6">
        <v>12</v>
      </c>
      <c r="M629" s="6">
        <v>12</v>
      </c>
      <c r="N629" s="6">
        <v>6</v>
      </c>
      <c r="O629" s="6">
        <v>6</v>
      </c>
      <c r="P629" s="10" t="s">
        <v>55</v>
      </c>
      <c r="Q629" s="10" t="s">
        <v>55</v>
      </c>
      <c r="R629" s="10" t="s">
        <v>55</v>
      </c>
      <c r="S629" s="6">
        <v>113</v>
      </c>
      <c r="T629" s="6">
        <v>49</v>
      </c>
      <c r="U629" s="10" t="s">
        <v>55</v>
      </c>
      <c r="V629" s="6">
        <v>64</v>
      </c>
      <c r="W629" s="10" t="s">
        <v>55</v>
      </c>
      <c r="X629" s="6">
        <v>3</v>
      </c>
      <c r="Y629" s="6">
        <v>1</v>
      </c>
      <c r="Z629" s="6">
        <v>2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98</v>
      </c>
      <c r="I630" s="9" t="s">
        <v>54</v>
      </c>
      <c r="J630" s="9" t="s">
        <v>51</v>
      </c>
      <c r="K630" s="6">
        <v>17</v>
      </c>
      <c r="L630" s="10" t="s">
        <v>55</v>
      </c>
      <c r="M630" s="10" t="s">
        <v>55</v>
      </c>
      <c r="N630" s="10" t="s">
        <v>55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6">
        <v>17</v>
      </c>
      <c r="T630" s="6">
        <v>6</v>
      </c>
      <c r="U630" s="10" t="s">
        <v>55</v>
      </c>
      <c r="V630" s="6">
        <v>11</v>
      </c>
      <c r="W630" s="10" t="s">
        <v>55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98</v>
      </c>
      <c r="I631" s="9" t="s">
        <v>54</v>
      </c>
      <c r="J631" s="9" t="s">
        <v>52</v>
      </c>
      <c r="K631" s="6">
        <v>231</v>
      </c>
      <c r="L631" s="6">
        <v>157</v>
      </c>
      <c r="M631" s="6">
        <v>157</v>
      </c>
      <c r="N631" s="6">
        <v>108</v>
      </c>
      <c r="O631" s="6">
        <v>48</v>
      </c>
      <c r="P631" s="10" t="s">
        <v>55</v>
      </c>
      <c r="Q631" s="6">
        <v>1</v>
      </c>
      <c r="R631" s="10" t="s">
        <v>55</v>
      </c>
      <c r="S631" s="6">
        <v>72</v>
      </c>
      <c r="T631" s="6">
        <v>64</v>
      </c>
      <c r="U631" s="10" t="s">
        <v>55</v>
      </c>
      <c r="V631" s="6">
        <v>8</v>
      </c>
      <c r="W631" s="6">
        <v>2</v>
      </c>
      <c r="X631" s="6">
        <v>121</v>
      </c>
      <c r="Y631" s="6">
        <v>90</v>
      </c>
      <c r="Z631" s="6">
        <v>30</v>
      </c>
      <c r="AA631" s="10" t="s">
        <v>55</v>
      </c>
      <c r="AB631" s="6">
        <v>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FE4DBB7-E7F1-4B0A-AF96-73AAB3B133CD}">
  <sheetPr>
    <pageSetUpPr fitToPage="1"/>
  </sheetPr>
  <dimension ref="A1:AB631"/>
  <sheetViews>
    <sheetView zoomScaleNormal="100" workbookViewId="0">
      <pane xSplit="10" ySplit="10" topLeftCell="K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99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100</v>
      </c>
      <c r="I11" s="5" t="s">
        <v>6</v>
      </c>
      <c r="J11" s="5" t="s">
        <v>30</v>
      </c>
      <c r="K11" s="6">
        <v>9083208</v>
      </c>
      <c r="L11" s="6">
        <v>1566115</v>
      </c>
      <c r="M11" s="6">
        <v>1521430</v>
      </c>
      <c r="N11" s="6">
        <v>985046</v>
      </c>
      <c r="O11" s="6">
        <v>464232</v>
      </c>
      <c r="P11" s="6">
        <v>702</v>
      </c>
      <c r="Q11" s="6">
        <v>71450</v>
      </c>
      <c r="R11" s="6">
        <v>44685</v>
      </c>
      <c r="S11" s="6">
        <v>7150250</v>
      </c>
      <c r="T11" s="6">
        <v>2284887</v>
      </c>
      <c r="U11" s="6">
        <v>2377</v>
      </c>
      <c r="V11" s="6">
        <v>4862986</v>
      </c>
      <c r="W11" s="6">
        <v>366843</v>
      </c>
      <c r="X11" s="6">
        <v>1077468</v>
      </c>
      <c r="Y11" s="6">
        <v>747525</v>
      </c>
      <c r="Z11" s="6">
        <v>294419</v>
      </c>
      <c r="AA11" s="6">
        <v>470</v>
      </c>
      <c r="AB11" s="6">
        <v>35054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100</v>
      </c>
      <c r="I12" s="9" t="s">
        <v>6</v>
      </c>
      <c r="J12" s="9" t="s">
        <v>31</v>
      </c>
      <c r="K12" s="6">
        <v>379</v>
      </c>
      <c r="L12" s="6">
        <v>127</v>
      </c>
      <c r="M12" s="6">
        <v>117</v>
      </c>
      <c r="N12" s="6">
        <v>66</v>
      </c>
      <c r="O12" s="6">
        <v>19</v>
      </c>
      <c r="P12" s="6">
        <v>27</v>
      </c>
      <c r="Q12" s="6">
        <v>5</v>
      </c>
      <c r="R12" s="6">
        <v>10</v>
      </c>
      <c r="S12" s="6">
        <v>188</v>
      </c>
      <c r="T12" s="6">
        <v>70</v>
      </c>
      <c r="U12" s="6">
        <v>79</v>
      </c>
      <c r="V12" s="6">
        <v>39</v>
      </c>
      <c r="W12" s="6">
        <v>64</v>
      </c>
      <c r="X12" s="6">
        <v>92</v>
      </c>
      <c r="Y12" s="6">
        <v>55</v>
      </c>
      <c r="Z12" s="6">
        <v>9</v>
      </c>
      <c r="AA12" s="6">
        <v>26</v>
      </c>
      <c r="AB12" s="6">
        <v>2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100</v>
      </c>
      <c r="I13" s="9" t="s">
        <v>6</v>
      </c>
      <c r="J13" s="9" t="s">
        <v>32</v>
      </c>
      <c r="K13" s="6">
        <v>1266</v>
      </c>
      <c r="L13" s="6">
        <v>513</v>
      </c>
      <c r="M13" s="6">
        <v>461</v>
      </c>
      <c r="N13" s="6">
        <v>342</v>
      </c>
      <c r="O13" s="6">
        <v>55</v>
      </c>
      <c r="P13" s="6">
        <v>28</v>
      </c>
      <c r="Q13" s="6">
        <v>36</v>
      </c>
      <c r="R13" s="6">
        <v>52</v>
      </c>
      <c r="S13" s="6">
        <v>533</v>
      </c>
      <c r="T13" s="6">
        <v>283</v>
      </c>
      <c r="U13" s="6">
        <v>65</v>
      </c>
      <c r="V13" s="6">
        <v>185</v>
      </c>
      <c r="W13" s="6">
        <v>220</v>
      </c>
      <c r="X13" s="6">
        <v>366</v>
      </c>
      <c r="Y13" s="6">
        <v>297</v>
      </c>
      <c r="Z13" s="6">
        <v>25</v>
      </c>
      <c r="AA13" s="6">
        <v>26</v>
      </c>
      <c r="AB13" s="6">
        <v>18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100</v>
      </c>
      <c r="I14" s="9" t="s">
        <v>6</v>
      </c>
      <c r="J14" s="9" t="s">
        <v>33</v>
      </c>
      <c r="K14" s="6">
        <v>1862</v>
      </c>
      <c r="L14" s="6">
        <v>1192</v>
      </c>
      <c r="M14" s="6">
        <v>1108</v>
      </c>
      <c r="N14" s="6">
        <v>930</v>
      </c>
      <c r="O14" s="6">
        <v>103</v>
      </c>
      <c r="P14" s="6">
        <v>15</v>
      </c>
      <c r="Q14" s="6">
        <v>60</v>
      </c>
      <c r="R14" s="6">
        <v>84</v>
      </c>
      <c r="S14" s="6">
        <v>468</v>
      </c>
      <c r="T14" s="6">
        <v>261</v>
      </c>
      <c r="U14" s="6">
        <v>17</v>
      </c>
      <c r="V14" s="6">
        <v>190</v>
      </c>
      <c r="W14" s="6">
        <v>202</v>
      </c>
      <c r="X14" s="6">
        <v>983</v>
      </c>
      <c r="Y14" s="6">
        <v>854</v>
      </c>
      <c r="Z14" s="6">
        <v>71</v>
      </c>
      <c r="AA14" s="6">
        <v>12</v>
      </c>
      <c r="AB14" s="6">
        <v>46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100</v>
      </c>
      <c r="I15" s="9" t="s">
        <v>6</v>
      </c>
      <c r="J15" s="9" t="s">
        <v>34</v>
      </c>
      <c r="K15" s="6">
        <v>4254</v>
      </c>
      <c r="L15" s="6">
        <v>3392</v>
      </c>
      <c r="M15" s="6">
        <v>3176</v>
      </c>
      <c r="N15" s="6">
        <v>2744</v>
      </c>
      <c r="O15" s="6">
        <v>282</v>
      </c>
      <c r="P15" s="6">
        <v>17</v>
      </c>
      <c r="Q15" s="6">
        <v>133</v>
      </c>
      <c r="R15" s="6">
        <v>216</v>
      </c>
      <c r="S15" s="6">
        <v>606</v>
      </c>
      <c r="T15" s="6">
        <v>422</v>
      </c>
      <c r="U15" s="6">
        <v>34</v>
      </c>
      <c r="V15" s="6">
        <v>150</v>
      </c>
      <c r="W15" s="6">
        <v>256</v>
      </c>
      <c r="X15" s="6">
        <v>2933</v>
      </c>
      <c r="Y15" s="6">
        <v>2563</v>
      </c>
      <c r="Z15" s="6">
        <v>238</v>
      </c>
      <c r="AA15" s="6">
        <v>17</v>
      </c>
      <c r="AB15" s="6">
        <v>115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100</v>
      </c>
      <c r="I16" s="9" t="s">
        <v>6</v>
      </c>
      <c r="J16" s="9" t="s">
        <v>35</v>
      </c>
      <c r="K16" s="6">
        <v>11215</v>
      </c>
      <c r="L16" s="6">
        <v>9347</v>
      </c>
      <c r="M16" s="6">
        <v>8846</v>
      </c>
      <c r="N16" s="6">
        <v>7688</v>
      </c>
      <c r="O16" s="6">
        <v>913</v>
      </c>
      <c r="P16" s="6">
        <v>22</v>
      </c>
      <c r="Q16" s="6">
        <v>223</v>
      </c>
      <c r="R16" s="6">
        <v>501</v>
      </c>
      <c r="S16" s="6">
        <v>1309</v>
      </c>
      <c r="T16" s="6">
        <v>1008</v>
      </c>
      <c r="U16" s="6">
        <v>41</v>
      </c>
      <c r="V16" s="6">
        <v>260</v>
      </c>
      <c r="W16" s="6">
        <v>559</v>
      </c>
      <c r="X16" s="6">
        <v>8180</v>
      </c>
      <c r="Y16" s="6">
        <v>7179</v>
      </c>
      <c r="Z16" s="6">
        <v>792</v>
      </c>
      <c r="AA16" s="6">
        <v>20</v>
      </c>
      <c r="AB16" s="6">
        <v>189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100</v>
      </c>
      <c r="I17" s="9" t="s">
        <v>6</v>
      </c>
      <c r="J17" s="9" t="s">
        <v>36</v>
      </c>
      <c r="K17" s="6">
        <v>26185</v>
      </c>
      <c r="L17" s="6">
        <v>21952</v>
      </c>
      <c r="M17" s="6">
        <v>20972</v>
      </c>
      <c r="N17" s="6">
        <v>18119</v>
      </c>
      <c r="O17" s="6">
        <v>2373</v>
      </c>
      <c r="P17" s="6">
        <v>29</v>
      </c>
      <c r="Q17" s="6">
        <v>451</v>
      </c>
      <c r="R17" s="6">
        <v>980</v>
      </c>
      <c r="S17" s="6">
        <v>3231</v>
      </c>
      <c r="T17" s="6">
        <v>2392</v>
      </c>
      <c r="U17" s="6">
        <v>49</v>
      </c>
      <c r="V17" s="6">
        <v>790</v>
      </c>
      <c r="W17" s="6">
        <v>1002</v>
      </c>
      <c r="X17" s="6">
        <v>19210</v>
      </c>
      <c r="Y17" s="6">
        <v>16718</v>
      </c>
      <c r="Z17" s="6">
        <v>2097</v>
      </c>
      <c r="AA17" s="6">
        <v>26</v>
      </c>
      <c r="AB17" s="6">
        <v>369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100</v>
      </c>
      <c r="I18" s="9" t="s">
        <v>6</v>
      </c>
      <c r="J18" s="9" t="s">
        <v>37</v>
      </c>
      <c r="K18" s="6">
        <v>60839</v>
      </c>
      <c r="L18" s="6">
        <v>49962</v>
      </c>
      <c r="M18" s="6">
        <v>47581</v>
      </c>
      <c r="N18" s="6">
        <v>40894</v>
      </c>
      <c r="O18" s="6">
        <v>5671</v>
      </c>
      <c r="P18" s="6">
        <v>36</v>
      </c>
      <c r="Q18" s="6">
        <v>980</v>
      </c>
      <c r="R18" s="6">
        <v>2381</v>
      </c>
      <c r="S18" s="6">
        <v>8580</v>
      </c>
      <c r="T18" s="6">
        <v>6291</v>
      </c>
      <c r="U18" s="6">
        <v>62</v>
      </c>
      <c r="V18" s="6">
        <v>2227</v>
      </c>
      <c r="W18" s="6">
        <v>2297</v>
      </c>
      <c r="X18" s="6">
        <v>43555</v>
      </c>
      <c r="Y18" s="6">
        <v>37846</v>
      </c>
      <c r="Z18" s="6">
        <v>4934</v>
      </c>
      <c r="AA18" s="6">
        <v>33</v>
      </c>
      <c r="AB18" s="6">
        <v>742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100</v>
      </c>
      <c r="I19" s="9" t="s">
        <v>6</v>
      </c>
      <c r="J19" s="9" t="s">
        <v>38</v>
      </c>
      <c r="K19" s="6">
        <v>103669</v>
      </c>
      <c r="L19" s="6">
        <v>83827</v>
      </c>
      <c r="M19" s="6">
        <v>79852</v>
      </c>
      <c r="N19" s="6">
        <v>67587</v>
      </c>
      <c r="O19" s="6">
        <v>10469</v>
      </c>
      <c r="P19" s="6">
        <v>39</v>
      </c>
      <c r="Q19" s="6">
        <v>1757</v>
      </c>
      <c r="R19" s="6">
        <v>3975</v>
      </c>
      <c r="S19" s="6">
        <v>16238</v>
      </c>
      <c r="T19" s="6">
        <v>12081</v>
      </c>
      <c r="U19" s="6">
        <v>52</v>
      </c>
      <c r="V19" s="6">
        <v>4105</v>
      </c>
      <c r="W19" s="6">
        <v>3604</v>
      </c>
      <c r="X19" s="6">
        <v>72814</v>
      </c>
      <c r="Y19" s="6">
        <v>62305</v>
      </c>
      <c r="Z19" s="6">
        <v>9134</v>
      </c>
      <c r="AA19" s="6">
        <v>29</v>
      </c>
      <c r="AB19" s="6">
        <v>1346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100</v>
      </c>
      <c r="I20" s="9" t="s">
        <v>6</v>
      </c>
      <c r="J20" s="9" t="s">
        <v>39</v>
      </c>
      <c r="K20" s="6">
        <v>182387</v>
      </c>
      <c r="L20" s="6">
        <v>141558</v>
      </c>
      <c r="M20" s="6">
        <v>135459</v>
      </c>
      <c r="N20" s="6">
        <v>111746</v>
      </c>
      <c r="O20" s="6">
        <v>20483</v>
      </c>
      <c r="P20" s="6">
        <v>31</v>
      </c>
      <c r="Q20" s="6">
        <v>3199</v>
      </c>
      <c r="R20" s="6">
        <v>6099</v>
      </c>
      <c r="S20" s="6">
        <v>35785</v>
      </c>
      <c r="T20" s="6">
        <v>27440</v>
      </c>
      <c r="U20" s="6">
        <v>55</v>
      </c>
      <c r="V20" s="6">
        <v>8290</v>
      </c>
      <c r="W20" s="6">
        <v>5044</v>
      </c>
      <c r="X20" s="6">
        <v>122300</v>
      </c>
      <c r="Y20" s="6">
        <v>102211</v>
      </c>
      <c r="Z20" s="6">
        <v>17634</v>
      </c>
      <c r="AA20" s="6">
        <v>25</v>
      </c>
      <c r="AB20" s="6">
        <v>2430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100</v>
      </c>
      <c r="I21" s="9" t="s">
        <v>6</v>
      </c>
      <c r="J21" s="9" t="s">
        <v>40</v>
      </c>
      <c r="K21" s="6">
        <v>314695</v>
      </c>
      <c r="L21" s="6">
        <v>209339</v>
      </c>
      <c r="M21" s="6">
        <v>200589</v>
      </c>
      <c r="N21" s="6">
        <v>153563</v>
      </c>
      <c r="O21" s="6">
        <v>41482</v>
      </c>
      <c r="P21" s="6">
        <v>49</v>
      </c>
      <c r="Q21" s="6">
        <v>5495</v>
      </c>
      <c r="R21" s="6">
        <v>8750</v>
      </c>
      <c r="S21" s="6">
        <v>98157</v>
      </c>
      <c r="T21" s="6">
        <v>71193</v>
      </c>
      <c r="U21" s="6">
        <v>71</v>
      </c>
      <c r="V21" s="6">
        <v>26893</v>
      </c>
      <c r="W21" s="6">
        <v>7199</v>
      </c>
      <c r="X21" s="6">
        <v>175294</v>
      </c>
      <c r="Y21" s="6">
        <v>136227</v>
      </c>
      <c r="Z21" s="6">
        <v>35007</v>
      </c>
      <c r="AA21" s="6">
        <v>40</v>
      </c>
      <c r="AB21" s="6">
        <v>4020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100</v>
      </c>
      <c r="I22" s="9" t="s">
        <v>6</v>
      </c>
      <c r="J22" s="9" t="s">
        <v>41</v>
      </c>
      <c r="K22" s="6">
        <v>609268</v>
      </c>
      <c r="L22" s="6">
        <v>278108</v>
      </c>
      <c r="M22" s="6">
        <v>269511</v>
      </c>
      <c r="N22" s="6">
        <v>177414</v>
      </c>
      <c r="O22" s="6">
        <v>81622</v>
      </c>
      <c r="P22" s="6">
        <v>75</v>
      </c>
      <c r="Q22" s="6">
        <v>10400</v>
      </c>
      <c r="R22" s="6">
        <v>8597</v>
      </c>
      <c r="S22" s="6">
        <v>312759</v>
      </c>
      <c r="T22" s="6">
        <v>187838</v>
      </c>
      <c r="U22" s="6">
        <v>88</v>
      </c>
      <c r="V22" s="6">
        <v>124833</v>
      </c>
      <c r="W22" s="6">
        <v>18401</v>
      </c>
      <c r="X22" s="6">
        <v>217713</v>
      </c>
      <c r="Y22" s="6">
        <v>145044</v>
      </c>
      <c r="Z22" s="6">
        <v>65740</v>
      </c>
      <c r="AA22" s="6">
        <v>61</v>
      </c>
      <c r="AB22" s="6">
        <v>6868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100</v>
      </c>
      <c r="I23" s="9" t="s">
        <v>6</v>
      </c>
      <c r="J23" s="9" t="s">
        <v>42</v>
      </c>
      <c r="K23" s="6">
        <v>1118679</v>
      </c>
      <c r="L23" s="6">
        <v>322394</v>
      </c>
      <c r="M23" s="6">
        <v>315673</v>
      </c>
      <c r="N23" s="6">
        <v>186626</v>
      </c>
      <c r="O23" s="6">
        <v>113535</v>
      </c>
      <c r="P23" s="6">
        <v>78</v>
      </c>
      <c r="Q23" s="6">
        <v>15434</v>
      </c>
      <c r="R23" s="6">
        <v>6721</v>
      </c>
      <c r="S23" s="6">
        <v>747415</v>
      </c>
      <c r="T23" s="6">
        <v>391263</v>
      </c>
      <c r="U23" s="6">
        <v>211</v>
      </c>
      <c r="V23" s="6">
        <v>355941</v>
      </c>
      <c r="W23" s="6">
        <v>48870</v>
      </c>
      <c r="X23" s="6">
        <v>224505</v>
      </c>
      <c r="Y23" s="6">
        <v>134603</v>
      </c>
      <c r="Z23" s="6">
        <v>81078</v>
      </c>
      <c r="AA23" s="6">
        <v>57</v>
      </c>
      <c r="AB23" s="6">
        <v>8767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100</v>
      </c>
      <c r="I24" s="9" t="s">
        <v>6</v>
      </c>
      <c r="J24" s="9" t="s">
        <v>43</v>
      </c>
      <c r="K24" s="6">
        <v>1456362</v>
      </c>
      <c r="L24" s="6">
        <v>211462</v>
      </c>
      <c r="M24" s="6">
        <v>208100</v>
      </c>
      <c r="N24" s="6">
        <v>110686</v>
      </c>
      <c r="O24" s="6">
        <v>84562</v>
      </c>
      <c r="P24" s="6">
        <v>80</v>
      </c>
      <c r="Q24" s="6">
        <v>12772</v>
      </c>
      <c r="R24" s="6">
        <v>3362</v>
      </c>
      <c r="S24" s="6">
        <v>1162000</v>
      </c>
      <c r="T24" s="6">
        <v>513598</v>
      </c>
      <c r="U24" s="6">
        <v>330</v>
      </c>
      <c r="V24" s="6">
        <v>648072</v>
      </c>
      <c r="W24" s="6">
        <v>82900</v>
      </c>
      <c r="X24" s="6">
        <v>115256</v>
      </c>
      <c r="Y24" s="6">
        <v>63421</v>
      </c>
      <c r="Z24" s="6">
        <v>46468</v>
      </c>
      <c r="AA24" s="6">
        <v>38</v>
      </c>
      <c r="AB24" s="6">
        <v>5329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100</v>
      </c>
      <c r="I25" s="9" t="s">
        <v>6</v>
      </c>
      <c r="J25" s="9" t="s">
        <v>44</v>
      </c>
      <c r="K25" s="6">
        <v>1764322</v>
      </c>
      <c r="L25" s="6">
        <v>130524</v>
      </c>
      <c r="M25" s="6">
        <v>128859</v>
      </c>
      <c r="N25" s="6">
        <v>62222</v>
      </c>
      <c r="O25" s="6">
        <v>56832</v>
      </c>
      <c r="P25" s="6">
        <v>88</v>
      </c>
      <c r="Q25" s="6">
        <v>9717</v>
      </c>
      <c r="R25" s="6">
        <v>1665</v>
      </c>
      <c r="S25" s="6">
        <v>1542103</v>
      </c>
      <c r="T25" s="6">
        <v>527879</v>
      </c>
      <c r="U25" s="6">
        <v>396</v>
      </c>
      <c r="V25" s="6">
        <v>1013828</v>
      </c>
      <c r="W25" s="6">
        <v>91695</v>
      </c>
      <c r="X25" s="6">
        <v>47429</v>
      </c>
      <c r="Y25" s="6">
        <v>24855</v>
      </c>
      <c r="Z25" s="6">
        <v>19905</v>
      </c>
      <c r="AA25" s="6">
        <v>37</v>
      </c>
      <c r="AB25" s="6">
        <v>2632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100</v>
      </c>
      <c r="I26" s="9" t="s">
        <v>6</v>
      </c>
      <c r="J26" s="9" t="s">
        <v>45</v>
      </c>
      <c r="K26" s="6">
        <v>1813805</v>
      </c>
      <c r="L26" s="6">
        <v>72522</v>
      </c>
      <c r="M26" s="6">
        <v>71681</v>
      </c>
      <c r="N26" s="6">
        <v>31943</v>
      </c>
      <c r="O26" s="6">
        <v>33042</v>
      </c>
      <c r="P26" s="6">
        <v>58</v>
      </c>
      <c r="Q26" s="6">
        <v>6638</v>
      </c>
      <c r="R26" s="6">
        <v>841</v>
      </c>
      <c r="S26" s="6">
        <v>1673618</v>
      </c>
      <c r="T26" s="6">
        <v>385311</v>
      </c>
      <c r="U26" s="6">
        <v>432</v>
      </c>
      <c r="V26" s="6">
        <v>1287875</v>
      </c>
      <c r="W26" s="6">
        <v>67665</v>
      </c>
      <c r="X26" s="6">
        <v>19682</v>
      </c>
      <c r="Y26" s="6">
        <v>9786</v>
      </c>
      <c r="Z26" s="6">
        <v>8480</v>
      </c>
      <c r="AA26" s="6">
        <v>15</v>
      </c>
      <c r="AB26" s="6">
        <v>1401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100</v>
      </c>
      <c r="I27" s="9" t="s">
        <v>6</v>
      </c>
      <c r="J27" s="9" t="s">
        <v>46</v>
      </c>
      <c r="K27" s="6">
        <v>1165782</v>
      </c>
      <c r="L27" s="6">
        <v>25588</v>
      </c>
      <c r="M27" s="6">
        <v>25205</v>
      </c>
      <c r="N27" s="6">
        <v>10631</v>
      </c>
      <c r="O27" s="6">
        <v>11155</v>
      </c>
      <c r="P27" s="6">
        <v>27</v>
      </c>
      <c r="Q27" s="6">
        <v>3392</v>
      </c>
      <c r="R27" s="6">
        <v>383</v>
      </c>
      <c r="S27" s="6">
        <v>1111318</v>
      </c>
      <c r="T27" s="6">
        <v>135140</v>
      </c>
      <c r="U27" s="6">
        <v>324</v>
      </c>
      <c r="V27" s="6">
        <v>975854</v>
      </c>
      <c r="W27" s="6">
        <v>28876</v>
      </c>
      <c r="X27" s="6">
        <v>6133</v>
      </c>
      <c r="Y27" s="6">
        <v>3007</v>
      </c>
      <c r="Z27" s="6">
        <v>2477</v>
      </c>
      <c r="AA27" s="6">
        <v>7</v>
      </c>
      <c r="AB27" s="6">
        <v>642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100</v>
      </c>
      <c r="I28" s="9" t="s">
        <v>6</v>
      </c>
      <c r="J28" s="9" t="s">
        <v>47</v>
      </c>
      <c r="K28" s="6">
        <v>448239</v>
      </c>
      <c r="L28" s="6">
        <v>4308</v>
      </c>
      <c r="M28" s="6">
        <v>4240</v>
      </c>
      <c r="N28" s="6">
        <v>1845</v>
      </c>
      <c r="O28" s="6">
        <v>1634</v>
      </c>
      <c r="P28" s="6">
        <v>3</v>
      </c>
      <c r="Q28" s="6">
        <v>758</v>
      </c>
      <c r="R28" s="6">
        <v>68</v>
      </c>
      <c r="S28" s="6">
        <v>435942</v>
      </c>
      <c r="T28" s="6">
        <v>22417</v>
      </c>
      <c r="U28" s="6">
        <v>71</v>
      </c>
      <c r="V28" s="6">
        <v>413454</v>
      </c>
      <c r="W28" s="6">
        <v>7989</v>
      </c>
      <c r="X28" s="6">
        <v>1023</v>
      </c>
      <c r="Y28" s="6">
        <v>554</v>
      </c>
      <c r="Z28" s="6">
        <v>330</v>
      </c>
      <c r="AA28" s="6">
        <v>1</v>
      </c>
      <c r="AB28" s="6">
        <v>138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100</v>
      </c>
      <c r="I29" s="9" t="s">
        <v>6</v>
      </c>
      <c r="J29" s="9" t="s">
        <v>48</v>
      </c>
      <c r="K29" s="6">
        <v>706751</v>
      </c>
      <c r="L29" s="6">
        <v>521209</v>
      </c>
      <c r="M29" s="6">
        <v>498161</v>
      </c>
      <c r="N29" s="6">
        <v>403679</v>
      </c>
      <c r="O29" s="6">
        <v>81850</v>
      </c>
      <c r="P29" s="6">
        <v>293</v>
      </c>
      <c r="Q29" s="6">
        <v>12339</v>
      </c>
      <c r="R29" s="6">
        <v>23048</v>
      </c>
      <c r="S29" s="6">
        <v>165095</v>
      </c>
      <c r="T29" s="6">
        <v>121441</v>
      </c>
      <c r="U29" s="6">
        <v>525</v>
      </c>
      <c r="V29" s="6">
        <v>43129</v>
      </c>
      <c r="W29" s="6">
        <v>20447</v>
      </c>
      <c r="X29" s="6">
        <v>445727</v>
      </c>
      <c r="Y29" s="6">
        <v>366255</v>
      </c>
      <c r="Z29" s="6">
        <v>69941</v>
      </c>
      <c r="AA29" s="6">
        <v>254</v>
      </c>
      <c r="AB29" s="6">
        <v>9277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100</v>
      </c>
      <c r="I30" s="9" t="s">
        <v>6</v>
      </c>
      <c r="J30" s="9" t="s">
        <v>49</v>
      </c>
      <c r="K30" s="6">
        <v>8376457</v>
      </c>
      <c r="L30" s="6">
        <v>1044906</v>
      </c>
      <c r="M30" s="6">
        <v>1023269</v>
      </c>
      <c r="N30" s="6">
        <v>581367</v>
      </c>
      <c r="O30" s="6">
        <v>382382</v>
      </c>
      <c r="P30" s="6">
        <v>409</v>
      </c>
      <c r="Q30" s="6">
        <v>59111</v>
      </c>
      <c r="R30" s="6">
        <v>21637</v>
      </c>
      <c r="S30" s="6">
        <v>6985155</v>
      </c>
      <c r="T30" s="6">
        <v>2163446</v>
      </c>
      <c r="U30" s="6">
        <v>1852</v>
      </c>
      <c r="V30" s="6">
        <v>4819857</v>
      </c>
      <c r="W30" s="6">
        <v>346396</v>
      </c>
      <c r="X30" s="6">
        <v>631741</v>
      </c>
      <c r="Y30" s="6">
        <v>381270</v>
      </c>
      <c r="Z30" s="6">
        <v>224478</v>
      </c>
      <c r="AA30" s="6">
        <v>216</v>
      </c>
      <c r="AB30" s="6">
        <v>25777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100</v>
      </c>
      <c r="I31" s="9" t="s">
        <v>6</v>
      </c>
      <c r="J31" s="9" t="s">
        <v>50</v>
      </c>
      <c r="K31" s="6">
        <v>6648510</v>
      </c>
      <c r="L31" s="6">
        <v>444404</v>
      </c>
      <c r="M31" s="6">
        <v>438085</v>
      </c>
      <c r="N31" s="6">
        <v>217327</v>
      </c>
      <c r="O31" s="6">
        <v>187225</v>
      </c>
      <c r="P31" s="6">
        <v>256</v>
      </c>
      <c r="Q31" s="6">
        <v>33277</v>
      </c>
      <c r="R31" s="6">
        <v>6319</v>
      </c>
      <c r="S31" s="6">
        <v>5924981</v>
      </c>
      <c r="T31" s="6">
        <v>1584345</v>
      </c>
      <c r="U31" s="6">
        <v>1553</v>
      </c>
      <c r="V31" s="6">
        <v>4339083</v>
      </c>
      <c r="W31" s="6">
        <v>279125</v>
      </c>
      <c r="X31" s="6">
        <v>189523</v>
      </c>
      <c r="Y31" s="6">
        <v>101623</v>
      </c>
      <c r="Z31" s="6">
        <v>77660</v>
      </c>
      <c r="AA31" s="6">
        <v>98</v>
      </c>
      <c r="AB31" s="6">
        <v>10142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100</v>
      </c>
      <c r="I32" s="9" t="s">
        <v>6</v>
      </c>
      <c r="J32" s="9" t="s">
        <v>51</v>
      </c>
      <c r="K32" s="6">
        <v>3427826</v>
      </c>
      <c r="L32" s="6">
        <v>102418</v>
      </c>
      <c r="M32" s="6">
        <v>101126</v>
      </c>
      <c r="N32" s="6">
        <v>44419</v>
      </c>
      <c r="O32" s="6">
        <v>45831</v>
      </c>
      <c r="P32" s="6">
        <v>88</v>
      </c>
      <c r="Q32" s="6">
        <v>10788</v>
      </c>
      <c r="R32" s="6">
        <v>1292</v>
      </c>
      <c r="S32" s="6">
        <v>3220878</v>
      </c>
      <c r="T32" s="6">
        <v>542868</v>
      </c>
      <c r="U32" s="6">
        <v>827</v>
      </c>
      <c r="V32" s="6">
        <v>2677183</v>
      </c>
      <c r="W32" s="6">
        <v>104530</v>
      </c>
      <c r="X32" s="6">
        <v>26838</v>
      </c>
      <c r="Y32" s="6">
        <v>13347</v>
      </c>
      <c r="Z32" s="6">
        <v>11287</v>
      </c>
      <c r="AA32" s="6">
        <v>23</v>
      </c>
      <c r="AB32" s="6">
        <v>2181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100</v>
      </c>
      <c r="I33" s="9" t="s">
        <v>6</v>
      </c>
      <c r="J33" s="9" t="s">
        <v>52</v>
      </c>
      <c r="K33" s="6">
        <v>1315640</v>
      </c>
      <c r="L33" s="6">
        <v>799190</v>
      </c>
      <c r="M33" s="6">
        <v>767555</v>
      </c>
      <c r="N33" s="6">
        <v>581027</v>
      </c>
      <c r="O33" s="6">
        <v>163453</v>
      </c>
      <c r="P33" s="6">
        <v>341</v>
      </c>
      <c r="Q33" s="6">
        <v>22734</v>
      </c>
      <c r="R33" s="6">
        <v>31635</v>
      </c>
      <c r="S33" s="6">
        <v>477666</v>
      </c>
      <c r="T33" s="6">
        <v>309209</v>
      </c>
      <c r="U33" s="6">
        <v>534</v>
      </c>
      <c r="V33" s="6">
        <v>167923</v>
      </c>
      <c r="W33" s="6">
        <v>38784</v>
      </c>
      <c r="X33" s="6">
        <v>663348</v>
      </c>
      <c r="Y33" s="6">
        <v>511244</v>
      </c>
      <c r="Z33" s="6">
        <v>135672</v>
      </c>
      <c r="AA33" s="6">
        <v>289</v>
      </c>
      <c r="AB33" s="6">
        <v>16143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100</v>
      </c>
      <c r="I34" s="9" t="s">
        <v>53</v>
      </c>
      <c r="J34" s="9" t="s">
        <v>30</v>
      </c>
      <c r="K34" s="6">
        <v>1574230</v>
      </c>
      <c r="L34" s="6">
        <v>421107</v>
      </c>
      <c r="M34" s="6">
        <v>404174</v>
      </c>
      <c r="N34" s="6">
        <v>329364</v>
      </c>
      <c r="O34" s="6">
        <v>46096</v>
      </c>
      <c r="P34" s="6">
        <v>190</v>
      </c>
      <c r="Q34" s="6">
        <v>28524</v>
      </c>
      <c r="R34" s="6">
        <v>16933</v>
      </c>
      <c r="S34" s="6">
        <v>1083020</v>
      </c>
      <c r="T34" s="6">
        <v>127413</v>
      </c>
      <c r="U34" s="6">
        <v>368</v>
      </c>
      <c r="V34" s="6">
        <v>955239</v>
      </c>
      <c r="W34" s="6">
        <v>70103</v>
      </c>
      <c r="X34" s="6">
        <v>265162</v>
      </c>
      <c r="Y34" s="6">
        <v>231859</v>
      </c>
      <c r="Z34" s="6">
        <v>22310</v>
      </c>
      <c r="AA34" s="6">
        <v>128</v>
      </c>
      <c r="AB34" s="6">
        <v>10865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100</v>
      </c>
      <c r="I35" s="9" t="s">
        <v>53</v>
      </c>
      <c r="J35" s="9" t="s">
        <v>31</v>
      </c>
      <c r="K35" s="6">
        <v>159</v>
      </c>
      <c r="L35" s="6">
        <v>71</v>
      </c>
      <c r="M35" s="6">
        <v>64</v>
      </c>
      <c r="N35" s="6">
        <v>43</v>
      </c>
      <c r="O35" s="6">
        <v>6</v>
      </c>
      <c r="P35" s="6">
        <v>13</v>
      </c>
      <c r="Q35" s="6">
        <v>2</v>
      </c>
      <c r="R35" s="6">
        <v>7</v>
      </c>
      <c r="S35" s="6">
        <v>63</v>
      </c>
      <c r="T35" s="6">
        <v>5</v>
      </c>
      <c r="U35" s="6">
        <v>40</v>
      </c>
      <c r="V35" s="6">
        <v>18</v>
      </c>
      <c r="W35" s="6">
        <v>25</v>
      </c>
      <c r="X35" s="6">
        <v>56</v>
      </c>
      <c r="Y35" s="6">
        <v>37</v>
      </c>
      <c r="Z35" s="6">
        <v>5</v>
      </c>
      <c r="AA35" s="6">
        <v>13</v>
      </c>
      <c r="AB35" s="6">
        <v>1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100</v>
      </c>
      <c r="I36" s="9" t="s">
        <v>53</v>
      </c>
      <c r="J36" s="9" t="s">
        <v>32</v>
      </c>
      <c r="K36" s="6">
        <v>392</v>
      </c>
      <c r="L36" s="6">
        <v>231</v>
      </c>
      <c r="M36" s="6">
        <v>202</v>
      </c>
      <c r="N36" s="6">
        <v>165</v>
      </c>
      <c r="O36" s="6">
        <v>5</v>
      </c>
      <c r="P36" s="6">
        <v>17</v>
      </c>
      <c r="Q36" s="6">
        <v>15</v>
      </c>
      <c r="R36" s="6">
        <v>29</v>
      </c>
      <c r="S36" s="6">
        <v>94</v>
      </c>
      <c r="T36" s="6">
        <v>12</v>
      </c>
      <c r="U36" s="6">
        <v>35</v>
      </c>
      <c r="V36" s="6">
        <v>47</v>
      </c>
      <c r="W36" s="6">
        <v>67</v>
      </c>
      <c r="X36" s="6">
        <v>166</v>
      </c>
      <c r="Y36" s="6">
        <v>141</v>
      </c>
      <c r="Z36" s="6">
        <v>3</v>
      </c>
      <c r="AA36" s="6">
        <v>16</v>
      </c>
      <c r="AB36" s="6">
        <v>6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100</v>
      </c>
      <c r="I37" s="9" t="s">
        <v>53</v>
      </c>
      <c r="J37" s="9" t="s">
        <v>33</v>
      </c>
      <c r="K37" s="6">
        <v>527</v>
      </c>
      <c r="L37" s="6">
        <v>399</v>
      </c>
      <c r="M37" s="6">
        <v>366</v>
      </c>
      <c r="N37" s="6">
        <v>331</v>
      </c>
      <c r="O37" s="6">
        <v>7</v>
      </c>
      <c r="P37" s="6">
        <v>10</v>
      </c>
      <c r="Q37" s="6">
        <v>18</v>
      </c>
      <c r="R37" s="6">
        <v>33</v>
      </c>
      <c r="S37" s="6">
        <v>67</v>
      </c>
      <c r="T37" s="6">
        <v>14</v>
      </c>
      <c r="U37" s="6">
        <v>10</v>
      </c>
      <c r="V37" s="6">
        <v>43</v>
      </c>
      <c r="W37" s="6">
        <v>61</v>
      </c>
      <c r="X37" s="6">
        <v>317</v>
      </c>
      <c r="Y37" s="6">
        <v>294</v>
      </c>
      <c r="Z37" s="6">
        <v>5</v>
      </c>
      <c r="AA37" s="6">
        <v>7</v>
      </c>
      <c r="AB37" s="6">
        <v>11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100</v>
      </c>
      <c r="I38" s="9" t="s">
        <v>53</v>
      </c>
      <c r="J38" s="9" t="s">
        <v>34</v>
      </c>
      <c r="K38" s="6">
        <v>1097</v>
      </c>
      <c r="L38" s="6">
        <v>935</v>
      </c>
      <c r="M38" s="6">
        <v>880</v>
      </c>
      <c r="N38" s="6">
        <v>824</v>
      </c>
      <c r="O38" s="6">
        <v>15</v>
      </c>
      <c r="P38" s="6">
        <v>4</v>
      </c>
      <c r="Q38" s="6">
        <v>37</v>
      </c>
      <c r="R38" s="6">
        <v>55</v>
      </c>
      <c r="S38" s="6">
        <v>77</v>
      </c>
      <c r="T38" s="6">
        <v>25</v>
      </c>
      <c r="U38" s="6">
        <v>6</v>
      </c>
      <c r="V38" s="6">
        <v>46</v>
      </c>
      <c r="W38" s="6">
        <v>85</v>
      </c>
      <c r="X38" s="6">
        <v>790</v>
      </c>
      <c r="Y38" s="6">
        <v>749</v>
      </c>
      <c r="Z38" s="6">
        <v>11</v>
      </c>
      <c r="AA38" s="6">
        <v>4</v>
      </c>
      <c r="AB38" s="6">
        <v>26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100</v>
      </c>
      <c r="I39" s="9" t="s">
        <v>53</v>
      </c>
      <c r="J39" s="9" t="s">
        <v>35</v>
      </c>
      <c r="K39" s="6">
        <v>2997</v>
      </c>
      <c r="L39" s="6">
        <v>2648</v>
      </c>
      <c r="M39" s="6">
        <v>2525</v>
      </c>
      <c r="N39" s="6">
        <v>2425</v>
      </c>
      <c r="O39" s="6">
        <v>47</v>
      </c>
      <c r="P39" s="6">
        <v>5</v>
      </c>
      <c r="Q39" s="6">
        <v>48</v>
      </c>
      <c r="R39" s="6">
        <v>123</v>
      </c>
      <c r="S39" s="6">
        <v>133</v>
      </c>
      <c r="T39" s="6">
        <v>41</v>
      </c>
      <c r="U39" s="6">
        <v>2</v>
      </c>
      <c r="V39" s="6">
        <v>90</v>
      </c>
      <c r="W39" s="6">
        <v>216</v>
      </c>
      <c r="X39" s="6">
        <v>2280</v>
      </c>
      <c r="Y39" s="6">
        <v>2204</v>
      </c>
      <c r="Z39" s="6">
        <v>38</v>
      </c>
      <c r="AA39" s="6">
        <v>4</v>
      </c>
      <c r="AB39" s="6">
        <v>34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100</v>
      </c>
      <c r="I40" s="9" t="s">
        <v>53</v>
      </c>
      <c r="J40" s="9" t="s">
        <v>36</v>
      </c>
      <c r="K40" s="6">
        <v>6926</v>
      </c>
      <c r="L40" s="6">
        <v>6195</v>
      </c>
      <c r="M40" s="6">
        <v>5966</v>
      </c>
      <c r="N40" s="6">
        <v>5719</v>
      </c>
      <c r="O40" s="6">
        <v>133</v>
      </c>
      <c r="P40" s="6">
        <v>4</v>
      </c>
      <c r="Q40" s="6">
        <v>110</v>
      </c>
      <c r="R40" s="6">
        <v>229</v>
      </c>
      <c r="S40" s="6">
        <v>340</v>
      </c>
      <c r="T40" s="6">
        <v>85</v>
      </c>
      <c r="U40" s="6">
        <v>3</v>
      </c>
      <c r="V40" s="6">
        <v>252</v>
      </c>
      <c r="W40" s="6">
        <v>391</v>
      </c>
      <c r="X40" s="6">
        <v>5221</v>
      </c>
      <c r="Y40" s="6">
        <v>5047</v>
      </c>
      <c r="Z40" s="6">
        <v>97</v>
      </c>
      <c r="AA40" s="6">
        <v>4</v>
      </c>
      <c r="AB40" s="6">
        <v>73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100</v>
      </c>
      <c r="I41" s="9" t="s">
        <v>53</v>
      </c>
      <c r="J41" s="9" t="s">
        <v>37</v>
      </c>
      <c r="K41" s="6">
        <v>15861</v>
      </c>
      <c r="L41" s="6">
        <v>14125</v>
      </c>
      <c r="M41" s="6">
        <v>13598</v>
      </c>
      <c r="N41" s="6">
        <v>12999</v>
      </c>
      <c r="O41" s="6">
        <v>293</v>
      </c>
      <c r="P41" s="6">
        <v>3</v>
      </c>
      <c r="Q41" s="6">
        <v>303</v>
      </c>
      <c r="R41" s="6">
        <v>527</v>
      </c>
      <c r="S41" s="6">
        <v>900</v>
      </c>
      <c r="T41" s="6">
        <v>231</v>
      </c>
      <c r="U41" s="6">
        <v>9</v>
      </c>
      <c r="V41" s="6">
        <v>660</v>
      </c>
      <c r="W41" s="6">
        <v>836</v>
      </c>
      <c r="X41" s="6">
        <v>11940</v>
      </c>
      <c r="Y41" s="6">
        <v>11566</v>
      </c>
      <c r="Z41" s="6">
        <v>188</v>
      </c>
      <c r="AA41" s="6">
        <v>3</v>
      </c>
      <c r="AB41" s="6">
        <v>183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100</v>
      </c>
      <c r="I42" s="9" t="s">
        <v>53</v>
      </c>
      <c r="J42" s="9" t="s">
        <v>38</v>
      </c>
      <c r="K42" s="6">
        <v>25082</v>
      </c>
      <c r="L42" s="6">
        <v>22305</v>
      </c>
      <c r="M42" s="6">
        <v>21346</v>
      </c>
      <c r="N42" s="6">
        <v>20399</v>
      </c>
      <c r="O42" s="6">
        <v>433</v>
      </c>
      <c r="P42" s="6">
        <v>7</v>
      </c>
      <c r="Q42" s="6">
        <v>507</v>
      </c>
      <c r="R42" s="6">
        <v>959</v>
      </c>
      <c r="S42" s="6">
        <v>1497</v>
      </c>
      <c r="T42" s="6">
        <v>395</v>
      </c>
      <c r="U42" s="6">
        <v>6</v>
      </c>
      <c r="V42" s="6">
        <v>1096</v>
      </c>
      <c r="W42" s="6">
        <v>1280</v>
      </c>
      <c r="X42" s="6">
        <v>18624</v>
      </c>
      <c r="Y42" s="6">
        <v>18026</v>
      </c>
      <c r="Z42" s="6">
        <v>271</v>
      </c>
      <c r="AA42" s="6">
        <v>5</v>
      </c>
      <c r="AB42" s="6">
        <v>322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100</v>
      </c>
      <c r="I43" s="9" t="s">
        <v>53</v>
      </c>
      <c r="J43" s="9" t="s">
        <v>39</v>
      </c>
      <c r="K43" s="6">
        <v>41549</v>
      </c>
      <c r="L43" s="6">
        <v>36700</v>
      </c>
      <c r="M43" s="6">
        <v>35010</v>
      </c>
      <c r="N43" s="6">
        <v>33387</v>
      </c>
      <c r="O43" s="6">
        <v>709</v>
      </c>
      <c r="P43" s="6">
        <v>9</v>
      </c>
      <c r="Q43" s="6">
        <v>905</v>
      </c>
      <c r="R43" s="6">
        <v>1690</v>
      </c>
      <c r="S43" s="6">
        <v>3184</v>
      </c>
      <c r="T43" s="6">
        <v>949</v>
      </c>
      <c r="U43" s="6">
        <v>8</v>
      </c>
      <c r="V43" s="6">
        <v>2227</v>
      </c>
      <c r="W43" s="6">
        <v>1665</v>
      </c>
      <c r="X43" s="6">
        <v>30365</v>
      </c>
      <c r="Y43" s="6">
        <v>29372</v>
      </c>
      <c r="Z43" s="6">
        <v>432</v>
      </c>
      <c r="AA43" s="6">
        <v>7</v>
      </c>
      <c r="AB43" s="6">
        <v>554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100</v>
      </c>
      <c r="I44" s="9" t="s">
        <v>53</v>
      </c>
      <c r="J44" s="9" t="s">
        <v>40</v>
      </c>
      <c r="K44" s="6">
        <v>68929</v>
      </c>
      <c r="L44" s="6">
        <v>54546</v>
      </c>
      <c r="M44" s="6">
        <v>51389</v>
      </c>
      <c r="N44" s="6">
        <v>47537</v>
      </c>
      <c r="O44" s="6">
        <v>2105</v>
      </c>
      <c r="P44" s="6">
        <v>5</v>
      </c>
      <c r="Q44" s="6">
        <v>1742</v>
      </c>
      <c r="R44" s="6">
        <v>3157</v>
      </c>
      <c r="S44" s="6">
        <v>12148</v>
      </c>
      <c r="T44" s="6">
        <v>3667</v>
      </c>
      <c r="U44" s="6">
        <v>25</v>
      </c>
      <c r="V44" s="6">
        <v>8456</v>
      </c>
      <c r="W44" s="6">
        <v>2235</v>
      </c>
      <c r="X44" s="6">
        <v>42265</v>
      </c>
      <c r="Y44" s="6">
        <v>39970</v>
      </c>
      <c r="Z44" s="6">
        <v>1322</v>
      </c>
      <c r="AA44" s="6">
        <v>3</v>
      </c>
      <c r="AB44" s="6">
        <v>970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100</v>
      </c>
      <c r="I45" s="9" t="s">
        <v>53</v>
      </c>
      <c r="J45" s="9" t="s">
        <v>41</v>
      </c>
      <c r="K45" s="6">
        <v>130356</v>
      </c>
      <c r="L45" s="6">
        <v>72913</v>
      </c>
      <c r="M45" s="6">
        <v>68963</v>
      </c>
      <c r="N45" s="6">
        <v>58084</v>
      </c>
      <c r="O45" s="6">
        <v>6927</v>
      </c>
      <c r="P45" s="6">
        <v>28</v>
      </c>
      <c r="Q45" s="6">
        <v>3924</v>
      </c>
      <c r="R45" s="6">
        <v>3950</v>
      </c>
      <c r="S45" s="6">
        <v>52505</v>
      </c>
      <c r="T45" s="6">
        <v>11616</v>
      </c>
      <c r="U45" s="6">
        <v>16</v>
      </c>
      <c r="V45" s="6">
        <v>40873</v>
      </c>
      <c r="W45" s="6">
        <v>4938</v>
      </c>
      <c r="X45" s="6">
        <v>50019</v>
      </c>
      <c r="Y45" s="6">
        <v>43661</v>
      </c>
      <c r="Z45" s="6">
        <v>4434</v>
      </c>
      <c r="AA45" s="6">
        <v>24</v>
      </c>
      <c r="AB45" s="6">
        <v>1900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100</v>
      </c>
      <c r="I46" s="9" t="s">
        <v>53</v>
      </c>
      <c r="J46" s="9" t="s">
        <v>42</v>
      </c>
      <c r="K46" s="6">
        <v>224594</v>
      </c>
      <c r="L46" s="6">
        <v>86466</v>
      </c>
      <c r="M46" s="6">
        <v>83142</v>
      </c>
      <c r="N46" s="6">
        <v>64786</v>
      </c>
      <c r="O46" s="6">
        <v>11836</v>
      </c>
      <c r="P46" s="6">
        <v>15</v>
      </c>
      <c r="Q46" s="6">
        <v>6505</v>
      </c>
      <c r="R46" s="6">
        <v>3324</v>
      </c>
      <c r="S46" s="6">
        <v>127515</v>
      </c>
      <c r="T46" s="6">
        <v>22424</v>
      </c>
      <c r="U46" s="6">
        <v>38</v>
      </c>
      <c r="V46" s="6">
        <v>105053</v>
      </c>
      <c r="W46" s="6">
        <v>10613</v>
      </c>
      <c r="X46" s="6">
        <v>53085</v>
      </c>
      <c r="Y46" s="6">
        <v>43346</v>
      </c>
      <c r="Z46" s="6">
        <v>6887</v>
      </c>
      <c r="AA46" s="6">
        <v>8</v>
      </c>
      <c r="AB46" s="6">
        <v>2844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100</v>
      </c>
      <c r="I47" s="9" t="s">
        <v>53</v>
      </c>
      <c r="J47" s="9" t="s">
        <v>43</v>
      </c>
      <c r="K47" s="6">
        <v>256495</v>
      </c>
      <c r="L47" s="6">
        <v>56400</v>
      </c>
      <c r="M47" s="6">
        <v>54754</v>
      </c>
      <c r="N47" s="6">
        <v>39170</v>
      </c>
      <c r="O47" s="6">
        <v>9995</v>
      </c>
      <c r="P47" s="6">
        <v>23</v>
      </c>
      <c r="Q47" s="6">
        <v>5566</v>
      </c>
      <c r="R47" s="6">
        <v>1646</v>
      </c>
      <c r="S47" s="6">
        <v>185307</v>
      </c>
      <c r="T47" s="6">
        <v>28080</v>
      </c>
      <c r="U47" s="6">
        <v>40</v>
      </c>
      <c r="V47" s="6">
        <v>157187</v>
      </c>
      <c r="W47" s="6">
        <v>14788</v>
      </c>
      <c r="X47" s="6">
        <v>28395</v>
      </c>
      <c r="Y47" s="6">
        <v>21707</v>
      </c>
      <c r="Z47" s="6">
        <v>4722</v>
      </c>
      <c r="AA47" s="6">
        <v>12</v>
      </c>
      <c r="AB47" s="6">
        <v>1954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100</v>
      </c>
      <c r="I48" s="9" t="s">
        <v>53</v>
      </c>
      <c r="J48" s="9" t="s">
        <v>44</v>
      </c>
      <c r="K48" s="6">
        <v>286265</v>
      </c>
      <c r="L48" s="6">
        <v>36416</v>
      </c>
      <c r="M48" s="6">
        <v>35668</v>
      </c>
      <c r="N48" s="6">
        <v>24039</v>
      </c>
      <c r="O48" s="6">
        <v>7246</v>
      </c>
      <c r="P48" s="6">
        <v>20</v>
      </c>
      <c r="Q48" s="6">
        <v>4363</v>
      </c>
      <c r="R48" s="6">
        <v>748</v>
      </c>
      <c r="S48" s="6">
        <v>234444</v>
      </c>
      <c r="T48" s="6">
        <v>28320</v>
      </c>
      <c r="U48" s="6">
        <v>50</v>
      </c>
      <c r="V48" s="6">
        <v>206074</v>
      </c>
      <c r="W48" s="6">
        <v>15405</v>
      </c>
      <c r="X48" s="6">
        <v>13201</v>
      </c>
      <c r="Y48" s="6">
        <v>9714</v>
      </c>
      <c r="Z48" s="6">
        <v>2415</v>
      </c>
      <c r="AA48" s="6">
        <v>11</v>
      </c>
      <c r="AB48" s="6">
        <v>1061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100</v>
      </c>
      <c r="I49" s="9" t="s">
        <v>53</v>
      </c>
      <c r="J49" s="9" t="s">
        <v>45</v>
      </c>
      <c r="K49" s="6">
        <v>280883</v>
      </c>
      <c r="L49" s="6">
        <v>21318</v>
      </c>
      <c r="M49" s="6">
        <v>20993</v>
      </c>
      <c r="N49" s="6">
        <v>13731</v>
      </c>
      <c r="O49" s="6">
        <v>4364</v>
      </c>
      <c r="P49" s="6">
        <v>18</v>
      </c>
      <c r="Q49" s="6">
        <v>2880</v>
      </c>
      <c r="R49" s="6">
        <v>325</v>
      </c>
      <c r="S49" s="6">
        <v>248189</v>
      </c>
      <c r="T49" s="6">
        <v>21085</v>
      </c>
      <c r="U49" s="6">
        <v>45</v>
      </c>
      <c r="V49" s="6">
        <v>227059</v>
      </c>
      <c r="W49" s="6">
        <v>11376</v>
      </c>
      <c r="X49" s="6">
        <v>5973</v>
      </c>
      <c r="Y49" s="6">
        <v>4313</v>
      </c>
      <c r="Z49" s="6">
        <v>1069</v>
      </c>
      <c r="AA49" s="6">
        <v>3</v>
      </c>
      <c r="AB49" s="6">
        <v>588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100</v>
      </c>
      <c r="I50" s="9" t="s">
        <v>53</v>
      </c>
      <c r="J50" s="9" t="s">
        <v>46</v>
      </c>
      <c r="K50" s="6">
        <v>175742</v>
      </c>
      <c r="L50" s="6">
        <v>8002</v>
      </c>
      <c r="M50" s="6">
        <v>7891</v>
      </c>
      <c r="N50" s="6">
        <v>4885</v>
      </c>
      <c r="O50" s="6">
        <v>1674</v>
      </c>
      <c r="P50" s="6">
        <v>8</v>
      </c>
      <c r="Q50" s="6">
        <v>1324</v>
      </c>
      <c r="R50" s="6">
        <v>111</v>
      </c>
      <c r="S50" s="6">
        <v>162815</v>
      </c>
      <c r="T50" s="6">
        <v>8835</v>
      </c>
      <c r="U50" s="6">
        <v>31</v>
      </c>
      <c r="V50" s="6">
        <v>153949</v>
      </c>
      <c r="W50" s="6">
        <v>4925</v>
      </c>
      <c r="X50" s="6">
        <v>2070</v>
      </c>
      <c r="Y50" s="6">
        <v>1449</v>
      </c>
      <c r="Z50" s="6">
        <v>346</v>
      </c>
      <c r="AA50" s="6">
        <v>3</v>
      </c>
      <c r="AB50" s="6">
        <v>272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100</v>
      </c>
      <c r="I51" s="9" t="s">
        <v>53</v>
      </c>
      <c r="J51" s="9" t="s">
        <v>47</v>
      </c>
      <c r="K51" s="6">
        <v>56376</v>
      </c>
      <c r="L51" s="6">
        <v>1437</v>
      </c>
      <c r="M51" s="6">
        <v>1417</v>
      </c>
      <c r="N51" s="6">
        <v>840</v>
      </c>
      <c r="O51" s="6">
        <v>301</v>
      </c>
      <c r="P51" s="6">
        <v>1</v>
      </c>
      <c r="Q51" s="6">
        <v>275</v>
      </c>
      <c r="R51" s="6">
        <v>20</v>
      </c>
      <c r="S51" s="6">
        <v>53742</v>
      </c>
      <c r="T51" s="6">
        <v>1629</v>
      </c>
      <c r="U51" s="6">
        <v>4</v>
      </c>
      <c r="V51" s="6">
        <v>52109</v>
      </c>
      <c r="W51" s="6">
        <v>1197</v>
      </c>
      <c r="X51" s="6">
        <v>395</v>
      </c>
      <c r="Y51" s="6">
        <v>263</v>
      </c>
      <c r="Z51" s="6">
        <v>65</v>
      </c>
      <c r="AA51" s="6">
        <v>1</v>
      </c>
      <c r="AB51" s="6">
        <v>66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100</v>
      </c>
      <c r="I52" s="9" t="s">
        <v>53</v>
      </c>
      <c r="J52" s="9" t="s">
        <v>48</v>
      </c>
      <c r="K52" s="6">
        <v>163519</v>
      </c>
      <c r="L52" s="6">
        <v>138155</v>
      </c>
      <c r="M52" s="6">
        <v>131346</v>
      </c>
      <c r="N52" s="6">
        <v>123829</v>
      </c>
      <c r="O52" s="6">
        <v>3753</v>
      </c>
      <c r="P52" s="6">
        <v>77</v>
      </c>
      <c r="Q52" s="6">
        <v>3687</v>
      </c>
      <c r="R52" s="6">
        <v>6809</v>
      </c>
      <c r="S52" s="6">
        <v>18503</v>
      </c>
      <c r="T52" s="6">
        <v>5424</v>
      </c>
      <c r="U52" s="6">
        <v>144</v>
      </c>
      <c r="V52" s="6">
        <v>12935</v>
      </c>
      <c r="W52" s="6">
        <v>6861</v>
      </c>
      <c r="X52" s="6">
        <v>112024</v>
      </c>
      <c r="Y52" s="6">
        <v>107406</v>
      </c>
      <c r="Z52" s="6">
        <v>2372</v>
      </c>
      <c r="AA52" s="6">
        <v>66</v>
      </c>
      <c r="AB52" s="6">
        <v>2180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100</v>
      </c>
      <c r="I53" s="9" t="s">
        <v>53</v>
      </c>
      <c r="J53" s="9" t="s">
        <v>49</v>
      </c>
      <c r="K53" s="6">
        <v>1410711</v>
      </c>
      <c r="L53" s="6">
        <v>282952</v>
      </c>
      <c r="M53" s="6">
        <v>272828</v>
      </c>
      <c r="N53" s="6">
        <v>205535</v>
      </c>
      <c r="O53" s="6">
        <v>42343</v>
      </c>
      <c r="P53" s="6">
        <v>113</v>
      </c>
      <c r="Q53" s="6">
        <v>24837</v>
      </c>
      <c r="R53" s="6">
        <v>10124</v>
      </c>
      <c r="S53" s="6">
        <v>1064517</v>
      </c>
      <c r="T53" s="6">
        <v>121989</v>
      </c>
      <c r="U53" s="6">
        <v>224</v>
      </c>
      <c r="V53" s="6">
        <v>942304</v>
      </c>
      <c r="W53" s="6">
        <v>63242</v>
      </c>
      <c r="X53" s="6">
        <v>153138</v>
      </c>
      <c r="Y53" s="6">
        <v>124453</v>
      </c>
      <c r="Z53" s="6">
        <v>19938</v>
      </c>
      <c r="AA53" s="6">
        <v>62</v>
      </c>
      <c r="AB53" s="6">
        <v>8685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100</v>
      </c>
      <c r="I54" s="9" t="s">
        <v>53</v>
      </c>
      <c r="J54" s="9" t="s">
        <v>50</v>
      </c>
      <c r="K54" s="6">
        <v>1055761</v>
      </c>
      <c r="L54" s="6">
        <v>123573</v>
      </c>
      <c r="M54" s="6">
        <v>120723</v>
      </c>
      <c r="N54" s="6">
        <v>82665</v>
      </c>
      <c r="O54" s="6">
        <v>23580</v>
      </c>
      <c r="P54" s="6">
        <v>70</v>
      </c>
      <c r="Q54" s="6">
        <v>14408</v>
      </c>
      <c r="R54" s="6">
        <v>2850</v>
      </c>
      <c r="S54" s="6">
        <v>884497</v>
      </c>
      <c r="T54" s="6">
        <v>87949</v>
      </c>
      <c r="U54" s="6">
        <v>170</v>
      </c>
      <c r="V54" s="6">
        <v>796378</v>
      </c>
      <c r="W54" s="6">
        <v>47691</v>
      </c>
      <c r="X54" s="6">
        <v>50034</v>
      </c>
      <c r="Y54" s="6">
        <v>37446</v>
      </c>
      <c r="Z54" s="6">
        <v>8617</v>
      </c>
      <c r="AA54" s="6">
        <v>30</v>
      </c>
      <c r="AB54" s="6">
        <v>3941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100</v>
      </c>
      <c r="I55" s="9" t="s">
        <v>53</v>
      </c>
      <c r="J55" s="9" t="s">
        <v>51</v>
      </c>
      <c r="K55" s="6">
        <v>513001</v>
      </c>
      <c r="L55" s="6">
        <v>30757</v>
      </c>
      <c r="M55" s="6">
        <v>30301</v>
      </c>
      <c r="N55" s="6">
        <v>19456</v>
      </c>
      <c r="O55" s="6">
        <v>6339</v>
      </c>
      <c r="P55" s="6">
        <v>27</v>
      </c>
      <c r="Q55" s="6">
        <v>4479</v>
      </c>
      <c r="R55" s="6">
        <v>456</v>
      </c>
      <c r="S55" s="6">
        <v>464746</v>
      </c>
      <c r="T55" s="6">
        <v>31549</v>
      </c>
      <c r="U55" s="6">
        <v>80</v>
      </c>
      <c r="V55" s="6">
        <v>433117</v>
      </c>
      <c r="W55" s="6">
        <v>17498</v>
      </c>
      <c r="X55" s="6">
        <v>8438</v>
      </c>
      <c r="Y55" s="6">
        <v>6025</v>
      </c>
      <c r="Z55" s="6">
        <v>1480</v>
      </c>
      <c r="AA55" s="6">
        <v>7</v>
      </c>
      <c r="AB55" s="6">
        <v>926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100</v>
      </c>
      <c r="I56" s="9" t="s">
        <v>53</v>
      </c>
      <c r="J56" s="9" t="s">
        <v>52</v>
      </c>
      <c r="K56" s="6">
        <v>293716</v>
      </c>
      <c r="L56" s="6">
        <v>210997</v>
      </c>
      <c r="M56" s="6">
        <v>200245</v>
      </c>
      <c r="N56" s="6">
        <v>181870</v>
      </c>
      <c r="O56" s="6">
        <v>10674</v>
      </c>
      <c r="P56" s="6">
        <v>92</v>
      </c>
      <c r="Q56" s="6">
        <v>7609</v>
      </c>
      <c r="R56" s="6">
        <v>10752</v>
      </c>
      <c r="S56" s="6">
        <v>70945</v>
      </c>
      <c r="T56" s="6">
        <v>17035</v>
      </c>
      <c r="U56" s="6">
        <v>120</v>
      </c>
      <c r="V56" s="6">
        <v>53790</v>
      </c>
      <c r="W56" s="6">
        <v>11774</v>
      </c>
      <c r="X56" s="6">
        <v>161987</v>
      </c>
      <c r="Y56" s="6">
        <v>151030</v>
      </c>
      <c r="Z56" s="6">
        <v>6801</v>
      </c>
      <c r="AA56" s="6">
        <v>77</v>
      </c>
      <c r="AB56" s="6">
        <v>4079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100</v>
      </c>
      <c r="I57" s="9" t="s">
        <v>54</v>
      </c>
      <c r="J57" s="9" t="s">
        <v>30</v>
      </c>
      <c r="K57" s="6">
        <v>7508978</v>
      </c>
      <c r="L57" s="6">
        <v>1145008</v>
      </c>
      <c r="M57" s="6">
        <v>1117256</v>
      </c>
      <c r="N57" s="6">
        <v>655682</v>
      </c>
      <c r="O57" s="6">
        <v>418136</v>
      </c>
      <c r="P57" s="6">
        <v>512</v>
      </c>
      <c r="Q57" s="6">
        <v>42926</v>
      </c>
      <c r="R57" s="6">
        <v>27752</v>
      </c>
      <c r="S57" s="6">
        <v>6067230</v>
      </c>
      <c r="T57" s="6">
        <v>2157474</v>
      </c>
      <c r="U57" s="6">
        <v>2009</v>
      </c>
      <c r="V57" s="6">
        <v>3907747</v>
      </c>
      <c r="W57" s="6">
        <v>296740</v>
      </c>
      <c r="X57" s="6">
        <v>812306</v>
      </c>
      <c r="Y57" s="6">
        <v>515666</v>
      </c>
      <c r="Z57" s="6">
        <v>272109</v>
      </c>
      <c r="AA57" s="6">
        <v>342</v>
      </c>
      <c r="AB57" s="6">
        <v>24189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100</v>
      </c>
      <c r="I58" s="9" t="s">
        <v>54</v>
      </c>
      <c r="J58" s="9" t="s">
        <v>31</v>
      </c>
      <c r="K58" s="6">
        <v>220</v>
      </c>
      <c r="L58" s="6">
        <v>56</v>
      </c>
      <c r="M58" s="6">
        <v>53</v>
      </c>
      <c r="N58" s="6">
        <v>23</v>
      </c>
      <c r="O58" s="6">
        <v>13</v>
      </c>
      <c r="P58" s="6">
        <v>14</v>
      </c>
      <c r="Q58" s="6">
        <v>3</v>
      </c>
      <c r="R58" s="6">
        <v>3</v>
      </c>
      <c r="S58" s="6">
        <v>125</v>
      </c>
      <c r="T58" s="6">
        <v>65</v>
      </c>
      <c r="U58" s="6">
        <v>39</v>
      </c>
      <c r="V58" s="6">
        <v>21</v>
      </c>
      <c r="W58" s="6">
        <v>39</v>
      </c>
      <c r="X58" s="6">
        <v>36</v>
      </c>
      <c r="Y58" s="6">
        <v>18</v>
      </c>
      <c r="Z58" s="6">
        <v>4</v>
      </c>
      <c r="AA58" s="6">
        <v>13</v>
      </c>
      <c r="AB58" s="6">
        <v>1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100</v>
      </c>
      <c r="I59" s="9" t="s">
        <v>54</v>
      </c>
      <c r="J59" s="9" t="s">
        <v>32</v>
      </c>
      <c r="K59" s="6">
        <v>874</v>
      </c>
      <c r="L59" s="6">
        <v>282</v>
      </c>
      <c r="M59" s="6">
        <v>259</v>
      </c>
      <c r="N59" s="6">
        <v>177</v>
      </c>
      <c r="O59" s="6">
        <v>50</v>
      </c>
      <c r="P59" s="6">
        <v>11</v>
      </c>
      <c r="Q59" s="6">
        <v>21</v>
      </c>
      <c r="R59" s="6">
        <v>23</v>
      </c>
      <c r="S59" s="6">
        <v>439</v>
      </c>
      <c r="T59" s="6">
        <v>271</v>
      </c>
      <c r="U59" s="6">
        <v>30</v>
      </c>
      <c r="V59" s="6">
        <v>138</v>
      </c>
      <c r="W59" s="6">
        <v>153</v>
      </c>
      <c r="X59" s="6">
        <v>200</v>
      </c>
      <c r="Y59" s="6">
        <v>156</v>
      </c>
      <c r="Z59" s="6">
        <v>22</v>
      </c>
      <c r="AA59" s="6">
        <v>10</v>
      </c>
      <c r="AB59" s="6">
        <v>12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100</v>
      </c>
      <c r="I60" s="9" t="s">
        <v>54</v>
      </c>
      <c r="J60" s="9" t="s">
        <v>33</v>
      </c>
      <c r="K60" s="6">
        <v>1335</v>
      </c>
      <c r="L60" s="6">
        <v>793</v>
      </c>
      <c r="M60" s="6">
        <v>742</v>
      </c>
      <c r="N60" s="6">
        <v>599</v>
      </c>
      <c r="O60" s="6">
        <v>96</v>
      </c>
      <c r="P60" s="6">
        <v>5</v>
      </c>
      <c r="Q60" s="6">
        <v>42</v>
      </c>
      <c r="R60" s="6">
        <v>51</v>
      </c>
      <c r="S60" s="6">
        <v>401</v>
      </c>
      <c r="T60" s="6">
        <v>247</v>
      </c>
      <c r="U60" s="6">
        <v>7</v>
      </c>
      <c r="V60" s="6">
        <v>147</v>
      </c>
      <c r="W60" s="6">
        <v>141</v>
      </c>
      <c r="X60" s="6">
        <v>666</v>
      </c>
      <c r="Y60" s="6">
        <v>560</v>
      </c>
      <c r="Z60" s="6">
        <v>66</v>
      </c>
      <c r="AA60" s="6">
        <v>5</v>
      </c>
      <c r="AB60" s="6">
        <v>35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100</v>
      </c>
      <c r="I61" s="9" t="s">
        <v>54</v>
      </c>
      <c r="J61" s="9" t="s">
        <v>34</v>
      </c>
      <c r="K61" s="6">
        <v>3157</v>
      </c>
      <c r="L61" s="6">
        <v>2457</v>
      </c>
      <c r="M61" s="6">
        <v>2296</v>
      </c>
      <c r="N61" s="6">
        <v>1920</v>
      </c>
      <c r="O61" s="6">
        <v>267</v>
      </c>
      <c r="P61" s="6">
        <v>13</v>
      </c>
      <c r="Q61" s="6">
        <v>96</v>
      </c>
      <c r="R61" s="6">
        <v>161</v>
      </c>
      <c r="S61" s="6">
        <v>529</v>
      </c>
      <c r="T61" s="6">
        <v>397</v>
      </c>
      <c r="U61" s="6">
        <v>28</v>
      </c>
      <c r="V61" s="6">
        <v>104</v>
      </c>
      <c r="W61" s="6">
        <v>171</v>
      </c>
      <c r="X61" s="6">
        <v>2143</v>
      </c>
      <c r="Y61" s="6">
        <v>1814</v>
      </c>
      <c r="Z61" s="6">
        <v>227</v>
      </c>
      <c r="AA61" s="6">
        <v>13</v>
      </c>
      <c r="AB61" s="6">
        <v>89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100</v>
      </c>
      <c r="I62" s="9" t="s">
        <v>54</v>
      </c>
      <c r="J62" s="9" t="s">
        <v>35</v>
      </c>
      <c r="K62" s="6">
        <v>8218</v>
      </c>
      <c r="L62" s="6">
        <v>6699</v>
      </c>
      <c r="M62" s="6">
        <v>6321</v>
      </c>
      <c r="N62" s="6">
        <v>5263</v>
      </c>
      <c r="O62" s="6">
        <v>866</v>
      </c>
      <c r="P62" s="6">
        <v>17</v>
      </c>
      <c r="Q62" s="6">
        <v>175</v>
      </c>
      <c r="R62" s="6">
        <v>378</v>
      </c>
      <c r="S62" s="6">
        <v>1176</v>
      </c>
      <c r="T62" s="6">
        <v>967</v>
      </c>
      <c r="U62" s="6">
        <v>39</v>
      </c>
      <c r="V62" s="6">
        <v>170</v>
      </c>
      <c r="W62" s="6">
        <v>343</v>
      </c>
      <c r="X62" s="6">
        <v>5900</v>
      </c>
      <c r="Y62" s="6">
        <v>4975</v>
      </c>
      <c r="Z62" s="6">
        <v>754</v>
      </c>
      <c r="AA62" s="6">
        <v>16</v>
      </c>
      <c r="AB62" s="6">
        <v>155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100</v>
      </c>
      <c r="I63" s="9" t="s">
        <v>54</v>
      </c>
      <c r="J63" s="9" t="s">
        <v>36</v>
      </c>
      <c r="K63" s="6">
        <v>19259</v>
      </c>
      <c r="L63" s="6">
        <v>15757</v>
      </c>
      <c r="M63" s="6">
        <v>15006</v>
      </c>
      <c r="N63" s="6">
        <v>12400</v>
      </c>
      <c r="O63" s="6">
        <v>2240</v>
      </c>
      <c r="P63" s="6">
        <v>25</v>
      </c>
      <c r="Q63" s="6">
        <v>341</v>
      </c>
      <c r="R63" s="6">
        <v>751</v>
      </c>
      <c r="S63" s="6">
        <v>2891</v>
      </c>
      <c r="T63" s="6">
        <v>2307</v>
      </c>
      <c r="U63" s="6">
        <v>46</v>
      </c>
      <c r="V63" s="6">
        <v>538</v>
      </c>
      <c r="W63" s="6">
        <v>611</v>
      </c>
      <c r="X63" s="6">
        <v>13989</v>
      </c>
      <c r="Y63" s="6">
        <v>11671</v>
      </c>
      <c r="Z63" s="6">
        <v>2000</v>
      </c>
      <c r="AA63" s="6">
        <v>22</v>
      </c>
      <c r="AB63" s="6">
        <v>296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100</v>
      </c>
      <c r="I64" s="9" t="s">
        <v>54</v>
      </c>
      <c r="J64" s="9" t="s">
        <v>37</v>
      </c>
      <c r="K64" s="6">
        <v>44978</v>
      </c>
      <c r="L64" s="6">
        <v>35837</v>
      </c>
      <c r="M64" s="6">
        <v>33983</v>
      </c>
      <c r="N64" s="6">
        <v>27895</v>
      </c>
      <c r="O64" s="6">
        <v>5378</v>
      </c>
      <c r="P64" s="6">
        <v>33</v>
      </c>
      <c r="Q64" s="6">
        <v>677</v>
      </c>
      <c r="R64" s="6">
        <v>1854</v>
      </c>
      <c r="S64" s="6">
        <v>7680</v>
      </c>
      <c r="T64" s="6">
        <v>6060</v>
      </c>
      <c r="U64" s="6">
        <v>53</v>
      </c>
      <c r="V64" s="6">
        <v>1567</v>
      </c>
      <c r="W64" s="6">
        <v>1461</v>
      </c>
      <c r="X64" s="6">
        <v>31615</v>
      </c>
      <c r="Y64" s="6">
        <v>26280</v>
      </c>
      <c r="Z64" s="6">
        <v>4746</v>
      </c>
      <c r="AA64" s="6">
        <v>30</v>
      </c>
      <c r="AB64" s="6">
        <v>559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100</v>
      </c>
      <c r="I65" s="9" t="s">
        <v>54</v>
      </c>
      <c r="J65" s="9" t="s">
        <v>38</v>
      </c>
      <c r="K65" s="6">
        <v>78587</v>
      </c>
      <c r="L65" s="6">
        <v>61522</v>
      </c>
      <c r="M65" s="6">
        <v>58506</v>
      </c>
      <c r="N65" s="6">
        <v>47188</v>
      </c>
      <c r="O65" s="6">
        <v>10036</v>
      </c>
      <c r="P65" s="6">
        <v>32</v>
      </c>
      <c r="Q65" s="6">
        <v>1250</v>
      </c>
      <c r="R65" s="6">
        <v>3016</v>
      </c>
      <c r="S65" s="6">
        <v>14741</v>
      </c>
      <c r="T65" s="6">
        <v>11686</v>
      </c>
      <c r="U65" s="6">
        <v>46</v>
      </c>
      <c r="V65" s="6">
        <v>3009</v>
      </c>
      <c r="W65" s="6">
        <v>2324</v>
      </c>
      <c r="X65" s="6">
        <v>54190</v>
      </c>
      <c r="Y65" s="6">
        <v>44279</v>
      </c>
      <c r="Z65" s="6">
        <v>8863</v>
      </c>
      <c r="AA65" s="6">
        <v>24</v>
      </c>
      <c r="AB65" s="6">
        <v>1024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100</v>
      </c>
      <c r="I66" s="9" t="s">
        <v>54</v>
      </c>
      <c r="J66" s="9" t="s">
        <v>39</v>
      </c>
      <c r="K66" s="6">
        <v>140838</v>
      </c>
      <c r="L66" s="6">
        <v>104858</v>
      </c>
      <c r="M66" s="6">
        <v>100449</v>
      </c>
      <c r="N66" s="6">
        <v>78359</v>
      </c>
      <c r="O66" s="6">
        <v>19774</v>
      </c>
      <c r="P66" s="6">
        <v>22</v>
      </c>
      <c r="Q66" s="6">
        <v>2294</v>
      </c>
      <c r="R66" s="6">
        <v>4409</v>
      </c>
      <c r="S66" s="6">
        <v>32601</v>
      </c>
      <c r="T66" s="6">
        <v>26491</v>
      </c>
      <c r="U66" s="6">
        <v>47</v>
      </c>
      <c r="V66" s="6">
        <v>6063</v>
      </c>
      <c r="W66" s="6">
        <v>3379</v>
      </c>
      <c r="X66" s="6">
        <v>91935</v>
      </c>
      <c r="Y66" s="6">
        <v>72839</v>
      </c>
      <c r="Z66" s="6">
        <v>17202</v>
      </c>
      <c r="AA66" s="6">
        <v>18</v>
      </c>
      <c r="AB66" s="6">
        <v>1876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100</v>
      </c>
      <c r="I67" s="9" t="s">
        <v>54</v>
      </c>
      <c r="J67" s="9" t="s">
        <v>40</v>
      </c>
      <c r="K67" s="6">
        <v>245766</v>
      </c>
      <c r="L67" s="6">
        <v>154793</v>
      </c>
      <c r="M67" s="6">
        <v>149200</v>
      </c>
      <c r="N67" s="6">
        <v>106026</v>
      </c>
      <c r="O67" s="6">
        <v>39377</v>
      </c>
      <c r="P67" s="6">
        <v>44</v>
      </c>
      <c r="Q67" s="6">
        <v>3753</v>
      </c>
      <c r="R67" s="6">
        <v>5593</v>
      </c>
      <c r="S67" s="6">
        <v>86009</v>
      </c>
      <c r="T67" s="6">
        <v>67526</v>
      </c>
      <c r="U67" s="6">
        <v>46</v>
      </c>
      <c r="V67" s="6">
        <v>18437</v>
      </c>
      <c r="W67" s="6">
        <v>4964</v>
      </c>
      <c r="X67" s="6">
        <v>133029</v>
      </c>
      <c r="Y67" s="6">
        <v>96257</v>
      </c>
      <c r="Z67" s="6">
        <v>33685</v>
      </c>
      <c r="AA67" s="6">
        <v>37</v>
      </c>
      <c r="AB67" s="6">
        <v>3050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100</v>
      </c>
      <c r="I68" s="9" t="s">
        <v>54</v>
      </c>
      <c r="J68" s="9" t="s">
        <v>41</v>
      </c>
      <c r="K68" s="6">
        <v>478912</v>
      </c>
      <c r="L68" s="6">
        <v>205195</v>
      </c>
      <c r="M68" s="6">
        <v>200548</v>
      </c>
      <c r="N68" s="6">
        <v>119330</v>
      </c>
      <c r="O68" s="6">
        <v>74695</v>
      </c>
      <c r="P68" s="6">
        <v>47</v>
      </c>
      <c r="Q68" s="6">
        <v>6476</v>
      </c>
      <c r="R68" s="6">
        <v>4647</v>
      </c>
      <c r="S68" s="6">
        <v>260254</v>
      </c>
      <c r="T68" s="6">
        <v>176222</v>
      </c>
      <c r="U68" s="6">
        <v>72</v>
      </c>
      <c r="V68" s="6">
        <v>83960</v>
      </c>
      <c r="W68" s="6">
        <v>13463</v>
      </c>
      <c r="X68" s="6">
        <v>167694</v>
      </c>
      <c r="Y68" s="6">
        <v>101383</v>
      </c>
      <c r="Z68" s="6">
        <v>61306</v>
      </c>
      <c r="AA68" s="6">
        <v>37</v>
      </c>
      <c r="AB68" s="6">
        <v>4968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100</v>
      </c>
      <c r="I69" s="9" t="s">
        <v>54</v>
      </c>
      <c r="J69" s="9" t="s">
        <v>42</v>
      </c>
      <c r="K69" s="6">
        <v>894085</v>
      </c>
      <c r="L69" s="6">
        <v>235928</v>
      </c>
      <c r="M69" s="6">
        <v>232531</v>
      </c>
      <c r="N69" s="6">
        <v>121840</v>
      </c>
      <c r="O69" s="6">
        <v>101699</v>
      </c>
      <c r="P69" s="6">
        <v>63</v>
      </c>
      <c r="Q69" s="6">
        <v>8929</v>
      </c>
      <c r="R69" s="6">
        <v>3397</v>
      </c>
      <c r="S69" s="6">
        <v>619900</v>
      </c>
      <c r="T69" s="6">
        <v>368839</v>
      </c>
      <c r="U69" s="6">
        <v>173</v>
      </c>
      <c r="V69" s="6">
        <v>250888</v>
      </c>
      <c r="W69" s="6">
        <v>38257</v>
      </c>
      <c r="X69" s="6">
        <v>171420</v>
      </c>
      <c r="Y69" s="6">
        <v>91257</v>
      </c>
      <c r="Z69" s="6">
        <v>74191</v>
      </c>
      <c r="AA69" s="6">
        <v>49</v>
      </c>
      <c r="AB69" s="6">
        <v>5923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100</v>
      </c>
      <c r="I70" s="9" t="s">
        <v>54</v>
      </c>
      <c r="J70" s="9" t="s">
        <v>43</v>
      </c>
      <c r="K70" s="6">
        <v>1199867</v>
      </c>
      <c r="L70" s="6">
        <v>155062</v>
      </c>
      <c r="M70" s="6">
        <v>153346</v>
      </c>
      <c r="N70" s="6">
        <v>71516</v>
      </c>
      <c r="O70" s="6">
        <v>74567</v>
      </c>
      <c r="P70" s="6">
        <v>57</v>
      </c>
      <c r="Q70" s="6">
        <v>7206</v>
      </c>
      <c r="R70" s="6">
        <v>1716</v>
      </c>
      <c r="S70" s="6">
        <v>976693</v>
      </c>
      <c r="T70" s="6">
        <v>485518</v>
      </c>
      <c r="U70" s="6">
        <v>290</v>
      </c>
      <c r="V70" s="6">
        <v>490885</v>
      </c>
      <c r="W70" s="6">
        <v>68112</v>
      </c>
      <c r="X70" s="6">
        <v>86861</v>
      </c>
      <c r="Y70" s="6">
        <v>41714</v>
      </c>
      <c r="Z70" s="6">
        <v>41746</v>
      </c>
      <c r="AA70" s="6">
        <v>26</v>
      </c>
      <c r="AB70" s="6">
        <v>3375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100</v>
      </c>
      <c r="I71" s="9" t="s">
        <v>54</v>
      </c>
      <c r="J71" s="9" t="s">
        <v>44</v>
      </c>
      <c r="K71" s="6">
        <v>1478057</v>
      </c>
      <c r="L71" s="6">
        <v>94108</v>
      </c>
      <c r="M71" s="6">
        <v>93191</v>
      </c>
      <c r="N71" s="6">
        <v>38183</v>
      </c>
      <c r="O71" s="6">
        <v>49586</v>
      </c>
      <c r="P71" s="6">
        <v>68</v>
      </c>
      <c r="Q71" s="6">
        <v>5354</v>
      </c>
      <c r="R71" s="6">
        <v>917</v>
      </c>
      <c r="S71" s="6">
        <v>1307659</v>
      </c>
      <c r="T71" s="6">
        <v>499559</v>
      </c>
      <c r="U71" s="6">
        <v>346</v>
      </c>
      <c r="V71" s="6">
        <v>807754</v>
      </c>
      <c r="W71" s="6">
        <v>76290</v>
      </c>
      <c r="X71" s="6">
        <v>34228</v>
      </c>
      <c r="Y71" s="6">
        <v>15141</v>
      </c>
      <c r="Z71" s="6">
        <v>17490</v>
      </c>
      <c r="AA71" s="6">
        <v>26</v>
      </c>
      <c r="AB71" s="6">
        <v>1571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100</v>
      </c>
      <c r="I72" s="9" t="s">
        <v>54</v>
      </c>
      <c r="J72" s="9" t="s">
        <v>45</v>
      </c>
      <c r="K72" s="6">
        <v>1532922</v>
      </c>
      <c r="L72" s="6">
        <v>51204</v>
      </c>
      <c r="M72" s="6">
        <v>50688</v>
      </c>
      <c r="N72" s="6">
        <v>18212</v>
      </c>
      <c r="O72" s="6">
        <v>28678</v>
      </c>
      <c r="P72" s="6">
        <v>40</v>
      </c>
      <c r="Q72" s="6">
        <v>3758</v>
      </c>
      <c r="R72" s="6">
        <v>516</v>
      </c>
      <c r="S72" s="6">
        <v>1425429</v>
      </c>
      <c r="T72" s="6">
        <v>364226</v>
      </c>
      <c r="U72" s="6">
        <v>387</v>
      </c>
      <c r="V72" s="6">
        <v>1060816</v>
      </c>
      <c r="W72" s="6">
        <v>56289</v>
      </c>
      <c r="X72" s="6">
        <v>13709</v>
      </c>
      <c r="Y72" s="6">
        <v>5473</v>
      </c>
      <c r="Z72" s="6">
        <v>7411</v>
      </c>
      <c r="AA72" s="6">
        <v>12</v>
      </c>
      <c r="AB72" s="6">
        <v>813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100</v>
      </c>
      <c r="I73" s="9" t="s">
        <v>54</v>
      </c>
      <c r="J73" s="9" t="s">
        <v>46</v>
      </c>
      <c r="K73" s="6">
        <v>990040</v>
      </c>
      <c r="L73" s="6">
        <v>17586</v>
      </c>
      <c r="M73" s="6">
        <v>17314</v>
      </c>
      <c r="N73" s="6">
        <v>5746</v>
      </c>
      <c r="O73" s="6">
        <v>9481</v>
      </c>
      <c r="P73" s="6">
        <v>19</v>
      </c>
      <c r="Q73" s="6">
        <v>2068</v>
      </c>
      <c r="R73" s="6">
        <v>272</v>
      </c>
      <c r="S73" s="6">
        <v>948503</v>
      </c>
      <c r="T73" s="6">
        <v>126305</v>
      </c>
      <c r="U73" s="6">
        <v>293</v>
      </c>
      <c r="V73" s="6">
        <v>821905</v>
      </c>
      <c r="W73" s="6">
        <v>23951</v>
      </c>
      <c r="X73" s="6">
        <v>4063</v>
      </c>
      <c r="Y73" s="6">
        <v>1558</v>
      </c>
      <c r="Z73" s="6">
        <v>2131</v>
      </c>
      <c r="AA73" s="6">
        <v>4</v>
      </c>
      <c r="AB73" s="6">
        <v>370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100</v>
      </c>
      <c r="I74" s="9" t="s">
        <v>54</v>
      </c>
      <c r="J74" s="9" t="s">
        <v>47</v>
      </c>
      <c r="K74" s="6">
        <v>391863</v>
      </c>
      <c r="L74" s="6">
        <v>2871</v>
      </c>
      <c r="M74" s="6">
        <v>2823</v>
      </c>
      <c r="N74" s="6">
        <v>1005</v>
      </c>
      <c r="O74" s="6">
        <v>1333</v>
      </c>
      <c r="P74" s="6">
        <v>2</v>
      </c>
      <c r="Q74" s="6">
        <v>483</v>
      </c>
      <c r="R74" s="6">
        <v>48</v>
      </c>
      <c r="S74" s="6">
        <v>382200</v>
      </c>
      <c r="T74" s="6">
        <v>20788</v>
      </c>
      <c r="U74" s="6">
        <v>67</v>
      </c>
      <c r="V74" s="6">
        <v>361345</v>
      </c>
      <c r="W74" s="6">
        <v>6792</v>
      </c>
      <c r="X74" s="6">
        <v>628</v>
      </c>
      <c r="Y74" s="6">
        <v>291</v>
      </c>
      <c r="Z74" s="6">
        <v>265</v>
      </c>
      <c r="AA74" s="10" t="s">
        <v>55</v>
      </c>
      <c r="AB74" s="6">
        <v>72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100</v>
      </c>
      <c r="I75" s="9" t="s">
        <v>54</v>
      </c>
      <c r="J75" s="9" t="s">
        <v>48</v>
      </c>
      <c r="K75" s="6">
        <v>543232</v>
      </c>
      <c r="L75" s="6">
        <v>383054</v>
      </c>
      <c r="M75" s="6">
        <v>366815</v>
      </c>
      <c r="N75" s="6">
        <v>279850</v>
      </c>
      <c r="O75" s="6">
        <v>78097</v>
      </c>
      <c r="P75" s="6">
        <v>216</v>
      </c>
      <c r="Q75" s="6">
        <v>8652</v>
      </c>
      <c r="R75" s="6">
        <v>16239</v>
      </c>
      <c r="S75" s="6">
        <v>146592</v>
      </c>
      <c r="T75" s="6">
        <v>116017</v>
      </c>
      <c r="U75" s="6">
        <v>381</v>
      </c>
      <c r="V75" s="6">
        <v>30194</v>
      </c>
      <c r="W75" s="6">
        <v>13586</v>
      </c>
      <c r="X75" s="6">
        <v>333703</v>
      </c>
      <c r="Y75" s="6">
        <v>258849</v>
      </c>
      <c r="Z75" s="6">
        <v>67569</v>
      </c>
      <c r="AA75" s="6">
        <v>188</v>
      </c>
      <c r="AB75" s="6">
        <v>7097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100</v>
      </c>
      <c r="I76" s="9" t="s">
        <v>54</v>
      </c>
      <c r="J76" s="9" t="s">
        <v>49</v>
      </c>
      <c r="K76" s="6">
        <v>6965746</v>
      </c>
      <c r="L76" s="6">
        <v>761954</v>
      </c>
      <c r="M76" s="6">
        <v>750441</v>
      </c>
      <c r="N76" s="6">
        <v>375832</v>
      </c>
      <c r="O76" s="6">
        <v>340039</v>
      </c>
      <c r="P76" s="6">
        <v>296</v>
      </c>
      <c r="Q76" s="6">
        <v>34274</v>
      </c>
      <c r="R76" s="6">
        <v>11513</v>
      </c>
      <c r="S76" s="6">
        <v>5920638</v>
      </c>
      <c r="T76" s="6">
        <v>2041457</v>
      </c>
      <c r="U76" s="6">
        <v>1628</v>
      </c>
      <c r="V76" s="6">
        <v>3877553</v>
      </c>
      <c r="W76" s="6">
        <v>283154</v>
      </c>
      <c r="X76" s="6">
        <v>478603</v>
      </c>
      <c r="Y76" s="6">
        <v>256817</v>
      </c>
      <c r="Z76" s="6">
        <v>204540</v>
      </c>
      <c r="AA76" s="6">
        <v>154</v>
      </c>
      <c r="AB76" s="6">
        <v>17092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100</v>
      </c>
      <c r="I77" s="9" t="s">
        <v>54</v>
      </c>
      <c r="J77" s="9" t="s">
        <v>50</v>
      </c>
      <c r="K77" s="6">
        <v>5592749</v>
      </c>
      <c r="L77" s="6">
        <v>320831</v>
      </c>
      <c r="M77" s="6">
        <v>317362</v>
      </c>
      <c r="N77" s="6">
        <v>134662</v>
      </c>
      <c r="O77" s="6">
        <v>163645</v>
      </c>
      <c r="P77" s="6">
        <v>186</v>
      </c>
      <c r="Q77" s="6">
        <v>18869</v>
      </c>
      <c r="R77" s="6">
        <v>3469</v>
      </c>
      <c r="S77" s="6">
        <v>5040484</v>
      </c>
      <c r="T77" s="6">
        <v>1496396</v>
      </c>
      <c r="U77" s="6">
        <v>1383</v>
      </c>
      <c r="V77" s="6">
        <v>3542705</v>
      </c>
      <c r="W77" s="6">
        <v>231434</v>
      </c>
      <c r="X77" s="6">
        <v>139489</v>
      </c>
      <c r="Y77" s="6">
        <v>64177</v>
      </c>
      <c r="Z77" s="6">
        <v>69043</v>
      </c>
      <c r="AA77" s="6">
        <v>68</v>
      </c>
      <c r="AB77" s="6">
        <v>6201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100</v>
      </c>
      <c r="I78" s="9" t="s">
        <v>54</v>
      </c>
      <c r="J78" s="9" t="s">
        <v>51</v>
      </c>
      <c r="K78" s="6">
        <v>2914825</v>
      </c>
      <c r="L78" s="6">
        <v>71661</v>
      </c>
      <c r="M78" s="6">
        <v>70825</v>
      </c>
      <c r="N78" s="6">
        <v>24963</v>
      </c>
      <c r="O78" s="6">
        <v>39492</v>
      </c>
      <c r="P78" s="6">
        <v>61</v>
      </c>
      <c r="Q78" s="6">
        <v>6309</v>
      </c>
      <c r="R78" s="6">
        <v>836</v>
      </c>
      <c r="S78" s="6">
        <v>2756132</v>
      </c>
      <c r="T78" s="6">
        <v>511319</v>
      </c>
      <c r="U78" s="6">
        <v>747</v>
      </c>
      <c r="V78" s="6">
        <v>2244066</v>
      </c>
      <c r="W78" s="6">
        <v>87032</v>
      </c>
      <c r="X78" s="6">
        <v>18400</v>
      </c>
      <c r="Y78" s="6">
        <v>7322</v>
      </c>
      <c r="Z78" s="6">
        <v>9807</v>
      </c>
      <c r="AA78" s="6">
        <v>16</v>
      </c>
      <c r="AB78" s="6">
        <v>1255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100</v>
      </c>
      <c r="I79" s="9" t="s">
        <v>54</v>
      </c>
      <c r="J79" s="9" t="s">
        <v>52</v>
      </c>
      <c r="K79" s="6">
        <v>1021924</v>
      </c>
      <c r="L79" s="6">
        <v>588193</v>
      </c>
      <c r="M79" s="6">
        <v>567310</v>
      </c>
      <c r="N79" s="6">
        <v>399157</v>
      </c>
      <c r="O79" s="6">
        <v>152779</v>
      </c>
      <c r="P79" s="6">
        <v>249</v>
      </c>
      <c r="Q79" s="6">
        <v>15125</v>
      </c>
      <c r="R79" s="6">
        <v>20883</v>
      </c>
      <c r="S79" s="6">
        <v>406721</v>
      </c>
      <c r="T79" s="6">
        <v>292174</v>
      </c>
      <c r="U79" s="6">
        <v>414</v>
      </c>
      <c r="V79" s="6">
        <v>114133</v>
      </c>
      <c r="W79" s="6">
        <v>27010</v>
      </c>
      <c r="X79" s="6">
        <v>501361</v>
      </c>
      <c r="Y79" s="6">
        <v>360214</v>
      </c>
      <c r="Z79" s="6">
        <v>128871</v>
      </c>
      <c r="AA79" s="6">
        <v>212</v>
      </c>
      <c r="AB79" s="6">
        <v>12064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100</v>
      </c>
      <c r="I80" s="9" t="s">
        <v>6</v>
      </c>
      <c r="J80" s="9" t="s">
        <v>30</v>
      </c>
      <c r="K80" s="6">
        <v>144903</v>
      </c>
      <c r="L80" s="6">
        <v>23088</v>
      </c>
      <c r="M80" s="6">
        <v>22427</v>
      </c>
      <c r="N80" s="6">
        <v>15726</v>
      </c>
      <c r="O80" s="6">
        <v>5722</v>
      </c>
      <c r="P80" s="6">
        <v>9</v>
      </c>
      <c r="Q80" s="6">
        <v>970</v>
      </c>
      <c r="R80" s="6">
        <v>661</v>
      </c>
      <c r="S80" s="6">
        <v>117980</v>
      </c>
      <c r="T80" s="6">
        <v>29904</v>
      </c>
      <c r="U80" s="6">
        <v>34</v>
      </c>
      <c r="V80" s="6">
        <v>88042</v>
      </c>
      <c r="W80" s="6">
        <v>3835</v>
      </c>
      <c r="X80" s="6">
        <v>14853</v>
      </c>
      <c r="Y80" s="6">
        <v>11237</v>
      </c>
      <c r="Z80" s="6">
        <v>3124</v>
      </c>
      <c r="AA80" s="6">
        <v>8</v>
      </c>
      <c r="AB80" s="6">
        <v>484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100</v>
      </c>
      <c r="I81" s="9" t="s">
        <v>6</v>
      </c>
      <c r="J81" s="9" t="s">
        <v>31</v>
      </c>
      <c r="K81" s="6">
        <v>7</v>
      </c>
      <c r="L81" s="6">
        <v>3</v>
      </c>
      <c r="M81" s="6">
        <v>3</v>
      </c>
      <c r="N81" s="6">
        <v>1</v>
      </c>
      <c r="O81" s="10" t="s">
        <v>55</v>
      </c>
      <c r="P81" s="6">
        <v>1</v>
      </c>
      <c r="Q81" s="6">
        <v>1</v>
      </c>
      <c r="R81" s="10" t="s">
        <v>55</v>
      </c>
      <c r="S81" s="6">
        <v>3</v>
      </c>
      <c r="T81" s="6">
        <v>1</v>
      </c>
      <c r="U81" s="6">
        <v>1</v>
      </c>
      <c r="V81" s="6">
        <v>1</v>
      </c>
      <c r="W81" s="6">
        <v>1</v>
      </c>
      <c r="X81" s="6">
        <v>3</v>
      </c>
      <c r="Y81" s="6">
        <v>1</v>
      </c>
      <c r="Z81" s="10" t="s">
        <v>55</v>
      </c>
      <c r="AA81" s="6">
        <v>1</v>
      </c>
      <c r="AB81" s="6">
        <v>1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100</v>
      </c>
      <c r="I82" s="9" t="s">
        <v>6</v>
      </c>
      <c r="J82" s="9" t="s">
        <v>32</v>
      </c>
      <c r="K82" s="6">
        <v>26</v>
      </c>
      <c r="L82" s="6">
        <v>14</v>
      </c>
      <c r="M82" s="6">
        <v>14</v>
      </c>
      <c r="N82" s="6">
        <v>11</v>
      </c>
      <c r="O82" s="6">
        <v>1</v>
      </c>
      <c r="P82" s="10" t="s">
        <v>55</v>
      </c>
      <c r="Q82" s="6">
        <v>2</v>
      </c>
      <c r="R82" s="10" t="s">
        <v>55</v>
      </c>
      <c r="S82" s="6">
        <v>10</v>
      </c>
      <c r="T82" s="6">
        <v>3</v>
      </c>
      <c r="U82" s="6">
        <v>2</v>
      </c>
      <c r="V82" s="6">
        <v>5</v>
      </c>
      <c r="W82" s="6">
        <v>2</v>
      </c>
      <c r="X82" s="6">
        <v>10</v>
      </c>
      <c r="Y82" s="6">
        <v>10</v>
      </c>
      <c r="Z82" s="10" t="s">
        <v>55</v>
      </c>
      <c r="AA82" s="10" t="s">
        <v>55</v>
      </c>
      <c r="AB82" s="10" t="s">
        <v>55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100</v>
      </c>
      <c r="I83" s="9" t="s">
        <v>6</v>
      </c>
      <c r="J83" s="9" t="s">
        <v>33</v>
      </c>
      <c r="K83" s="6">
        <v>37</v>
      </c>
      <c r="L83" s="6">
        <v>24</v>
      </c>
      <c r="M83" s="6">
        <v>20</v>
      </c>
      <c r="N83" s="6">
        <v>16</v>
      </c>
      <c r="O83" s="6">
        <v>3</v>
      </c>
      <c r="P83" s="10" t="s">
        <v>55</v>
      </c>
      <c r="Q83" s="6">
        <v>1</v>
      </c>
      <c r="R83" s="6">
        <v>4</v>
      </c>
      <c r="S83" s="6">
        <v>8</v>
      </c>
      <c r="T83" s="6">
        <v>4</v>
      </c>
      <c r="U83" s="10" t="s">
        <v>55</v>
      </c>
      <c r="V83" s="6">
        <v>4</v>
      </c>
      <c r="W83" s="6">
        <v>5</v>
      </c>
      <c r="X83" s="6">
        <v>18</v>
      </c>
      <c r="Y83" s="6">
        <v>16</v>
      </c>
      <c r="Z83" s="6">
        <v>2</v>
      </c>
      <c r="AA83" s="10" t="s">
        <v>55</v>
      </c>
      <c r="AB83" s="10" t="s">
        <v>55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100</v>
      </c>
      <c r="I84" s="9" t="s">
        <v>6</v>
      </c>
      <c r="J84" s="9" t="s">
        <v>34</v>
      </c>
      <c r="K84" s="6">
        <v>81</v>
      </c>
      <c r="L84" s="6">
        <v>71</v>
      </c>
      <c r="M84" s="6">
        <v>63</v>
      </c>
      <c r="N84" s="6">
        <v>56</v>
      </c>
      <c r="O84" s="6">
        <v>3</v>
      </c>
      <c r="P84" s="10" t="s">
        <v>55</v>
      </c>
      <c r="Q84" s="6">
        <v>4</v>
      </c>
      <c r="R84" s="6">
        <v>8</v>
      </c>
      <c r="S84" s="6">
        <v>5</v>
      </c>
      <c r="T84" s="6">
        <v>3</v>
      </c>
      <c r="U84" s="6">
        <v>1</v>
      </c>
      <c r="V84" s="6">
        <v>1</v>
      </c>
      <c r="W84" s="6">
        <v>5</v>
      </c>
      <c r="X84" s="6">
        <v>59</v>
      </c>
      <c r="Y84" s="6">
        <v>52</v>
      </c>
      <c r="Z84" s="6">
        <v>3</v>
      </c>
      <c r="AA84" s="10" t="s">
        <v>55</v>
      </c>
      <c r="AB84" s="6">
        <v>4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100</v>
      </c>
      <c r="I85" s="9" t="s">
        <v>6</v>
      </c>
      <c r="J85" s="9" t="s">
        <v>35</v>
      </c>
      <c r="K85" s="6">
        <v>206</v>
      </c>
      <c r="L85" s="6">
        <v>175</v>
      </c>
      <c r="M85" s="6">
        <v>165</v>
      </c>
      <c r="N85" s="6">
        <v>149</v>
      </c>
      <c r="O85" s="6">
        <v>14</v>
      </c>
      <c r="P85" s="10" t="s">
        <v>55</v>
      </c>
      <c r="Q85" s="6">
        <v>2</v>
      </c>
      <c r="R85" s="6">
        <v>10</v>
      </c>
      <c r="S85" s="6">
        <v>25</v>
      </c>
      <c r="T85" s="6">
        <v>18</v>
      </c>
      <c r="U85" s="10" t="s">
        <v>55</v>
      </c>
      <c r="V85" s="6">
        <v>7</v>
      </c>
      <c r="W85" s="6">
        <v>6</v>
      </c>
      <c r="X85" s="6">
        <v>157</v>
      </c>
      <c r="Y85" s="6">
        <v>143</v>
      </c>
      <c r="Z85" s="6">
        <v>13</v>
      </c>
      <c r="AA85" s="10" t="s">
        <v>55</v>
      </c>
      <c r="AB85" s="6">
        <v>1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100</v>
      </c>
      <c r="I86" s="9" t="s">
        <v>6</v>
      </c>
      <c r="J86" s="9" t="s">
        <v>36</v>
      </c>
      <c r="K86" s="6">
        <v>391</v>
      </c>
      <c r="L86" s="6">
        <v>342</v>
      </c>
      <c r="M86" s="6">
        <v>329</v>
      </c>
      <c r="N86" s="6">
        <v>293</v>
      </c>
      <c r="O86" s="6">
        <v>26</v>
      </c>
      <c r="P86" s="10" t="s">
        <v>55</v>
      </c>
      <c r="Q86" s="6">
        <v>10</v>
      </c>
      <c r="R86" s="6">
        <v>13</v>
      </c>
      <c r="S86" s="6">
        <v>41</v>
      </c>
      <c r="T86" s="6">
        <v>34</v>
      </c>
      <c r="U86" s="10" t="s">
        <v>55</v>
      </c>
      <c r="V86" s="6">
        <v>7</v>
      </c>
      <c r="W86" s="6">
        <v>8</v>
      </c>
      <c r="X86" s="6">
        <v>298</v>
      </c>
      <c r="Y86" s="6">
        <v>268</v>
      </c>
      <c r="Z86" s="6">
        <v>22</v>
      </c>
      <c r="AA86" s="10" t="s">
        <v>55</v>
      </c>
      <c r="AB86" s="6">
        <v>8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100</v>
      </c>
      <c r="I87" s="9" t="s">
        <v>6</v>
      </c>
      <c r="J87" s="9" t="s">
        <v>37</v>
      </c>
      <c r="K87" s="6">
        <v>781</v>
      </c>
      <c r="L87" s="6">
        <v>670</v>
      </c>
      <c r="M87" s="6">
        <v>631</v>
      </c>
      <c r="N87" s="6">
        <v>572</v>
      </c>
      <c r="O87" s="6">
        <v>46</v>
      </c>
      <c r="P87" s="6">
        <v>1</v>
      </c>
      <c r="Q87" s="6">
        <v>12</v>
      </c>
      <c r="R87" s="6">
        <v>39</v>
      </c>
      <c r="S87" s="6">
        <v>97</v>
      </c>
      <c r="T87" s="6">
        <v>69</v>
      </c>
      <c r="U87" s="6">
        <v>2</v>
      </c>
      <c r="V87" s="6">
        <v>26</v>
      </c>
      <c r="W87" s="6">
        <v>14</v>
      </c>
      <c r="X87" s="6">
        <v>575</v>
      </c>
      <c r="Y87" s="6">
        <v>527</v>
      </c>
      <c r="Z87" s="6">
        <v>37</v>
      </c>
      <c r="AA87" s="6">
        <v>1</v>
      </c>
      <c r="AB87" s="6">
        <v>10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100</v>
      </c>
      <c r="I88" s="9" t="s">
        <v>6</v>
      </c>
      <c r="J88" s="9" t="s">
        <v>38</v>
      </c>
      <c r="K88" s="6">
        <v>1319</v>
      </c>
      <c r="L88" s="6">
        <v>1103</v>
      </c>
      <c r="M88" s="6">
        <v>1038</v>
      </c>
      <c r="N88" s="6">
        <v>934</v>
      </c>
      <c r="O88" s="6">
        <v>89</v>
      </c>
      <c r="P88" s="6">
        <v>2</v>
      </c>
      <c r="Q88" s="6">
        <v>13</v>
      </c>
      <c r="R88" s="6">
        <v>65</v>
      </c>
      <c r="S88" s="6">
        <v>184</v>
      </c>
      <c r="T88" s="6">
        <v>141</v>
      </c>
      <c r="U88" s="10" t="s">
        <v>55</v>
      </c>
      <c r="V88" s="6">
        <v>43</v>
      </c>
      <c r="W88" s="6">
        <v>32</v>
      </c>
      <c r="X88" s="6">
        <v>948</v>
      </c>
      <c r="Y88" s="6">
        <v>864</v>
      </c>
      <c r="Z88" s="6">
        <v>71</v>
      </c>
      <c r="AA88" s="6">
        <v>2</v>
      </c>
      <c r="AB88" s="6">
        <v>11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100</v>
      </c>
      <c r="I89" s="9" t="s">
        <v>6</v>
      </c>
      <c r="J89" s="9" t="s">
        <v>39</v>
      </c>
      <c r="K89" s="6">
        <v>2531</v>
      </c>
      <c r="L89" s="6">
        <v>1985</v>
      </c>
      <c r="M89" s="6">
        <v>1896</v>
      </c>
      <c r="N89" s="6">
        <v>1648</v>
      </c>
      <c r="O89" s="6">
        <v>196</v>
      </c>
      <c r="P89" s="10" t="s">
        <v>55</v>
      </c>
      <c r="Q89" s="6">
        <v>52</v>
      </c>
      <c r="R89" s="6">
        <v>89</v>
      </c>
      <c r="S89" s="6">
        <v>498</v>
      </c>
      <c r="T89" s="6">
        <v>355</v>
      </c>
      <c r="U89" s="10" t="s">
        <v>55</v>
      </c>
      <c r="V89" s="6">
        <v>143</v>
      </c>
      <c r="W89" s="6">
        <v>48</v>
      </c>
      <c r="X89" s="6">
        <v>1677</v>
      </c>
      <c r="Y89" s="6">
        <v>1476</v>
      </c>
      <c r="Z89" s="6">
        <v>160</v>
      </c>
      <c r="AA89" s="10" t="s">
        <v>55</v>
      </c>
      <c r="AB89" s="6">
        <v>41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100</v>
      </c>
      <c r="I90" s="9" t="s">
        <v>6</v>
      </c>
      <c r="J90" s="9" t="s">
        <v>40</v>
      </c>
      <c r="K90" s="6">
        <v>5021</v>
      </c>
      <c r="L90" s="6">
        <v>3386</v>
      </c>
      <c r="M90" s="6">
        <v>3237</v>
      </c>
      <c r="N90" s="6">
        <v>2648</v>
      </c>
      <c r="O90" s="6">
        <v>507</v>
      </c>
      <c r="P90" s="6">
        <v>1</v>
      </c>
      <c r="Q90" s="6">
        <v>81</v>
      </c>
      <c r="R90" s="6">
        <v>149</v>
      </c>
      <c r="S90" s="6">
        <v>1554</v>
      </c>
      <c r="T90" s="6">
        <v>1076</v>
      </c>
      <c r="U90" s="10" t="s">
        <v>55</v>
      </c>
      <c r="V90" s="6">
        <v>478</v>
      </c>
      <c r="W90" s="6">
        <v>81</v>
      </c>
      <c r="X90" s="6">
        <v>2740</v>
      </c>
      <c r="Y90" s="6">
        <v>2278</v>
      </c>
      <c r="Z90" s="6">
        <v>406</v>
      </c>
      <c r="AA90" s="6">
        <v>1</v>
      </c>
      <c r="AB90" s="6">
        <v>55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100</v>
      </c>
      <c r="I91" s="9" t="s">
        <v>6</v>
      </c>
      <c r="J91" s="9" t="s">
        <v>41</v>
      </c>
      <c r="K91" s="6">
        <v>9260</v>
      </c>
      <c r="L91" s="6">
        <v>4468</v>
      </c>
      <c r="M91" s="6">
        <v>4346</v>
      </c>
      <c r="N91" s="6">
        <v>3160</v>
      </c>
      <c r="O91" s="6">
        <v>1017</v>
      </c>
      <c r="P91" s="6">
        <v>1</v>
      </c>
      <c r="Q91" s="6">
        <v>168</v>
      </c>
      <c r="R91" s="6">
        <v>122</v>
      </c>
      <c r="S91" s="6">
        <v>4586</v>
      </c>
      <c r="T91" s="6">
        <v>2553</v>
      </c>
      <c r="U91" s="10" t="s">
        <v>55</v>
      </c>
      <c r="V91" s="6">
        <v>2033</v>
      </c>
      <c r="W91" s="6">
        <v>206</v>
      </c>
      <c r="X91" s="6">
        <v>3333</v>
      </c>
      <c r="Y91" s="6">
        <v>2475</v>
      </c>
      <c r="Z91" s="6">
        <v>740</v>
      </c>
      <c r="AA91" s="6">
        <v>1</v>
      </c>
      <c r="AB91" s="6">
        <v>117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100</v>
      </c>
      <c r="I92" s="9" t="s">
        <v>6</v>
      </c>
      <c r="J92" s="9" t="s">
        <v>42</v>
      </c>
      <c r="K92" s="6">
        <v>15217</v>
      </c>
      <c r="L92" s="6">
        <v>4527</v>
      </c>
      <c r="M92" s="6">
        <v>4438</v>
      </c>
      <c r="N92" s="6">
        <v>2853</v>
      </c>
      <c r="O92" s="6">
        <v>1373</v>
      </c>
      <c r="P92" s="6">
        <v>1</v>
      </c>
      <c r="Q92" s="6">
        <v>211</v>
      </c>
      <c r="R92" s="6">
        <v>89</v>
      </c>
      <c r="S92" s="6">
        <v>10193</v>
      </c>
      <c r="T92" s="6">
        <v>4915</v>
      </c>
      <c r="U92" s="6">
        <v>2</v>
      </c>
      <c r="V92" s="6">
        <v>5276</v>
      </c>
      <c r="W92" s="6">
        <v>497</v>
      </c>
      <c r="X92" s="6">
        <v>2922</v>
      </c>
      <c r="Y92" s="6">
        <v>1887</v>
      </c>
      <c r="Z92" s="6">
        <v>910</v>
      </c>
      <c r="AA92" s="6">
        <v>1</v>
      </c>
      <c r="AB92" s="6">
        <v>124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100</v>
      </c>
      <c r="I93" s="9" t="s">
        <v>6</v>
      </c>
      <c r="J93" s="9" t="s">
        <v>43</v>
      </c>
      <c r="K93" s="6">
        <v>19343</v>
      </c>
      <c r="L93" s="6">
        <v>2756</v>
      </c>
      <c r="M93" s="6">
        <v>2726</v>
      </c>
      <c r="N93" s="6">
        <v>1588</v>
      </c>
      <c r="O93" s="6">
        <v>978</v>
      </c>
      <c r="P93" s="6">
        <v>1</v>
      </c>
      <c r="Q93" s="6">
        <v>159</v>
      </c>
      <c r="R93" s="6">
        <v>30</v>
      </c>
      <c r="S93" s="6">
        <v>15811</v>
      </c>
      <c r="T93" s="6">
        <v>6022</v>
      </c>
      <c r="U93" s="6">
        <v>6</v>
      </c>
      <c r="V93" s="6">
        <v>9783</v>
      </c>
      <c r="W93" s="6">
        <v>776</v>
      </c>
      <c r="X93" s="6">
        <v>1248</v>
      </c>
      <c r="Y93" s="6">
        <v>758</v>
      </c>
      <c r="Z93" s="6">
        <v>422</v>
      </c>
      <c r="AA93" s="6">
        <v>1</v>
      </c>
      <c r="AB93" s="6">
        <v>67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100</v>
      </c>
      <c r="I94" s="9" t="s">
        <v>6</v>
      </c>
      <c r="J94" s="9" t="s">
        <v>44</v>
      </c>
      <c r="K94" s="6">
        <v>27384</v>
      </c>
      <c r="L94" s="6">
        <v>2018</v>
      </c>
      <c r="M94" s="6">
        <v>1996</v>
      </c>
      <c r="N94" s="6">
        <v>1076</v>
      </c>
      <c r="O94" s="6">
        <v>803</v>
      </c>
      <c r="P94" s="6">
        <v>1</v>
      </c>
      <c r="Q94" s="6">
        <v>116</v>
      </c>
      <c r="R94" s="6">
        <v>22</v>
      </c>
      <c r="S94" s="6">
        <v>24502</v>
      </c>
      <c r="T94" s="6">
        <v>7032</v>
      </c>
      <c r="U94" s="6">
        <v>6</v>
      </c>
      <c r="V94" s="6">
        <v>17464</v>
      </c>
      <c r="W94" s="6">
        <v>864</v>
      </c>
      <c r="X94" s="6">
        <v>556</v>
      </c>
      <c r="Y94" s="6">
        <v>314</v>
      </c>
      <c r="Z94" s="6">
        <v>219</v>
      </c>
      <c r="AA94" s="10" t="s">
        <v>55</v>
      </c>
      <c r="AB94" s="6">
        <v>23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100</v>
      </c>
      <c r="I95" s="9" t="s">
        <v>6</v>
      </c>
      <c r="J95" s="9" t="s">
        <v>45</v>
      </c>
      <c r="K95" s="6">
        <v>31742</v>
      </c>
      <c r="L95" s="6">
        <v>1142</v>
      </c>
      <c r="M95" s="6">
        <v>1123</v>
      </c>
      <c r="N95" s="6">
        <v>531</v>
      </c>
      <c r="O95" s="6">
        <v>511</v>
      </c>
      <c r="P95" s="10" t="s">
        <v>55</v>
      </c>
      <c r="Q95" s="6">
        <v>81</v>
      </c>
      <c r="R95" s="6">
        <v>19</v>
      </c>
      <c r="S95" s="6">
        <v>29803</v>
      </c>
      <c r="T95" s="6">
        <v>5391</v>
      </c>
      <c r="U95" s="6">
        <v>13</v>
      </c>
      <c r="V95" s="6">
        <v>24399</v>
      </c>
      <c r="W95" s="6">
        <v>797</v>
      </c>
      <c r="X95" s="6">
        <v>216</v>
      </c>
      <c r="Y95" s="6">
        <v>109</v>
      </c>
      <c r="Z95" s="6">
        <v>91</v>
      </c>
      <c r="AA95" s="10" t="s">
        <v>55</v>
      </c>
      <c r="AB95" s="6">
        <v>16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100</v>
      </c>
      <c r="I96" s="9" t="s">
        <v>6</v>
      </c>
      <c r="J96" s="9" t="s">
        <v>46</v>
      </c>
      <c r="K96" s="6">
        <v>22201</v>
      </c>
      <c r="L96" s="6">
        <v>344</v>
      </c>
      <c r="M96" s="6">
        <v>343</v>
      </c>
      <c r="N96" s="6">
        <v>167</v>
      </c>
      <c r="O96" s="6">
        <v>134</v>
      </c>
      <c r="P96" s="10" t="s">
        <v>55</v>
      </c>
      <c r="Q96" s="6">
        <v>42</v>
      </c>
      <c r="R96" s="6">
        <v>1</v>
      </c>
      <c r="S96" s="6">
        <v>21473</v>
      </c>
      <c r="T96" s="6">
        <v>1957</v>
      </c>
      <c r="U96" s="6">
        <v>1</v>
      </c>
      <c r="V96" s="6">
        <v>19515</v>
      </c>
      <c r="W96" s="6">
        <v>384</v>
      </c>
      <c r="X96" s="6">
        <v>76</v>
      </c>
      <c r="Y96" s="6">
        <v>50</v>
      </c>
      <c r="Z96" s="6">
        <v>21</v>
      </c>
      <c r="AA96" s="10" t="s">
        <v>55</v>
      </c>
      <c r="AB96" s="6">
        <v>5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100</v>
      </c>
      <c r="I97" s="9" t="s">
        <v>6</v>
      </c>
      <c r="J97" s="9" t="s">
        <v>47</v>
      </c>
      <c r="K97" s="6">
        <v>9356</v>
      </c>
      <c r="L97" s="6">
        <v>60</v>
      </c>
      <c r="M97" s="6">
        <v>59</v>
      </c>
      <c r="N97" s="6">
        <v>23</v>
      </c>
      <c r="O97" s="6">
        <v>21</v>
      </c>
      <c r="P97" s="10" t="s">
        <v>55</v>
      </c>
      <c r="Q97" s="6">
        <v>15</v>
      </c>
      <c r="R97" s="6">
        <v>1</v>
      </c>
      <c r="S97" s="6">
        <v>9187</v>
      </c>
      <c r="T97" s="6">
        <v>330</v>
      </c>
      <c r="U97" s="10" t="s">
        <v>55</v>
      </c>
      <c r="V97" s="6">
        <v>8857</v>
      </c>
      <c r="W97" s="6">
        <v>109</v>
      </c>
      <c r="X97" s="6">
        <v>17</v>
      </c>
      <c r="Y97" s="6">
        <v>9</v>
      </c>
      <c r="Z97" s="6">
        <v>7</v>
      </c>
      <c r="AA97" s="10" t="s">
        <v>55</v>
      </c>
      <c r="AB97" s="6">
        <v>1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100</v>
      </c>
      <c r="I98" s="9" t="s">
        <v>6</v>
      </c>
      <c r="J98" s="9" t="s">
        <v>48</v>
      </c>
      <c r="K98" s="6">
        <v>10400</v>
      </c>
      <c r="L98" s="6">
        <v>7773</v>
      </c>
      <c r="M98" s="6">
        <v>7396</v>
      </c>
      <c r="N98" s="6">
        <v>6328</v>
      </c>
      <c r="O98" s="6">
        <v>885</v>
      </c>
      <c r="P98" s="6">
        <v>5</v>
      </c>
      <c r="Q98" s="6">
        <v>178</v>
      </c>
      <c r="R98" s="6">
        <v>377</v>
      </c>
      <c r="S98" s="6">
        <v>2425</v>
      </c>
      <c r="T98" s="6">
        <v>1704</v>
      </c>
      <c r="U98" s="6">
        <v>6</v>
      </c>
      <c r="V98" s="6">
        <v>715</v>
      </c>
      <c r="W98" s="6">
        <v>202</v>
      </c>
      <c r="X98" s="6">
        <v>6485</v>
      </c>
      <c r="Y98" s="6">
        <v>5635</v>
      </c>
      <c r="Z98" s="6">
        <v>714</v>
      </c>
      <c r="AA98" s="6">
        <v>5</v>
      </c>
      <c r="AB98" s="6">
        <v>131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100</v>
      </c>
      <c r="I99" s="9" t="s">
        <v>6</v>
      </c>
      <c r="J99" s="9" t="s">
        <v>49</v>
      </c>
      <c r="K99" s="6">
        <v>134503</v>
      </c>
      <c r="L99" s="6">
        <v>15315</v>
      </c>
      <c r="M99" s="6">
        <v>15031</v>
      </c>
      <c r="N99" s="6">
        <v>9398</v>
      </c>
      <c r="O99" s="6">
        <v>4837</v>
      </c>
      <c r="P99" s="6">
        <v>4</v>
      </c>
      <c r="Q99" s="6">
        <v>792</v>
      </c>
      <c r="R99" s="6">
        <v>284</v>
      </c>
      <c r="S99" s="6">
        <v>115555</v>
      </c>
      <c r="T99" s="6">
        <v>28200</v>
      </c>
      <c r="U99" s="6">
        <v>28</v>
      </c>
      <c r="V99" s="6">
        <v>87327</v>
      </c>
      <c r="W99" s="6">
        <v>3633</v>
      </c>
      <c r="X99" s="6">
        <v>8368</v>
      </c>
      <c r="Y99" s="6">
        <v>5602</v>
      </c>
      <c r="Z99" s="6">
        <v>2410</v>
      </c>
      <c r="AA99" s="6">
        <v>3</v>
      </c>
      <c r="AB99" s="6">
        <v>353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100</v>
      </c>
      <c r="I100" s="9" t="s">
        <v>6</v>
      </c>
      <c r="J100" s="9" t="s">
        <v>50</v>
      </c>
      <c r="K100" s="6">
        <v>110026</v>
      </c>
      <c r="L100" s="6">
        <v>6320</v>
      </c>
      <c r="M100" s="6">
        <v>6247</v>
      </c>
      <c r="N100" s="6">
        <v>3385</v>
      </c>
      <c r="O100" s="6">
        <v>2447</v>
      </c>
      <c r="P100" s="6">
        <v>2</v>
      </c>
      <c r="Q100" s="6">
        <v>413</v>
      </c>
      <c r="R100" s="6">
        <v>73</v>
      </c>
      <c r="S100" s="6">
        <v>100776</v>
      </c>
      <c r="T100" s="6">
        <v>20732</v>
      </c>
      <c r="U100" s="6">
        <v>26</v>
      </c>
      <c r="V100" s="6">
        <v>80018</v>
      </c>
      <c r="W100" s="6">
        <v>2930</v>
      </c>
      <c r="X100" s="6">
        <v>2113</v>
      </c>
      <c r="Y100" s="6">
        <v>1240</v>
      </c>
      <c r="Z100" s="6">
        <v>760</v>
      </c>
      <c r="AA100" s="6">
        <v>1</v>
      </c>
      <c r="AB100" s="6">
        <v>112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100</v>
      </c>
      <c r="I101" s="9" t="s">
        <v>6</v>
      </c>
      <c r="J101" s="9" t="s">
        <v>51</v>
      </c>
      <c r="K101" s="6">
        <v>63299</v>
      </c>
      <c r="L101" s="6">
        <v>1546</v>
      </c>
      <c r="M101" s="6">
        <v>1525</v>
      </c>
      <c r="N101" s="6">
        <v>721</v>
      </c>
      <c r="O101" s="6">
        <v>666</v>
      </c>
      <c r="P101" s="10" t="s">
        <v>55</v>
      </c>
      <c r="Q101" s="6">
        <v>138</v>
      </c>
      <c r="R101" s="6">
        <v>21</v>
      </c>
      <c r="S101" s="6">
        <v>60463</v>
      </c>
      <c r="T101" s="6">
        <v>7678</v>
      </c>
      <c r="U101" s="6">
        <v>14</v>
      </c>
      <c r="V101" s="6">
        <v>52771</v>
      </c>
      <c r="W101" s="6">
        <v>1290</v>
      </c>
      <c r="X101" s="6">
        <v>309</v>
      </c>
      <c r="Y101" s="6">
        <v>168</v>
      </c>
      <c r="Z101" s="6">
        <v>119</v>
      </c>
      <c r="AA101" s="10" t="s">
        <v>55</v>
      </c>
      <c r="AB101" s="6">
        <v>22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100</v>
      </c>
      <c r="I102" s="9" t="s">
        <v>6</v>
      </c>
      <c r="J102" s="9" t="s">
        <v>52</v>
      </c>
      <c r="K102" s="6">
        <v>19653</v>
      </c>
      <c r="L102" s="6">
        <v>12238</v>
      </c>
      <c r="M102" s="6">
        <v>11739</v>
      </c>
      <c r="N102" s="6">
        <v>9487</v>
      </c>
      <c r="O102" s="6">
        <v>1902</v>
      </c>
      <c r="P102" s="6">
        <v>5</v>
      </c>
      <c r="Q102" s="6">
        <v>345</v>
      </c>
      <c r="R102" s="6">
        <v>499</v>
      </c>
      <c r="S102" s="6">
        <v>7008</v>
      </c>
      <c r="T102" s="6">
        <v>4256</v>
      </c>
      <c r="U102" s="6">
        <v>5</v>
      </c>
      <c r="V102" s="6">
        <v>2747</v>
      </c>
      <c r="W102" s="6">
        <v>407</v>
      </c>
      <c r="X102" s="6">
        <v>9815</v>
      </c>
      <c r="Y102" s="6">
        <v>8109</v>
      </c>
      <c r="Z102" s="6">
        <v>1454</v>
      </c>
      <c r="AA102" s="6">
        <v>5</v>
      </c>
      <c r="AB102" s="6">
        <v>247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100</v>
      </c>
      <c r="I103" s="9" t="s">
        <v>53</v>
      </c>
      <c r="J103" s="9" t="s">
        <v>30</v>
      </c>
      <c r="K103" s="6">
        <v>24012</v>
      </c>
      <c r="L103" s="6">
        <v>6064</v>
      </c>
      <c r="M103" s="6">
        <v>5808</v>
      </c>
      <c r="N103" s="6">
        <v>4908</v>
      </c>
      <c r="O103" s="6">
        <v>578</v>
      </c>
      <c r="P103" s="6">
        <v>2</v>
      </c>
      <c r="Q103" s="6">
        <v>320</v>
      </c>
      <c r="R103" s="6">
        <v>256</v>
      </c>
      <c r="S103" s="6">
        <v>17277</v>
      </c>
      <c r="T103" s="6">
        <v>1585</v>
      </c>
      <c r="U103" s="6">
        <v>6</v>
      </c>
      <c r="V103" s="6">
        <v>15686</v>
      </c>
      <c r="W103" s="6">
        <v>671</v>
      </c>
      <c r="X103" s="6">
        <v>3336</v>
      </c>
      <c r="Y103" s="6">
        <v>2990</v>
      </c>
      <c r="Z103" s="6">
        <v>225</v>
      </c>
      <c r="AA103" s="6">
        <v>2</v>
      </c>
      <c r="AB103" s="6">
        <v>119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100</v>
      </c>
      <c r="I104" s="9" t="s">
        <v>53</v>
      </c>
      <c r="J104" s="9" t="s">
        <v>31</v>
      </c>
      <c r="K104" s="6">
        <v>3</v>
      </c>
      <c r="L104" s="6">
        <v>3</v>
      </c>
      <c r="M104" s="6">
        <v>3</v>
      </c>
      <c r="N104" s="6">
        <v>1</v>
      </c>
      <c r="O104" s="10" t="s">
        <v>55</v>
      </c>
      <c r="P104" s="6">
        <v>1</v>
      </c>
      <c r="Q104" s="6">
        <v>1</v>
      </c>
      <c r="R104" s="10" t="s">
        <v>55</v>
      </c>
      <c r="S104" s="10" t="s">
        <v>55</v>
      </c>
      <c r="T104" s="10" t="s">
        <v>55</v>
      </c>
      <c r="U104" s="10" t="s">
        <v>55</v>
      </c>
      <c r="V104" s="10" t="s">
        <v>55</v>
      </c>
      <c r="W104" s="10" t="s">
        <v>55</v>
      </c>
      <c r="X104" s="6">
        <v>3</v>
      </c>
      <c r="Y104" s="6">
        <v>1</v>
      </c>
      <c r="Z104" s="10" t="s">
        <v>55</v>
      </c>
      <c r="AA104" s="6">
        <v>1</v>
      </c>
      <c r="AB104" s="6">
        <v>1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100</v>
      </c>
      <c r="I105" s="9" t="s">
        <v>53</v>
      </c>
      <c r="J105" s="9" t="s">
        <v>32</v>
      </c>
      <c r="K105" s="6">
        <v>6</v>
      </c>
      <c r="L105" s="6">
        <v>5</v>
      </c>
      <c r="M105" s="6">
        <v>5</v>
      </c>
      <c r="N105" s="6">
        <v>5</v>
      </c>
      <c r="O105" s="10" t="s">
        <v>55</v>
      </c>
      <c r="P105" s="10" t="s">
        <v>55</v>
      </c>
      <c r="Q105" s="10" t="s">
        <v>55</v>
      </c>
      <c r="R105" s="10" t="s">
        <v>55</v>
      </c>
      <c r="S105" s="6">
        <v>1</v>
      </c>
      <c r="T105" s="10" t="s">
        <v>55</v>
      </c>
      <c r="U105" s="6">
        <v>1</v>
      </c>
      <c r="V105" s="10" t="s">
        <v>55</v>
      </c>
      <c r="W105" s="10" t="s">
        <v>55</v>
      </c>
      <c r="X105" s="6">
        <v>5</v>
      </c>
      <c r="Y105" s="6">
        <v>5</v>
      </c>
      <c r="Z105" s="10" t="s">
        <v>55</v>
      </c>
      <c r="AA105" s="10" t="s">
        <v>55</v>
      </c>
      <c r="AB105" s="10" t="s">
        <v>55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100</v>
      </c>
      <c r="I106" s="9" t="s">
        <v>53</v>
      </c>
      <c r="J106" s="9" t="s">
        <v>33</v>
      </c>
      <c r="K106" s="6">
        <v>7</v>
      </c>
      <c r="L106" s="6">
        <v>5</v>
      </c>
      <c r="M106" s="6">
        <v>3</v>
      </c>
      <c r="N106" s="6">
        <v>3</v>
      </c>
      <c r="O106" s="10" t="s">
        <v>55</v>
      </c>
      <c r="P106" s="10" t="s">
        <v>55</v>
      </c>
      <c r="Q106" s="10" t="s">
        <v>55</v>
      </c>
      <c r="R106" s="6">
        <v>2</v>
      </c>
      <c r="S106" s="6">
        <v>1</v>
      </c>
      <c r="T106" s="10" t="s">
        <v>55</v>
      </c>
      <c r="U106" s="10" t="s">
        <v>55</v>
      </c>
      <c r="V106" s="6">
        <v>1</v>
      </c>
      <c r="W106" s="6">
        <v>1</v>
      </c>
      <c r="X106" s="6">
        <v>3</v>
      </c>
      <c r="Y106" s="6">
        <v>3</v>
      </c>
      <c r="Z106" s="10" t="s">
        <v>55</v>
      </c>
      <c r="AA106" s="10" t="s">
        <v>55</v>
      </c>
      <c r="AB106" s="10" t="s">
        <v>55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100</v>
      </c>
      <c r="I107" s="9" t="s">
        <v>53</v>
      </c>
      <c r="J107" s="9" t="s">
        <v>34</v>
      </c>
      <c r="K107" s="6">
        <v>15</v>
      </c>
      <c r="L107" s="6">
        <v>14</v>
      </c>
      <c r="M107" s="6">
        <v>13</v>
      </c>
      <c r="N107" s="6">
        <v>12</v>
      </c>
      <c r="O107" s="10" t="s">
        <v>55</v>
      </c>
      <c r="P107" s="10" t="s">
        <v>55</v>
      </c>
      <c r="Q107" s="6">
        <v>1</v>
      </c>
      <c r="R107" s="6">
        <v>1</v>
      </c>
      <c r="S107" s="10" t="s">
        <v>55</v>
      </c>
      <c r="T107" s="10" t="s">
        <v>55</v>
      </c>
      <c r="U107" s="10" t="s">
        <v>55</v>
      </c>
      <c r="V107" s="10" t="s">
        <v>55</v>
      </c>
      <c r="W107" s="6">
        <v>1</v>
      </c>
      <c r="X107" s="6">
        <v>12</v>
      </c>
      <c r="Y107" s="6">
        <v>11</v>
      </c>
      <c r="Z107" s="10" t="s">
        <v>55</v>
      </c>
      <c r="AA107" s="10" t="s">
        <v>55</v>
      </c>
      <c r="AB107" s="6">
        <v>1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100</v>
      </c>
      <c r="I108" s="9" t="s">
        <v>53</v>
      </c>
      <c r="J108" s="9" t="s">
        <v>35</v>
      </c>
      <c r="K108" s="6">
        <v>49</v>
      </c>
      <c r="L108" s="6">
        <v>43</v>
      </c>
      <c r="M108" s="6">
        <v>41</v>
      </c>
      <c r="N108" s="6">
        <v>38</v>
      </c>
      <c r="O108" s="6">
        <v>2</v>
      </c>
      <c r="P108" s="10" t="s">
        <v>55</v>
      </c>
      <c r="Q108" s="6">
        <v>1</v>
      </c>
      <c r="R108" s="6">
        <v>2</v>
      </c>
      <c r="S108" s="6">
        <v>2</v>
      </c>
      <c r="T108" s="6">
        <v>1</v>
      </c>
      <c r="U108" s="10" t="s">
        <v>55</v>
      </c>
      <c r="V108" s="6">
        <v>1</v>
      </c>
      <c r="W108" s="6">
        <v>4</v>
      </c>
      <c r="X108" s="6">
        <v>35</v>
      </c>
      <c r="Y108" s="6">
        <v>33</v>
      </c>
      <c r="Z108" s="6">
        <v>2</v>
      </c>
      <c r="AA108" s="10" t="s">
        <v>55</v>
      </c>
      <c r="AB108" s="10" t="s">
        <v>55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100</v>
      </c>
      <c r="I109" s="9" t="s">
        <v>53</v>
      </c>
      <c r="J109" s="9" t="s">
        <v>36</v>
      </c>
      <c r="K109" s="6">
        <v>103</v>
      </c>
      <c r="L109" s="6">
        <v>100</v>
      </c>
      <c r="M109" s="6">
        <v>95</v>
      </c>
      <c r="N109" s="6">
        <v>93</v>
      </c>
      <c r="O109" s="6">
        <v>1</v>
      </c>
      <c r="P109" s="10" t="s">
        <v>55</v>
      </c>
      <c r="Q109" s="6">
        <v>1</v>
      </c>
      <c r="R109" s="6">
        <v>5</v>
      </c>
      <c r="S109" s="6">
        <v>1</v>
      </c>
      <c r="T109" s="10" t="s">
        <v>55</v>
      </c>
      <c r="U109" s="10" t="s">
        <v>55</v>
      </c>
      <c r="V109" s="6">
        <v>1</v>
      </c>
      <c r="W109" s="6">
        <v>2</v>
      </c>
      <c r="X109" s="6">
        <v>83</v>
      </c>
      <c r="Y109" s="6">
        <v>82</v>
      </c>
      <c r="Z109" s="10" t="s">
        <v>55</v>
      </c>
      <c r="AA109" s="10" t="s">
        <v>55</v>
      </c>
      <c r="AB109" s="6">
        <v>1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100</v>
      </c>
      <c r="I110" s="9" t="s">
        <v>53</v>
      </c>
      <c r="J110" s="9" t="s">
        <v>37</v>
      </c>
      <c r="K110" s="6">
        <v>182</v>
      </c>
      <c r="L110" s="6">
        <v>171</v>
      </c>
      <c r="M110" s="6">
        <v>162</v>
      </c>
      <c r="N110" s="6">
        <v>155</v>
      </c>
      <c r="O110" s="6">
        <v>2</v>
      </c>
      <c r="P110" s="10" t="s">
        <v>55</v>
      </c>
      <c r="Q110" s="6">
        <v>5</v>
      </c>
      <c r="R110" s="6">
        <v>9</v>
      </c>
      <c r="S110" s="6">
        <v>7</v>
      </c>
      <c r="T110" s="6">
        <v>1</v>
      </c>
      <c r="U110" s="6">
        <v>1</v>
      </c>
      <c r="V110" s="6">
        <v>5</v>
      </c>
      <c r="W110" s="6">
        <v>4</v>
      </c>
      <c r="X110" s="6">
        <v>136</v>
      </c>
      <c r="Y110" s="6">
        <v>132</v>
      </c>
      <c r="Z110" s="6">
        <v>1</v>
      </c>
      <c r="AA110" s="10" t="s">
        <v>55</v>
      </c>
      <c r="AB110" s="6">
        <v>3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100</v>
      </c>
      <c r="I111" s="9" t="s">
        <v>53</v>
      </c>
      <c r="J111" s="9" t="s">
        <v>38</v>
      </c>
      <c r="K111" s="6">
        <v>304</v>
      </c>
      <c r="L111" s="6">
        <v>272</v>
      </c>
      <c r="M111" s="6">
        <v>258</v>
      </c>
      <c r="N111" s="6">
        <v>247</v>
      </c>
      <c r="O111" s="6">
        <v>9</v>
      </c>
      <c r="P111" s="10" t="s">
        <v>55</v>
      </c>
      <c r="Q111" s="6">
        <v>2</v>
      </c>
      <c r="R111" s="6">
        <v>14</v>
      </c>
      <c r="S111" s="6">
        <v>21</v>
      </c>
      <c r="T111" s="6">
        <v>5</v>
      </c>
      <c r="U111" s="10" t="s">
        <v>55</v>
      </c>
      <c r="V111" s="6">
        <v>16</v>
      </c>
      <c r="W111" s="6">
        <v>11</v>
      </c>
      <c r="X111" s="6">
        <v>223</v>
      </c>
      <c r="Y111" s="6">
        <v>218</v>
      </c>
      <c r="Z111" s="6">
        <v>4</v>
      </c>
      <c r="AA111" s="10" t="s">
        <v>55</v>
      </c>
      <c r="AB111" s="6">
        <v>1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100</v>
      </c>
      <c r="I112" s="9" t="s">
        <v>53</v>
      </c>
      <c r="J112" s="9" t="s">
        <v>39</v>
      </c>
      <c r="K112" s="6">
        <v>554</v>
      </c>
      <c r="L112" s="6">
        <v>483</v>
      </c>
      <c r="M112" s="6">
        <v>460</v>
      </c>
      <c r="N112" s="6">
        <v>440</v>
      </c>
      <c r="O112" s="6">
        <v>8</v>
      </c>
      <c r="P112" s="10" t="s">
        <v>55</v>
      </c>
      <c r="Q112" s="6">
        <v>12</v>
      </c>
      <c r="R112" s="6">
        <v>23</v>
      </c>
      <c r="S112" s="6">
        <v>57</v>
      </c>
      <c r="T112" s="6">
        <v>16</v>
      </c>
      <c r="U112" s="10" t="s">
        <v>55</v>
      </c>
      <c r="V112" s="6">
        <v>41</v>
      </c>
      <c r="W112" s="6">
        <v>14</v>
      </c>
      <c r="X112" s="6">
        <v>389</v>
      </c>
      <c r="Y112" s="6">
        <v>376</v>
      </c>
      <c r="Z112" s="6">
        <v>5</v>
      </c>
      <c r="AA112" s="10" t="s">
        <v>55</v>
      </c>
      <c r="AB112" s="6">
        <v>8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100</v>
      </c>
      <c r="I113" s="9" t="s">
        <v>53</v>
      </c>
      <c r="J113" s="9" t="s">
        <v>40</v>
      </c>
      <c r="K113" s="6">
        <v>1140</v>
      </c>
      <c r="L113" s="6">
        <v>899</v>
      </c>
      <c r="M113" s="6">
        <v>839</v>
      </c>
      <c r="N113" s="6">
        <v>784</v>
      </c>
      <c r="O113" s="6">
        <v>30</v>
      </c>
      <c r="P113" s="10" t="s">
        <v>55</v>
      </c>
      <c r="Q113" s="6">
        <v>25</v>
      </c>
      <c r="R113" s="6">
        <v>60</v>
      </c>
      <c r="S113" s="6">
        <v>217</v>
      </c>
      <c r="T113" s="6">
        <v>60</v>
      </c>
      <c r="U113" s="10" t="s">
        <v>55</v>
      </c>
      <c r="V113" s="6">
        <v>157</v>
      </c>
      <c r="W113" s="6">
        <v>24</v>
      </c>
      <c r="X113" s="6">
        <v>643</v>
      </c>
      <c r="Y113" s="6">
        <v>617</v>
      </c>
      <c r="Z113" s="6">
        <v>16</v>
      </c>
      <c r="AA113" s="10" t="s">
        <v>55</v>
      </c>
      <c r="AB113" s="6">
        <v>10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100</v>
      </c>
      <c r="I114" s="9" t="s">
        <v>53</v>
      </c>
      <c r="J114" s="9" t="s">
        <v>41</v>
      </c>
      <c r="K114" s="6">
        <v>2073</v>
      </c>
      <c r="L114" s="6">
        <v>1155</v>
      </c>
      <c r="M114" s="6">
        <v>1099</v>
      </c>
      <c r="N114" s="6">
        <v>945</v>
      </c>
      <c r="O114" s="6">
        <v>102</v>
      </c>
      <c r="P114" s="10" t="s">
        <v>55</v>
      </c>
      <c r="Q114" s="6">
        <v>52</v>
      </c>
      <c r="R114" s="6">
        <v>56</v>
      </c>
      <c r="S114" s="6">
        <v>863</v>
      </c>
      <c r="T114" s="6">
        <v>168</v>
      </c>
      <c r="U114" s="10" t="s">
        <v>55</v>
      </c>
      <c r="V114" s="6">
        <v>695</v>
      </c>
      <c r="W114" s="6">
        <v>55</v>
      </c>
      <c r="X114" s="6">
        <v>700</v>
      </c>
      <c r="Y114" s="6">
        <v>623</v>
      </c>
      <c r="Z114" s="6">
        <v>52</v>
      </c>
      <c r="AA114" s="10" t="s">
        <v>55</v>
      </c>
      <c r="AB114" s="6">
        <v>25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100</v>
      </c>
      <c r="I115" s="9" t="s">
        <v>53</v>
      </c>
      <c r="J115" s="9" t="s">
        <v>42</v>
      </c>
      <c r="K115" s="6">
        <v>3076</v>
      </c>
      <c r="L115" s="6">
        <v>1173</v>
      </c>
      <c r="M115" s="6">
        <v>1125</v>
      </c>
      <c r="N115" s="6">
        <v>915</v>
      </c>
      <c r="O115" s="6">
        <v>148</v>
      </c>
      <c r="P115" s="10" t="s">
        <v>55</v>
      </c>
      <c r="Q115" s="6">
        <v>62</v>
      </c>
      <c r="R115" s="6">
        <v>48</v>
      </c>
      <c r="S115" s="6">
        <v>1811</v>
      </c>
      <c r="T115" s="6">
        <v>267</v>
      </c>
      <c r="U115" s="6">
        <v>1</v>
      </c>
      <c r="V115" s="6">
        <v>1543</v>
      </c>
      <c r="W115" s="6">
        <v>92</v>
      </c>
      <c r="X115" s="6">
        <v>629</v>
      </c>
      <c r="Y115" s="6">
        <v>518</v>
      </c>
      <c r="Z115" s="6">
        <v>78</v>
      </c>
      <c r="AA115" s="10" t="s">
        <v>55</v>
      </c>
      <c r="AB115" s="6">
        <v>33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100</v>
      </c>
      <c r="I116" s="9" t="s">
        <v>53</v>
      </c>
      <c r="J116" s="9" t="s">
        <v>43</v>
      </c>
      <c r="K116" s="6">
        <v>3288</v>
      </c>
      <c r="L116" s="6">
        <v>705</v>
      </c>
      <c r="M116" s="6">
        <v>691</v>
      </c>
      <c r="N116" s="6">
        <v>529</v>
      </c>
      <c r="O116" s="6">
        <v>103</v>
      </c>
      <c r="P116" s="6">
        <v>1</v>
      </c>
      <c r="Q116" s="6">
        <v>58</v>
      </c>
      <c r="R116" s="6">
        <v>14</v>
      </c>
      <c r="S116" s="6">
        <v>2465</v>
      </c>
      <c r="T116" s="6">
        <v>312</v>
      </c>
      <c r="U116" s="10" t="s">
        <v>55</v>
      </c>
      <c r="V116" s="6">
        <v>2153</v>
      </c>
      <c r="W116" s="6">
        <v>118</v>
      </c>
      <c r="X116" s="6">
        <v>257</v>
      </c>
      <c r="Y116" s="6">
        <v>210</v>
      </c>
      <c r="Z116" s="6">
        <v>27</v>
      </c>
      <c r="AA116" s="6">
        <v>1</v>
      </c>
      <c r="AB116" s="6">
        <v>19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100</v>
      </c>
      <c r="I117" s="9" t="s">
        <v>53</v>
      </c>
      <c r="J117" s="9" t="s">
        <v>44</v>
      </c>
      <c r="K117" s="6">
        <v>4152</v>
      </c>
      <c r="L117" s="6">
        <v>565</v>
      </c>
      <c r="M117" s="6">
        <v>553</v>
      </c>
      <c r="N117" s="6">
        <v>411</v>
      </c>
      <c r="O117" s="6">
        <v>94</v>
      </c>
      <c r="P117" s="10" t="s">
        <v>55</v>
      </c>
      <c r="Q117" s="6">
        <v>48</v>
      </c>
      <c r="R117" s="6">
        <v>12</v>
      </c>
      <c r="S117" s="6">
        <v>3451</v>
      </c>
      <c r="T117" s="6">
        <v>342</v>
      </c>
      <c r="U117" s="6">
        <v>1</v>
      </c>
      <c r="V117" s="6">
        <v>3108</v>
      </c>
      <c r="W117" s="6">
        <v>136</v>
      </c>
      <c r="X117" s="6">
        <v>133</v>
      </c>
      <c r="Y117" s="6">
        <v>98</v>
      </c>
      <c r="Z117" s="6">
        <v>28</v>
      </c>
      <c r="AA117" s="10" t="s">
        <v>55</v>
      </c>
      <c r="AB117" s="6">
        <v>7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100</v>
      </c>
      <c r="I118" s="9" t="s">
        <v>53</v>
      </c>
      <c r="J118" s="9" t="s">
        <v>45</v>
      </c>
      <c r="K118" s="6">
        <v>4708</v>
      </c>
      <c r="L118" s="6">
        <v>339</v>
      </c>
      <c r="M118" s="6">
        <v>329</v>
      </c>
      <c r="N118" s="6">
        <v>236</v>
      </c>
      <c r="O118" s="6">
        <v>60</v>
      </c>
      <c r="P118" s="10" t="s">
        <v>55</v>
      </c>
      <c r="Q118" s="6">
        <v>33</v>
      </c>
      <c r="R118" s="6">
        <v>10</v>
      </c>
      <c r="S118" s="6">
        <v>4243</v>
      </c>
      <c r="T118" s="6">
        <v>275</v>
      </c>
      <c r="U118" s="6">
        <v>2</v>
      </c>
      <c r="V118" s="6">
        <v>3966</v>
      </c>
      <c r="W118" s="6">
        <v>126</v>
      </c>
      <c r="X118" s="6">
        <v>58</v>
      </c>
      <c r="Y118" s="6">
        <v>41</v>
      </c>
      <c r="Z118" s="6">
        <v>11</v>
      </c>
      <c r="AA118" s="10" t="s">
        <v>55</v>
      </c>
      <c r="AB118" s="6">
        <v>6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100</v>
      </c>
      <c r="I119" s="9" t="s">
        <v>53</v>
      </c>
      <c r="J119" s="9" t="s">
        <v>46</v>
      </c>
      <c r="K119" s="6">
        <v>3226</v>
      </c>
      <c r="L119" s="6">
        <v>115</v>
      </c>
      <c r="M119" s="6">
        <v>115</v>
      </c>
      <c r="N119" s="6">
        <v>84</v>
      </c>
      <c r="O119" s="6">
        <v>17</v>
      </c>
      <c r="P119" s="10" t="s">
        <v>55</v>
      </c>
      <c r="Q119" s="6">
        <v>14</v>
      </c>
      <c r="R119" s="10" t="s">
        <v>55</v>
      </c>
      <c r="S119" s="6">
        <v>3043</v>
      </c>
      <c r="T119" s="6">
        <v>120</v>
      </c>
      <c r="U119" s="10" t="s">
        <v>55</v>
      </c>
      <c r="V119" s="6">
        <v>2923</v>
      </c>
      <c r="W119" s="6">
        <v>68</v>
      </c>
      <c r="X119" s="6">
        <v>24</v>
      </c>
      <c r="Y119" s="6">
        <v>20</v>
      </c>
      <c r="Z119" s="6">
        <v>1</v>
      </c>
      <c r="AA119" s="10" t="s">
        <v>55</v>
      </c>
      <c r="AB119" s="6">
        <v>3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100</v>
      </c>
      <c r="I120" s="9" t="s">
        <v>53</v>
      </c>
      <c r="J120" s="9" t="s">
        <v>47</v>
      </c>
      <c r="K120" s="6">
        <v>1126</v>
      </c>
      <c r="L120" s="6">
        <v>17</v>
      </c>
      <c r="M120" s="6">
        <v>17</v>
      </c>
      <c r="N120" s="6">
        <v>10</v>
      </c>
      <c r="O120" s="6">
        <v>2</v>
      </c>
      <c r="P120" s="10" t="s">
        <v>55</v>
      </c>
      <c r="Q120" s="6">
        <v>5</v>
      </c>
      <c r="R120" s="10" t="s">
        <v>55</v>
      </c>
      <c r="S120" s="6">
        <v>1094</v>
      </c>
      <c r="T120" s="6">
        <v>18</v>
      </c>
      <c r="U120" s="10" t="s">
        <v>55</v>
      </c>
      <c r="V120" s="6">
        <v>1076</v>
      </c>
      <c r="W120" s="6">
        <v>15</v>
      </c>
      <c r="X120" s="6">
        <v>3</v>
      </c>
      <c r="Y120" s="6">
        <v>2</v>
      </c>
      <c r="Z120" s="10" t="s">
        <v>55</v>
      </c>
      <c r="AA120" s="10" t="s">
        <v>55</v>
      </c>
      <c r="AB120" s="6">
        <v>1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100</v>
      </c>
      <c r="I121" s="9" t="s">
        <v>53</v>
      </c>
      <c r="J121" s="9" t="s">
        <v>48</v>
      </c>
      <c r="K121" s="6">
        <v>2363</v>
      </c>
      <c r="L121" s="6">
        <v>1995</v>
      </c>
      <c r="M121" s="6">
        <v>1879</v>
      </c>
      <c r="N121" s="6">
        <v>1778</v>
      </c>
      <c r="O121" s="6">
        <v>52</v>
      </c>
      <c r="P121" s="6">
        <v>1</v>
      </c>
      <c r="Q121" s="6">
        <v>48</v>
      </c>
      <c r="R121" s="6">
        <v>116</v>
      </c>
      <c r="S121" s="6">
        <v>307</v>
      </c>
      <c r="T121" s="6">
        <v>83</v>
      </c>
      <c r="U121" s="6">
        <v>2</v>
      </c>
      <c r="V121" s="6">
        <v>222</v>
      </c>
      <c r="W121" s="6">
        <v>61</v>
      </c>
      <c r="X121" s="6">
        <v>1532</v>
      </c>
      <c r="Y121" s="6">
        <v>1478</v>
      </c>
      <c r="Z121" s="6">
        <v>28</v>
      </c>
      <c r="AA121" s="6">
        <v>1</v>
      </c>
      <c r="AB121" s="6">
        <v>25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100</v>
      </c>
      <c r="I122" s="9" t="s">
        <v>53</v>
      </c>
      <c r="J122" s="9" t="s">
        <v>49</v>
      </c>
      <c r="K122" s="6">
        <v>21649</v>
      </c>
      <c r="L122" s="6">
        <v>4069</v>
      </c>
      <c r="M122" s="6">
        <v>3929</v>
      </c>
      <c r="N122" s="6">
        <v>3130</v>
      </c>
      <c r="O122" s="6">
        <v>526</v>
      </c>
      <c r="P122" s="6">
        <v>1</v>
      </c>
      <c r="Q122" s="6">
        <v>272</v>
      </c>
      <c r="R122" s="6">
        <v>140</v>
      </c>
      <c r="S122" s="6">
        <v>16970</v>
      </c>
      <c r="T122" s="6">
        <v>1502</v>
      </c>
      <c r="U122" s="6">
        <v>4</v>
      </c>
      <c r="V122" s="6">
        <v>15464</v>
      </c>
      <c r="W122" s="6">
        <v>610</v>
      </c>
      <c r="X122" s="6">
        <v>1804</v>
      </c>
      <c r="Y122" s="6">
        <v>1512</v>
      </c>
      <c r="Z122" s="6">
        <v>197</v>
      </c>
      <c r="AA122" s="6">
        <v>1</v>
      </c>
      <c r="AB122" s="6">
        <v>94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100</v>
      </c>
      <c r="I123" s="9" t="s">
        <v>53</v>
      </c>
      <c r="J123" s="9" t="s">
        <v>50</v>
      </c>
      <c r="K123" s="6">
        <v>16500</v>
      </c>
      <c r="L123" s="6">
        <v>1741</v>
      </c>
      <c r="M123" s="6">
        <v>1705</v>
      </c>
      <c r="N123" s="6">
        <v>1270</v>
      </c>
      <c r="O123" s="6">
        <v>276</v>
      </c>
      <c r="P123" s="6">
        <v>1</v>
      </c>
      <c r="Q123" s="6">
        <v>158</v>
      </c>
      <c r="R123" s="6">
        <v>36</v>
      </c>
      <c r="S123" s="6">
        <v>14296</v>
      </c>
      <c r="T123" s="6">
        <v>1067</v>
      </c>
      <c r="U123" s="6">
        <v>3</v>
      </c>
      <c r="V123" s="6">
        <v>13226</v>
      </c>
      <c r="W123" s="6">
        <v>463</v>
      </c>
      <c r="X123" s="6">
        <v>475</v>
      </c>
      <c r="Y123" s="6">
        <v>371</v>
      </c>
      <c r="Z123" s="6">
        <v>67</v>
      </c>
      <c r="AA123" s="6">
        <v>1</v>
      </c>
      <c r="AB123" s="6">
        <v>36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100</v>
      </c>
      <c r="I124" s="9" t="s">
        <v>53</v>
      </c>
      <c r="J124" s="9" t="s">
        <v>51</v>
      </c>
      <c r="K124" s="6">
        <v>9060</v>
      </c>
      <c r="L124" s="6">
        <v>471</v>
      </c>
      <c r="M124" s="6">
        <v>461</v>
      </c>
      <c r="N124" s="6">
        <v>330</v>
      </c>
      <c r="O124" s="6">
        <v>79</v>
      </c>
      <c r="P124" s="10" t="s">
        <v>55</v>
      </c>
      <c r="Q124" s="6">
        <v>52</v>
      </c>
      <c r="R124" s="6">
        <v>10</v>
      </c>
      <c r="S124" s="6">
        <v>8380</v>
      </c>
      <c r="T124" s="6">
        <v>413</v>
      </c>
      <c r="U124" s="6">
        <v>2</v>
      </c>
      <c r="V124" s="6">
        <v>7965</v>
      </c>
      <c r="W124" s="6">
        <v>209</v>
      </c>
      <c r="X124" s="6">
        <v>85</v>
      </c>
      <c r="Y124" s="6">
        <v>63</v>
      </c>
      <c r="Z124" s="6">
        <v>12</v>
      </c>
      <c r="AA124" s="10" t="s">
        <v>55</v>
      </c>
      <c r="AB124" s="6">
        <v>10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100</v>
      </c>
      <c r="I125" s="9" t="s">
        <v>53</v>
      </c>
      <c r="J125" s="9" t="s">
        <v>52</v>
      </c>
      <c r="K125" s="6">
        <v>4433</v>
      </c>
      <c r="L125" s="6">
        <v>3147</v>
      </c>
      <c r="M125" s="6">
        <v>2975</v>
      </c>
      <c r="N125" s="6">
        <v>2722</v>
      </c>
      <c r="O125" s="6">
        <v>154</v>
      </c>
      <c r="P125" s="10" t="s">
        <v>55</v>
      </c>
      <c r="Q125" s="6">
        <v>99</v>
      </c>
      <c r="R125" s="6">
        <v>172</v>
      </c>
      <c r="S125" s="6">
        <v>1170</v>
      </c>
      <c r="T125" s="6">
        <v>251</v>
      </c>
      <c r="U125" s="6">
        <v>2</v>
      </c>
      <c r="V125" s="6">
        <v>917</v>
      </c>
      <c r="W125" s="6">
        <v>116</v>
      </c>
      <c r="X125" s="6">
        <v>2229</v>
      </c>
      <c r="Y125" s="6">
        <v>2100</v>
      </c>
      <c r="Z125" s="6">
        <v>80</v>
      </c>
      <c r="AA125" s="10" t="s">
        <v>55</v>
      </c>
      <c r="AB125" s="6">
        <v>49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100</v>
      </c>
      <c r="I126" s="9" t="s">
        <v>54</v>
      </c>
      <c r="J126" s="9" t="s">
        <v>30</v>
      </c>
      <c r="K126" s="6">
        <v>120891</v>
      </c>
      <c r="L126" s="6">
        <v>17024</v>
      </c>
      <c r="M126" s="6">
        <v>16619</v>
      </c>
      <c r="N126" s="6">
        <v>10818</v>
      </c>
      <c r="O126" s="6">
        <v>5144</v>
      </c>
      <c r="P126" s="6">
        <v>7</v>
      </c>
      <c r="Q126" s="6">
        <v>650</v>
      </c>
      <c r="R126" s="6">
        <v>405</v>
      </c>
      <c r="S126" s="6">
        <v>100703</v>
      </c>
      <c r="T126" s="6">
        <v>28319</v>
      </c>
      <c r="U126" s="6">
        <v>28</v>
      </c>
      <c r="V126" s="6">
        <v>72356</v>
      </c>
      <c r="W126" s="6">
        <v>3164</v>
      </c>
      <c r="X126" s="6">
        <v>11517</v>
      </c>
      <c r="Y126" s="6">
        <v>8247</v>
      </c>
      <c r="Z126" s="6">
        <v>2899</v>
      </c>
      <c r="AA126" s="6">
        <v>6</v>
      </c>
      <c r="AB126" s="6">
        <v>365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100</v>
      </c>
      <c r="I127" s="9" t="s">
        <v>54</v>
      </c>
      <c r="J127" s="9" t="s">
        <v>31</v>
      </c>
      <c r="K127" s="6">
        <v>4</v>
      </c>
      <c r="L127" s="10" t="s">
        <v>55</v>
      </c>
      <c r="M127" s="10" t="s">
        <v>55</v>
      </c>
      <c r="N127" s="10" t="s">
        <v>55</v>
      </c>
      <c r="O127" s="10" t="s">
        <v>55</v>
      </c>
      <c r="P127" s="10" t="s">
        <v>55</v>
      </c>
      <c r="Q127" s="10" t="s">
        <v>55</v>
      </c>
      <c r="R127" s="10" t="s">
        <v>55</v>
      </c>
      <c r="S127" s="6">
        <v>3</v>
      </c>
      <c r="T127" s="6">
        <v>1</v>
      </c>
      <c r="U127" s="6">
        <v>1</v>
      </c>
      <c r="V127" s="6">
        <v>1</v>
      </c>
      <c r="W127" s="6">
        <v>1</v>
      </c>
      <c r="X127" s="10" t="s">
        <v>55</v>
      </c>
      <c r="Y127" s="10" t="s">
        <v>55</v>
      </c>
      <c r="Z127" s="10" t="s">
        <v>55</v>
      </c>
      <c r="AA127" s="10" t="s">
        <v>55</v>
      </c>
      <c r="AB127" s="10" t="s">
        <v>55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100</v>
      </c>
      <c r="I128" s="9" t="s">
        <v>54</v>
      </c>
      <c r="J128" s="9" t="s">
        <v>32</v>
      </c>
      <c r="K128" s="6">
        <v>20</v>
      </c>
      <c r="L128" s="6">
        <v>9</v>
      </c>
      <c r="M128" s="6">
        <v>9</v>
      </c>
      <c r="N128" s="6">
        <v>6</v>
      </c>
      <c r="O128" s="6">
        <v>1</v>
      </c>
      <c r="P128" s="10" t="s">
        <v>55</v>
      </c>
      <c r="Q128" s="6">
        <v>2</v>
      </c>
      <c r="R128" s="10" t="s">
        <v>55</v>
      </c>
      <c r="S128" s="6">
        <v>9</v>
      </c>
      <c r="T128" s="6">
        <v>3</v>
      </c>
      <c r="U128" s="6">
        <v>1</v>
      </c>
      <c r="V128" s="6">
        <v>5</v>
      </c>
      <c r="W128" s="6">
        <v>2</v>
      </c>
      <c r="X128" s="6">
        <v>5</v>
      </c>
      <c r="Y128" s="6">
        <v>5</v>
      </c>
      <c r="Z128" s="10" t="s">
        <v>55</v>
      </c>
      <c r="AA128" s="10" t="s">
        <v>55</v>
      </c>
      <c r="AB128" s="10" t="s">
        <v>55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100</v>
      </c>
      <c r="I129" s="9" t="s">
        <v>54</v>
      </c>
      <c r="J129" s="9" t="s">
        <v>33</v>
      </c>
      <c r="K129" s="6">
        <v>30</v>
      </c>
      <c r="L129" s="6">
        <v>19</v>
      </c>
      <c r="M129" s="6">
        <v>17</v>
      </c>
      <c r="N129" s="6">
        <v>13</v>
      </c>
      <c r="O129" s="6">
        <v>3</v>
      </c>
      <c r="P129" s="10" t="s">
        <v>55</v>
      </c>
      <c r="Q129" s="6">
        <v>1</v>
      </c>
      <c r="R129" s="6">
        <v>2</v>
      </c>
      <c r="S129" s="6">
        <v>7</v>
      </c>
      <c r="T129" s="6">
        <v>4</v>
      </c>
      <c r="U129" s="10" t="s">
        <v>55</v>
      </c>
      <c r="V129" s="6">
        <v>3</v>
      </c>
      <c r="W129" s="6">
        <v>4</v>
      </c>
      <c r="X129" s="6">
        <v>15</v>
      </c>
      <c r="Y129" s="6">
        <v>13</v>
      </c>
      <c r="Z129" s="6">
        <v>2</v>
      </c>
      <c r="AA129" s="10" t="s">
        <v>55</v>
      </c>
      <c r="AB129" s="10" t="s">
        <v>55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100</v>
      </c>
      <c r="I130" s="9" t="s">
        <v>54</v>
      </c>
      <c r="J130" s="9" t="s">
        <v>34</v>
      </c>
      <c r="K130" s="6">
        <v>66</v>
      </c>
      <c r="L130" s="6">
        <v>57</v>
      </c>
      <c r="M130" s="6">
        <v>50</v>
      </c>
      <c r="N130" s="6">
        <v>44</v>
      </c>
      <c r="O130" s="6">
        <v>3</v>
      </c>
      <c r="P130" s="10" t="s">
        <v>55</v>
      </c>
      <c r="Q130" s="6">
        <v>3</v>
      </c>
      <c r="R130" s="6">
        <v>7</v>
      </c>
      <c r="S130" s="6">
        <v>5</v>
      </c>
      <c r="T130" s="6">
        <v>3</v>
      </c>
      <c r="U130" s="6">
        <v>1</v>
      </c>
      <c r="V130" s="6">
        <v>1</v>
      </c>
      <c r="W130" s="6">
        <v>4</v>
      </c>
      <c r="X130" s="6">
        <v>47</v>
      </c>
      <c r="Y130" s="6">
        <v>41</v>
      </c>
      <c r="Z130" s="6">
        <v>3</v>
      </c>
      <c r="AA130" s="10" t="s">
        <v>55</v>
      </c>
      <c r="AB130" s="6">
        <v>3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100</v>
      </c>
      <c r="I131" s="9" t="s">
        <v>54</v>
      </c>
      <c r="J131" s="9" t="s">
        <v>35</v>
      </c>
      <c r="K131" s="6">
        <v>157</v>
      </c>
      <c r="L131" s="6">
        <v>132</v>
      </c>
      <c r="M131" s="6">
        <v>124</v>
      </c>
      <c r="N131" s="6">
        <v>111</v>
      </c>
      <c r="O131" s="6">
        <v>12</v>
      </c>
      <c r="P131" s="10" t="s">
        <v>55</v>
      </c>
      <c r="Q131" s="6">
        <v>1</v>
      </c>
      <c r="R131" s="6">
        <v>8</v>
      </c>
      <c r="S131" s="6">
        <v>23</v>
      </c>
      <c r="T131" s="6">
        <v>17</v>
      </c>
      <c r="U131" s="10" t="s">
        <v>55</v>
      </c>
      <c r="V131" s="6">
        <v>6</v>
      </c>
      <c r="W131" s="6">
        <v>2</v>
      </c>
      <c r="X131" s="6">
        <v>122</v>
      </c>
      <c r="Y131" s="6">
        <v>110</v>
      </c>
      <c r="Z131" s="6">
        <v>11</v>
      </c>
      <c r="AA131" s="10" t="s">
        <v>55</v>
      </c>
      <c r="AB131" s="6">
        <v>1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100</v>
      </c>
      <c r="I132" s="9" t="s">
        <v>54</v>
      </c>
      <c r="J132" s="9" t="s">
        <v>36</v>
      </c>
      <c r="K132" s="6">
        <v>288</v>
      </c>
      <c r="L132" s="6">
        <v>242</v>
      </c>
      <c r="M132" s="6">
        <v>234</v>
      </c>
      <c r="N132" s="6">
        <v>200</v>
      </c>
      <c r="O132" s="6">
        <v>25</v>
      </c>
      <c r="P132" s="10" t="s">
        <v>55</v>
      </c>
      <c r="Q132" s="6">
        <v>9</v>
      </c>
      <c r="R132" s="6">
        <v>8</v>
      </c>
      <c r="S132" s="6">
        <v>40</v>
      </c>
      <c r="T132" s="6">
        <v>34</v>
      </c>
      <c r="U132" s="10" t="s">
        <v>55</v>
      </c>
      <c r="V132" s="6">
        <v>6</v>
      </c>
      <c r="W132" s="6">
        <v>6</v>
      </c>
      <c r="X132" s="6">
        <v>215</v>
      </c>
      <c r="Y132" s="6">
        <v>186</v>
      </c>
      <c r="Z132" s="6">
        <v>22</v>
      </c>
      <c r="AA132" s="10" t="s">
        <v>55</v>
      </c>
      <c r="AB132" s="6">
        <v>7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100</v>
      </c>
      <c r="I133" s="9" t="s">
        <v>54</v>
      </c>
      <c r="J133" s="9" t="s">
        <v>37</v>
      </c>
      <c r="K133" s="6">
        <v>599</v>
      </c>
      <c r="L133" s="6">
        <v>499</v>
      </c>
      <c r="M133" s="6">
        <v>469</v>
      </c>
      <c r="N133" s="6">
        <v>417</v>
      </c>
      <c r="O133" s="6">
        <v>44</v>
      </c>
      <c r="P133" s="6">
        <v>1</v>
      </c>
      <c r="Q133" s="6">
        <v>7</v>
      </c>
      <c r="R133" s="6">
        <v>30</v>
      </c>
      <c r="S133" s="6">
        <v>90</v>
      </c>
      <c r="T133" s="6">
        <v>68</v>
      </c>
      <c r="U133" s="6">
        <v>1</v>
      </c>
      <c r="V133" s="6">
        <v>21</v>
      </c>
      <c r="W133" s="6">
        <v>10</v>
      </c>
      <c r="X133" s="6">
        <v>439</v>
      </c>
      <c r="Y133" s="6">
        <v>395</v>
      </c>
      <c r="Z133" s="6">
        <v>36</v>
      </c>
      <c r="AA133" s="6">
        <v>1</v>
      </c>
      <c r="AB133" s="6">
        <v>7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100</v>
      </c>
      <c r="I134" s="9" t="s">
        <v>54</v>
      </c>
      <c r="J134" s="9" t="s">
        <v>38</v>
      </c>
      <c r="K134" s="6">
        <v>1015</v>
      </c>
      <c r="L134" s="6">
        <v>831</v>
      </c>
      <c r="M134" s="6">
        <v>780</v>
      </c>
      <c r="N134" s="6">
        <v>687</v>
      </c>
      <c r="O134" s="6">
        <v>80</v>
      </c>
      <c r="P134" s="6">
        <v>2</v>
      </c>
      <c r="Q134" s="6">
        <v>11</v>
      </c>
      <c r="R134" s="6">
        <v>51</v>
      </c>
      <c r="S134" s="6">
        <v>163</v>
      </c>
      <c r="T134" s="6">
        <v>136</v>
      </c>
      <c r="U134" s="10" t="s">
        <v>55</v>
      </c>
      <c r="V134" s="6">
        <v>27</v>
      </c>
      <c r="W134" s="6">
        <v>21</v>
      </c>
      <c r="X134" s="6">
        <v>725</v>
      </c>
      <c r="Y134" s="6">
        <v>646</v>
      </c>
      <c r="Z134" s="6">
        <v>67</v>
      </c>
      <c r="AA134" s="6">
        <v>2</v>
      </c>
      <c r="AB134" s="6">
        <v>10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100</v>
      </c>
      <c r="I135" s="9" t="s">
        <v>54</v>
      </c>
      <c r="J135" s="9" t="s">
        <v>39</v>
      </c>
      <c r="K135" s="6">
        <v>1977</v>
      </c>
      <c r="L135" s="6">
        <v>1502</v>
      </c>
      <c r="M135" s="6">
        <v>1436</v>
      </c>
      <c r="N135" s="6">
        <v>1208</v>
      </c>
      <c r="O135" s="6">
        <v>188</v>
      </c>
      <c r="P135" s="10" t="s">
        <v>55</v>
      </c>
      <c r="Q135" s="6">
        <v>40</v>
      </c>
      <c r="R135" s="6">
        <v>66</v>
      </c>
      <c r="S135" s="6">
        <v>441</v>
      </c>
      <c r="T135" s="6">
        <v>339</v>
      </c>
      <c r="U135" s="10" t="s">
        <v>55</v>
      </c>
      <c r="V135" s="6">
        <v>102</v>
      </c>
      <c r="W135" s="6">
        <v>34</v>
      </c>
      <c r="X135" s="6">
        <v>1288</v>
      </c>
      <c r="Y135" s="6">
        <v>1100</v>
      </c>
      <c r="Z135" s="6">
        <v>155</v>
      </c>
      <c r="AA135" s="10" t="s">
        <v>55</v>
      </c>
      <c r="AB135" s="6">
        <v>33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100</v>
      </c>
      <c r="I136" s="9" t="s">
        <v>54</v>
      </c>
      <c r="J136" s="9" t="s">
        <v>40</v>
      </c>
      <c r="K136" s="6">
        <v>3881</v>
      </c>
      <c r="L136" s="6">
        <v>2487</v>
      </c>
      <c r="M136" s="6">
        <v>2398</v>
      </c>
      <c r="N136" s="6">
        <v>1864</v>
      </c>
      <c r="O136" s="6">
        <v>477</v>
      </c>
      <c r="P136" s="6">
        <v>1</v>
      </c>
      <c r="Q136" s="6">
        <v>56</v>
      </c>
      <c r="R136" s="6">
        <v>89</v>
      </c>
      <c r="S136" s="6">
        <v>1337</v>
      </c>
      <c r="T136" s="6">
        <v>1016</v>
      </c>
      <c r="U136" s="10" t="s">
        <v>55</v>
      </c>
      <c r="V136" s="6">
        <v>321</v>
      </c>
      <c r="W136" s="6">
        <v>57</v>
      </c>
      <c r="X136" s="6">
        <v>2097</v>
      </c>
      <c r="Y136" s="6">
        <v>1661</v>
      </c>
      <c r="Z136" s="6">
        <v>390</v>
      </c>
      <c r="AA136" s="6">
        <v>1</v>
      </c>
      <c r="AB136" s="6">
        <v>45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100</v>
      </c>
      <c r="I137" s="9" t="s">
        <v>54</v>
      </c>
      <c r="J137" s="9" t="s">
        <v>41</v>
      </c>
      <c r="K137" s="6">
        <v>7187</v>
      </c>
      <c r="L137" s="6">
        <v>3313</v>
      </c>
      <c r="M137" s="6">
        <v>3247</v>
      </c>
      <c r="N137" s="6">
        <v>2215</v>
      </c>
      <c r="O137" s="6">
        <v>915</v>
      </c>
      <c r="P137" s="6">
        <v>1</v>
      </c>
      <c r="Q137" s="6">
        <v>116</v>
      </c>
      <c r="R137" s="6">
        <v>66</v>
      </c>
      <c r="S137" s="6">
        <v>3723</v>
      </c>
      <c r="T137" s="6">
        <v>2385</v>
      </c>
      <c r="U137" s="10" t="s">
        <v>55</v>
      </c>
      <c r="V137" s="6">
        <v>1338</v>
      </c>
      <c r="W137" s="6">
        <v>151</v>
      </c>
      <c r="X137" s="6">
        <v>2633</v>
      </c>
      <c r="Y137" s="6">
        <v>1852</v>
      </c>
      <c r="Z137" s="6">
        <v>688</v>
      </c>
      <c r="AA137" s="6">
        <v>1</v>
      </c>
      <c r="AB137" s="6">
        <v>92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100</v>
      </c>
      <c r="I138" s="9" t="s">
        <v>54</v>
      </c>
      <c r="J138" s="9" t="s">
        <v>42</v>
      </c>
      <c r="K138" s="6">
        <v>12141</v>
      </c>
      <c r="L138" s="6">
        <v>3354</v>
      </c>
      <c r="M138" s="6">
        <v>3313</v>
      </c>
      <c r="N138" s="6">
        <v>1938</v>
      </c>
      <c r="O138" s="6">
        <v>1225</v>
      </c>
      <c r="P138" s="6">
        <v>1</v>
      </c>
      <c r="Q138" s="6">
        <v>149</v>
      </c>
      <c r="R138" s="6">
        <v>41</v>
      </c>
      <c r="S138" s="6">
        <v>8382</v>
      </c>
      <c r="T138" s="6">
        <v>4648</v>
      </c>
      <c r="U138" s="6">
        <v>1</v>
      </c>
      <c r="V138" s="6">
        <v>3733</v>
      </c>
      <c r="W138" s="6">
        <v>405</v>
      </c>
      <c r="X138" s="6">
        <v>2293</v>
      </c>
      <c r="Y138" s="6">
        <v>1369</v>
      </c>
      <c r="Z138" s="6">
        <v>832</v>
      </c>
      <c r="AA138" s="6">
        <v>1</v>
      </c>
      <c r="AB138" s="6">
        <v>91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100</v>
      </c>
      <c r="I139" s="9" t="s">
        <v>54</v>
      </c>
      <c r="J139" s="9" t="s">
        <v>43</v>
      </c>
      <c r="K139" s="6">
        <v>16055</v>
      </c>
      <c r="L139" s="6">
        <v>2051</v>
      </c>
      <c r="M139" s="6">
        <v>2035</v>
      </c>
      <c r="N139" s="6">
        <v>1059</v>
      </c>
      <c r="O139" s="6">
        <v>875</v>
      </c>
      <c r="P139" s="10" t="s">
        <v>55</v>
      </c>
      <c r="Q139" s="6">
        <v>101</v>
      </c>
      <c r="R139" s="6">
        <v>16</v>
      </c>
      <c r="S139" s="6">
        <v>13346</v>
      </c>
      <c r="T139" s="6">
        <v>5710</v>
      </c>
      <c r="U139" s="6">
        <v>6</v>
      </c>
      <c r="V139" s="6">
        <v>7630</v>
      </c>
      <c r="W139" s="6">
        <v>658</v>
      </c>
      <c r="X139" s="6">
        <v>991</v>
      </c>
      <c r="Y139" s="6">
        <v>548</v>
      </c>
      <c r="Z139" s="6">
        <v>395</v>
      </c>
      <c r="AA139" s="10" t="s">
        <v>55</v>
      </c>
      <c r="AB139" s="6">
        <v>48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100</v>
      </c>
      <c r="I140" s="9" t="s">
        <v>54</v>
      </c>
      <c r="J140" s="9" t="s">
        <v>44</v>
      </c>
      <c r="K140" s="6">
        <v>23232</v>
      </c>
      <c r="L140" s="6">
        <v>1453</v>
      </c>
      <c r="M140" s="6">
        <v>1443</v>
      </c>
      <c r="N140" s="6">
        <v>665</v>
      </c>
      <c r="O140" s="6">
        <v>709</v>
      </c>
      <c r="P140" s="6">
        <v>1</v>
      </c>
      <c r="Q140" s="6">
        <v>68</v>
      </c>
      <c r="R140" s="6">
        <v>10</v>
      </c>
      <c r="S140" s="6">
        <v>21051</v>
      </c>
      <c r="T140" s="6">
        <v>6690</v>
      </c>
      <c r="U140" s="6">
        <v>5</v>
      </c>
      <c r="V140" s="6">
        <v>14356</v>
      </c>
      <c r="W140" s="6">
        <v>728</v>
      </c>
      <c r="X140" s="6">
        <v>423</v>
      </c>
      <c r="Y140" s="6">
        <v>216</v>
      </c>
      <c r="Z140" s="6">
        <v>191</v>
      </c>
      <c r="AA140" s="10" t="s">
        <v>55</v>
      </c>
      <c r="AB140" s="6">
        <v>16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100</v>
      </c>
      <c r="I141" s="9" t="s">
        <v>54</v>
      </c>
      <c r="J141" s="9" t="s">
        <v>45</v>
      </c>
      <c r="K141" s="6">
        <v>27034</v>
      </c>
      <c r="L141" s="6">
        <v>803</v>
      </c>
      <c r="M141" s="6">
        <v>794</v>
      </c>
      <c r="N141" s="6">
        <v>295</v>
      </c>
      <c r="O141" s="6">
        <v>451</v>
      </c>
      <c r="P141" s="10" t="s">
        <v>55</v>
      </c>
      <c r="Q141" s="6">
        <v>48</v>
      </c>
      <c r="R141" s="6">
        <v>9</v>
      </c>
      <c r="S141" s="6">
        <v>25560</v>
      </c>
      <c r="T141" s="6">
        <v>5116</v>
      </c>
      <c r="U141" s="6">
        <v>11</v>
      </c>
      <c r="V141" s="6">
        <v>20433</v>
      </c>
      <c r="W141" s="6">
        <v>671</v>
      </c>
      <c r="X141" s="6">
        <v>158</v>
      </c>
      <c r="Y141" s="6">
        <v>68</v>
      </c>
      <c r="Z141" s="6">
        <v>80</v>
      </c>
      <c r="AA141" s="10" t="s">
        <v>55</v>
      </c>
      <c r="AB141" s="6">
        <v>10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100</v>
      </c>
      <c r="I142" s="9" t="s">
        <v>54</v>
      </c>
      <c r="J142" s="9" t="s">
        <v>46</v>
      </c>
      <c r="K142" s="6">
        <v>18975</v>
      </c>
      <c r="L142" s="6">
        <v>229</v>
      </c>
      <c r="M142" s="6">
        <v>228</v>
      </c>
      <c r="N142" s="6">
        <v>83</v>
      </c>
      <c r="O142" s="6">
        <v>117</v>
      </c>
      <c r="P142" s="10" t="s">
        <v>55</v>
      </c>
      <c r="Q142" s="6">
        <v>28</v>
      </c>
      <c r="R142" s="6">
        <v>1</v>
      </c>
      <c r="S142" s="6">
        <v>18430</v>
      </c>
      <c r="T142" s="6">
        <v>1837</v>
      </c>
      <c r="U142" s="6">
        <v>1</v>
      </c>
      <c r="V142" s="6">
        <v>16592</v>
      </c>
      <c r="W142" s="6">
        <v>316</v>
      </c>
      <c r="X142" s="6">
        <v>52</v>
      </c>
      <c r="Y142" s="6">
        <v>30</v>
      </c>
      <c r="Z142" s="6">
        <v>20</v>
      </c>
      <c r="AA142" s="10" t="s">
        <v>55</v>
      </c>
      <c r="AB142" s="6">
        <v>2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100</v>
      </c>
      <c r="I143" s="9" t="s">
        <v>54</v>
      </c>
      <c r="J143" s="9" t="s">
        <v>47</v>
      </c>
      <c r="K143" s="6">
        <v>8230</v>
      </c>
      <c r="L143" s="6">
        <v>43</v>
      </c>
      <c r="M143" s="6">
        <v>42</v>
      </c>
      <c r="N143" s="6">
        <v>13</v>
      </c>
      <c r="O143" s="6">
        <v>19</v>
      </c>
      <c r="P143" s="10" t="s">
        <v>55</v>
      </c>
      <c r="Q143" s="6">
        <v>10</v>
      </c>
      <c r="R143" s="6">
        <v>1</v>
      </c>
      <c r="S143" s="6">
        <v>8093</v>
      </c>
      <c r="T143" s="6">
        <v>312</v>
      </c>
      <c r="U143" s="10" t="s">
        <v>55</v>
      </c>
      <c r="V143" s="6">
        <v>7781</v>
      </c>
      <c r="W143" s="6">
        <v>94</v>
      </c>
      <c r="X143" s="6">
        <v>14</v>
      </c>
      <c r="Y143" s="6">
        <v>7</v>
      </c>
      <c r="Z143" s="6">
        <v>7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100</v>
      </c>
      <c r="I144" s="9" t="s">
        <v>54</v>
      </c>
      <c r="J144" s="9" t="s">
        <v>48</v>
      </c>
      <c r="K144" s="6">
        <v>8037</v>
      </c>
      <c r="L144" s="6">
        <v>5778</v>
      </c>
      <c r="M144" s="6">
        <v>5517</v>
      </c>
      <c r="N144" s="6">
        <v>4550</v>
      </c>
      <c r="O144" s="6">
        <v>833</v>
      </c>
      <c r="P144" s="6">
        <v>4</v>
      </c>
      <c r="Q144" s="6">
        <v>130</v>
      </c>
      <c r="R144" s="6">
        <v>261</v>
      </c>
      <c r="S144" s="6">
        <v>2118</v>
      </c>
      <c r="T144" s="6">
        <v>1621</v>
      </c>
      <c r="U144" s="6">
        <v>4</v>
      </c>
      <c r="V144" s="6">
        <v>493</v>
      </c>
      <c r="W144" s="6">
        <v>141</v>
      </c>
      <c r="X144" s="6">
        <v>4953</v>
      </c>
      <c r="Y144" s="6">
        <v>4157</v>
      </c>
      <c r="Z144" s="6">
        <v>686</v>
      </c>
      <c r="AA144" s="6">
        <v>4</v>
      </c>
      <c r="AB144" s="6">
        <v>106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100</v>
      </c>
      <c r="I145" s="9" t="s">
        <v>54</v>
      </c>
      <c r="J145" s="9" t="s">
        <v>49</v>
      </c>
      <c r="K145" s="6">
        <v>112854</v>
      </c>
      <c r="L145" s="6">
        <v>11246</v>
      </c>
      <c r="M145" s="6">
        <v>11102</v>
      </c>
      <c r="N145" s="6">
        <v>6268</v>
      </c>
      <c r="O145" s="6">
        <v>4311</v>
      </c>
      <c r="P145" s="6">
        <v>3</v>
      </c>
      <c r="Q145" s="6">
        <v>520</v>
      </c>
      <c r="R145" s="6">
        <v>144</v>
      </c>
      <c r="S145" s="6">
        <v>98585</v>
      </c>
      <c r="T145" s="6">
        <v>26698</v>
      </c>
      <c r="U145" s="6">
        <v>24</v>
      </c>
      <c r="V145" s="6">
        <v>71863</v>
      </c>
      <c r="W145" s="6">
        <v>3023</v>
      </c>
      <c r="X145" s="6">
        <v>6564</v>
      </c>
      <c r="Y145" s="6">
        <v>4090</v>
      </c>
      <c r="Z145" s="6">
        <v>2213</v>
      </c>
      <c r="AA145" s="6">
        <v>2</v>
      </c>
      <c r="AB145" s="6">
        <v>259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100</v>
      </c>
      <c r="I146" s="9" t="s">
        <v>54</v>
      </c>
      <c r="J146" s="9" t="s">
        <v>50</v>
      </c>
      <c r="K146" s="6">
        <v>93526</v>
      </c>
      <c r="L146" s="6">
        <v>4579</v>
      </c>
      <c r="M146" s="6">
        <v>4542</v>
      </c>
      <c r="N146" s="6">
        <v>2115</v>
      </c>
      <c r="O146" s="6">
        <v>2171</v>
      </c>
      <c r="P146" s="6">
        <v>1</v>
      </c>
      <c r="Q146" s="6">
        <v>255</v>
      </c>
      <c r="R146" s="6">
        <v>37</v>
      </c>
      <c r="S146" s="6">
        <v>86480</v>
      </c>
      <c r="T146" s="6">
        <v>19665</v>
      </c>
      <c r="U146" s="6">
        <v>23</v>
      </c>
      <c r="V146" s="6">
        <v>66792</v>
      </c>
      <c r="W146" s="6">
        <v>2467</v>
      </c>
      <c r="X146" s="6">
        <v>1638</v>
      </c>
      <c r="Y146" s="6">
        <v>869</v>
      </c>
      <c r="Z146" s="6">
        <v>693</v>
      </c>
      <c r="AA146" s="10" t="s">
        <v>55</v>
      </c>
      <c r="AB146" s="6">
        <v>76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100</v>
      </c>
      <c r="I147" s="9" t="s">
        <v>54</v>
      </c>
      <c r="J147" s="9" t="s">
        <v>51</v>
      </c>
      <c r="K147" s="6">
        <v>54239</v>
      </c>
      <c r="L147" s="6">
        <v>1075</v>
      </c>
      <c r="M147" s="6">
        <v>1064</v>
      </c>
      <c r="N147" s="6">
        <v>391</v>
      </c>
      <c r="O147" s="6">
        <v>587</v>
      </c>
      <c r="P147" s="10" t="s">
        <v>55</v>
      </c>
      <c r="Q147" s="6">
        <v>86</v>
      </c>
      <c r="R147" s="6">
        <v>11</v>
      </c>
      <c r="S147" s="6">
        <v>52083</v>
      </c>
      <c r="T147" s="6">
        <v>7265</v>
      </c>
      <c r="U147" s="6">
        <v>12</v>
      </c>
      <c r="V147" s="6">
        <v>44806</v>
      </c>
      <c r="W147" s="6">
        <v>1081</v>
      </c>
      <c r="X147" s="6">
        <v>224</v>
      </c>
      <c r="Y147" s="6">
        <v>105</v>
      </c>
      <c r="Z147" s="6">
        <v>107</v>
      </c>
      <c r="AA147" s="10" t="s">
        <v>55</v>
      </c>
      <c r="AB147" s="6">
        <v>12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100</v>
      </c>
      <c r="I148" s="9" t="s">
        <v>54</v>
      </c>
      <c r="J148" s="9" t="s">
        <v>52</v>
      </c>
      <c r="K148" s="6">
        <v>15220</v>
      </c>
      <c r="L148" s="6">
        <v>9091</v>
      </c>
      <c r="M148" s="6">
        <v>8764</v>
      </c>
      <c r="N148" s="6">
        <v>6765</v>
      </c>
      <c r="O148" s="6">
        <v>1748</v>
      </c>
      <c r="P148" s="6">
        <v>5</v>
      </c>
      <c r="Q148" s="6">
        <v>246</v>
      </c>
      <c r="R148" s="6">
        <v>327</v>
      </c>
      <c r="S148" s="6">
        <v>5838</v>
      </c>
      <c r="T148" s="6">
        <v>4005</v>
      </c>
      <c r="U148" s="6">
        <v>3</v>
      </c>
      <c r="V148" s="6">
        <v>1830</v>
      </c>
      <c r="W148" s="6">
        <v>291</v>
      </c>
      <c r="X148" s="6">
        <v>7586</v>
      </c>
      <c r="Y148" s="6">
        <v>6009</v>
      </c>
      <c r="Z148" s="6">
        <v>1374</v>
      </c>
      <c r="AA148" s="6">
        <v>5</v>
      </c>
      <c r="AB148" s="6">
        <v>198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100</v>
      </c>
      <c r="I149" s="9" t="s">
        <v>6</v>
      </c>
      <c r="J149" s="9" t="s">
        <v>30</v>
      </c>
      <c r="K149" s="6">
        <v>12146</v>
      </c>
      <c r="L149" s="6">
        <v>1799</v>
      </c>
      <c r="M149" s="6">
        <v>1739</v>
      </c>
      <c r="N149" s="6">
        <v>1268</v>
      </c>
      <c r="O149" s="6">
        <v>397</v>
      </c>
      <c r="P149" s="6">
        <v>1</v>
      </c>
      <c r="Q149" s="6">
        <v>73</v>
      </c>
      <c r="R149" s="6">
        <v>60</v>
      </c>
      <c r="S149" s="6">
        <v>10130</v>
      </c>
      <c r="T149" s="6">
        <v>2406</v>
      </c>
      <c r="U149" s="6">
        <v>6</v>
      </c>
      <c r="V149" s="6">
        <v>7718</v>
      </c>
      <c r="W149" s="6">
        <v>217</v>
      </c>
      <c r="X149" s="6">
        <v>1155</v>
      </c>
      <c r="Y149" s="6">
        <v>900</v>
      </c>
      <c r="Z149" s="6">
        <v>213</v>
      </c>
      <c r="AA149" s="6">
        <v>1</v>
      </c>
      <c r="AB149" s="6">
        <v>41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100</v>
      </c>
      <c r="I150" s="9" t="s">
        <v>6</v>
      </c>
      <c r="J150" s="9" t="s">
        <v>31</v>
      </c>
      <c r="K150" s="10" t="s">
        <v>55</v>
      </c>
      <c r="L150" s="10" t="s">
        <v>55</v>
      </c>
      <c r="M150" s="10" t="s">
        <v>55</v>
      </c>
      <c r="N150" s="10" t="s">
        <v>55</v>
      </c>
      <c r="O150" s="10" t="s">
        <v>55</v>
      </c>
      <c r="P150" s="10" t="s">
        <v>55</v>
      </c>
      <c r="Q150" s="10" t="s">
        <v>55</v>
      </c>
      <c r="R150" s="10" t="s">
        <v>55</v>
      </c>
      <c r="S150" s="10" t="s">
        <v>55</v>
      </c>
      <c r="T150" s="10" t="s">
        <v>55</v>
      </c>
      <c r="U150" s="10" t="s">
        <v>55</v>
      </c>
      <c r="V150" s="10" t="s">
        <v>55</v>
      </c>
      <c r="W150" s="10" t="s">
        <v>55</v>
      </c>
      <c r="X150" s="10" t="s">
        <v>55</v>
      </c>
      <c r="Y150" s="10" t="s">
        <v>55</v>
      </c>
      <c r="Z150" s="10" t="s">
        <v>55</v>
      </c>
      <c r="AA150" s="10" t="s">
        <v>55</v>
      </c>
      <c r="AB150" s="10" t="s">
        <v>55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100</v>
      </c>
      <c r="I151" s="9" t="s">
        <v>6</v>
      </c>
      <c r="J151" s="9" t="s">
        <v>32</v>
      </c>
      <c r="K151" s="6">
        <v>1</v>
      </c>
      <c r="L151" s="6">
        <v>1</v>
      </c>
      <c r="M151" s="6">
        <v>1</v>
      </c>
      <c r="N151" s="6">
        <v>1</v>
      </c>
      <c r="O151" s="10" t="s">
        <v>55</v>
      </c>
      <c r="P151" s="10" t="s">
        <v>55</v>
      </c>
      <c r="Q151" s="10" t="s">
        <v>55</v>
      </c>
      <c r="R151" s="10" t="s">
        <v>55</v>
      </c>
      <c r="S151" s="10" t="s">
        <v>55</v>
      </c>
      <c r="T151" s="10" t="s">
        <v>55</v>
      </c>
      <c r="U151" s="10" t="s">
        <v>55</v>
      </c>
      <c r="V151" s="10" t="s">
        <v>55</v>
      </c>
      <c r="W151" s="10" t="s">
        <v>55</v>
      </c>
      <c r="X151" s="6">
        <v>1</v>
      </c>
      <c r="Y151" s="6">
        <v>1</v>
      </c>
      <c r="Z151" s="10" t="s">
        <v>55</v>
      </c>
      <c r="AA151" s="10" t="s">
        <v>55</v>
      </c>
      <c r="AB151" s="10" t="s">
        <v>55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100</v>
      </c>
      <c r="I152" s="9" t="s">
        <v>6</v>
      </c>
      <c r="J152" s="9" t="s">
        <v>33</v>
      </c>
      <c r="K152" s="6">
        <v>3</v>
      </c>
      <c r="L152" s="6">
        <v>3</v>
      </c>
      <c r="M152" s="6">
        <v>2</v>
      </c>
      <c r="N152" s="6">
        <v>2</v>
      </c>
      <c r="O152" s="10" t="s">
        <v>55</v>
      </c>
      <c r="P152" s="10" t="s">
        <v>55</v>
      </c>
      <c r="Q152" s="10" t="s">
        <v>55</v>
      </c>
      <c r="R152" s="6">
        <v>1</v>
      </c>
      <c r="S152" s="10" t="s">
        <v>55</v>
      </c>
      <c r="T152" s="10" t="s">
        <v>55</v>
      </c>
      <c r="U152" s="10" t="s">
        <v>55</v>
      </c>
      <c r="V152" s="10" t="s">
        <v>55</v>
      </c>
      <c r="W152" s="10" t="s">
        <v>55</v>
      </c>
      <c r="X152" s="6">
        <v>2</v>
      </c>
      <c r="Y152" s="6">
        <v>2</v>
      </c>
      <c r="Z152" s="10" t="s">
        <v>55</v>
      </c>
      <c r="AA152" s="10" t="s">
        <v>55</v>
      </c>
      <c r="AB152" s="10" t="s">
        <v>55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100</v>
      </c>
      <c r="I153" s="9" t="s">
        <v>6</v>
      </c>
      <c r="J153" s="9" t="s">
        <v>34</v>
      </c>
      <c r="K153" s="6">
        <v>11</v>
      </c>
      <c r="L153" s="6">
        <v>11</v>
      </c>
      <c r="M153" s="6">
        <v>10</v>
      </c>
      <c r="N153" s="6">
        <v>9</v>
      </c>
      <c r="O153" s="6">
        <v>1</v>
      </c>
      <c r="P153" s="10" t="s">
        <v>55</v>
      </c>
      <c r="Q153" s="10" t="s">
        <v>55</v>
      </c>
      <c r="R153" s="6">
        <v>1</v>
      </c>
      <c r="S153" s="10" t="s">
        <v>55</v>
      </c>
      <c r="T153" s="10" t="s">
        <v>55</v>
      </c>
      <c r="U153" s="10" t="s">
        <v>55</v>
      </c>
      <c r="V153" s="10" t="s">
        <v>55</v>
      </c>
      <c r="W153" s="10" t="s">
        <v>55</v>
      </c>
      <c r="X153" s="6">
        <v>10</v>
      </c>
      <c r="Y153" s="6">
        <v>9</v>
      </c>
      <c r="Z153" s="6">
        <v>1</v>
      </c>
      <c r="AA153" s="10" t="s">
        <v>55</v>
      </c>
      <c r="AB153" s="10" t="s">
        <v>55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100</v>
      </c>
      <c r="I154" s="9" t="s">
        <v>6</v>
      </c>
      <c r="J154" s="9" t="s">
        <v>35</v>
      </c>
      <c r="K154" s="6">
        <v>24</v>
      </c>
      <c r="L154" s="6">
        <v>23</v>
      </c>
      <c r="M154" s="6">
        <v>21</v>
      </c>
      <c r="N154" s="6">
        <v>20</v>
      </c>
      <c r="O154" s="6">
        <v>1</v>
      </c>
      <c r="P154" s="10" t="s">
        <v>55</v>
      </c>
      <c r="Q154" s="10" t="s">
        <v>55</v>
      </c>
      <c r="R154" s="6">
        <v>2</v>
      </c>
      <c r="S154" s="6">
        <v>1</v>
      </c>
      <c r="T154" s="6">
        <v>1</v>
      </c>
      <c r="U154" s="10" t="s">
        <v>55</v>
      </c>
      <c r="V154" s="10" t="s">
        <v>55</v>
      </c>
      <c r="W154" s="10" t="s">
        <v>55</v>
      </c>
      <c r="X154" s="6">
        <v>21</v>
      </c>
      <c r="Y154" s="6">
        <v>20</v>
      </c>
      <c r="Z154" s="6">
        <v>1</v>
      </c>
      <c r="AA154" s="10" t="s">
        <v>55</v>
      </c>
      <c r="AB154" s="10" t="s">
        <v>55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100</v>
      </c>
      <c r="I155" s="9" t="s">
        <v>6</v>
      </c>
      <c r="J155" s="9" t="s">
        <v>36</v>
      </c>
      <c r="K155" s="6">
        <v>36</v>
      </c>
      <c r="L155" s="6">
        <v>31</v>
      </c>
      <c r="M155" s="6">
        <v>31</v>
      </c>
      <c r="N155" s="6">
        <v>29</v>
      </c>
      <c r="O155" s="6">
        <v>1</v>
      </c>
      <c r="P155" s="10" t="s">
        <v>55</v>
      </c>
      <c r="Q155" s="6">
        <v>1</v>
      </c>
      <c r="R155" s="10" t="s">
        <v>55</v>
      </c>
      <c r="S155" s="6">
        <v>4</v>
      </c>
      <c r="T155" s="6">
        <v>3</v>
      </c>
      <c r="U155" s="10" t="s">
        <v>55</v>
      </c>
      <c r="V155" s="6">
        <v>1</v>
      </c>
      <c r="W155" s="6">
        <v>1</v>
      </c>
      <c r="X155" s="6">
        <v>29</v>
      </c>
      <c r="Y155" s="6">
        <v>27</v>
      </c>
      <c r="Z155" s="6">
        <v>1</v>
      </c>
      <c r="AA155" s="10" t="s">
        <v>55</v>
      </c>
      <c r="AB155" s="6">
        <v>1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100</v>
      </c>
      <c r="I156" s="9" t="s">
        <v>6</v>
      </c>
      <c r="J156" s="9" t="s">
        <v>37</v>
      </c>
      <c r="K156" s="6">
        <v>63</v>
      </c>
      <c r="L156" s="6">
        <v>52</v>
      </c>
      <c r="M156" s="6">
        <v>51</v>
      </c>
      <c r="N156" s="6">
        <v>49</v>
      </c>
      <c r="O156" s="6">
        <v>2</v>
      </c>
      <c r="P156" s="10" t="s">
        <v>55</v>
      </c>
      <c r="Q156" s="10" t="s">
        <v>55</v>
      </c>
      <c r="R156" s="6">
        <v>1</v>
      </c>
      <c r="S156" s="6">
        <v>9</v>
      </c>
      <c r="T156" s="6">
        <v>7</v>
      </c>
      <c r="U156" s="10" t="s">
        <v>55</v>
      </c>
      <c r="V156" s="6">
        <v>2</v>
      </c>
      <c r="W156" s="6">
        <v>2</v>
      </c>
      <c r="X156" s="6">
        <v>44</v>
      </c>
      <c r="Y156" s="6">
        <v>42</v>
      </c>
      <c r="Z156" s="6">
        <v>2</v>
      </c>
      <c r="AA156" s="10" t="s">
        <v>55</v>
      </c>
      <c r="AB156" s="10" t="s">
        <v>55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100</v>
      </c>
      <c r="I157" s="9" t="s">
        <v>6</v>
      </c>
      <c r="J157" s="9" t="s">
        <v>38</v>
      </c>
      <c r="K157" s="6">
        <v>91</v>
      </c>
      <c r="L157" s="6">
        <v>78</v>
      </c>
      <c r="M157" s="6">
        <v>71</v>
      </c>
      <c r="N157" s="6">
        <v>62</v>
      </c>
      <c r="O157" s="6">
        <v>8</v>
      </c>
      <c r="P157" s="10" t="s">
        <v>55</v>
      </c>
      <c r="Q157" s="6">
        <v>1</v>
      </c>
      <c r="R157" s="6">
        <v>7</v>
      </c>
      <c r="S157" s="6">
        <v>10</v>
      </c>
      <c r="T157" s="6">
        <v>9</v>
      </c>
      <c r="U157" s="10" t="s">
        <v>55</v>
      </c>
      <c r="V157" s="6">
        <v>1</v>
      </c>
      <c r="W157" s="6">
        <v>3</v>
      </c>
      <c r="X157" s="6">
        <v>70</v>
      </c>
      <c r="Y157" s="6">
        <v>61</v>
      </c>
      <c r="Z157" s="6">
        <v>8</v>
      </c>
      <c r="AA157" s="10" t="s">
        <v>55</v>
      </c>
      <c r="AB157" s="6">
        <v>1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100</v>
      </c>
      <c r="I158" s="9" t="s">
        <v>6</v>
      </c>
      <c r="J158" s="9" t="s">
        <v>39</v>
      </c>
      <c r="K158" s="6">
        <v>236</v>
      </c>
      <c r="L158" s="6">
        <v>184</v>
      </c>
      <c r="M158" s="6">
        <v>175</v>
      </c>
      <c r="N158" s="6">
        <v>154</v>
      </c>
      <c r="O158" s="6">
        <v>18</v>
      </c>
      <c r="P158" s="10" t="s">
        <v>55</v>
      </c>
      <c r="Q158" s="6">
        <v>3</v>
      </c>
      <c r="R158" s="6">
        <v>9</v>
      </c>
      <c r="S158" s="6">
        <v>47</v>
      </c>
      <c r="T158" s="6">
        <v>32</v>
      </c>
      <c r="U158" s="10" t="s">
        <v>55</v>
      </c>
      <c r="V158" s="6">
        <v>15</v>
      </c>
      <c r="W158" s="6">
        <v>5</v>
      </c>
      <c r="X158" s="6">
        <v>154</v>
      </c>
      <c r="Y158" s="6">
        <v>137</v>
      </c>
      <c r="Z158" s="6">
        <v>15</v>
      </c>
      <c r="AA158" s="10" t="s">
        <v>55</v>
      </c>
      <c r="AB158" s="6">
        <v>2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100</v>
      </c>
      <c r="I159" s="9" t="s">
        <v>6</v>
      </c>
      <c r="J159" s="9" t="s">
        <v>40</v>
      </c>
      <c r="K159" s="6">
        <v>393</v>
      </c>
      <c r="L159" s="6">
        <v>250</v>
      </c>
      <c r="M159" s="6">
        <v>241</v>
      </c>
      <c r="N159" s="6">
        <v>200</v>
      </c>
      <c r="O159" s="6">
        <v>33</v>
      </c>
      <c r="P159" s="10" t="s">
        <v>55</v>
      </c>
      <c r="Q159" s="6">
        <v>8</v>
      </c>
      <c r="R159" s="6">
        <v>9</v>
      </c>
      <c r="S159" s="6">
        <v>132</v>
      </c>
      <c r="T159" s="6">
        <v>89</v>
      </c>
      <c r="U159" s="10" t="s">
        <v>55</v>
      </c>
      <c r="V159" s="6">
        <v>43</v>
      </c>
      <c r="W159" s="6">
        <v>11</v>
      </c>
      <c r="X159" s="6">
        <v>203</v>
      </c>
      <c r="Y159" s="6">
        <v>171</v>
      </c>
      <c r="Z159" s="6">
        <v>26</v>
      </c>
      <c r="AA159" s="10" t="s">
        <v>55</v>
      </c>
      <c r="AB159" s="6">
        <v>6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100</v>
      </c>
      <c r="I160" s="9" t="s">
        <v>6</v>
      </c>
      <c r="J160" s="9" t="s">
        <v>41</v>
      </c>
      <c r="K160" s="6">
        <v>759</v>
      </c>
      <c r="L160" s="6">
        <v>359</v>
      </c>
      <c r="M160" s="6">
        <v>347</v>
      </c>
      <c r="N160" s="6">
        <v>261</v>
      </c>
      <c r="O160" s="6">
        <v>72</v>
      </c>
      <c r="P160" s="10" t="s">
        <v>55</v>
      </c>
      <c r="Q160" s="6">
        <v>14</v>
      </c>
      <c r="R160" s="6">
        <v>12</v>
      </c>
      <c r="S160" s="6">
        <v>386</v>
      </c>
      <c r="T160" s="6">
        <v>200</v>
      </c>
      <c r="U160" s="10" t="s">
        <v>55</v>
      </c>
      <c r="V160" s="6">
        <v>186</v>
      </c>
      <c r="W160" s="6">
        <v>14</v>
      </c>
      <c r="X160" s="6">
        <v>246</v>
      </c>
      <c r="Y160" s="6">
        <v>185</v>
      </c>
      <c r="Z160" s="6">
        <v>50</v>
      </c>
      <c r="AA160" s="10" t="s">
        <v>55</v>
      </c>
      <c r="AB160" s="6">
        <v>11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100</v>
      </c>
      <c r="I161" s="9" t="s">
        <v>6</v>
      </c>
      <c r="J161" s="9" t="s">
        <v>42</v>
      </c>
      <c r="K161" s="6">
        <v>1248</v>
      </c>
      <c r="L161" s="6">
        <v>345</v>
      </c>
      <c r="M161" s="6">
        <v>334</v>
      </c>
      <c r="N161" s="6">
        <v>211</v>
      </c>
      <c r="O161" s="6">
        <v>99</v>
      </c>
      <c r="P161" s="10" t="s">
        <v>55</v>
      </c>
      <c r="Q161" s="6">
        <v>24</v>
      </c>
      <c r="R161" s="6">
        <v>11</v>
      </c>
      <c r="S161" s="6">
        <v>875</v>
      </c>
      <c r="T161" s="6">
        <v>419</v>
      </c>
      <c r="U161" s="10" t="s">
        <v>55</v>
      </c>
      <c r="V161" s="6">
        <v>456</v>
      </c>
      <c r="W161" s="6">
        <v>28</v>
      </c>
      <c r="X161" s="6">
        <v>205</v>
      </c>
      <c r="Y161" s="6">
        <v>133</v>
      </c>
      <c r="Z161" s="6">
        <v>58</v>
      </c>
      <c r="AA161" s="10" t="s">
        <v>55</v>
      </c>
      <c r="AB161" s="6">
        <v>14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100</v>
      </c>
      <c r="I162" s="9" t="s">
        <v>6</v>
      </c>
      <c r="J162" s="9" t="s">
        <v>43</v>
      </c>
      <c r="K162" s="6">
        <v>1738</v>
      </c>
      <c r="L162" s="6">
        <v>213</v>
      </c>
      <c r="M162" s="6">
        <v>208</v>
      </c>
      <c r="N162" s="6">
        <v>127</v>
      </c>
      <c r="O162" s="6">
        <v>66</v>
      </c>
      <c r="P162" s="6">
        <v>1</v>
      </c>
      <c r="Q162" s="6">
        <v>14</v>
      </c>
      <c r="R162" s="6">
        <v>5</v>
      </c>
      <c r="S162" s="6">
        <v>1499</v>
      </c>
      <c r="T162" s="6">
        <v>512</v>
      </c>
      <c r="U162" s="6">
        <v>2</v>
      </c>
      <c r="V162" s="6">
        <v>985</v>
      </c>
      <c r="W162" s="6">
        <v>26</v>
      </c>
      <c r="X162" s="6">
        <v>102</v>
      </c>
      <c r="Y162" s="6">
        <v>64</v>
      </c>
      <c r="Z162" s="6">
        <v>31</v>
      </c>
      <c r="AA162" s="6">
        <v>1</v>
      </c>
      <c r="AB162" s="6">
        <v>6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100</v>
      </c>
      <c r="I163" s="9" t="s">
        <v>6</v>
      </c>
      <c r="J163" s="9" t="s">
        <v>44</v>
      </c>
      <c r="K163" s="6">
        <v>2342</v>
      </c>
      <c r="L163" s="6">
        <v>146</v>
      </c>
      <c r="M163" s="6">
        <v>144</v>
      </c>
      <c r="N163" s="6">
        <v>85</v>
      </c>
      <c r="O163" s="6">
        <v>56</v>
      </c>
      <c r="P163" s="10" t="s">
        <v>55</v>
      </c>
      <c r="Q163" s="6">
        <v>3</v>
      </c>
      <c r="R163" s="6">
        <v>2</v>
      </c>
      <c r="S163" s="6">
        <v>2149</v>
      </c>
      <c r="T163" s="6">
        <v>563</v>
      </c>
      <c r="U163" s="10" t="s">
        <v>55</v>
      </c>
      <c r="V163" s="6">
        <v>1586</v>
      </c>
      <c r="W163" s="6">
        <v>47</v>
      </c>
      <c r="X163" s="6">
        <v>40</v>
      </c>
      <c r="Y163" s="6">
        <v>30</v>
      </c>
      <c r="Z163" s="6">
        <v>10</v>
      </c>
      <c r="AA163" s="10" t="s">
        <v>55</v>
      </c>
      <c r="AB163" s="10" t="s">
        <v>55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100</v>
      </c>
      <c r="I164" s="9" t="s">
        <v>6</v>
      </c>
      <c r="J164" s="9" t="s">
        <v>45</v>
      </c>
      <c r="K164" s="6">
        <v>2782</v>
      </c>
      <c r="L164" s="6">
        <v>80</v>
      </c>
      <c r="M164" s="6">
        <v>80</v>
      </c>
      <c r="N164" s="6">
        <v>43</v>
      </c>
      <c r="O164" s="6">
        <v>32</v>
      </c>
      <c r="P164" s="10" t="s">
        <v>55</v>
      </c>
      <c r="Q164" s="6">
        <v>5</v>
      </c>
      <c r="R164" s="10" t="s">
        <v>55</v>
      </c>
      <c r="S164" s="6">
        <v>2648</v>
      </c>
      <c r="T164" s="6">
        <v>415</v>
      </c>
      <c r="U164" s="6">
        <v>3</v>
      </c>
      <c r="V164" s="6">
        <v>2230</v>
      </c>
      <c r="W164" s="6">
        <v>54</v>
      </c>
      <c r="X164" s="6">
        <v>18</v>
      </c>
      <c r="Y164" s="6">
        <v>9</v>
      </c>
      <c r="Z164" s="6">
        <v>9</v>
      </c>
      <c r="AA164" s="10" t="s">
        <v>55</v>
      </c>
      <c r="AB164" s="10" t="s">
        <v>55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100</v>
      </c>
      <c r="I165" s="9" t="s">
        <v>6</v>
      </c>
      <c r="J165" s="9" t="s">
        <v>46</v>
      </c>
      <c r="K165" s="6">
        <v>1786</v>
      </c>
      <c r="L165" s="6">
        <v>22</v>
      </c>
      <c r="M165" s="6">
        <v>22</v>
      </c>
      <c r="N165" s="6">
        <v>14</v>
      </c>
      <c r="O165" s="6">
        <v>8</v>
      </c>
      <c r="P165" s="10" t="s">
        <v>55</v>
      </c>
      <c r="Q165" s="10" t="s">
        <v>55</v>
      </c>
      <c r="R165" s="10" t="s">
        <v>55</v>
      </c>
      <c r="S165" s="6">
        <v>1740</v>
      </c>
      <c r="T165" s="6">
        <v>134</v>
      </c>
      <c r="U165" s="6">
        <v>1</v>
      </c>
      <c r="V165" s="6">
        <v>1605</v>
      </c>
      <c r="W165" s="6">
        <v>24</v>
      </c>
      <c r="X165" s="6">
        <v>9</v>
      </c>
      <c r="Y165" s="6">
        <v>8</v>
      </c>
      <c r="Z165" s="6">
        <v>1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100</v>
      </c>
      <c r="I166" s="9" t="s">
        <v>6</v>
      </c>
      <c r="J166" s="9" t="s">
        <v>47</v>
      </c>
      <c r="K166" s="6">
        <v>633</v>
      </c>
      <c r="L166" s="6">
        <v>1</v>
      </c>
      <c r="M166" s="6">
        <v>1</v>
      </c>
      <c r="N166" s="6">
        <v>1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630</v>
      </c>
      <c r="T166" s="6">
        <v>22</v>
      </c>
      <c r="U166" s="10" t="s">
        <v>55</v>
      </c>
      <c r="V166" s="6">
        <v>608</v>
      </c>
      <c r="W166" s="6">
        <v>2</v>
      </c>
      <c r="X166" s="6">
        <v>1</v>
      </c>
      <c r="Y166" s="6">
        <v>1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100</v>
      </c>
      <c r="I167" s="9" t="s">
        <v>6</v>
      </c>
      <c r="J167" s="9" t="s">
        <v>48</v>
      </c>
      <c r="K167" s="6">
        <v>858</v>
      </c>
      <c r="L167" s="6">
        <v>633</v>
      </c>
      <c r="M167" s="6">
        <v>603</v>
      </c>
      <c r="N167" s="6">
        <v>526</v>
      </c>
      <c r="O167" s="6">
        <v>64</v>
      </c>
      <c r="P167" s="10" t="s">
        <v>55</v>
      </c>
      <c r="Q167" s="6">
        <v>13</v>
      </c>
      <c r="R167" s="6">
        <v>30</v>
      </c>
      <c r="S167" s="6">
        <v>203</v>
      </c>
      <c r="T167" s="6">
        <v>141</v>
      </c>
      <c r="U167" s="10" t="s">
        <v>55</v>
      </c>
      <c r="V167" s="6">
        <v>62</v>
      </c>
      <c r="W167" s="6">
        <v>22</v>
      </c>
      <c r="X167" s="6">
        <v>534</v>
      </c>
      <c r="Y167" s="6">
        <v>470</v>
      </c>
      <c r="Z167" s="6">
        <v>54</v>
      </c>
      <c r="AA167" s="10" t="s">
        <v>55</v>
      </c>
      <c r="AB167" s="6">
        <v>10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100</v>
      </c>
      <c r="I168" s="9" t="s">
        <v>6</v>
      </c>
      <c r="J168" s="9" t="s">
        <v>49</v>
      </c>
      <c r="K168" s="6">
        <v>11288</v>
      </c>
      <c r="L168" s="6">
        <v>1166</v>
      </c>
      <c r="M168" s="6">
        <v>1136</v>
      </c>
      <c r="N168" s="6">
        <v>742</v>
      </c>
      <c r="O168" s="6">
        <v>333</v>
      </c>
      <c r="P168" s="6">
        <v>1</v>
      </c>
      <c r="Q168" s="6">
        <v>60</v>
      </c>
      <c r="R168" s="6">
        <v>30</v>
      </c>
      <c r="S168" s="6">
        <v>9927</v>
      </c>
      <c r="T168" s="6">
        <v>2265</v>
      </c>
      <c r="U168" s="6">
        <v>6</v>
      </c>
      <c r="V168" s="6">
        <v>7656</v>
      </c>
      <c r="W168" s="6">
        <v>195</v>
      </c>
      <c r="X168" s="6">
        <v>621</v>
      </c>
      <c r="Y168" s="6">
        <v>430</v>
      </c>
      <c r="Z168" s="6">
        <v>159</v>
      </c>
      <c r="AA168" s="6">
        <v>1</v>
      </c>
      <c r="AB168" s="6">
        <v>31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100</v>
      </c>
      <c r="I169" s="9" t="s">
        <v>6</v>
      </c>
      <c r="J169" s="9" t="s">
        <v>50</v>
      </c>
      <c r="K169" s="6">
        <v>9281</v>
      </c>
      <c r="L169" s="6">
        <v>462</v>
      </c>
      <c r="M169" s="6">
        <v>455</v>
      </c>
      <c r="N169" s="6">
        <v>270</v>
      </c>
      <c r="O169" s="6">
        <v>162</v>
      </c>
      <c r="P169" s="6">
        <v>1</v>
      </c>
      <c r="Q169" s="6">
        <v>22</v>
      </c>
      <c r="R169" s="6">
        <v>7</v>
      </c>
      <c r="S169" s="6">
        <v>8666</v>
      </c>
      <c r="T169" s="6">
        <v>1646</v>
      </c>
      <c r="U169" s="6">
        <v>6</v>
      </c>
      <c r="V169" s="6">
        <v>7014</v>
      </c>
      <c r="W169" s="6">
        <v>153</v>
      </c>
      <c r="X169" s="6">
        <v>170</v>
      </c>
      <c r="Y169" s="6">
        <v>112</v>
      </c>
      <c r="Z169" s="6">
        <v>51</v>
      </c>
      <c r="AA169" s="6">
        <v>1</v>
      </c>
      <c r="AB169" s="6">
        <v>6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100</v>
      </c>
      <c r="I170" s="9" t="s">
        <v>6</v>
      </c>
      <c r="J170" s="9" t="s">
        <v>51</v>
      </c>
      <c r="K170" s="6">
        <v>5201</v>
      </c>
      <c r="L170" s="6">
        <v>103</v>
      </c>
      <c r="M170" s="6">
        <v>103</v>
      </c>
      <c r="N170" s="6">
        <v>58</v>
      </c>
      <c r="O170" s="6">
        <v>40</v>
      </c>
      <c r="P170" s="10" t="s">
        <v>55</v>
      </c>
      <c r="Q170" s="6">
        <v>5</v>
      </c>
      <c r="R170" s="10" t="s">
        <v>55</v>
      </c>
      <c r="S170" s="6">
        <v>5018</v>
      </c>
      <c r="T170" s="6">
        <v>571</v>
      </c>
      <c r="U170" s="6">
        <v>4</v>
      </c>
      <c r="V170" s="6">
        <v>4443</v>
      </c>
      <c r="W170" s="6">
        <v>80</v>
      </c>
      <c r="X170" s="6">
        <v>28</v>
      </c>
      <c r="Y170" s="6">
        <v>18</v>
      </c>
      <c r="Z170" s="6">
        <v>10</v>
      </c>
      <c r="AA170" s="10" t="s">
        <v>55</v>
      </c>
      <c r="AB170" s="10" t="s">
        <v>55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100</v>
      </c>
      <c r="I171" s="9" t="s">
        <v>6</v>
      </c>
      <c r="J171" s="9" t="s">
        <v>52</v>
      </c>
      <c r="K171" s="6">
        <v>1617</v>
      </c>
      <c r="L171" s="6">
        <v>992</v>
      </c>
      <c r="M171" s="6">
        <v>950</v>
      </c>
      <c r="N171" s="6">
        <v>787</v>
      </c>
      <c r="O171" s="6">
        <v>136</v>
      </c>
      <c r="P171" s="10" t="s">
        <v>55</v>
      </c>
      <c r="Q171" s="6">
        <v>27</v>
      </c>
      <c r="R171" s="6">
        <v>42</v>
      </c>
      <c r="S171" s="6">
        <v>589</v>
      </c>
      <c r="T171" s="6">
        <v>341</v>
      </c>
      <c r="U171" s="10" t="s">
        <v>55</v>
      </c>
      <c r="V171" s="6">
        <v>248</v>
      </c>
      <c r="W171" s="6">
        <v>36</v>
      </c>
      <c r="X171" s="6">
        <v>780</v>
      </c>
      <c r="Y171" s="6">
        <v>655</v>
      </c>
      <c r="Z171" s="6">
        <v>104</v>
      </c>
      <c r="AA171" s="10" t="s">
        <v>55</v>
      </c>
      <c r="AB171" s="6">
        <v>21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100</v>
      </c>
      <c r="I172" s="9" t="s">
        <v>53</v>
      </c>
      <c r="J172" s="9" t="s">
        <v>30</v>
      </c>
      <c r="K172" s="6">
        <v>1992</v>
      </c>
      <c r="L172" s="6">
        <v>444</v>
      </c>
      <c r="M172" s="6">
        <v>421</v>
      </c>
      <c r="N172" s="6">
        <v>366</v>
      </c>
      <c r="O172" s="6">
        <v>34</v>
      </c>
      <c r="P172" s="6">
        <v>1</v>
      </c>
      <c r="Q172" s="6">
        <v>20</v>
      </c>
      <c r="R172" s="6">
        <v>23</v>
      </c>
      <c r="S172" s="6">
        <v>1498</v>
      </c>
      <c r="T172" s="6">
        <v>139</v>
      </c>
      <c r="U172" s="10" t="s">
        <v>55</v>
      </c>
      <c r="V172" s="6">
        <v>1359</v>
      </c>
      <c r="W172" s="6">
        <v>50</v>
      </c>
      <c r="X172" s="6">
        <v>244</v>
      </c>
      <c r="Y172" s="6">
        <v>225</v>
      </c>
      <c r="Z172" s="6">
        <v>14</v>
      </c>
      <c r="AA172" s="6">
        <v>1</v>
      </c>
      <c r="AB172" s="6">
        <v>4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100</v>
      </c>
      <c r="I173" s="9" t="s">
        <v>53</v>
      </c>
      <c r="J173" s="9" t="s">
        <v>31</v>
      </c>
      <c r="K173" s="10" t="s">
        <v>55</v>
      </c>
      <c r="L173" s="10" t="s">
        <v>55</v>
      </c>
      <c r="M173" s="10" t="s">
        <v>55</v>
      </c>
      <c r="N173" s="10" t="s">
        <v>55</v>
      </c>
      <c r="O173" s="10" t="s">
        <v>55</v>
      </c>
      <c r="P173" s="10" t="s">
        <v>55</v>
      </c>
      <c r="Q173" s="10" t="s">
        <v>55</v>
      </c>
      <c r="R173" s="10" t="s">
        <v>55</v>
      </c>
      <c r="S173" s="10" t="s">
        <v>55</v>
      </c>
      <c r="T173" s="10" t="s">
        <v>55</v>
      </c>
      <c r="U173" s="10" t="s">
        <v>55</v>
      </c>
      <c r="V173" s="10" t="s">
        <v>55</v>
      </c>
      <c r="W173" s="10" t="s">
        <v>55</v>
      </c>
      <c r="X173" s="10" t="s">
        <v>55</v>
      </c>
      <c r="Y173" s="10" t="s">
        <v>55</v>
      </c>
      <c r="Z173" s="10" t="s">
        <v>55</v>
      </c>
      <c r="AA173" s="10" t="s">
        <v>55</v>
      </c>
      <c r="AB173" s="10" t="s">
        <v>55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100</v>
      </c>
      <c r="I174" s="9" t="s">
        <v>53</v>
      </c>
      <c r="J174" s="9" t="s">
        <v>32</v>
      </c>
      <c r="K174" s="10" t="s">
        <v>55</v>
      </c>
      <c r="L174" s="10" t="s">
        <v>55</v>
      </c>
      <c r="M174" s="10" t="s">
        <v>55</v>
      </c>
      <c r="N174" s="10" t="s">
        <v>55</v>
      </c>
      <c r="O174" s="10" t="s">
        <v>55</v>
      </c>
      <c r="P174" s="10" t="s">
        <v>55</v>
      </c>
      <c r="Q174" s="10" t="s">
        <v>55</v>
      </c>
      <c r="R174" s="10" t="s">
        <v>55</v>
      </c>
      <c r="S174" s="10" t="s">
        <v>55</v>
      </c>
      <c r="T174" s="10" t="s">
        <v>55</v>
      </c>
      <c r="U174" s="10" t="s">
        <v>55</v>
      </c>
      <c r="V174" s="10" t="s">
        <v>55</v>
      </c>
      <c r="W174" s="10" t="s">
        <v>55</v>
      </c>
      <c r="X174" s="10" t="s">
        <v>55</v>
      </c>
      <c r="Y174" s="10" t="s">
        <v>55</v>
      </c>
      <c r="Z174" s="10" t="s">
        <v>55</v>
      </c>
      <c r="AA174" s="10" t="s">
        <v>55</v>
      </c>
      <c r="AB174" s="10" t="s">
        <v>55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100</v>
      </c>
      <c r="I175" s="9" t="s">
        <v>53</v>
      </c>
      <c r="J175" s="9" t="s">
        <v>33</v>
      </c>
      <c r="K175" s="10" t="s">
        <v>55</v>
      </c>
      <c r="L175" s="10" t="s">
        <v>55</v>
      </c>
      <c r="M175" s="10" t="s">
        <v>55</v>
      </c>
      <c r="N175" s="10" t="s">
        <v>55</v>
      </c>
      <c r="O175" s="10" t="s">
        <v>55</v>
      </c>
      <c r="P175" s="10" t="s">
        <v>55</v>
      </c>
      <c r="Q175" s="10" t="s">
        <v>55</v>
      </c>
      <c r="R175" s="10" t="s">
        <v>55</v>
      </c>
      <c r="S175" s="10" t="s">
        <v>55</v>
      </c>
      <c r="T175" s="10" t="s">
        <v>55</v>
      </c>
      <c r="U175" s="10" t="s">
        <v>55</v>
      </c>
      <c r="V175" s="10" t="s">
        <v>55</v>
      </c>
      <c r="W175" s="10" t="s">
        <v>55</v>
      </c>
      <c r="X175" s="10" t="s">
        <v>55</v>
      </c>
      <c r="Y175" s="10" t="s">
        <v>55</v>
      </c>
      <c r="Z175" s="10" t="s">
        <v>55</v>
      </c>
      <c r="AA175" s="10" t="s">
        <v>55</v>
      </c>
      <c r="AB175" s="10" t="s">
        <v>55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100</v>
      </c>
      <c r="I176" s="9" t="s">
        <v>53</v>
      </c>
      <c r="J176" s="9" t="s">
        <v>34</v>
      </c>
      <c r="K176" s="10" t="s">
        <v>55</v>
      </c>
      <c r="L176" s="10" t="s">
        <v>55</v>
      </c>
      <c r="M176" s="10" t="s">
        <v>55</v>
      </c>
      <c r="N176" s="10" t="s">
        <v>55</v>
      </c>
      <c r="O176" s="10" t="s">
        <v>55</v>
      </c>
      <c r="P176" s="10" t="s">
        <v>55</v>
      </c>
      <c r="Q176" s="10" t="s">
        <v>55</v>
      </c>
      <c r="R176" s="10" t="s">
        <v>55</v>
      </c>
      <c r="S176" s="10" t="s">
        <v>55</v>
      </c>
      <c r="T176" s="10" t="s">
        <v>55</v>
      </c>
      <c r="U176" s="10" t="s">
        <v>55</v>
      </c>
      <c r="V176" s="10" t="s">
        <v>55</v>
      </c>
      <c r="W176" s="10" t="s">
        <v>55</v>
      </c>
      <c r="X176" s="10" t="s">
        <v>55</v>
      </c>
      <c r="Y176" s="10" t="s">
        <v>55</v>
      </c>
      <c r="Z176" s="10" t="s">
        <v>55</v>
      </c>
      <c r="AA176" s="10" t="s">
        <v>55</v>
      </c>
      <c r="AB176" s="10" t="s">
        <v>55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100</v>
      </c>
      <c r="I177" s="9" t="s">
        <v>53</v>
      </c>
      <c r="J177" s="9" t="s">
        <v>35</v>
      </c>
      <c r="K177" s="6">
        <v>4</v>
      </c>
      <c r="L177" s="6">
        <v>4</v>
      </c>
      <c r="M177" s="6">
        <v>4</v>
      </c>
      <c r="N177" s="6">
        <v>4</v>
      </c>
      <c r="O177" s="10" t="s">
        <v>55</v>
      </c>
      <c r="P177" s="10" t="s">
        <v>55</v>
      </c>
      <c r="Q177" s="10" t="s">
        <v>55</v>
      </c>
      <c r="R177" s="10" t="s">
        <v>55</v>
      </c>
      <c r="S177" s="10" t="s">
        <v>55</v>
      </c>
      <c r="T177" s="10" t="s">
        <v>55</v>
      </c>
      <c r="U177" s="10" t="s">
        <v>55</v>
      </c>
      <c r="V177" s="10" t="s">
        <v>55</v>
      </c>
      <c r="W177" s="10" t="s">
        <v>55</v>
      </c>
      <c r="X177" s="6">
        <v>4</v>
      </c>
      <c r="Y177" s="6">
        <v>4</v>
      </c>
      <c r="Z177" s="10" t="s">
        <v>55</v>
      </c>
      <c r="AA177" s="10" t="s">
        <v>55</v>
      </c>
      <c r="AB177" s="10" t="s">
        <v>55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100</v>
      </c>
      <c r="I178" s="9" t="s">
        <v>53</v>
      </c>
      <c r="J178" s="9" t="s">
        <v>36</v>
      </c>
      <c r="K178" s="6">
        <v>5</v>
      </c>
      <c r="L178" s="6">
        <v>5</v>
      </c>
      <c r="M178" s="6">
        <v>5</v>
      </c>
      <c r="N178" s="6">
        <v>5</v>
      </c>
      <c r="O178" s="10" t="s">
        <v>55</v>
      </c>
      <c r="P178" s="10" t="s">
        <v>55</v>
      </c>
      <c r="Q178" s="10" t="s">
        <v>55</v>
      </c>
      <c r="R178" s="10" t="s">
        <v>55</v>
      </c>
      <c r="S178" s="10" t="s">
        <v>55</v>
      </c>
      <c r="T178" s="10" t="s">
        <v>55</v>
      </c>
      <c r="U178" s="10" t="s">
        <v>55</v>
      </c>
      <c r="V178" s="10" t="s">
        <v>55</v>
      </c>
      <c r="W178" s="10" t="s">
        <v>55</v>
      </c>
      <c r="X178" s="6">
        <v>5</v>
      </c>
      <c r="Y178" s="6">
        <v>5</v>
      </c>
      <c r="Z178" s="10" t="s">
        <v>55</v>
      </c>
      <c r="AA178" s="10" t="s">
        <v>55</v>
      </c>
      <c r="AB178" s="10" t="s">
        <v>55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100</v>
      </c>
      <c r="I179" s="9" t="s">
        <v>53</v>
      </c>
      <c r="J179" s="9" t="s">
        <v>37</v>
      </c>
      <c r="K179" s="6">
        <v>16</v>
      </c>
      <c r="L179" s="6">
        <v>15</v>
      </c>
      <c r="M179" s="6">
        <v>15</v>
      </c>
      <c r="N179" s="6">
        <v>15</v>
      </c>
      <c r="O179" s="10" t="s">
        <v>55</v>
      </c>
      <c r="P179" s="10" t="s">
        <v>55</v>
      </c>
      <c r="Q179" s="10" t="s">
        <v>55</v>
      </c>
      <c r="R179" s="10" t="s">
        <v>55</v>
      </c>
      <c r="S179" s="10" t="s">
        <v>55</v>
      </c>
      <c r="T179" s="10" t="s">
        <v>55</v>
      </c>
      <c r="U179" s="10" t="s">
        <v>55</v>
      </c>
      <c r="V179" s="10" t="s">
        <v>55</v>
      </c>
      <c r="W179" s="6">
        <v>1</v>
      </c>
      <c r="X179" s="6">
        <v>10</v>
      </c>
      <c r="Y179" s="6">
        <v>10</v>
      </c>
      <c r="Z179" s="10" t="s">
        <v>55</v>
      </c>
      <c r="AA179" s="10" t="s">
        <v>55</v>
      </c>
      <c r="AB179" s="10" t="s">
        <v>55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100</v>
      </c>
      <c r="I180" s="9" t="s">
        <v>53</v>
      </c>
      <c r="J180" s="9" t="s">
        <v>38</v>
      </c>
      <c r="K180" s="6">
        <v>24</v>
      </c>
      <c r="L180" s="6">
        <v>23</v>
      </c>
      <c r="M180" s="6">
        <v>21</v>
      </c>
      <c r="N180" s="6">
        <v>21</v>
      </c>
      <c r="O180" s="10" t="s">
        <v>55</v>
      </c>
      <c r="P180" s="10" t="s">
        <v>55</v>
      </c>
      <c r="Q180" s="10" t="s">
        <v>55</v>
      </c>
      <c r="R180" s="6">
        <v>2</v>
      </c>
      <c r="S180" s="10" t="s">
        <v>55</v>
      </c>
      <c r="T180" s="10" t="s">
        <v>55</v>
      </c>
      <c r="U180" s="10" t="s">
        <v>55</v>
      </c>
      <c r="V180" s="10" t="s">
        <v>55</v>
      </c>
      <c r="W180" s="6">
        <v>1</v>
      </c>
      <c r="X180" s="6">
        <v>20</v>
      </c>
      <c r="Y180" s="6">
        <v>20</v>
      </c>
      <c r="Z180" s="10" t="s">
        <v>55</v>
      </c>
      <c r="AA180" s="10" t="s">
        <v>55</v>
      </c>
      <c r="AB180" s="10" t="s">
        <v>55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100</v>
      </c>
      <c r="I181" s="9" t="s">
        <v>53</v>
      </c>
      <c r="J181" s="9" t="s">
        <v>39</v>
      </c>
      <c r="K181" s="6">
        <v>44</v>
      </c>
      <c r="L181" s="6">
        <v>40</v>
      </c>
      <c r="M181" s="6">
        <v>38</v>
      </c>
      <c r="N181" s="6">
        <v>36</v>
      </c>
      <c r="O181" s="6">
        <v>2</v>
      </c>
      <c r="P181" s="10" t="s">
        <v>55</v>
      </c>
      <c r="Q181" s="10" t="s">
        <v>55</v>
      </c>
      <c r="R181" s="6">
        <v>2</v>
      </c>
      <c r="S181" s="6">
        <v>4</v>
      </c>
      <c r="T181" s="6">
        <v>1</v>
      </c>
      <c r="U181" s="10" t="s">
        <v>55</v>
      </c>
      <c r="V181" s="6">
        <v>3</v>
      </c>
      <c r="W181" s="10" t="s">
        <v>55</v>
      </c>
      <c r="X181" s="6">
        <v>34</v>
      </c>
      <c r="Y181" s="6">
        <v>33</v>
      </c>
      <c r="Z181" s="6">
        <v>1</v>
      </c>
      <c r="AA181" s="10" t="s">
        <v>55</v>
      </c>
      <c r="AB181" s="10" t="s">
        <v>55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100</v>
      </c>
      <c r="I182" s="9" t="s">
        <v>53</v>
      </c>
      <c r="J182" s="9" t="s">
        <v>40</v>
      </c>
      <c r="K182" s="6">
        <v>84</v>
      </c>
      <c r="L182" s="6">
        <v>66</v>
      </c>
      <c r="M182" s="6">
        <v>61</v>
      </c>
      <c r="N182" s="6">
        <v>59</v>
      </c>
      <c r="O182" s="6">
        <v>2</v>
      </c>
      <c r="P182" s="10" t="s">
        <v>55</v>
      </c>
      <c r="Q182" s="10" t="s">
        <v>55</v>
      </c>
      <c r="R182" s="6">
        <v>5</v>
      </c>
      <c r="S182" s="6">
        <v>15</v>
      </c>
      <c r="T182" s="10" t="s">
        <v>55</v>
      </c>
      <c r="U182" s="10" t="s">
        <v>55</v>
      </c>
      <c r="V182" s="6">
        <v>15</v>
      </c>
      <c r="W182" s="6">
        <v>3</v>
      </c>
      <c r="X182" s="6">
        <v>45</v>
      </c>
      <c r="Y182" s="6">
        <v>44</v>
      </c>
      <c r="Z182" s="6">
        <v>1</v>
      </c>
      <c r="AA182" s="10" t="s">
        <v>55</v>
      </c>
      <c r="AB182" s="10" t="s">
        <v>55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100</v>
      </c>
      <c r="I183" s="9" t="s">
        <v>53</v>
      </c>
      <c r="J183" s="9" t="s">
        <v>41</v>
      </c>
      <c r="K183" s="6">
        <v>176</v>
      </c>
      <c r="L183" s="6">
        <v>95</v>
      </c>
      <c r="M183" s="6">
        <v>91</v>
      </c>
      <c r="N183" s="6">
        <v>78</v>
      </c>
      <c r="O183" s="6">
        <v>10</v>
      </c>
      <c r="P183" s="10" t="s">
        <v>55</v>
      </c>
      <c r="Q183" s="6">
        <v>3</v>
      </c>
      <c r="R183" s="6">
        <v>4</v>
      </c>
      <c r="S183" s="6">
        <v>80</v>
      </c>
      <c r="T183" s="6">
        <v>25</v>
      </c>
      <c r="U183" s="10" t="s">
        <v>55</v>
      </c>
      <c r="V183" s="6">
        <v>55</v>
      </c>
      <c r="W183" s="6">
        <v>1</v>
      </c>
      <c r="X183" s="6">
        <v>54</v>
      </c>
      <c r="Y183" s="6">
        <v>48</v>
      </c>
      <c r="Z183" s="6">
        <v>5</v>
      </c>
      <c r="AA183" s="10" t="s">
        <v>55</v>
      </c>
      <c r="AB183" s="6">
        <v>1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100</v>
      </c>
      <c r="I184" s="9" t="s">
        <v>53</v>
      </c>
      <c r="J184" s="9" t="s">
        <v>42</v>
      </c>
      <c r="K184" s="6">
        <v>254</v>
      </c>
      <c r="L184" s="6">
        <v>82</v>
      </c>
      <c r="M184" s="6">
        <v>76</v>
      </c>
      <c r="N184" s="6">
        <v>63</v>
      </c>
      <c r="O184" s="6">
        <v>7</v>
      </c>
      <c r="P184" s="10" t="s">
        <v>55</v>
      </c>
      <c r="Q184" s="6">
        <v>6</v>
      </c>
      <c r="R184" s="6">
        <v>6</v>
      </c>
      <c r="S184" s="6">
        <v>163</v>
      </c>
      <c r="T184" s="6">
        <v>26</v>
      </c>
      <c r="U184" s="10" t="s">
        <v>55</v>
      </c>
      <c r="V184" s="6">
        <v>137</v>
      </c>
      <c r="W184" s="6">
        <v>9</v>
      </c>
      <c r="X184" s="6">
        <v>37</v>
      </c>
      <c r="Y184" s="6">
        <v>32</v>
      </c>
      <c r="Z184" s="6">
        <v>3</v>
      </c>
      <c r="AA184" s="10" t="s">
        <v>55</v>
      </c>
      <c r="AB184" s="6">
        <v>2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100</v>
      </c>
      <c r="I185" s="9" t="s">
        <v>53</v>
      </c>
      <c r="J185" s="9" t="s">
        <v>43</v>
      </c>
      <c r="K185" s="6">
        <v>284</v>
      </c>
      <c r="L185" s="6">
        <v>45</v>
      </c>
      <c r="M185" s="6">
        <v>43</v>
      </c>
      <c r="N185" s="6">
        <v>32</v>
      </c>
      <c r="O185" s="6">
        <v>3</v>
      </c>
      <c r="P185" s="6">
        <v>1</v>
      </c>
      <c r="Q185" s="6">
        <v>7</v>
      </c>
      <c r="R185" s="6">
        <v>2</v>
      </c>
      <c r="S185" s="6">
        <v>233</v>
      </c>
      <c r="T185" s="6">
        <v>23</v>
      </c>
      <c r="U185" s="10" t="s">
        <v>55</v>
      </c>
      <c r="V185" s="6">
        <v>210</v>
      </c>
      <c r="W185" s="6">
        <v>6</v>
      </c>
      <c r="X185" s="6">
        <v>16</v>
      </c>
      <c r="Y185" s="6">
        <v>14</v>
      </c>
      <c r="Z185" s="10" t="s">
        <v>55</v>
      </c>
      <c r="AA185" s="6">
        <v>1</v>
      </c>
      <c r="AB185" s="6">
        <v>1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100</v>
      </c>
      <c r="I186" s="9" t="s">
        <v>53</v>
      </c>
      <c r="J186" s="9" t="s">
        <v>44</v>
      </c>
      <c r="K186" s="6">
        <v>319</v>
      </c>
      <c r="L186" s="6">
        <v>36</v>
      </c>
      <c r="M186" s="6">
        <v>34</v>
      </c>
      <c r="N186" s="6">
        <v>28</v>
      </c>
      <c r="O186" s="6">
        <v>6</v>
      </c>
      <c r="P186" s="10" t="s">
        <v>55</v>
      </c>
      <c r="Q186" s="10" t="s">
        <v>55</v>
      </c>
      <c r="R186" s="6">
        <v>2</v>
      </c>
      <c r="S186" s="6">
        <v>272</v>
      </c>
      <c r="T186" s="6">
        <v>31</v>
      </c>
      <c r="U186" s="10" t="s">
        <v>55</v>
      </c>
      <c r="V186" s="6">
        <v>241</v>
      </c>
      <c r="W186" s="6">
        <v>11</v>
      </c>
      <c r="X186" s="6">
        <v>8</v>
      </c>
      <c r="Y186" s="6">
        <v>6</v>
      </c>
      <c r="Z186" s="6">
        <v>2</v>
      </c>
      <c r="AA186" s="10" t="s">
        <v>55</v>
      </c>
      <c r="AB186" s="10" t="s">
        <v>55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100</v>
      </c>
      <c r="I187" s="9" t="s">
        <v>53</v>
      </c>
      <c r="J187" s="9" t="s">
        <v>45</v>
      </c>
      <c r="K187" s="6">
        <v>441</v>
      </c>
      <c r="L187" s="6">
        <v>25</v>
      </c>
      <c r="M187" s="6">
        <v>25</v>
      </c>
      <c r="N187" s="6">
        <v>18</v>
      </c>
      <c r="O187" s="6">
        <v>3</v>
      </c>
      <c r="P187" s="10" t="s">
        <v>55</v>
      </c>
      <c r="Q187" s="6">
        <v>4</v>
      </c>
      <c r="R187" s="10" t="s">
        <v>55</v>
      </c>
      <c r="S187" s="6">
        <v>403</v>
      </c>
      <c r="T187" s="6">
        <v>22</v>
      </c>
      <c r="U187" s="10" t="s">
        <v>55</v>
      </c>
      <c r="V187" s="6">
        <v>381</v>
      </c>
      <c r="W187" s="6">
        <v>13</v>
      </c>
      <c r="X187" s="6">
        <v>7</v>
      </c>
      <c r="Y187" s="6">
        <v>5</v>
      </c>
      <c r="Z187" s="6">
        <v>2</v>
      </c>
      <c r="AA187" s="10" t="s">
        <v>55</v>
      </c>
      <c r="AB187" s="10" t="s">
        <v>55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100</v>
      </c>
      <c r="I188" s="9" t="s">
        <v>53</v>
      </c>
      <c r="J188" s="9" t="s">
        <v>46</v>
      </c>
      <c r="K188" s="6">
        <v>264</v>
      </c>
      <c r="L188" s="6">
        <v>8</v>
      </c>
      <c r="M188" s="6">
        <v>8</v>
      </c>
      <c r="N188" s="6">
        <v>7</v>
      </c>
      <c r="O188" s="6">
        <v>1</v>
      </c>
      <c r="P188" s="10" t="s">
        <v>55</v>
      </c>
      <c r="Q188" s="10" t="s">
        <v>55</v>
      </c>
      <c r="R188" s="10" t="s">
        <v>55</v>
      </c>
      <c r="S188" s="6">
        <v>251</v>
      </c>
      <c r="T188" s="6">
        <v>8</v>
      </c>
      <c r="U188" s="10" t="s">
        <v>55</v>
      </c>
      <c r="V188" s="6">
        <v>243</v>
      </c>
      <c r="W188" s="6">
        <v>5</v>
      </c>
      <c r="X188" s="6">
        <v>4</v>
      </c>
      <c r="Y188" s="6">
        <v>4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100</v>
      </c>
      <c r="I189" s="9" t="s">
        <v>53</v>
      </c>
      <c r="J189" s="9" t="s">
        <v>47</v>
      </c>
      <c r="K189" s="6">
        <v>77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6">
        <v>77</v>
      </c>
      <c r="T189" s="6">
        <v>3</v>
      </c>
      <c r="U189" s="10" t="s">
        <v>55</v>
      </c>
      <c r="V189" s="6">
        <v>74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100</v>
      </c>
      <c r="I190" s="9" t="s">
        <v>53</v>
      </c>
      <c r="J190" s="9" t="s">
        <v>48</v>
      </c>
      <c r="K190" s="6">
        <v>177</v>
      </c>
      <c r="L190" s="6">
        <v>153</v>
      </c>
      <c r="M190" s="6">
        <v>144</v>
      </c>
      <c r="N190" s="6">
        <v>140</v>
      </c>
      <c r="O190" s="6">
        <v>4</v>
      </c>
      <c r="P190" s="10" t="s">
        <v>55</v>
      </c>
      <c r="Q190" s="10" t="s">
        <v>55</v>
      </c>
      <c r="R190" s="6">
        <v>9</v>
      </c>
      <c r="S190" s="6">
        <v>19</v>
      </c>
      <c r="T190" s="6">
        <v>1</v>
      </c>
      <c r="U190" s="10" t="s">
        <v>55</v>
      </c>
      <c r="V190" s="6">
        <v>18</v>
      </c>
      <c r="W190" s="6">
        <v>5</v>
      </c>
      <c r="X190" s="6">
        <v>118</v>
      </c>
      <c r="Y190" s="6">
        <v>116</v>
      </c>
      <c r="Z190" s="6">
        <v>2</v>
      </c>
      <c r="AA190" s="10" t="s">
        <v>55</v>
      </c>
      <c r="AB190" s="10" t="s">
        <v>55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100</v>
      </c>
      <c r="I191" s="9" t="s">
        <v>53</v>
      </c>
      <c r="J191" s="9" t="s">
        <v>49</v>
      </c>
      <c r="K191" s="6">
        <v>1815</v>
      </c>
      <c r="L191" s="6">
        <v>291</v>
      </c>
      <c r="M191" s="6">
        <v>277</v>
      </c>
      <c r="N191" s="6">
        <v>226</v>
      </c>
      <c r="O191" s="6">
        <v>30</v>
      </c>
      <c r="P191" s="6">
        <v>1</v>
      </c>
      <c r="Q191" s="6">
        <v>20</v>
      </c>
      <c r="R191" s="6">
        <v>14</v>
      </c>
      <c r="S191" s="6">
        <v>1479</v>
      </c>
      <c r="T191" s="6">
        <v>138</v>
      </c>
      <c r="U191" s="10" t="s">
        <v>55</v>
      </c>
      <c r="V191" s="6">
        <v>1341</v>
      </c>
      <c r="W191" s="6">
        <v>45</v>
      </c>
      <c r="X191" s="6">
        <v>126</v>
      </c>
      <c r="Y191" s="6">
        <v>109</v>
      </c>
      <c r="Z191" s="6">
        <v>12</v>
      </c>
      <c r="AA191" s="6">
        <v>1</v>
      </c>
      <c r="AB191" s="6">
        <v>4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100</v>
      </c>
      <c r="I192" s="9" t="s">
        <v>53</v>
      </c>
      <c r="J192" s="9" t="s">
        <v>50</v>
      </c>
      <c r="K192" s="6">
        <v>1385</v>
      </c>
      <c r="L192" s="6">
        <v>114</v>
      </c>
      <c r="M192" s="6">
        <v>110</v>
      </c>
      <c r="N192" s="6">
        <v>85</v>
      </c>
      <c r="O192" s="6">
        <v>13</v>
      </c>
      <c r="P192" s="6">
        <v>1</v>
      </c>
      <c r="Q192" s="6">
        <v>11</v>
      </c>
      <c r="R192" s="6">
        <v>4</v>
      </c>
      <c r="S192" s="6">
        <v>1236</v>
      </c>
      <c r="T192" s="6">
        <v>87</v>
      </c>
      <c r="U192" s="10" t="s">
        <v>55</v>
      </c>
      <c r="V192" s="6">
        <v>1149</v>
      </c>
      <c r="W192" s="6">
        <v>35</v>
      </c>
      <c r="X192" s="6">
        <v>35</v>
      </c>
      <c r="Y192" s="6">
        <v>29</v>
      </c>
      <c r="Z192" s="6">
        <v>4</v>
      </c>
      <c r="AA192" s="6">
        <v>1</v>
      </c>
      <c r="AB192" s="6">
        <v>1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100</v>
      </c>
      <c r="I193" s="9" t="s">
        <v>53</v>
      </c>
      <c r="J193" s="9" t="s">
        <v>51</v>
      </c>
      <c r="K193" s="6">
        <v>782</v>
      </c>
      <c r="L193" s="6">
        <v>33</v>
      </c>
      <c r="M193" s="6">
        <v>33</v>
      </c>
      <c r="N193" s="6">
        <v>25</v>
      </c>
      <c r="O193" s="6">
        <v>4</v>
      </c>
      <c r="P193" s="10" t="s">
        <v>55</v>
      </c>
      <c r="Q193" s="6">
        <v>4</v>
      </c>
      <c r="R193" s="10" t="s">
        <v>55</v>
      </c>
      <c r="S193" s="6">
        <v>731</v>
      </c>
      <c r="T193" s="6">
        <v>33</v>
      </c>
      <c r="U193" s="10" t="s">
        <v>55</v>
      </c>
      <c r="V193" s="6">
        <v>698</v>
      </c>
      <c r="W193" s="6">
        <v>18</v>
      </c>
      <c r="X193" s="6">
        <v>11</v>
      </c>
      <c r="Y193" s="6">
        <v>9</v>
      </c>
      <c r="Z193" s="6">
        <v>2</v>
      </c>
      <c r="AA193" s="10" t="s">
        <v>55</v>
      </c>
      <c r="AB193" s="10" t="s">
        <v>55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100</v>
      </c>
      <c r="I194" s="9" t="s">
        <v>53</v>
      </c>
      <c r="J194" s="9" t="s">
        <v>52</v>
      </c>
      <c r="K194" s="6">
        <v>353</v>
      </c>
      <c r="L194" s="6">
        <v>248</v>
      </c>
      <c r="M194" s="6">
        <v>235</v>
      </c>
      <c r="N194" s="6">
        <v>218</v>
      </c>
      <c r="O194" s="6">
        <v>14</v>
      </c>
      <c r="P194" s="10" t="s">
        <v>55</v>
      </c>
      <c r="Q194" s="6">
        <v>3</v>
      </c>
      <c r="R194" s="6">
        <v>13</v>
      </c>
      <c r="S194" s="6">
        <v>99</v>
      </c>
      <c r="T194" s="6">
        <v>26</v>
      </c>
      <c r="U194" s="10" t="s">
        <v>55</v>
      </c>
      <c r="V194" s="6">
        <v>73</v>
      </c>
      <c r="W194" s="6">
        <v>6</v>
      </c>
      <c r="X194" s="6">
        <v>172</v>
      </c>
      <c r="Y194" s="6">
        <v>164</v>
      </c>
      <c r="Z194" s="6">
        <v>7</v>
      </c>
      <c r="AA194" s="10" t="s">
        <v>55</v>
      </c>
      <c r="AB194" s="6">
        <v>1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100</v>
      </c>
      <c r="I195" s="9" t="s">
        <v>54</v>
      </c>
      <c r="J195" s="9" t="s">
        <v>30</v>
      </c>
      <c r="K195" s="6">
        <v>10154</v>
      </c>
      <c r="L195" s="6">
        <v>1355</v>
      </c>
      <c r="M195" s="6">
        <v>1318</v>
      </c>
      <c r="N195" s="6">
        <v>902</v>
      </c>
      <c r="O195" s="6">
        <v>363</v>
      </c>
      <c r="P195" s="10" t="s">
        <v>55</v>
      </c>
      <c r="Q195" s="6">
        <v>53</v>
      </c>
      <c r="R195" s="6">
        <v>37</v>
      </c>
      <c r="S195" s="6">
        <v>8632</v>
      </c>
      <c r="T195" s="6">
        <v>2267</v>
      </c>
      <c r="U195" s="6">
        <v>6</v>
      </c>
      <c r="V195" s="6">
        <v>6359</v>
      </c>
      <c r="W195" s="6">
        <v>167</v>
      </c>
      <c r="X195" s="6">
        <v>911</v>
      </c>
      <c r="Y195" s="6">
        <v>675</v>
      </c>
      <c r="Z195" s="6">
        <v>199</v>
      </c>
      <c r="AA195" s="10" t="s">
        <v>55</v>
      </c>
      <c r="AB195" s="6">
        <v>37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100</v>
      </c>
      <c r="I196" s="9" t="s">
        <v>54</v>
      </c>
      <c r="J196" s="9" t="s">
        <v>31</v>
      </c>
      <c r="K196" s="10" t="s">
        <v>55</v>
      </c>
      <c r="L196" s="10" t="s">
        <v>55</v>
      </c>
      <c r="M196" s="10" t="s">
        <v>55</v>
      </c>
      <c r="N196" s="10" t="s">
        <v>55</v>
      </c>
      <c r="O196" s="10" t="s">
        <v>55</v>
      </c>
      <c r="P196" s="10" t="s">
        <v>55</v>
      </c>
      <c r="Q196" s="10" t="s">
        <v>55</v>
      </c>
      <c r="R196" s="10" t="s">
        <v>55</v>
      </c>
      <c r="S196" s="10" t="s">
        <v>55</v>
      </c>
      <c r="T196" s="10" t="s">
        <v>55</v>
      </c>
      <c r="U196" s="10" t="s">
        <v>55</v>
      </c>
      <c r="V196" s="10" t="s">
        <v>55</v>
      </c>
      <c r="W196" s="10" t="s">
        <v>55</v>
      </c>
      <c r="X196" s="10" t="s">
        <v>55</v>
      </c>
      <c r="Y196" s="10" t="s">
        <v>55</v>
      </c>
      <c r="Z196" s="10" t="s">
        <v>55</v>
      </c>
      <c r="AA196" s="10" t="s">
        <v>55</v>
      </c>
      <c r="AB196" s="10" t="s">
        <v>55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100</v>
      </c>
      <c r="I197" s="9" t="s">
        <v>54</v>
      </c>
      <c r="J197" s="9" t="s">
        <v>32</v>
      </c>
      <c r="K197" s="6">
        <v>1</v>
      </c>
      <c r="L197" s="6">
        <v>1</v>
      </c>
      <c r="M197" s="6">
        <v>1</v>
      </c>
      <c r="N197" s="6">
        <v>1</v>
      </c>
      <c r="O197" s="10" t="s">
        <v>55</v>
      </c>
      <c r="P197" s="10" t="s">
        <v>55</v>
      </c>
      <c r="Q197" s="10" t="s">
        <v>55</v>
      </c>
      <c r="R197" s="10" t="s">
        <v>55</v>
      </c>
      <c r="S197" s="10" t="s">
        <v>55</v>
      </c>
      <c r="T197" s="10" t="s">
        <v>55</v>
      </c>
      <c r="U197" s="10" t="s">
        <v>55</v>
      </c>
      <c r="V197" s="10" t="s">
        <v>55</v>
      </c>
      <c r="W197" s="10" t="s">
        <v>55</v>
      </c>
      <c r="X197" s="6">
        <v>1</v>
      </c>
      <c r="Y197" s="6">
        <v>1</v>
      </c>
      <c r="Z197" s="10" t="s">
        <v>55</v>
      </c>
      <c r="AA197" s="10" t="s">
        <v>55</v>
      </c>
      <c r="AB197" s="10" t="s">
        <v>55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100</v>
      </c>
      <c r="I198" s="9" t="s">
        <v>54</v>
      </c>
      <c r="J198" s="9" t="s">
        <v>33</v>
      </c>
      <c r="K198" s="6">
        <v>3</v>
      </c>
      <c r="L198" s="6">
        <v>3</v>
      </c>
      <c r="M198" s="6">
        <v>2</v>
      </c>
      <c r="N198" s="6">
        <v>2</v>
      </c>
      <c r="O198" s="10" t="s">
        <v>55</v>
      </c>
      <c r="P198" s="10" t="s">
        <v>55</v>
      </c>
      <c r="Q198" s="10" t="s">
        <v>55</v>
      </c>
      <c r="R198" s="6">
        <v>1</v>
      </c>
      <c r="S198" s="10" t="s">
        <v>55</v>
      </c>
      <c r="T198" s="10" t="s">
        <v>55</v>
      </c>
      <c r="U198" s="10" t="s">
        <v>55</v>
      </c>
      <c r="V198" s="10" t="s">
        <v>55</v>
      </c>
      <c r="W198" s="10" t="s">
        <v>55</v>
      </c>
      <c r="X198" s="6">
        <v>2</v>
      </c>
      <c r="Y198" s="6">
        <v>2</v>
      </c>
      <c r="Z198" s="10" t="s">
        <v>55</v>
      </c>
      <c r="AA198" s="10" t="s">
        <v>55</v>
      </c>
      <c r="AB198" s="10" t="s">
        <v>55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100</v>
      </c>
      <c r="I199" s="9" t="s">
        <v>54</v>
      </c>
      <c r="J199" s="9" t="s">
        <v>34</v>
      </c>
      <c r="K199" s="6">
        <v>11</v>
      </c>
      <c r="L199" s="6">
        <v>11</v>
      </c>
      <c r="M199" s="6">
        <v>10</v>
      </c>
      <c r="N199" s="6">
        <v>9</v>
      </c>
      <c r="O199" s="6">
        <v>1</v>
      </c>
      <c r="P199" s="10" t="s">
        <v>55</v>
      </c>
      <c r="Q199" s="10" t="s">
        <v>55</v>
      </c>
      <c r="R199" s="6">
        <v>1</v>
      </c>
      <c r="S199" s="10" t="s">
        <v>55</v>
      </c>
      <c r="T199" s="10" t="s">
        <v>55</v>
      </c>
      <c r="U199" s="10" t="s">
        <v>55</v>
      </c>
      <c r="V199" s="10" t="s">
        <v>55</v>
      </c>
      <c r="W199" s="10" t="s">
        <v>55</v>
      </c>
      <c r="X199" s="6">
        <v>10</v>
      </c>
      <c r="Y199" s="6">
        <v>9</v>
      </c>
      <c r="Z199" s="6">
        <v>1</v>
      </c>
      <c r="AA199" s="10" t="s">
        <v>55</v>
      </c>
      <c r="AB199" s="10" t="s">
        <v>55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100</v>
      </c>
      <c r="I200" s="9" t="s">
        <v>54</v>
      </c>
      <c r="J200" s="9" t="s">
        <v>35</v>
      </c>
      <c r="K200" s="6">
        <v>20</v>
      </c>
      <c r="L200" s="6">
        <v>19</v>
      </c>
      <c r="M200" s="6">
        <v>17</v>
      </c>
      <c r="N200" s="6">
        <v>16</v>
      </c>
      <c r="O200" s="6">
        <v>1</v>
      </c>
      <c r="P200" s="10" t="s">
        <v>55</v>
      </c>
      <c r="Q200" s="10" t="s">
        <v>55</v>
      </c>
      <c r="R200" s="6">
        <v>2</v>
      </c>
      <c r="S200" s="6">
        <v>1</v>
      </c>
      <c r="T200" s="6">
        <v>1</v>
      </c>
      <c r="U200" s="10" t="s">
        <v>55</v>
      </c>
      <c r="V200" s="10" t="s">
        <v>55</v>
      </c>
      <c r="W200" s="10" t="s">
        <v>55</v>
      </c>
      <c r="X200" s="6">
        <v>17</v>
      </c>
      <c r="Y200" s="6">
        <v>16</v>
      </c>
      <c r="Z200" s="6">
        <v>1</v>
      </c>
      <c r="AA200" s="10" t="s">
        <v>55</v>
      </c>
      <c r="AB200" s="10" t="s">
        <v>55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100</v>
      </c>
      <c r="I201" s="9" t="s">
        <v>54</v>
      </c>
      <c r="J201" s="9" t="s">
        <v>36</v>
      </c>
      <c r="K201" s="6">
        <v>31</v>
      </c>
      <c r="L201" s="6">
        <v>26</v>
      </c>
      <c r="M201" s="6">
        <v>26</v>
      </c>
      <c r="N201" s="6">
        <v>24</v>
      </c>
      <c r="O201" s="6">
        <v>1</v>
      </c>
      <c r="P201" s="10" t="s">
        <v>55</v>
      </c>
      <c r="Q201" s="6">
        <v>1</v>
      </c>
      <c r="R201" s="10" t="s">
        <v>55</v>
      </c>
      <c r="S201" s="6">
        <v>4</v>
      </c>
      <c r="T201" s="6">
        <v>3</v>
      </c>
      <c r="U201" s="10" t="s">
        <v>55</v>
      </c>
      <c r="V201" s="6">
        <v>1</v>
      </c>
      <c r="W201" s="6">
        <v>1</v>
      </c>
      <c r="X201" s="6">
        <v>24</v>
      </c>
      <c r="Y201" s="6">
        <v>22</v>
      </c>
      <c r="Z201" s="6">
        <v>1</v>
      </c>
      <c r="AA201" s="10" t="s">
        <v>55</v>
      </c>
      <c r="AB201" s="6">
        <v>1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100</v>
      </c>
      <c r="I202" s="9" t="s">
        <v>54</v>
      </c>
      <c r="J202" s="9" t="s">
        <v>37</v>
      </c>
      <c r="K202" s="6">
        <v>47</v>
      </c>
      <c r="L202" s="6">
        <v>37</v>
      </c>
      <c r="M202" s="6">
        <v>36</v>
      </c>
      <c r="N202" s="6">
        <v>34</v>
      </c>
      <c r="O202" s="6">
        <v>2</v>
      </c>
      <c r="P202" s="10" t="s">
        <v>55</v>
      </c>
      <c r="Q202" s="10" t="s">
        <v>55</v>
      </c>
      <c r="R202" s="6">
        <v>1</v>
      </c>
      <c r="S202" s="6">
        <v>9</v>
      </c>
      <c r="T202" s="6">
        <v>7</v>
      </c>
      <c r="U202" s="10" t="s">
        <v>55</v>
      </c>
      <c r="V202" s="6">
        <v>2</v>
      </c>
      <c r="W202" s="6">
        <v>1</v>
      </c>
      <c r="X202" s="6">
        <v>34</v>
      </c>
      <c r="Y202" s="6">
        <v>32</v>
      </c>
      <c r="Z202" s="6">
        <v>2</v>
      </c>
      <c r="AA202" s="10" t="s">
        <v>55</v>
      </c>
      <c r="AB202" s="10" t="s">
        <v>55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100</v>
      </c>
      <c r="I203" s="9" t="s">
        <v>54</v>
      </c>
      <c r="J203" s="9" t="s">
        <v>38</v>
      </c>
      <c r="K203" s="6">
        <v>67</v>
      </c>
      <c r="L203" s="6">
        <v>55</v>
      </c>
      <c r="M203" s="6">
        <v>50</v>
      </c>
      <c r="N203" s="6">
        <v>41</v>
      </c>
      <c r="O203" s="6">
        <v>8</v>
      </c>
      <c r="P203" s="10" t="s">
        <v>55</v>
      </c>
      <c r="Q203" s="6">
        <v>1</v>
      </c>
      <c r="R203" s="6">
        <v>5</v>
      </c>
      <c r="S203" s="6">
        <v>10</v>
      </c>
      <c r="T203" s="6">
        <v>9</v>
      </c>
      <c r="U203" s="10" t="s">
        <v>55</v>
      </c>
      <c r="V203" s="6">
        <v>1</v>
      </c>
      <c r="W203" s="6">
        <v>2</v>
      </c>
      <c r="X203" s="6">
        <v>50</v>
      </c>
      <c r="Y203" s="6">
        <v>41</v>
      </c>
      <c r="Z203" s="6">
        <v>8</v>
      </c>
      <c r="AA203" s="10" t="s">
        <v>55</v>
      </c>
      <c r="AB203" s="6">
        <v>1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100</v>
      </c>
      <c r="I204" s="9" t="s">
        <v>54</v>
      </c>
      <c r="J204" s="9" t="s">
        <v>39</v>
      </c>
      <c r="K204" s="6">
        <v>192</v>
      </c>
      <c r="L204" s="6">
        <v>144</v>
      </c>
      <c r="M204" s="6">
        <v>137</v>
      </c>
      <c r="N204" s="6">
        <v>118</v>
      </c>
      <c r="O204" s="6">
        <v>16</v>
      </c>
      <c r="P204" s="10" t="s">
        <v>55</v>
      </c>
      <c r="Q204" s="6">
        <v>3</v>
      </c>
      <c r="R204" s="6">
        <v>7</v>
      </c>
      <c r="S204" s="6">
        <v>43</v>
      </c>
      <c r="T204" s="6">
        <v>31</v>
      </c>
      <c r="U204" s="10" t="s">
        <v>55</v>
      </c>
      <c r="V204" s="6">
        <v>12</v>
      </c>
      <c r="W204" s="6">
        <v>5</v>
      </c>
      <c r="X204" s="6">
        <v>120</v>
      </c>
      <c r="Y204" s="6">
        <v>104</v>
      </c>
      <c r="Z204" s="6">
        <v>14</v>
      </c>
      <c r="AA204" s="10" t="s">
        <v>55</v>
      </c>
      <c r="AB204" s="6">
        <v>2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100</v>
      </c>
      <c r="I205" s="9" t="s">
        <v>54</v>
      </c>
      <c r="J205" s="9" t="s">
        <v>40</v>
      </c>
      <c r="K205" s="6">
        <v>309</v>
      </c>
      <c r="L205" s="6">
        <v>184</v>
      </c>
      <c r="M205" s="6">
        <v>180</v>
      </c>
      <c r="N205" s="6">
        <v>141</v>
      </c>
      <c r="O205" s="6">
        <v>31</v>
      </c>
      <c r="P205" s="10" t="s">
        <v>55</v>
      </c>
      <c r="Q205" s="6">
        <v>8</v>
      </c>
      <c r="R205" s="6">
        <v>4</v>
      </c>
      <c r="S205" s="6">
        <v>117</v>
      </c>
      <c r="T205" s="6">
        <v>89</v>
      </c>
      <c r="U205" s="10" t="s">
        <v>55</v>
      </c>
      <c r="V205" s="6">
        <v>28</v>
      </c>
      <c r="W205" s="6">
        <v>8</v>
      </c>
      <c r="X205" s="6">
        <v>158</v>
      </c>
      <c r="Y205" s="6">
        <v>127</v>
      </c>
      <c r="Z205" s="6">
        <v>25</v>
      </c>
      <c r="AA205" s="10" t="s">
        <v>55</v>
      </c>
      <c r="AB205" s="6">
        <v>6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100</v>
      </c>
      <c r="I206" s="9" t="s">
        <v>54</v>
      </c>
      <c r="J206" s="9" t="s">
        <v>41</v>
      </c>
      <c r="K206" s="6">
        <v>583</v>
      </c>
      <c r="L206" s="6">
        <v>264</v>
      </c>
      <c r="M206" s="6">
        <v>256</v>
      </c>
      <c r="N206" s="6">
        <v>183</v>
      </c>
      <c r="O206" s="6">
        <v>62</v>
      </c>
      <c r="P206" s="10" t="s">
        <v>55</v>
      </c>
      <c r="Q206" s="6">
        <v>11</v>
      </c>
      <c r="R206" s="6">
        <v>8</v>
      </c>
      <c r="S206" s="6">
        <v>306</v>
      </c>
      <c r="T206" s="6">
        <v>175</v>
      </c>
      <c r="U206" s="10" t="s">
        <v>55</v>
      </c>
      <c r="V206" s="6">
        <v>131</v>
      </c>
      <c r="W206" s="6">
        <v>13</v>
      </c>
      <c r="X206" s="6">
        <v>192</v>
      </c>
      <c r="Y206" s="6">
        <v>137</v>
      </c>
      <c r="Z206" s="6">
        <v>45</v>
      </c>
      <c r="AA206" s="10" t="s">
        <v>55</v>
      </c>
      <c r="AB206" s="6">
        <v>10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100</v>
      </c>
      <c r="I207" s="9" t="s">
        <v>54</v>
      </c>
      <c r="J207" s="9" t="s">
        <v>42</v>
      </c>
      <c r="K207" s="6">
        <v>994</v>
      </c>
      <c r="L207" s="6">
        <v>263</v>
      </c>
      <c r="M207" s="6">
        <v>258</v>
      </c>
      <c r="N207" s="6">
        <v>148</v>
      </c>
      <c r="O207" s="6">
        <v>92</v>
      </c>
      <c r="P207" s="10" t="s">
        <v>55</v>
      </c>
      <c r="Q207" s="6">
        <v>18</v>
      </c>
      <c r="R207" s="6">
        <v>5</v>
      </c>
      <c r="S207" s="6">
        <v>712</v>
      </c>
      <c r="T207" s="6">
        <v>393</v>
      </c>
      <c r="U207" s="10" t="s">
        <v>55</v>
      </c>
      <c r="V207" s="6">
        <v>319</v>
      </c>
      <c r="W207" s="6">
        <v>19</v>
      </c>
      <c r="X207" s="6">
        <v>168</v>
      </c>
      <c r="Y207" s="6">
        <v>101</v>
      </c>
      <c r="Z207" s="6">
        <v>55</v>
      </c>
      <c r="AA207" s="10" t="s">
        <v>55</v>
      </c>
      <c r="AB207" s="6">
        <v>12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100</v>
      </c>
      <c r="I208" s="9" t="s">
        <v>54</v>
      </c>
      <c r="J208" s="9" t="s">
        <v>43</v>
      </c>
      <c r="K208" s="6">
        <v>1454</v>
      </c>
      <c r="L208" s="6">
        <v>168</v>
      </c>
      <c r="M208" s="6">
        <v>165</v>
      </c>
      <c r="N208" s="6">
        <v>95</v>
      </c>
      <c r="O208" s="6">
        <v>63</v>
      </c>
      <c r="P208" s="10" t="s">
        <v>55</v>
      </c>
      <c r="Q208" s="6">
        <v>7</v>
      </c>
      <c r="R208" s="6">
        <v>3</v>
      </c>
      <c r="S208" s="6">
        <v>1266</v>
      </c>
      <c r="T208" s="6">
        <v>489</v>
      </c>
      <c r="U208" s="6">
        <v>2</v>
      </c>
      <c r="V208" s="6">
        <v>775</v>
      </c>
      <c r="W208" s="6">
        <v>20</v>
      </c>
      <c r="X208" s="6">
        <v>86</v>
      </c>
      <c r="Y208" s="6">
        <v>50</v>
      </c>
      <c r="Z208" s="6">
        <v>31</v>
      </c>
      <c r="AA208" s="10" t="s">
        <v>55</v>
      </c>
      <c r="AB208" s="6">
        <v>5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100</v>
      </c>
      <c r="I209" s="9" t="s">
        <v>54</v>
      </c>
      <c r="J209" s="9" t="s">
        <v>44</v>
      </c>
      <c r="K209" s="6">
        <v>2023</v>
      </c>
      <c r="L209" s="6">
        <v>110</v>
      </c>
      <c r="M209" s="6">
        <v>110</v>
      </c>
      <c r="N209" s="6">
        <v>57</v>
      </c>
      <c r="O209" s="6">
        <v>50</v>
      </c>
      <c r="P209" s="10" t="s">
        <v>55</v>
      </c>
      <c r="Q209" s="6">
        <v>3</v>
      </c>
      <c r="R209" s="10" t="s">
        <v>55</v>
      </c>
      <c r="S209" s="6">
        <v>1877</v>
      </c>
      <c r="T209" s="6">
        <v>532</v>
      </c>
      <c r="U209" s="10" t="s">
        <v>55</v>
      </c>
      <c r="V209" s="6">
        <v>1345</v>
      </c>
      <c r="W209" s="6">
        <v>36</v>
      </c>
      <c r="X209" s="6">
        <v>32</v>
      </c>
      <c r="Y209" s="6">
        <v>24</v>
      </c>
      <c r="Z209" s="6">
        <v>8</v>
      </c>
      <c r="AA209" s="10" t="s">
        <v>55</v>
      </c>
      <c r="AB209" s="10" t="s">
        <v>55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100</v>
      </c>
      <c r="I210" s="9" t="s">
        <v>54</v>
      </c>
      <c r="J210" s="9" t="s">
        <v>45</v>
      </c>
      <c r="K210" s="6">
        <v>2341</v>
      </c>
      <c r="L210" s="6">
        <v>55</v>
      </c>
      <c r="M210" s="6">
        <v>55</v>
      </c>
      <c r="N210" s="6">
        <v>25</v>
      </c>
      <c r="O210" s="6">
        <v>29</v>
      </c>
      <c r="P210" s="10" t="s">
        <v>55</v>
      </c>
      <c r="Q210" s="6">
        <v>1</v>
      </c>
      <c r="R210" s="10" t="s">
        <v>55</v>
      </c>
      <c r="S210" s="6">
        <v>2245</v>
      </c>
      <c r="T210" s="6">
        <v>393</v>
      </c>
      <c r="U210" s="6">
        <v>3</v>
      </c>
      <c r="V210" s="6">
        <v>1849</v>
      </c>
      <c r="W210" s="6">
        <v>41</v>
      </c>
      <c r="X210" s="6">
        <v>11</v>
      </c>
      <c r="Y210" s="6">
        <v>4</v>
      </c>
      <c r="Z210" s="6">
        <v>7</v>
      </c>
      <c r="AA210" s="10" t="s">
        <v>55</v>
      </c>
      <c r="AB210" s="10" t="s">
        <v>55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100</v>
      </c>
      <c r="I211" s="9" t="s">
        <v>54</v>
      </c>
      <c r="J211" s="9" t="s">
        <v>46</v>
      </c>
      <c r="K211" s="6">
        <v>1522</v>
      </c>
      <c r="L211" s="6">
        <v>14</v>
      </c>
      <c r="M211" s="6">
        <v>14</v>
      </c>
      <c r="N211" s="6">
        <v>7</v>
      </c>
      <c r="O211" s="6">
        <v>7</v>
      </c>
      <c r="P211" s="10" t="s">
        <v>55</v>
      </c>
      <c r="Q211" s="10" t="s">
        <v>55</v>
      </c>
      <c r="R211" s="10" t="s">
        <v>55</v>
      </c>
      <c r="S211" s="6">
        <v>1489</v>
      </c>
      <c r="T211" s="6">
        <v>126</v>
      </c>
      <c r="U211" s="6">
        <v>1</v>
      </c>
      <c r="V211" s="6">
        <v>1362</v>
      </c>
      <c r="W211" s="6">
        <v>19</v>
      </c>
      <c r="X211" s="6">
        <v>5</v>
      </c>
      <c r="Y211" s="6">
        <v>4</v>
      </c>
      <c r="Z211" s="6">
        <v>1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100</v>
      </c>
      <c r="I212" s="9" t="s">
        <v>54</v>
      </c>
      <c r="J212" s="9" t="s">
        <v>47</v>
      </c>
      <c r="K212" s="6">
        <v>556</v>
      </c>
      <c r="L212" s="6">
        <v>1</v>
      </c>
      <c r="M212" s="6">
        <v>1</v>
      </c>
      <c r="N212" s="6">
        <v>1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553</v>
      </c>
      <c r="T212" s="6">
        <v>19</v>
      </c>
      <c r="U212" s="10" t="s">
        <v>55</v>
      </c>
      <c r="V212" s="6">
        <v>534</v>
      </c>
      <c r="W212" s="6">
        <v>2</v>
      </c>
      <c r="X212" s="6">
        <v>1</v>
      </c>
      <c r="Y212" s="6">
        <v>1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100</v>
      </c>
      <c r="I213" s="9" t="s">
        <v>54</v>
      </c>
      <c r="J213" s="9" t="s">
        <v>48</v>
      </c>
      <c r="K213" s="6">
        <v>681</v>
      </c>
      <c r="L213" s="6">
        <v>480</v>
      </c>
      <c r="M213" s="6">
        <v>459</v>
      </c>
      <c r="N213" s="6">
        <v>386</v>
      </c>
      <c r="O213" s="6">
        <v>60</v>
      </c>
      <c r="P213" s="10" t="s">
        <v>55</v>
      </c>
      <c r="Q213" s="6">
        <v>13</v>
      </c>
      <c r="R213" s="6">
        <v>21</v>
      </c>
      <c r="S213" s="6">
        <v>184</v>
      </c>
      <c r="T213" s="6">
        <v>140</v>
      </c>
      <c r="U213" s="10" t="s">
        <v>55</v>
      </c>
      <c r="V213" s="6">
        <v>44</v>
      </c>
      <c r="W213" s="6">
        <v>17</v>
      </c>
      <c r="X213" s="6">
        <v>416</v>
      </c>
      <c r="Y213" s="6">
        <v>354</v>
      </c>
      <c r="Z213" s="6">
        <v>52</v>
      </c>
      <c r="AA213" s="10" t="s">
        <v>55</v>
      </c>
      <c r="AB213" s="6">
        <v>10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100</v>
      </c>
      <c r="I214" s="9" t="s">
        <v>54</v>
      </c>
      <c r="J214" s="9" t="s">
        <v>49</v>
      </c>
      <c r="K214" s="6">
        <v>9473</v>
      </c>
      <c r="L214" s="6">
        <v>875</v>
      </c>
      <c r="M214" s="6">
        <v>859</v>
      </c>
      <c r="N214" s="6">
        <v>516</v>
      </c>
      <c r="O214" s="6">
        <v>303</v>
      </c>
      <c r="P214" s="10" t="s">
        <v>55</v>
      </c>
      <c r="Q214" s="6">
        <v>40</v>
      </c>
      <c r="R214" s="6">
        <v>16</v>
      </c>
      <c r="S214" s="6">
        <v>8448</v>
      </c>
      <c r="T214" s="6">
        <v>2127</v>
      </c>
      <c r="U214" s="6">
        <v>6</v>
      </c>
      <c r="V214" s="6">
        <v>6315</v>
      </c>
      <c r="W214" s="6">
        <v>150</v>
      </c>
      <c r="X214" s="6">
        <v>495</v>
      </c>
      <c r="Y214" s="6">
        <v>321</v>
      </c>
      <c r="Z214" s="6">
        <v>147</v>
      </c>
      <c r="AA214" s="10" t="s">
        <v>55</v>
      </c>
      <c r="AB214" s="6">
        <v>27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100</v>
      </c>
      <c r="I215" s="9" t="s">
        <v>54</v>
      </c>
      <c r="J215" s="9" t="s">
        <v>50</v>
      </c>
      <c r="K215" s="6">
        <v>7896</v>
      </c>
      <c r="L215" s="6">
        <v>348</v>
      </c>
      <c r="M215" s="6">
        <v>345</v>
      </c>
      <c r="N215" s="6">
        <v>185</v>
      </c>
      <c r="O215" s="6">
        <v>149</v>
      </c>
      <c r="P215" s="10" t="s">
        <v>55</v>
      </c>
      <c r="Q215" s="6">
        <v>11</v>
      </c>
      <c r="R215" s="6">
        <v>3</v>
      </c>
      <c r="S215" s="6">
        <v>7430</v>
      </c>
      <c r="T215" s="6">
        <v>1559</v>
      </c>
      <c r="U215" s="6">
        <v>6</v>
      </c>
      <c r="V215" s="6">
        <v>5865</v>
      </c>
      <c r="W215" s="6">
        <v>118</v>
      </c>
      <c r="X215" s="6">
        <v>135</v>
      </c>
      <c r="Y215" s="6">
        <v>83</v>
      </c>
      <c r="Z215" s="6">
        <v>47</v>
      </c>
      <c r="AA215" s="10" t="s">
        <v>55</v>
      </c>
      <c r="AB215" s="6">
        <v>5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100</v>
      </c>
      <c r="I216" s="9" t="s">
        <v>54</v>
      </c>
      <c r="J216" s="9" t="s">
        <v>51</v>
      </c>
      <c r="K216" s="6">
        <v>4419</v>
      </c>
      <c r="L216" s="6">
        <v>70</v>
      </c>
      <c r="M216" s="6">
        <v>70</v>
      </c>
      <c r="N216" s="6">
        <v>33</v>
      </c>
      <c r="O216" s="6">
        <v>36</v>
      </c>
      <c r="P216" s="10" t="s">
        <v>55</v>
      </c>
      <c r="Q216" s="6">
        <v>1</v>
      </c>
      <c r="R216" s="10" t="s">
        <v>55</v>
      </c>
      <c r="S216" s="6">
        <v>4287</v>
      </c>
      <c r="T216" s="6">
        <v>538</v>
      </c>
      <c r="U216" s="6">
        <v>4</v>
      </c>
      <c r="V216" s="6">
        <v>3745</v>
      </c>
      <c r="W216" s="6">
        <v>62</v>
      </c>
      <c r="X216" s="6">
        <v>17</v>
      </c>
      <c r="Y216" s="6">
        <v>9</v>
      </c>
      <c r="Z216" s="6">
        <v>8</v>
      </c>
      <c r="AA216" s="10" t="s">
        <v>55</v>
      </c>
      <c r="AB216" s="10" t="s">
        <v>55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100</v>
      </c>
      <c r="I217" s="9" t="s">
        <v>54</v>
      </c>
      <c r="J217" s="9" t="s">
        <v>52</v>
      </c>
      <c r="K217" s="6">
        <v>1264</v>
      </c>
      <c r="L217" s="6">
        <v>744</v>
      </c>
      <c r="M217" s="6">
        <v>715</v>
      </c>
      <c r="N217" s="6">
        <v>569</v>
      </c>
      <c r="O217" s="6">
        <v>122</v>
      </c>
      <c r="P217" s="10" t="s">
        <v>55</v>
      </c>
      <c r="Q217" s="6">
        <v>24</v>
      </c>
      <c r="R217" s="6">
        <v>29</v>
      </c>
      <c r="S217" s="6">
        <v>490</v>
      </c>
      <c r="T217" s="6">
        <v>315</v>
      </c>
      <c r="U217" s="10" t="s">
        <v>55</v>
      </c>
      <c r="V217" s="6">
        <v>175</v>
      </c>
      <c r="W217" s="6">
        <v>30</v>
      </c>
      <c r="X217" s="6">
        <v>608</v>
      </c>
      <c r="Y217" s="6">
        <v>491</v>
      </c>
      <c r="Z217" s="6">
        <v>97</v>
      </c>
      <c r="AA217" s="10" t="s">
        <v>55</v>
      </c>
      <c r="AB217" s="6">
        <v>20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100</v>
      </c>
      <c r="I218" s="9" t="s">
        <v>6</v>
      </c>
      <c r="J218" s="9" t="s">
        <v>30</v>
      </c>
      <c r="K218" s="6">
        <v>9102</v>
      </c>
      <c r="L218" s="6">
        <v>1355</v>
      </c>
      <c r="M218" s="6">
        <v>1306</v>
      </c>
      <c r="N218" s="6">
        <v>959</v>
      </c>
      <c r="O218" s="6">
        <v>295</v>
      </c>
      <c r="P218" s="10" t="s">
        <v>55</v>
      </c>
      <c r="Q218" s="6">
        <v>52</v>
      </c>
      <c r="R218" s="6">
        <v>49</v>
      </c>
      <c r="S218" s="6">
        <v>7583</v>
      </c>
      <c r="T218" s="6">
        <v>1786</v>
      </c>
      <c r="U218" s="6">
        <v>5</v>
      </c>
      <c r="V218" s="6">
        <v>5792</v>
      </c>
      <c r="W218" s="6">
        <v>164</v>
      </c>
      <c r="X218" s="6">
        <v>903</v>
      </c>
      <c r="Y218" s="6">
        <v>700</v>
      </c>
      <c r="Z218" s="6">
        <v>175</v>
      </c>
      <c r="AA218" s="10" t="s">
        <v>55</v>
      </c>
      <c r="AB218" s="6">
        <v>28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100</v>
      </c>
      <c r="I219" s="9" t="s">
        <v>6</v>
      </c>
      <c r="J219" s="9" t="s">
        <v>31</v>
      </c>
      <c r="K219" s="10" t="s">
        <v>55</v>
      </c>
      <c r="L219" s="10" t="s">
        <v>55</v>
      </c>
      <c r="M219" s="10" t="s">
        <v>55</v>
      </c>
      <c r="N219" s="10" t="s">
        <v>55</v>
      </c>
      <c r="O219" s="10" t="s">
        <v>55</v>
      </c>
      <c r="P219" s="10" t="s">
        <v>55</v>
      </c>
      <c r="Q219" s="10" t="s">
        <v>55</v>
      </c>
      <c r="R219" s="10" t="s">
        <v>55</v>
      </c>
      <c r="S219" s="10" t="s">
        <v>55</v>
      </c>
      <c r="T219" s="10" t="s">
        <v>55</v>
      </c>
      <c r="U219" s="10" t="s">
        <v>55</v>
      </c>
      <c r="V219" s="10" t="s">
        <v>55</v>
      </c>
      <c r="W219" s="10" t="s">
        <v>55</v>
      </c>
      <c r="X219" s="10" t="s">
        <v>55</v>
      </c>
      <c r="Y219" s="10" t="s">
        <v>55</v>
      </c>
      <c r="Z219" s="10" t="s">
        <v>55</v>
      </c>
      <c r="AA219" s="10" t="s">
        <v>55</v>
      </c>
      <c r="AB219" s="10" t="s">
        <v>55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100</v>
      </c>
      <c r="I220" s="9" t="s">
        <v>6</v>
      </c>
      <c r="J220" s="9" t="s">
        <v>32</v>
      </c>
      <c r="K220" s="6">
        <v>1</v>
      </c>
      <c r="L220" s="6">
        <v>1</v>
      </c>
      <c r="M220" s="6">
        <v>1</v>
      </c>
      <c r="N220" s="6">
        <v>1</v>
      </c>
      <c r="O220" s="10" t="s">
        <v>55</v>
      </c>
      <c r="P220" s="10" t="s">
        <v>55</v>
      </c>
      <c r="Q220" s="10" t="s">
        <v>55</v>
      </c>
      <c r="R220" s="10" t="s">
        <v>55</v>
      </c>
      <c r="S220" s="10" t="s">
        <v>55</v>
      </c>
      <c r="T220" s="10" t="s">
        <v>55</v>
      </c>
      <c r="U220" s="10" t="s">
        <v>55</v>
      </c>
      <c r="V220" s="10" t="s">
        <v>55</v>
      </c>
      <c r="W220" s="10" t="s">
        <v>55</v>
      </c>
      <c r="X220" s="6">
        <v>1</v>
      </c>
      <c r="Y220" s="6">
        <v>1</v>
      </c>
      <c r="Z220" s="10" t="s">
        <v>55</v>
      </c>
      <c r="AA220" s="10" t="s">
        <v>55</v>
      </c>
      <c r="AB220" s="10" t="s">
        <v>55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100</v>
      </c>
      <c r="I221" s="9" t="s">
        <v>6</v>
      </c>
      <c r="J221" s="9" t="s">
        <v>33</v>
      </c>
      <c r="K221" s="6">
        <v>2</v>
      </c>
      <c r="L221" s="6">
        <v>2</v>
      </c>
      <c r="M221" s="6">
        <v>2</v>
      </c>
      <c r="N221" s="6">
        <v>2</v>
      </c>
      <c r="O221" s="10" t="s">
        <v>55</v>
      </c>
      <c r="P221" s="10" t="s">
        <v>55</v>
      </c>
      <c r="Q221" s="10" t="s">
        <v>55</v>
      </c>
      <c r="R221" s="10" t="s">
        <v>55</v>
      </c>
      <c r="S221" s="10" t="s">
        <v>55</v>
      </c>
      <c r="T221" s="10" t="s">
        <v>55</v>
      </c>
      <c r="U221" s="10" t="s">
        <v>55</v>
      </c>
      <c r="V221" s="10" t="s">
        <v>55</v>
      </c>
      <c r="W221" s="10" t="s">
        <v>55</v>
      </c>
      <c r="X221" s="6">
        <v>2</v>
      </c>
      <c r="Y221" s="6">
        <v>2</v>
      </c>
      <c r="Z221" s="10" t="s">
        <v>55</v>
      </c>
      <c r="AA221" s="10" t="s">
        <v>55</v>
      </c>
      <c r="AB221" s="10" t="s">
        <v>55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100</v>
      </c>
      <c r="I222" s="9" t="s">
        <v>6</v>
      </c>
      <c r="J222" s="9" t="s">
        <v>34</v>
      </c>
      <c r="K222" s="6">
        <v>7</v>
      </c>
      <c r="L222" s="6">
        <v>7</v>
      </c>
      <c r="M222" s="6">
        <v>6</v>
      </c>
      <c r="N222" s="6">
        <v>5</v>
      </c>
      <c r="O222" s="6">
        <v>1</v>
      </c>
      <c r="P222" s="10" t="s">
        <v>55</v>
      </c>
      <c r="Q222" s="10" t="s">
        <v>55</v>
      </c>
      <c r="R222" s="6">
        <v>1</v>
      </c>
      <c r="S222" s="10" t="s">
        <v>55</v>
      </c>
      <c r="T222" s="10" t="s">
        <v>55</v>
      </c>
      <c r="U222" s="10" t="s">
        <v>55</v>
      </c>
      <c r="V222" s="10" t="s">
        <v>55</v>
      </c>
      <c r="W222" s="10" t="s">
        <v>55</v>
      </c>
      <c r="X222" s="6">
        <v>6</v>
      </c>
      <c r="Y222" s="6">
        <v>5</v>
      </c>
      <c r="Z222" s="6">
        <v>1</v>
      </c>
      <c r="AA222" s="10" t="s">
        <v>55</v>
      </c>
      <c r="AB222" s="10" t="s">
        <v>55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100</v>
      </c>
      <c r="I223" s="9" t="s">
        <v>6</v>
      </c>
      <c r="J223" s="9" t="s">
        <v>35</v>
      </c>
      <c r="K223" s="6">
        <v>15</v>
      </c>
      <c r="L223" s="6">
        <v>14</v>
      </c>
      <c r="M223" s="6">
        <v>13</v>
      </c>
      <c r="N223" s="6">
        <v>12</v>
      </c>
      <c r="O223" s="6">
        <v>1</v>
      </c>
      <c r="P223" s="10" t="s">
        <v>55</v>
      </c>
      <c r="Q223" s="10" t="s">
        <v>55</v>
      </c>
      <c r="R223" s="6">
        <v>1</v>
      </c>
      <c r="S223" s="6">
        <v>1</v>
      </c>
      <c r="T223" s="6">
        <v>1</v>
      </c>
      <c r="U223" s="10" t="s">
        <v>55</v>
      </c>
      <c r="V223" s="10" t="s">
        <v>55</v>
      </c>
      <c r="W223" s="10" t="s">
        <v>55</v>
      </c>
      <c r="X223" s="6">
        <v>13</v>
      </c>
      <c r="Y223" s="6">
        <v>12</v>
      </c>
      <c r="Z223" s="6">
        <v>1</v>
      </c>
      <c r="AA223" s="10" t="s">
        <v>55</v>
      </c>
      <c r="AB223" s="10" t="s">
        <v>55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100</v>
      </c>
      <c r="I224" s="9" t="s">
        <v>6</v>
      </c>
      <c r="J224" s="9" t="s">
        <v>36</v>
      </c>
      <c r="K224" s="6">
        <v>30</v>
      </c>
      <c r="L224" s="6">
        <v>25</v>
      </c>
      <c r="M224" s="6">
        <v>25</v>
      </c>
      <c r="N224" s="6">
        <v>24</v>
      </c>
      <c r="O224" s="6">
        <v>1</v>
      </c>
      <c r="P224" s="10" t="s">
        <v>55</v>
      </c>
      <c r="Q224" s="10" t="s">
        <v>55</v>
      </c>
      <c r="R224" s="10" t="s">
        <v>55</v>
      </c>
      <c r="S224" s="6">
        <v>4</v>
      </c>
      <c r="T224" s="6">
        <v>3</v>
      </c>
      <c r="U224" s="10" t="s">
        <v>55</v>
      </c>
      <c r="V224" s="6">
        <v>1</v>
      </c>
      <c r="W224" s="6">
        <v>1</v>
      </c>
      <c r="X224" s="6">
        <v>23</v>
      </c>
      <c r="Y224" s="6">
        <v>22</v>
      </c>
      <c r="Z224" s="6">
        <v>1</v>
      </c>
      <c r="AA224" s="10" t="s">
        <v>55</v>
      </c>
      <c r="AB224" s="10" t="s">
        <v>55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100</v>
      </c>
      <c r="I225" s="9" t="s">
        <v>6</v>
      </c>
      <c r="J225" s="9" t="s">
        <v>37</v>
      </c>
      <c r="K225" s="6">
        <v>51</v>
      </c>
      <c r="L225" s="6">
        <v>41</v>
      </c>
      <c r="M225" s="6">
        <v>41</v>
      </c>
      <c r="N225" s="6">
        <v>39</v>
      </c>
      <c r="O225" s="6">
        <v>2</v>
      </c>
      <c r="P225" s="10" t="s">
        <v>55</v>
      </c>
      <c r="Q225" s="10" t="s">
        <v>55</v>
      </c>
      <c r="R225" s="10" t="s">
        <v>55</v>
      </c>
      <c r="S225" s="6">
        <v>9</v>
      </c>
      <c r="T225" s="6">
        <v>7</v>
      </c>
      <c r="U225" s="10" t="s">
        <v>55</v>
      </c>
      <c r="V225" s="6">
        <v>2</v>
      </c>
      <c r="W225" s="6">
        <v>1</v>
      </c>
      <c r="X225" s="6">
        <v>38</v>
      </c>
      <c r="Y225" s="6">
        <v>36</v>
      </c>
      <c r="Z225" s="6">
        <v>2</v>
      </c>
      <c r="AA225" s="10" t="s">
        <v>55</v>
      </c>
      <c r="AB225" s="10" t="s">
        <v>55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100</v>
      </c>
      <c r="I226" s="9" t="s">
        <v>6</v>
      </c>
      <c r="J226" s="9" t="s">
        <v>38</v>
      </c>
      <c r="K226" s="6">
        <v>81</v>
      </c>
      <c r="L226" s="6">
        <v>69</v>
      </c>
      <c r="M226" s="6">
        <v>62</v>
      </c>
      <c r="N226" s="6">
        <v>54</v>
      </c>
      <c r="O226" s="6">
        <v>7</v>
      </c>
      <c r="P226" s="10" t="s">
        <v>55</v>
      </c>
      <c r="Q226" s="6">
        <v>1</v>
      </c>
      <c r="R226" s="6">
        <v>7</v>
      </c>
      <c r="S226" s="6">
        <v>10</v>
      </c>
      <c r="T226" s="6">
        <v>9</v>
      </c>
      <c r="U226" s="10" t="s">
        <v>55</v>
      </c>
      <c r="V226" s="6">
        <v>1</v>
      </c>
      <c r="W226" s="6">
        <v>2</v>
      </c>
      <c r="X226" s="6">
        <v>62</v>
      </c>
      <c r="Y226" s="6">
        <v>54</v>
      </c>
      <c r="Z226" s="6">
        <v>7</v>
      </c>
      <c r="AA226" s="10" t="s">
        <v>55</v>
      </c>
      <c r="AB226" s="6">
        <v>1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100</v>
      </c>
      <c r="I227" s="9" t="s">
        <v>6</v>
      </c>
      <c r="J227" s="9" t="s">
        <v>39</v>
      </c>
      <c r="K227" s="6">
        <v>177</v>
      </c>
      <c r="L227" s="6">
        <v>138</v>
      </c>
      <c r="M227" s="6">
        <v>131</v>
      </c>
      <c r="N227" s="6">
        <v>115</v>
      </c>
      <c r="O227" s="6">
        <v>13</v>
      </c>
      <c r="P227" s="10" t="s">
        <v>55</v>
      </c>
      <c r="Q227" s="6">
        <v>3</v>
      </c>
      <c r="R227" s="6">
        <v>7</v>
      </c>
      <c r="S227" s="6">
        <v>36</v>
      </c>
      <c r="T227" s="6">
        <v>25</v>
      </c>
      <c r="U227" s="10" t="s">
        <v>55</v>
      </c>
      <c r="V227" s="6">
        <v>11</v>
      </c>
      <c r="W227" s="6">
        <v>3</v>
      </c>
      <c r="X227" s="6">
        <v>115</v>
      </c>
      <c r="Y227" s="6">
        <v>102</v>
      </c>
      <c r="Z227" s="6">
        <v>11</v>
      </c>
      <c r="AA227" s="10" t="s">
        <v>55</v>
      </c>
      <c r="AB227" s="6">
        <v>2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100</v>
      </c>
      <c r="I228" s="9" t="s">
        <v>6</v>
      </c>
      <c r="J228" s="9" t="s">
        <v>40</v>
      </c>
      <c r="K228" s="6">
        <v>307</v>
      </c>
      <c r="L228" s="6">
        <v>188</v>
      </c>
      <c r="M228" s="6">
        <v>181</v>
      </c>
      <c r="N228" s="6">
        <v>147</v>
      </c>
      <c r="O228" s="6">
        <v>27</v>
      </c>
      <c r="P228" s="10" t="s">
        <v>55</v>
      </c>
      <c r="Q228" s="6">
        <v>7</v>
      </c>
      <c r="R228" s="6">
        <v>7</v>
      </c>
      <c r="S228" s="6">
        <v>109</v>
      </c>
      <c r="T228" s="6">
        <v>76</v>
      </c>
      <c r="U228" s="10" t="s">
        <v>55</v>
      </c>
      <c r="V228" s="6">
        <v>33</v>
      </c>
      <c r="W228" s="6">
        <v>10</v>
      </c>
      <c r="X228" s="6">
        <v>152</v>
      </c>
      <c r="Y228" s="6">
        <v>125</v>
      </c>
      <c r="Z228" s="6">
        <v>22</v>
      </c>
      <c r="AA228" s="10" t="s">
        <v>55</v>
      </c>
      <c r="AB228" s="6">
        <v>5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100</v>
      </c>
      <c r="I229" s="9" t="s">
        <v>6</v>
      </c>
      <c r="J229" s="9" t="s">
        <v>41</v>
      </c>
      <c r="K229" s="6">
        <v>590</v>
      </c>
      <c r="L229" s="6">
        <v>276</v>
      </c>
      <c r="M229" s="6">
        <v>266</v>
      </c>
      <c r="N229" s="6">
        <v>203</v>
      </c>
      <c r="O229" s="6">
        <v>54</v>
      </c>
      <c r="P229" s="10" t="s">
        <v>55</v>
      </c>
      <c r="Q229" s="6">
        <v>9</v>
      </c>
      <c r="R229" s="6">
        <v>10</v>
      </c>
      <c r="S229" s="6">
        <v>306</v>
      </c>
      <c r="T229" s="6">
        <v>160</v>
      </c>
      <c r="U229" s="10" t="s">
        <v>55</v>
      </c>
      <c r="V229" s="6">
        <v>146</v>
      </c>
      <c r="W229" s="6">
        <v>8</v>
      </c>
      <c r="X229" s="6">
        <v>193</v>
      </c>
      <c r="Y229" s="6">
        <v>145</v>
      </c>
      <c r="Z229" s="6">
        <v>40</v>
      </c>
      <c r="AA229" s="10" t="s">
        <v>55</v>
      </c>
      <c r="AB229" s="6">
        <v>8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100</v>
      </c>
      <c r="I230" s="9" t="s">
        <v>6</v>
      </c>
      <c r="J230" s="9" t="s">
        <v>42</v>
      </c>
      <c r="K230" s="6">
        <v>937</v>
      </c>
      <c r="L230" s="6">
        <v>255</v>
      </c>
      <c r="M230" s="6">
        <v>244</v>
      </c>
      <c r="N230" s="6">
        <v>159</v>
      </c>
      <c r="O230" s="6">
        <v>70</v>
      </c>
      <c r="P230" s="10" t="s">
        <v>55</v>
      </c>
      <c r="Q230" s="6">
        <v>15</v>
      </c>
      <c r="R230" s="6">
        <v>11</v>
      </c>
      <c r="S230" s="6">
        <v>658</v>
      </c>
      <c r="T230" s="6">
        <v>302</v>
      </c>
      <c r="U230" s="10" t="s">
        <v>55</v>
      </c>
      <c r="V230" s="6">
        <v>356</v>
      </c>
      <c r="W230" s="6">
        <v>24</v>
      </c>
      <c r="X230" s="6">
        <v>155</v>
      </c>
      <c r="Y230" s="6">
        <v>105</v>
      </c>
      <c r="Z230" s="6">
        <v>42</v>
      </c>
      <c r="AA230" s="10" t="s">
        <v>55</v>
      </c>
      <c r="AB230" s="6">
        <v>8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100</v>
      </c>
      <c r="I231" s="9" t="s">
        <v>6</v>
      </c>
      <c r="J231" s="9" t="s">
        <v>43</v>
      </c>
      <c r="K231" s="6">
        <v>1312</v>
      </c>
      <c r="L231" s="6">
        <v>167</v>
      </c>
      <c r="M231" s="6">
        <v>163</v>
      </c>
      <c r="N231" s="6">
        <v>96</v>
      </c>
      <c r="O231" s="6">
        <v>56</v>
      </c>
      <c r="P231" s="10" t="s">
        <v>55</v>
      </c>
      <c r="Q231" s="6">
        <v>11</v>
      </c>
      <c r="R231" s="6">
        <v>4</v>
      </c>
      <c r="S231" s="6">
        <v>1123</v>
      </c>
      <c r="T231" s="6">
        <v>366</v>
      </c>
      <c r="U231" s="6">
        <v>1</v>
      </c>
      <c r="V231" s="6">
        <v>756</v>
      </c>
      <c r="W231" s="6">
        <v>22</v>
      </c>
      <c r="X231" s="6">
        <v>86</v>
      </c>
      <c r="Y231" s="6">
        <v>53</v>
      </c>
      <c r="Z231" s="6">
        <v>29</v>
      </c>
      <c r="AA231" s="10" t="s">
        <v>55</v>
      </c>
      <c r="AB231" s="6">
        <v>4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100</v>
      </c>
      <c r="I232" s="9" t="s">
        <v>6</v>
      </c>
      <c r="J232" s="9" t="s">
        <v>44</v>
      </c>
      <c r="K232" s="6">
        <v>1741</v>
      </c>
      <c r="L232" s="6">
        <v>98</v>
      </c>
      <c r="M232" s="6">
        <v>97</v>
      </c>
      <c r="N232" s="6">
        <v>57</v>
      </c>
      <c r="O232" s="6">
        <v>37</v>
      </c>
      <c r="P232" s="10" t="s">
        <v>55</v>
      </c>
      <c r="Q232" s="6">
        <v>3</v>
      </c>
      <c r="R232" s="6">
        <v>1</v>
      </c>
      <c r="S232" s="6">
        <v>1612</v>
      </c>
      <c r="T232" s="6">
        <v>432</v>
      </c>
      <c r="U232" s="10" t="s">
        <v>55</v>
      </c>
      <c r="V232" s="6">
        <v>1180</v>
      </c>
      <c r="W232" s="6">
        <v>31</v>
      </c>
      <c r="X232" s="6">
        <v>34</v>
      </c>
      <c r="Y232" s="6">
        <v>24</v>
      </c>
      <c r="Z232" s="6">
        <v>10</v>
      </c>
      <c r="AA232" s="10" t="s">
        <v>55</v>
      </c>
      <c r="AB232" s="10" t="s">
        <v>55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100</v>
      </c>
      <c r="I233" s="9" t="s">
        <v>6</v>
      </c>
      <c r="J233" s="9" t="s">
        <v>45</v>
      </c>
      <c r="K233" s="6">
        <v>2055</v>
      </c>
      <c r="L233" s="6">
        <v>59</v>
      </c>
      <c r="M233" s="6">
        <v>59</v>
      </c>
      <c r="N233" s="6">
        <v>35</v>
      </c>
      <c r="O233" s="6">
        <v>21</v>
      </c>
      <c r="P233" s="10" t="s">
        <v>55</v>
      </c>
      <c r="Q233" s="6">
        <v>3</v>
      </c>
      <c r="R233" s="10" t="s">
        <v>55</v>
      </c>
      <c r="S233" s="6">
        <v>1952</v>
      </c>
      <c r="T233" s="6">
        <v>300</v>
      </c>
      <c r="U233" s="6">
        <v>3</v>
      </c>
      <c r="V233" s="6">
        <v>1649</v>
      </c>
      <c r="W233" s="6">
        <v>44</v>
      </c>
      <c r="X233" s="6">
        <v>15</v>
      </c>
      <c r="Y233" s="6">
        <v>7</v>
      </c>
      <c r="Z233" s="6">
        <v>8</v>
      </c>
      <c r="AA233" s="10" t="s">
        <v>55</v>
      </c>
      <c r="AB233" s="10" t="s">
        <v>55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100</v>
      </c>
      <c r="I234" s="9" t="s">
        <v>6</v>
      </c>
      <c r="J234" s="9" t="s">
        <v>46</v>
      </c>
      <c r="K234" s="6">
        <v>1334</v>
      </c>
      <c r="L234" s="6">
        <v>14</v>
      </c>
      <c r="M234" s="6">
        <v>14</v>
      </c>
      <c r="N234" s="6">
        <v>9</v>
      </c>
      <c r="O234" s="6">
        <v>5</v>
      </c>
      <c r="P234" s="10" t="s">
        <v>55</v>
      </c>
      <c r="Q234" s="10" t="s">
        <v>55</v>
      </c>
      <c r="R234" s="10" t="s">
        <v>55</v>
      </c>
      <c r="S234" s="6">
        <v>1304</v>
      </c>
      <c r="T234" s="6">
        <v>91</v>
      </c>
      <c r="U234" s="6">
        <v>1</v>
      </c>
      <c r="V234" s="6">
        <v>1212</v>
      </c>
      <c r="W234" s="6">
        <v>16</v>
      </c>
      <c r="X234" s="6">
        <v>7</v>
      </c>
      <c r="Y234" s="6">
        <v>6</v>
      </c>
      <c r="Z234" s="6">
        <v>1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100</v>
      </c>
      <c r="I235" s="9" t="s">
        <v>6</v>
      </c>
      <c r="J235" s="9" t="s">
        <v>47</v>
      </c>
      <c r="K235" s="6">
        <v>462</v>
      </c>
      <c r="L235" s="6">
        <v>1</v>
      </c>
      <c r="M235" s="6">
        <v>1</v>
      </c>
      <c r="N235" s="6">
        <v>1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459</v>
      </c>
      <c r="T235" s="6">
        <v>14</v>
      </c>
      <c r="U235" s="10" t="s">
        <v>55</v>
      </c>
      <c r="V235" s="6">
        <v>445</v>
      </c>
      <c r="W235" s="6">
        <v>2</v>
      </c>
      <c r="X235" s="6">
        <v>1</v>
      </c>
      <c r="Y235" s="6">
        <v>1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100</v>
      </c>
      <c r="I236" s="9" t="s">
        <v>6</v>
      </c>
      <c r="J236" s="9" t="s">
        <v>48</v>
      </c>
      <c r="K236" s="6">
        <v>671</v>
      </c>
      <c r="L236" s="6">
        <v>485</v>
      </c>
      <c r="M236" s="6">
        <v>462</v>
      </c>
      <c r="N236" s="6">
        <v>399</v>
      </c>
      <c r="O236" s="6">
        <v>52</v>
      </c>
      <c r="P236" s="10" t="s">
        <v>55</v>
      </c>
      <c r="Q236" s="6">
        <v>11</v>
      </c>
      <c r="R236" s="6">
        <v>23</v>
      </c>
      <c r="S236" s="6">
        <v>169</v>
      </c>
      <c r="T236" s="6">
        <v>121</v>
      </c>
      <c r="U236" s="10" t="s">
        <v>55</v>
      </c>
      <c r="V236" s="6">
        <v>48</v>
      </c>
      <c r="W236" s="6">
        <v>17</v>
      </c>
      <c r="X236" s="6">
        <v>412</v>
      </c>
      <c r="Y236" s="6">
        <v>359</v>
      </c>
      <c r="Z236" s="6">
        <v>45</v>
      </c>
      <c r="AA236" s="10" t="s">
        <v>55</v>
      </c>
      <c r="AB236" s="6">
        <v>8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100</v>
      </c>
      <c r="I237" s="9" t="s">
        <v>6</v>
      </c>
      <c r="J237" s="9" t="s">
        <v>49</v>
      </c>
      <c r="K237" s="6">
        <v>8431</v>
      </c>
      <c r="L237" s="6">
        <v>870</v>
      </c>
      <c r="M237" s="6">
        <v>844</v>
      </c>
      <c r="N237" s="6">
        <v>560</v>
      </c>
      <c r="O237" s="6">
        <v>243</v>
      </c>
      <c r="P237" s="10" t="s">
        <v>55</v>
      </c>
      <c r="Q237" s="6">
        <v>41</v>
      </c>
      <c r="R237" s="6">
        <v>26</v>
      </c>
      <c r="S237" s="6">
        <v>7414</v>
      </c>
      <c r="T237" s="6">
        <v>1665</v>
      </c>
      <c r="U237" s="6">
        <v>5</v>
      </c>
      <c r="V237" s="6">
        <v>5744</v>
      </c>
      <c r="W237" s="6">
        <v>147</v>
      </c>
      <c r="X237" s="6">
        <v>491</v>
      </c>
      <c r="Y237" s="6">
        <v>341</v>
      </c>
      <c r="Z237" s="6">
        <v>130</v>
      </c>
      <c r="AA237" s="10" t="s">
        <v>55</v>
      </c>
      <c r="AB237" s="6">
        <v>20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100</v>
      </c>
      <c r="I238" s="9" t="s">
        <v>6</v>
      </c>
      <c r="J238" s="9" t="s">
        <v>50</v>
      </c>
      <c r="K238" s="6">
        <v>6904</v>
      </c>
      <c r="L238" s="6">
        <v>339</v>
      </c>
      <c r="M238" s="6">
        <v>334</v>
      </c>
      <c r="N238" s="6">
        <v>198</v>
      </c>
      <c r="O238" s="6">
        <v>119</v>
      </c>
      <c r="P238" s="10" t="s">
        <v>55</v>
      </c>
      <c r="Q238" s="6">
        <v>17</v>
      </c>
      <c r="R238" s="6">
        <v>5</v>
      </c>
      <c r="S238" s="6">
        <v>6450</v>
      </c>
      <c r="T238" s="6">
        <v>1203</v>
      </c>
      <c r="U238" s="6">
        <v>5</v>
      </c>
      <c r="V238" s="6">
        <v>5242</v>
      </c>
      <c r="W238" s="6">
        <v>115</v>
      </c>
      <c r="X238" s="6">
        <v>143</v>
      </c>
      <c r="Y238" s="6">
        <v>91</v>
      </c>
      <c r="Z238" s="6">
        <v>48</v>
      </c>
      <c r="AA238" s="10" t="s">
        <v>55</v>
      </c>
      <c r="AB238" s="6">
        <v>4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100</v>
      </c>
      <c r="I239" s="9" t="s">
        <v>6</v>
      </c>
      <c r="J239" s="9" t="s">
        <v>51</v>
      </c>
      <c r="K239" s="6">
        <v>3851</v>
      </c>
      <c r="L239" s="6">
        <v>74</v>
      </c>
      <c r="M239" s="6">
        <v>74</v>
      </c>
      <c r="N239" s="6">
        <v>45</v>
      </c>
      <c r="O239" s="6">
        <v>26</v>
      </c>
      <c r="P239" s="10" t="s">
        <v>55</v>
      </c>
      <c r="Q239" s="6">
        <v>3</v>
      </c>
      <c r="R239" s="10" t="s">
        <v>55</v>
      </c>
      <c r="S239" s="6">
        <v>3715</v>
      </c>
      <c r="T239" s="6">
        <v>405</v>
      </c>
      <c r="U239" s="6">
        <v>4</v>
      </c>
      <c r="V239" s="6">
        <v>3306</v>
      </c>
      <c r="W239" s="6">
        <v>62</v>
      </c>
      <c r="X239" s="6">
        <v>23</v>
      </c>
      <c r="Y239" s="6">
        <v>14</v>
      </c>
      <c r="Z239" s="6">
        <v>9</v>
      </c>
      <c r="AA239" s="10" t="s">
        <v>55</v>
      </c>
      <c r="AB239" s="10" t="s">
        <v>55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100</v>
      </c>
      <c r="I240" s="9" t="s">
        <v>6</v>
      </c>
      <c r="J240" s="9" t="s">
        <v>52</v>
      </c>
      <c r="K240" s="6">
        <v>1261</v>
      </c>
      <c r="L240" s="6">
        <v>761</v>
      </c>
      <c r="M240" s="6">
        <v>728</v>
      </c>
      <c r="N240" s="6">
        <v>602</v>
      </c>
      <c r="O240" s="6">
        <v>106</v>
      </c>
      <c r="P240" s="10" t="s">
        <v>55</v>
      </c>
      <c r="Q240" s="6">
        <v>20</v>
      </c>
      <c r="R240" s="6">
        <v>33</v>
      </c>
      <c r="S240" s="6">
        <v>475</v>
      </c>
      <c r="T240" s="6">
        <v>281</v>
      </c>
      <c r="U240" s="10" t="s">
        <v>55</v>
      </c>
      <c r="V240" s="6">
        <v>194</v>
      </c>
      <c r="W240" s="6">
        <v>25</v>
      </c>
      <c r="X240" s="6">
        <v>605</v>
      </c>
      <c r="Y240" s="6">
        <v>504</v>
      </c>
      <c r="Z240" s="6">
        <v>85</v>
      </c>
      <c r="AA240" s="10" t="s">
        <v>55</v>
      </c>
      <c r="AB240" s="6">
        <v>16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100</v>
      </c>
      <c r="I241" s="9" t="s">
        <v>53</v>
      </c>
      <c r="J241" s="9" t="s">
        <v>30</v>
      </c>
      <c r="K241" s="6">
        <v>1519</v>
      </c>
      <c r="L241" s="6">
        <v>334</v>
      </c>
      <c r="M241" s="6">
        <v>314</v>
      </c>
      <c r="N241" s="6">
        <v>274</v>
      </c>
      <c r="O241" s="6">
        <v>27</v>
      </c>
      <c r="P241" s="10" t="s">
        <v>55</v>
      </c>
      <c r="Q241" s="6">
        <v>13</v>
      </c>
      <c r="R241" s="6">
        <v>20</v>
      </c>
      <c r="S241" s="6">
        <v>1145</v>
      </c>
      <c r="T241" s="6">
        <v>110</v>
      </c>
      <c r="U241" s="10" t="s">
        <v>55</v>
      </c>
      <c r="V241" s="6">
        <v>1035</v>
      </c>
      <c r="W241" s="6">
        <v>40</v>
      </c>
      <c r="X241" s="6">
        <v>190</v>
      </c>
      <c r="Y241" s="6">
        <v>176</v>
      </c>
      <c r="Z241" s="6">
        <v>11</v>
      </c>
      <c r="AA241" s="10" t="s">
        <v>55</v>
      </c>
      <c r="AB241" s="6">
        <v>3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100</v>
      </c>
      <c r="I242" s="9" t="s">
        <v>53</v>
      </c>
      <c r="J242" s="9" t="s">
        <v>31</v>
      </c>
      <c r="K242" s="10" t="s">
        <v>55</v>
      </c>
      <c r="L242" s="10" t="s">
        <v>55</v>
      </c>
      <c r="M242" s="10" t="s">
        <v>55</v>
      </c>
      <c r="N242" s="10" t="s">
        <v>55</v>
      </c>
      <c r="O242" s="10" t="s">
        <v>55</v>
      </c>
      <c r="P242" s="10" t="s">
        <v>55</v>
      </c>
      <c r="Q242" s="10" t="s">
        <v>55</v>
      </c>
      <c r="R242" s="10" t="s">
        <v>55</v>
      </c>
      <c r="S242" s="10" t="s">
        <v>55</v>
      </c>
      <c r="T242" s="10" t="s">
        <v>55</v>
      </c>
      <c r="U242" s="10" t="s">
        <v>55</v>
      </c>
      <c r="V242" s="10" t="s">
        <v>55</v>
      </c>
      <c r="W242" s="10" t="s">
        <v>55</v>
      </c>
      <c r="X242" s="10" t="s">
        <v>55</v>
      </c>
      <c r="Y242" s="10" t="s">
        <v>55</v>
      </c>
      <c r="Z242" s="10" t="s">
        <v>55</v>
      </c>
      <c r="AA242" s="10" t="s">
        <v>55</v>
      </c>
      <c r="AB242" s="10" t="s">
        <v>55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100</v>
      </c>
      <c r="I243" s="9" t="s">
        <v>53</v>
      </c>
      <c r="J243" s="9" t="s">
        <v>32</v>
      </c>
      <c r="K243" s="10" t="s">
        <v>55</v>
      </c>
      <c r="L243" s="10" t="s">
        <v>55</v>
      </c>
      <c r="M243" s="10" t="s">
        <v>55</v>
      </c>
      <c r="N243" s="10" t="s">
        <v>55</v>
      </c>
      <c r="O243" s="10" t="s">
        <v>55</v>
      </c>
      <c r="P243" s="10" t="s">
        <v>55</v>
      </c>
      <c r="Q243" s="10" t="s">
        <v>55</v>
      </c>
      <c r="R243" s="10" t="s">
        <v>55</v>
      </c>
      <c r="S243" s="10" t="s">
        <v>55</v>
      </c>
      <c r="T243" s="10" t="s">
        <v>55</v>
      </c>
      <c r="U243" s="10" t="s">
        <v>55</v>
      </c>
      <c r="V243" s="10" t="s">
        <v>55</v>
      </c>
      <c r="W243" s="10" t="s">
        <v>55</v>
      </c>
      <c r="X243" s="10" t="s">
        <v>55</v>
      </c>
      <c r="Y243" s="10" t="s">
        <v>55</v>
      </c>
      <c r="Z243" s="10" t="s">
        <v>55</v>
      </c>
      <c r="AA243" s="10" t="s">
        <v>55</v>
      </c>
      <c r="AB243" s="10" t="s">
        <v>55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100</v>
      </c>
      <c r="I244" s="9" t="s">
        <v>53</v>
      </c>
      <c r="J244" s="9" t="s">
        <v>33</v>
      </c>
      <c r="K244" s="10" t="s">
        <v>55</v>
      </c>
      <c r="L244" s="10" t="s">
        <v>55</v>
      </c>
      <c r="M244" s="10" t="s">
        <v>55</v>
      </c>
      <c r="N244" s="10" t="s">
        <v>55</v>
      </c>
      <c r="O244" s="10" t="s">
        <v>55</v>
      </c>
      <c r="P244" s="10" t="s">
        <v>55</v>
      </c>
      <c r="Q244" s="10" t="s">
        <v>55</v>
      </c>
      <c r="R244" s="10" t="s">
        <v>55</v>
      </c>
      <c r="S244" s="10" t="s">
        <v>55</v>
      </c>
      <c r="T244" s="10" t="s">
        <v>55</v>
      </c>
      <c r="U244" s="10" t="s">
        <v>55</v>
      </c>
      <c r="V244" s="10" t="s">
        <v>55</v>
      </c>
      <c r="W244" s="10" t="s">
        <v>55</v>
      </c>
      <c r="X244" s="10" t="s">
        <v>55</v>
      </c>
      <c r="Y244" s="10" t="s">
        <v>55</v>
      </c>
      <c r="Z244" s="10" t="s">
        <v>55</v>
      </c>
      <c r="AA244" s="10" t="s">
        <v>55</v>
      </c>
      <c r="AB244" s="10" t="s">
        <v>55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100</v>
      </c>
      <c r="I245" s="9" t="s">
        <v>53</v>
      </c>
      <c r="J245" s="9" t="s">
        <v>34</v>
      </c>
      <c r="K245" s="10" t="s">
        <v>55</v>
      </c>
      <c r="L245" s="10" t="s">
        <v>55</v>
      </c>
      <c r="M245" s="10" t="s">
        <v>55</v>
      </c>
      <c r="N245" s="10" t="s">
        <v>55</v>
      </c>
      <c r="O245" s="10" t="s">
        <v>55</v>
      </c>
      <c r="P245" s="10" t="s">
        <v>55</v>
      </c>
      <c r="Q245" s="10" t="s">
        <v>55</v>
      </c>
      <c r="R245" s="10" t="s">
        <v>55</v>
      </c>
      <c r="S245" s="10" t="s">
        <v>55</v>
      </c>
      <c r="T245" s="10" t="s">
        <v>55</v>
      </c>
      <c r="U245" s="10" t="s">
        <v>55</v>
      </c>
      <c r="V245" s="10" t="s">
        <v>55</v>
      </c>
      <c r="W245" s="10" t="s">
        <v>55</v>
      </c>
      <c r="X245" s="10" t="s">
        <v>55</v>
      </c>
      <c r="Y245" s="10" t="s">
        <v>55</v>
      </c>
      <c r="Z245" s="10" t="s">
        <v>55</v>
      </c>
      <c r="AA245" s="10" t="s">
        <v>55</v>
      </c>
      <c r="AB245" s="10" t="s">
        <v>55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100</v>
      </c>
      <c r="I246" s="9" t="s">
        <v>53</v>
      </c>
      <c r="J246" s="9" t="s">
        <v>35</v>
      </c>
      <c r="K246" s="6">
        <v>4</v>
      </c>
      <c r="L246" s="6">
        <v>4</v>
      </c>
      <c r="M246" s="6">
        <v>4</v>
      </c>
      <c r="N246" s="6">
        <v>4</v>
      </c>
      <c r="O246" s="10" t="s">
        <v>55</v>
      </c>
      <c r="P246" s="10" t="s">
        <v>55</v>
      </c>
      <c r="Q246" s="10" t="s">
        <v>55</v>
      </c>
      <c r="R246" s="10" t="s">
        <v>55</v>
      </c>
      <c r="S246" s="10" t="s">
        <v>55</v>
      </c>
      <c r="T246" s="10" t="s">
        <v>55</v>
      </c>
      <c r="U246" s="10" t="s">
        <v>55</v>
      </c>
      <c r="V246" s="10" t="s">
        <v>55</v>
      </c>
      <c r="W246" s="10" t="s">
        <v>55</v>
      </c>
      <c r="X246" s="6">
        <v>4</v>
      </c>
      <c r="Y246" s="6">
        <v>4</v>
      </c>
      <c r="Z246" s="10" t="s">
        <v>55</v>
      </c>
      <c r="AA246" s="10" t="s">
        <v>55</v>
      </c>
      <c r="AB246" s="10" t="s">
        <v>55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100</v>
      </c>
      <c r="I247" s="9" t="s">
        <v>53</v>
      </c>
      <c r="J247" s="9" t="s">
        <v>36</v>
      </c>
      <c r="K247" s="6">
        <v>4</v>
      </c>
      <c r="L247" s="6">
        <v>4</v>
      </c>
      <c r="M247" s="6">
        <v>4</v>
      </c>
      <c r="N247" s="6">
        <v>4</v>
      </c>
      <c r="O247" s="10" t="s">
        <v>55</v>
      </c>
      <c r="P247" s="10" t="s">
        <v>55</v>
      </c>
      <c r="Q247" s="10" t="s">
        <v>55</v>
      </c>
      <c r="R247" s="10" t="s">
        <v>55</v>
      </c>
      <c r="S247" s="10" t="s">
        <v>55</v>
      </c>
      <c r="T247" s="10" t="s">
        <v>55</v>
      </c>
      <c r="U247" s="10" t="s">
        <v>55</v>
      </c>
      <c r="V247" s="10" t="s">
        <v>55</v>
      </c>
      <c r="W247" s="10" t="s">
        <v>55</v>
      </c>
      <c r="X247" s="6">
        <v>4</v>
      </c>
      <c r="Y247" s="6">
        <v>4</v>
      </c>
      <c r="Z247" s="10" t="s">
        <v>55</v>
      </c>
      <c r="AA247" s="10" t="s">
        <v>55</v>
      </c>
      <c r="AB247" s="10" t="s">
        <v>55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100</v>
      </c>
      <c r="I248" s="9" t="s">
        <v>53</v>
      </c>
      <c r="J248" s="9" t="s">
        <v>37</v>
      </c>
      <c r="K248" s="6">
        <v>11</v>
      </c>
      <c r="L248" s="6">
        <v>11</v>
      </c>
      <c r="M248" s="6">
        <v>11</v>
      </c>
      <c r="N248" s="6">
        <v>11</v>
      </c>
      <c r="O248" s="10" t="s">
        <v>55</v>
      </c>
      <c r="P248" s="10" t="s">
        <v>55</v>
      </c>
      <c r="Q248" s="10" t="s">
        <v>55</v>
      </c>
      <c r="R248" s="10" t="s">
        <v>55</v>
      </c>
      <c r="S248" s="10" t="s">
        <v>55</v>
      </c>
      <c r="T248" s="10" t="s">
        <v>55</v>
      </c>
      <c r="U248" s="10" t="s">
        <v>55</v>
      </c>
      <c r="V248" s="10" t="s">
        <v>55</v>
      </c>
      <c r="W248" s="10" t="s">
        <v>55</v>
      </c>
      <c r="X248" s="6">
        <v>9</v>
      </c>
      <c r="Y248" s="6">
        <v>9</v>
      </c>
      <c r="Z248" s="10" t="s">
        <v>55</v>
      </c>
      <c r="AA248" s="10" t="s">
        <v>55</v>
      </c>
      <c r="AB248" s="10" t="s">
        <v>55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100</v>
      </c>
      <c r="I249" s="9" t="s">
        <v>53</v>
      </c>
      <c r="J249" s="9" t="s">
        <v>38</v>
      </c>
      <c r="K249" s="6">
        <v>21</v>
      </c>
      <c r="L249" s="6">
        <v>20</v>
      </c>
      <c r="M249" s="6">
        <v>18</v>
      </c>
      <c r="N249" s="6">
        <v>18</v>
      </c>
      <c r="O249" s="10" t="s">
        <v>55</v>
      </c>
      <c r="P249" s="10" t="s">
        <v>55</v>
      </c>
      <c r="Q249" s="10" t="s">
        <v>55</v>
      </c>
      <c r="R249" s="6">
        <v>2</v>
      </c>
      <c r="S249" s="10" t="s">
        <v>55</v>
      </c>
      <c r="T249" s="10" t="s">
        <v>55</v>
      </c>
      <c r="U249" s="10" t="s">
        <v>55</v>
      </c>
      <c r="V249" s="10" t="s">
        <v>55</v>
      </c>
      <c r="W249" s="6">
        <v>1</v>
      </c>
      <c r="X249" s="6">
        <v>18</v>
      </c>
      <c r="Y249" s="6">
        <v>18</v>
      </c>
      <c r="Z249" s="10" t="s">
        <v>55</v>
      </c>
      <c r="AA249" s="10" t="s">
        <v>55</v>
      </c>
      <c r="AB249" s="10" t="s">
        <v>55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100</v>
      </c>
      <c r="I250" s="9" t="s">
        <v>53</v>
      </c>
      <c r="J250" s="9" t="s">
        <v>39</v>
      </c>
      <c r="K250" s="6">
        <v>33</v>
      </c>
      <c r="L250" s="6">
        <v>31</v>
      </c>
      <c r="M250" s="6">
        <v>29</v>
      </c>
      <c r="N250" s="6">
        <v>28</v>
      </c>
      <c r="O250" s="6">
        <v>1</v>
      </c>
      <c r="P250" s="10" t="s">
        <v>55</v>
      </c>
      <c r="Q250" s="10" t="s">
        <v>55</v>
      </c>
      <c r="R250" s="6">
        <v>2</v>
      </c>
      <c r="S250" s="6">
        <v>2</v>
      </c>
      <c r="T250" s="10" t="s">
        <v>55</v>
      </c>
      <c r="U250" s="10" t="s">
        <v>55</v>
      </c>
      <c r="V250" s="6">
        <v>2</v>
      </c>
      <c r="W250" s="10" t="s">
        <v>55</v>
      </c>
      <c r="X250" s="6">
        <v>25</v>
      </c>
      <c r="Y250" s="6">
        <v>25</v>
      </c>
      <c r="Z250" s="10" t="s">
        <v>55</v>
      </c>
      <c r="AA250" s="10" t="s">
        <v>55</v>
      </c>
      <c r="AB250" s="10" t="s">
        <v>55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100</v>
      </c>
      <c r="I251" s="9" t="s">
        <v>53</v>
      </c>
      <c r="J251" s="9" t="s">
        <v>40</v>
      </c>
      <c r="K251" s="6">
        <v>61</v>
      </c>
      <c r="L251" s="6">
        <v>49</v>
      </c>
      <c r="M251" s="6">
        <v>45</v>
      </c>
      <c r="N251" s="6">
        <v>44</v>
      </c>
      <c r="O251" s="6">
        <v>1</v>
      </c>
      <c r="P251" s="10" t="s">
        <v>55</v>
      </c>
      <c r="Q251" s="10" t="s">
        <v>55</v>
      </c>
      <c r="R251" s="6">
        <v>4</v>
      </c>
      <c r="S251" s="6">
        <v>9</v>
      </c>
      <c r="T251" s="10" t="s">
        <v>55</v>
      </c>
      <c r="U251" s="10" t="s">
        <v>55</v>
      </c>
      <c r="V251" s="6">
        <v>9</v>
      </c>
      <c r="W251" s="6">
        <v>3</v>
      </c>
      <c r="X251" s="6">
        <v>33</v>
      </c>
      <c r="Y251" s="6">
        <v>33</v>
      </c>
      <c r="Z251" s="10" t="s">
        <v>55</v>
      </c>
      <c r="AA251" s="10" t="s">
        <v>55</v>
      </c>
      <c r="AB251" s="10" t="s">
        <v>55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100</v>
      </c>
      <c r="I252" s="9" t="s">
        <v>53</v>
      </c>
      <c r="J252" s="9" t="s">
        <v>41</v>
      </c>
      <c r="K252" s="6">
        <v>131</v>
      </c>
      <c r="L252" s="6">
        <v>70</v>
      </c>
      <c r="M252" s="6">
        <v>67</v>
      </c>
      <c r="N252" s="6">
        <v>57</v>
      </c>
      <c r="O252" s="6">
        <v>8</v>
      </c>
      <c r="P252" s="10" t="s">
        <v>55</v>
      </c>
      <c r="Q252" s="6">
        <v>2</v>
      </c>
      <c r="R252" s="6">
        <v>3</v>
      </c>
      <c r="S252" s="6">
        <v>60</v>
      </c>
      <c r="T252" s="6">
        <v>21</v>
      </c>
      <c r="U252" s="10" t="s">
        <v>55</v>
      </c>
      <c r="V252" s="6">
        <v>39</v>
      </c>
      <c r="W252" s="6">
        <v>1</v>
      </c>
      <c r="X252" s="6">
        <v>41</v>
      </c>
      <c r="Y252" s="6">
        <v>36</v>
      </c>
      <c r="Z252" s="6">
        <v>4</v>
      </c>
      <c r="AA252" s="10" t="s">
        <v>55</v>
      </c>
      <c r="AB252" s="6">
        <v>1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100</v>
      </c>
      <c r="I253" s="9" t="s">
        <v>53</v>
      </c>
      <c r="J253" s="9" t="s">
        <v>42</v>
      </c>
      <c r="K253" s="6">
        <v>195</v>
      </c>
      <c r="L253" s="6">
        <v>61</v>
      </c>
      <c r="M253" s="6">
        <v>55</v>
      </c>
      <c r="N253" s="6">
        <v>46</v>
      </c>
      <c r="O253" s="6">
        <v>6</v>
      </c>
      <c r="P253" s="10" t="s">
        <v>55</v>
      </c>
      <c r="Q253" s="6">
        <v>3</v>
      </c>
      <c r="R253" s="6">
        <v>6</v>
      </c>
      <c r="S253" s="6">
        <v>126</v>
      </c>
      <c r="T253" s="6">
        <v>19</v>
      </c>
      <c r="U253" s="10" t="s">
        <v>55</v>
      </c>
      <c r="V253" s="6">
        <v>107</v>
      </c>
      <c r="W253" s="6">
        <v>8</v>
      </c>
      <c r="X253" s="6">
        <v>28</v>
      </c>
      <c r="Y253" s="6">
        <v>24</v>
      </c>
      <c r="Z253" s="6">
        <v>3</v>
      </c>
      <c r="AA253" s="10" t="s">
        <v>55</v>
      </c>
      <c r="AB253" s="6">
        <v>1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100</v>
      </c>
      <c r="I254" s="9" t="s">
        <v>53</v>
      </c>
      <c r="J254" s="9" t="s">
        <v>43</v>
      </c>
      <c r="K254" s="6">
        <v>221</v>
      </c>
      <c r="L254" s="6">
        <v>35</v>
      </c>
      <c r="M254" s="6">
        <v>33</v>
      </c>
      <c r="N254" s="6">
        <v>25</v>
      </c>
      <c r="O254" s="6">
        <v>2</v>
      </c>
      <c r="P254" s="10" t="s">
        <v>55</v>
      </c>
      <c r="Q254" s="6">
        <v>6</v>
      </c>
      <c r="R254" s="6">
        <v>2</v>
      </c>
      <c r="S254" s="6">
        <v>180</v>
      </c>
      <c r="T254" s="6">
        <v>19</v>
      </c>
      <c r="U254" s="10" t="s">
        <v>55</v>
      </c>
      <c r="V254" s="6">
        <v>161</v>
      </c>
      <c r="W254" s="6">
        <v>6</v>
      </c>
      <c r="X254" s="6">
        <v>12</v>
      </c>
      <c r="Y254" s="6">
        <v>11</v>
      </c>
      <c r="Z254" s="10" t="s">
        <v>55</v>
      </c>
      <c r="AA254" s="10" t="s">
        <v>55</v>
      </c>
      <c r="AB254" s="6">
        <v>1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100</v>
      </c>
      <c r="I255" s="9" t="s">
        <v>53</v>
      </c>
      <c r="J255" s="9" t="s">
        <v>44</v>
      </c>
      <c r="K255" s="6">
        <v>247</v>
      </c>
      <c r="L255" s="6">
        <v>25</v>
      </c>
      <c r="M255" s="6">
        <v>24</v>
      </c>
      <c r="N255" s="6">
        <v>19</v>
      </c>
      <c r="O255" s="6">
        <v>5</v>
      </c>
      <c r="P255" s="10" t="s">
        <v>55</v>
      </c>
      <c r="Q255" s="10" t="s">
        <v>55</v>
      </c>
      <c r="R255" s="6">
        <v>1</v>
      </c>
      <c r="S255" s="6">
        <v>215</v>
      </c>
      <c r="T255" s="6">
        <v>27</v>
      </c>
      <c r="U255" s="10" t="s">
        <v>55</v>
      </c>
      <c r="V255" s="6">
        <v>188</v>
      </c>
      <c r="W255" s="6">
        <v>7</v>
      </c>
      <c r="X255" s="6">
        <v>7</v>
      </c>
      <c r="Y255" s="6">
        <v>5</v>
      </c>
      <c r="Z255" s="6">
        <v>2</v>
      </c>
      <c r="AA255" s="10" t="s">
        <v>55</v>
      </c>
      <c r="AB255" s="10" t="s">
        <v>5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100</v>
      </c>
      <c r="I256" s="9" t="s">
        <v>53</v>
      </c>
      <c r="J256" s="9" t="s">
        <v>45</v>
      </c>
      <c r="K256" s="6">
        <v>326</v>
      </c>
      <c r="L256" s="6">
        <v>19</v>
      </c>
      <c r="M256" s="6">
        <v>19</v>
      </c>
      <c r="N256" s="6">
        <v>14</v>
      </c>
      <c r="O256" s="6">
        <v>3</v>
      </c>
      <c r="P256" s="10" t="s">
        <v>55</v>
      </c>
      <c r="Q256" s="6">
        <v>2</v>
      </c>
      <c r="R256" s="10" t="s">
        <v>55</v>
      </c>
      <c r="S256" s="6">
        <v>296</v>
      </c>
      <c r="T256" s="6">
        <v>17</v>
      </c>
      <c r="U256" s="10" t="s">
        <v>55</v>
      </c>
      <c r="V256" s="6">
        <v>279</v>
      </c>
      <c r="W256" s="6">
        <v>11</v>
      </c>
      <c r="X256" s="6">
        <v>6</v>
      </c>
      <c r="Y256" s="6">
        <v>4</v>
      </c>
      <c r="Z256" s="6">
        <v>2</v>
      </c>
      <c r="AA256" s="10" t="s">
        <v>55</v>
      </c>
      <c r="AB256" s="10" t="s">
        <v>55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100</v>
      </c>
      <c r="I257" s="9" t="s">
        <v>53</v>
      </c>
      <c r="J257" s="9" t="s">
        <v>46</v>
      </c>
      <c r="K257" s="6">
        <v>204</v>
      </c>
      <c r="L257" s="6">
        <v>5</v>
      </c>
      <c r="M257" s="6">
        <v>5</v>
      </c>
      <c r="N257" s="6">
        <v>4</v>
      </c>
      <c r="O257" s="6">
        <v>1</v>
      </c>
      <c r="P257" s="10" t="s">
        <v>55</v>
      </c>
      <c r="Q257" s="10" t="s">
        <v>55</v>
      </c>
      <c r="R257" s="10" t="s">
        <v>55</v>
      </c>
      <c r="S257" s="6">
        <v>196</v>
      </c>
      <c r="T257" s="6">
        <v>6</v>
      </c>
      <c r="U257" s="10" t="s">
        <v>55</v>
      </c>
      <c r="V257" s="6">
        <v>190</v>
      </c>
      <c r="W257" s="6">
        <v>3</v>
      </c>
      <c r="X257" s="6">
        <v>3</v>
      </c>
      <c r="Y257" s="6">
        <v>3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100</v>
      </c>
      <c r="I258" s="9" t="s">
        <v>53</v>
      </c>
      <c r="J258" s="9" t="s">
        <v>47</v>
      </c>
      <c r="K258" s="6">
        <v>61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6">
        <v>61</v>
      </c>
      <c r="T258" s="6">
        <v>1</v>
      </c>
      <c r="U258" s="10" t="s">
        <v>55</v>
      </c>
      <c r="V258" s="6">
        <v>60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100</v>
      </c>
      <c r="I259" s="9" t="s">
        <v>53</v>
      </c>
      <c r="J259" s="9" t="s">
        <v>48</v>
      </c>
      <c r="K259" s="6">
        <v>134</v>
      </c>
      <c r="L259" s="6">
        <v>119</v>
      </c>
      <c r="M259" s="6">
        <v>111</v>
      </c>
      <c r="N259" s="6">
        <v>109</v>
      </c>
      <c r="O259" s="6">
        <v>2</v>
      </c>
      <c r="P259" s="10" t="s">
        <v>55</v>
      </c>
      <c r="Q259" s="10" t="s">
        <v>55</v>
      </c>
      <c r="R259" s="6">
        <v>8</v>
      </c>
      <c r="S259" s="6">
        <v>11</v>
      </c>
      <c r="T259" s="10" t="s">
        <v>55</v>
      </c>
      <c r="U259" s="10" t="s">
        <v>55</v>
      </c>
      <c r="V259" s="6">
        <v>11</v>
      </c>
      <c r="W259" s="6">
        <v>4</v>
      </c>
      <c r="X259" s="6">
        <v>93</v>
      </c>
      <c r="Y259" s="6">
        <v>93</v>
      </c>
      <c r="Z259" s="10" t="s">
        <v>55</v>
      </c>
      <c r="AA259" s="10" t="s">
        <v>55</v>
      </c>
      <c r="AB259" s="10" t="s">
        <v>55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100</v>
      </c>
      <c r="I260" s="9" t="s">
        <v>53</v>
      </c>
      <c r="J260" s="9" t="s">
        <v>49</v>
      </c>
      <c r="K260" s="6">
        <v>1385</v>
      </c>
      <c r="L260" s="6">
        <v>215</v>
      </c>
      <c r="M260" s="6">
        <v>203</v>
      </c>
      <c r="N260" s="6">
        <v>165</v>
      </c>
      <c r="O260" s="6">
        <v>25</v>
      </c>
      <c r="P260" s="10" t="s">
        <v>55</v>
      </c>
      <c r="Q260" s="6">
        <v>13</v>
      </c>
      <c r="R260" s="6">
        <v>12</v>
      </c>
      <c r="S260" s="6">
        <v>1134</v>
      </c>
      <c r="T260" s="6">
        <v>110</v>
      </c>
      <c r="U260" s="10" t="s">
        <v>55</v>
      </c>
      <c r="V260" s="6">
        <v>1024</v>
      </c>
      <c r="W260" s="6">
        <v>36</v>
      </c>
      <c r="X260" s="6">
        <v>97</v>
      </c>
      <c r="Y260" s="6">
        <v>83</v>
      </c>
      <c r="Z260" s="6">
        <v>11</v>
      </c>
      <c r="AA260" s="10" t="s">
        <v>55</v>
      </c>
      <c r="AB260" s="6">
        <v>3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100</v>
      </c>
      <c r="I261" s="9" t="s">
        <v>53</v>
      </c>
      <c r="J261" s="9" t="s">
        <v>50</v>
      </c>
      <c r="K261" s="6">
        <v>1059</v>
      </c>
      <c r="L261" s="6">
        <v>84</v>
      </c>
      <c r="M261" s="6">
        <v>81</v>
      </c>
      <c r="N261" s="6">
        <v>62</v>
      </c>
      <c r="O261" s="6">
        <v>11</v>
      </c>
      <c r="P261" s="10" t="s">
        <v>55</v>
      </c>
      <c r="Q261" s="6">
        <v>8</v>
      </c>
      <c r="R261" s="6">
        <v>3</v>
      </c>
      <c r="S261" s="6">
        <v>948</v>
      </c>
      <c r="T261" s="6">
        <v>70</v>
      </c>
      <c r="U261" s="10" t="s">
        <v>55</v>
      </c>
      <c r="V261" s="6">
        <v>878</v>
      </c>
      <c r="W261" s="6">
        <v>27</v>
      </c>
      <c r="X261" s="6">
        <v>28</v>
      </c>
      <c r="Y261" s="6">
        <v>23</v>
      </c>
      <c r="Z261" s="6">
        <v>4</v>
      </c>
      <c r="AA261" s="10" t="s">
        <v>55</v>
      </c>
      <c r="AB261" s="6">
        <v>1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100</v>
      </c>
      <c r="I262" s="9" t="s">
        <v>53</v>
      </c>
      <c r="J262" s="9" t="s">
        <v>51</v>
      </c>
      <c r="K262" s="6">
        <v>591</v>
      </c>
      <c r="L262" s="6">
        <v>24</v>
      </c>
      <c r="M262" s="6">
        <v>24</v>
      </c>
      <c r="N262" s="6">
        <v>18</v>
      </c>
      <c r="O262" s="6">
        <v>4</v>
      </c>
      <c r="P262" s="10" t="s">
        <v>55</v>
      </c>
      <c r="Q262" s="6">
        <v>2</v>
      </c>
      <c r="R262" s="10" t="s">
        <v>55</v>
      </c>
      <c r="S262" s="6">
        <v>553</v>
      </c>
      <c r="T262" s="6">
        <v>24</v>
      </c>
      <c r="U262" s="10" t="s">
        <v>55</v>
      </c>
      <c r="V262" s="6">
        <v>529</v>
      </c>
      <c r="W262" s="6">
        <v>14</v>
      </c>
      <c r="X262" s="6">
        <v>9</v>
      </c>
      <c r="Y262" s="6">
        <v>7</v>
      </c>
      <c r="Z262" s="6">
        <v>2</v>
      </c>
      <c r="AA262" s="10" t="s">
        <v>55</v>
      </c>
      <c r="AB262" s="10" t="s">
        <v>55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100</v>
      </c>
      <c r="I263" s="9" t="s">
        <v>53</v>
      </c>
      <c r="J263" s="9" t="s">
        <v>52</v>
      </c>
      <c r="K263" s="6">
        <v>265</v>
      </c>
      <c r="L263" s="6">
        <v>189</v>
      </c>
      <c r="M263" s="6">
        <v>178</v>
      </c>
      <c r="N263" s="6">
        <v>166</v>
      </c>
      <c r="O263" s="6">
        <v>10</v>
      </c>
      <c r="P263" s="10" t="s">
        <v>55</v>
      </c>
      <c r="Q263" s="6">
        <v>2</v>
      </c>
      <c r="R263" s="6">
        <v>11</v>
      </c>
      <c r="S263" s="6">
        <v>71</v>
      </c>
      <c r="T263" s="6">
        <v>21</v>
      </c>
      <c r="U263" s="10" t="s">
        <v>55</v>
      </c>
      <c r="V263" s="6">
        <v>50</v>
      </c>
      <c r="W263" s="6">
        <v>5</v>
      </c>
      <c r="X263" s="6">
        <v>134</v>
      </c>
      <c r="Y263" s="6">
        <v>129</v>
      </c>
      <c r="Z263" s="6">
        <v>4</v>
      </c>
      <c r="AA263" s="10" t="s">
        <v>55</v>
      </c>
      <c r="AB263" s="6">
        <v>1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100</v>
      </c>
      <c r="I264" s="9" t="s">
        <v>54</v>
      </c>
      <c r="J264" s="9" t="s">
        <v>30</v>
      </c>
      <c r="K264" s="6">
        <v>7583</v>
      </c>
      <c r="L264" s="6">
        <v>1021</v>
      </c>
      <c r="M264" s="6">
        <v>992</v>
      </c>
      <c r="N264" s="6">
        <v>685</v>
      </c>
      <c r="O264" s="6">
        <v>268</v>
      </c>
      <c r="P264" s="10" t="s">
        <v>55</v>
      </c>
      <c r="Q264" s="6">
        <v>39</v>
      </c>
      <c r="R264" s="6">
        <v>29</v>
      </c>
      <c r="S264" s="6">
        <v>6438</v>
      </c>
      <c r="T264" s="6">
        <v>1676</v>
      </c>
      <c r="U264" s="6">
        <v>5</v>
      </c>
      <c r="V264" s="6">
        <v>4757</v>
      </c>
      <c r="W264" s="6">
        <v>124</v>
      </c>
      <c r="X264" s="6">
        <v>713</v>
      </c>
      <c r="Y264" s="6">
        <v>524</v>
      </c>
      <c r="Z264" s="6">
        <v>164</v>
      </c>
      <c r="AA264" s="10" t="s">
        <v>55</v>
      </c>
      <c r="AB264" s="6">
        <v>25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100</v>
      </c>
      <c r="I265" s="9" t="s">
        <v>54</v>
      </c>
      <c r="J265" s="9" t="s">
        <v>31</v>
      </c>
      <c r="K265" s="10" t="s">
        <v>55</v>
      </c>
      <c r="L265" s="10" t="s">
        <v>55</v>
      </c>
      <c r="M265" s="10" t="s">
        <v>55</v>
      </c>
      <c r="N265" s="10" t="s">
        <v>55</v>
      </c>
      <c r="O265" s="10" t="s">
        <v>55</v>
      </c>
      <c r="P265" s="10" t="s">
        <v>55</v>
      </c>
      <c r="Q265" s="10" t="s">
        <v>55</v>
      </c>
      <c r="R265" s="10" t="s">
        <v>55</v>
      </c>
      <c r="S265" s="10" t="s">
        <v>55</v>
      </c>
      <c r="T265" s="10" t="s">
        <v>55</v>
      </c>
      <c r="U265" s="10" t="s">
        <v>55</v>
      </c>
      <c r="V265" s="10" t="s">
        <v>55</v>
      </c>
      <c r="W265" s="10" t="s">
        <v>55</v>
      </c>
      <c r="X265" s="10" t="s">
        <v>55</v>
      </c>
      <c r="Y265" s="10" t="s">
        <v>55</v>
      </c>
      <c r="Z265" s="10" t="s">
        <v>55</v>
      </c>
      <c r="AA265" s="10" t="s">
        <v>55</v>
      </c>
      <c r="AB265" s="10" t="s">
        <v>55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100</v>
      </c>
      <c r="I266" s="9" t="s">
        <v>54</v>
      </c>
      <c r="J266" s="9" t="s">
        <v>32</v>
      </c>
      <c r="K266" s="6">
        <v>1</v>
      </c>
      <c r="L266" s="6">
        <v>1</v>
      </c>
      <c r="M266" s="6">
        <v>1</v>
      </c>
      <c r="N266" s="6">
        <v>1</v>
      </c>
      <c r="O266" s="10" t="s">
        <v>55</v>
      </c>
      <c r="P266" s="10" t="s">
        <v>55</v>
      </c>
      <c r="Q266" s="10" t="s">
        <v>55</v>
      </c>
      <c r="R266" s="10" t="s">
        <v>55</v>
      </c>
      <c r="S266" s="10" t="s">
        <v>55</v>
      </c>
      <c r="T266" s="10" t="s">
        <v>55</v>
      </c>
      <c r="U266" s="10" t="s">
        <v>55</v>
      </c>
      <c r="V266" s="10" t="s">
        <v>55</v>
      </c>
      <c r="W266" s="10" t="s">
        <v>55</v>
      </c>
      <c r="X266" s="6">
        <v>1</v>
      </c>
      <c r="Y266" s="6">
        <v>1</v>
      </c>
      <c r="Z266" s="10" t="s">
        <v>55</v>
      </c>
      <c r="AA266" s="10" t="s">
        <v>55</v>
      </c>
      <c r="AB266" s="10" t="s">
        <v>55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100</v>
      </c>
      <c r="I267" s="9" t="s">
        <v>54</v>
      </c>
      <c r="J267" s="9" t="s">
        <v>33</v>
      </c>
      <c r="K267" s="6">
        <v>2</v>
      </c>
      <c r="L267" s="6">
        <v>2</v>
      </c>
      <c r="M267" s="6">
        <v>2</v>
      </c>
      <c r="N267" s="6">
        <v>2</v>
      </c>
      <c r="O267" s="10" t="s">
        <v>55</v>
      </c>
      <c r="P267" s="10" t="s">
        <v>55</v>
      </c>
      <c r="Q267" s="10" t="s">
        <v>55</v>
      </c>
      <c r="R267" s="10" t="s">
        <v>55</v>
      </c>
      <c r="S267" s="10" t="s">
        <v>55</v>
      </c>
      <c r="T267" s="10" t="s">
        <v>55</v>
      </c>
      <c r="U267" s="10" t="s">
        <v>55</v>
      </c>
      <c r="V267" s="10" t="s">
        <v>55</v>
      </c>
      <c r="W267" s="10" t="s">
        <v>55</v>
      </c>
      <c r="X267" s="6">
        <v>2</v>
      </c>
      <c r="Y267" s="6">
        <v>2</v>
      </c>
      <c r="Z267" s="10" t="s">
        <v>55</v>
      </c>
      <c r="AA267" s="10" t="s">
        <v>55</v>
      </c>
      <c r="AB267" s="10" t="s">
        <v>55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100</v>
      </c>
      <c r="I268" s="9" t="s">
        <v>54</v>
      </c>
      <c r="J268" s="9" t="s">
        <v>34</v>
      </c>
      <c r="K268" s="6">
        <v>7</v>
      </c>
      <c r="L268" s="6">
        <v>7</v>
      </c>
      <c r="M268" s="6">
        <v>6</v>
      </c>
      <c r="N268" s="6">
        <v>5</v>
      </c>
      <c r="O268" s="6">
        <v>1</v>
      </c>
      <c r="P268" s="10" t="s">
        <v>55</v>
      </c>
      <c r="Q268" s="10" t="s">
        <v>55</v>
      </c>
      <c r="R268" s="6">
        <v>1</v>
      </c>
      <c r="S268" s="10" t="s">
        <v>55</v>
      </c>
      <c r="T268" s="10" t="s">
        <v>55</v>
      </c>
      <c r="U268" s="10" t="s">
        <v>55</v>
      </c>
      <c r="V268" s="10" t="s">
        <v>55</v>
      </c>
      <c r="W268" s="10" t="s">
        <v>55</v>
      </c>
      <c r="X268" s="6">
        <v>6</v>
      </c>
      <c r="Y268" s="6">
        <v>5</v>
      </c>
      <c r="Z268" s="6">
        <v>1</v>
      </c>
      <c r="AA268" s="10" t="s">
        <v>55</v>
      </c>
      <c r="AB268" s="10" t="s">
        <v>55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100</v>
      </c>
      <c r="I269" s="9" t="s">
        <v>54</v>
      </c>
      <c r="J269" s="9" t="s">
        <v>35</v>
      </c>
      <c r="K269" s="6">
        <v>11</v>
      </c>
      <c r="L269" s="6">
        <v>10</v>
      </c>
      <c r="M269" s="6">
        <v>9</v>
      </c>
      <c r="N269" s="6">
        <v>8</v>
      </c>
      <c r="O269" s="6">
        <v>1</v>
      </c>
      <c r="P269" s="10" t="s">
        <v>55</v>
      </c>
      <c r="Q269" s="10" t="s">
        <v>55</v>
      </c>
      <c r="R269" s="6">
        <v>1</v>
      </c>
      <c r="S269" s="6">
        <v>1</v>
      </c>
      <c r="T269" s="6">
        <v>1</v>
      </c>
      <c r="U269" s="10" t="s">
        <v>55</v>
      </c>
      <c r="V269" s="10" t="s">
        <v>55</v>
      </c>
      <c r="W269" s="10" t="s">
        <v>55</v>
      </c>
      <c r="X269" s="6">
        <v>9</v>
      </c>
      <c r="Y269" s="6">
        <v>8</v>
      </c>
      <c r="Z269" s="6">
        <v>1</v>
      </c>
      <c r="AA269" s="10" t="s">
        <v>55</v>
      </c>
      <c r="AB269" s="10" t="s">
        <v>55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100</v>
      </c>
      <c r="I270" s="9" t="s">
        <v>54</v>
      </c>
      <c r="J270" s="9" t="s">
        <v>36</v>
      </c>
      <c r="K270" s="6">
        <v>26</v>
      </c>
      <c r="L270" s="6">
        <v>21</v>
      </c>
      <c r="M270" s="6">
        <v>21</v>
      </c>
      <c r="N270" s="6">
        <v>20</v>
      </c>
      <c r="O270" s="6">
        <v>1</v>
      </c>
      <c r="P270" s="10" t="s">
        <v>55</v>
      </c>
      <c r="Q270" s="10" t="s">
        <v>55</v>
      </c>
      <c r="R270" s="10" t="s">
        <v>55</v>
      </c>
      <c r="S270" s="6">
        <v>4</v>
      </c>
      <c r="T270" s="6">
        <v>3</v>
      </c>
      <c r="U270" s="10" t="s">
        <v>55</v>
      </c>
      <c r="V270" s="6">
        <v>1</v>
      </c>
      <c r="W270" s="6">
        <v>1</v>
      </c>
      <c r="X270" s="6">
        <v>19</v>
      </c>
      <c r="Y270" s="6">
        <v>18</v>
      </c>
      <c r="Z270" s="6">
        <v>1</v>
      </c>
      <c r="AA270" s="10" t="s">
        <v>55</v>
      </c>
      <c r="AB270" s="10" t="s">
        <v>55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100</v>
      </c>
      <c r="I271" s="9" t="s">
        <v>54</v>
      </c>
      <c r="J271" s="9" t="s">
        <v>37</v>
      </c>
      <c r="K271" s="6">
        <v>40</v>
      </c>
      <c r="L271" s="6">
        <v>30</v>
      </c>
      <c r="M271" s="6">
        <v>30</v>
      </c>
      <c r="N271" s="6">
        <v>28</v>
      </c>
      <c r="O271" s="6">
        <v>2</v>
      </c>
      <c r="P271" s="10" t="s">
        <v>55</v>
      </c>
      <c r="Q271" s="10" t="s">
        <v>55</v>
      </c>
      <c r="R271" s="10" t="s">
        <v>55</v>
      </c>
      <c r="S271" s="6">
        <v>9</v>
      </c>
      <c r="T271" s="6">
        <v>7</v>
      </c>
      <c r="U271" s="10" t="s">
        <v>55</v>
      </c>
      <c r="V271" s="6">
        <v>2</v>
      </c>
      <c r="W271" s="6">
        <v>1</v>
      </c>
      <c r="X271" s="6">
        <v>29</v>
      </c>
      <c r="Y271" s="6">
        <v>27</v>
      </c>
      <c r="Z271" s="6">
        <v>2</v>
      </c>
      <c r="AA271" s="10" t="s">
        <v>55</v>
      </c>
      <c r="AB271" s="10" t="s">
        <v>55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100</v>
      </c>
      <c r="I272" s="9" t="s">
        <v>54</v>
      </c>
      <c r="J272" s="9" t="s">
        <v>38</v>
      </c>
      <c r="K272" s="6">
        <v>60</v>
      </c>
      <c r="L272" s="6">
        <v>49</v>
      </c>
      <c r="M272" s="6">
        <v>44</v>
      </c>
      <c r="N272" s="6">
        <v>36</v>
      </c>
      <c r="O272" s="6">
        <v>7</v>
      </c>
      <c r="P272" s="10" t="s">
        <v>55</v>
      </c>
      <c r="Q272" s="6">
        <v>1</v>
      </c>
      <c r="R272" s="6">
        <v>5</v>
      </c>
      <c r="S272" s="6">
        <v>10</v>
      </c>
      <c r="T272" s="6">
        <v>9</v>
      </c>
      <c r="U272" s="10" t="s">
        <v>55</v>
      </c>
      <c r="V272" s="6">
        <v>1</v>
      </c>
      <c r="W272" s="6">
        <v>1</v>
      </c>
      <c r="X272" s="6">
        <v>44</v>
      </c>
      <c r="Y272" s="6">
        <v>36</v>
      </c>
      <c r="Z272" s="6">
        <v>7</v>
      </c>
      <c r="AA272" s="10" t="s">
        <v>55</v>
      </c>
      <c r="AB272" s="6">
        <v>1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100</v>
      </c>
      <c r="I273" s="9" t="s">
        <v>54</v>
      </c>
      <c r="J273" s="9" t="s">
        <v>39</v>
      </c>
      <c r="K273" s="6">
        <v>144</v>
      </c>
      <c r="L273" s="6">
        <v>107</v>
      </c>
      <c r="M273" s="6">
        <v>102</v>
      </c>
      <c r="N273" s="6">
        <v>87</v>
      </c>
      <c r="O273" s="6">
        <v>12</v>
      </c>
      <c r="P273" s="10" t="s">
        <v>55</v>
      </c>
      <c r="Q273" s="6">
        <v>3</v>
      </c>
      <c r="R273" s="6">
        <v>5</v>
      </c>
      <c r="S273" s="6">
        <v>34</v>
      </c>
      <c r="T273" s="6">
        <v>25</v>
      </c>
      <c r="U273" s="10" t="s">
        <v>55</v>
      </c>
      <c r="V273" s="6">
        <v>9</v>
      </c>
      <c r="W273" s="6">
        <v>3</v>
      </c>
      <c r="X273" s="6">
        <v>90</v>
      </c>
      <c r="Y273" s="6">
        <v>77</v>
      </c>
      <c r="Z273" s="6">
        <v>11</v>
      </c>
      <c r="AA273" s="10" t="s">
        <v>55</v>
      </c>
      <c r="AB273" s="6">
        <v>2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100</v>
      </c>
      <c r="I274" s="9" t="s">
        <v>54</v>
      </c>
      <c r="J274" s="9" t="s">
        <v>40</v>
      </c>
      <c r="K274" s="6">
        <v>246</v>
      </c>
      <c r="L274" s="6">
        <v>139</v>
      </c>
      <c r="M274" s="6">
        <v>136</v>
      </c>
      <c r="N274" s="6">
        <v>103</v>
      </c>
      <c r="O274" s="6">
        <v>26</v>
      </c>
      <c r="P274" s="10" t="s">
        <v>55</v>
      </c>
      <c r="Q274" s="6">
        <v>7</v>
      </c>
      <c r="R274" s="6">
        <v>3</v>
      </c>
      <c r="S274" s="6">
        <v>100</v>
      </c>
      <c r="T274" s="6">
        <v>76</v>
      </c>
      <c r="U274" s="10" t="s">
        <v>55</v>
      </c>
      <c r="V274" s="6">
        <v>24</v>
      </c>
      <c r="W274" s="6">
        <v>7</v>
      </c>
      <c r="X274" s="6">
        <v>119</v>
      </c>
      <c r="Y274" s="6">
        <v>92</v>
      </c>
      <c r="Z274" s="6">
        <v>22</v>
      </c>
      <c r="AA274" s="10" t="s">
        <v>55</v>
      </c>
      <c r="AB274" s="6">
        <v>5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100</v>
      </c>
      <c r="I275" s="9" t="s">
        <v>54</v>
      </c>
      <c r="J275" s="9" t="s">
        <v>41</v>
      </c>
      <c r="K275" s="6">
        <v>459</v>
      </c>
      <c r="L275" s="6">
        <v>206</v>
      </c>
      <c r="M275" s="6">
        <v>199</v>
      </c>
      <c r="N275" s="6">
        <v>146</v>
      </c>
      <c r="O275" s="6">
        <v>46</v>
      </c>
      <c r="P275" s="10" t="s">
        <v>55</v>
      </c>
      <c r="Q275" s="6">
        <v>7</v>
      </c>
      <c r="R275" s="6">
        <v>7</v>
      </c>
      <c r="S275" s="6">
        <v>246</v>
      </c>
      <c r="T275" s="6">
        <v>139</v>
      </c>
      <c r="U275" s="10" t="s">
        <v>55</v>
      </c>
      <c r="V275" s="6">
        <v>107</v>
      </c>
      <c r="W275" s="6">
        <v>7</v>
      </c>
      <c r="X275" s="6">
        <v>152</v>
      </c>
      <c r="Y275" s="6">
        <v>109</v>
      </c>
      <c r="Z275" s="6">
        <v>36</v>
      </c>
      <c r="AA275" s="10" t="s">
        <v>55</v>
      </c>
      <c r="AB275" s="6">
        <v>7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100</v>
      </c>
      <c r="I276" s="9" t="s">
        <v>54</v>
      </c>
      <c r="J276" s="9" t="s">
        <v>42</v>
      </c>
      <c r="K276" s="6">
        <v>742</v>
      </c>
      <c r="L276" s="6">
        <v>194</v>
      </c>
      <c r="M276" s="6">
        <v>189</v>
      </c>
      <c r="N276" s="6">
        <v>113</v>
      </c>
      <c r="O276" s="6">
        <v>64</v>
      </c>
      <c r="P276" s="10" t="s">
        <v>55</v>
      </c>
      <c r="Q276" s="6">
        <v>12</v>
      </c>
      <c r="R276" s="6">
        <v>5</v>
      </c>
      <c r="S276" s="6">
        <v>532</v>
      </c>
      <c r="T276" s="6">
        <v>283</v>
      </c>
      <c r="U276" s="10" t="s">
        <v>55</v>
      </c>
      <c r="V276" s="6">
        <v>249</v>
      </c>
      <c r="W276" s="6">
        <v>16</v>
      </c>
      <c r="X276" s="6">
        <v>127</v>
      </c>
      <c r="Y276" s="6">
        <v>81</v>
      </c>
      <c r="Z276" s="6">
        <v>39</v>
      </c>
      <c r="AA276" s="10" t="s">
        <v>55</v>
      </c>
      <c r="AB276" s="6">
        <v>7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100</v>
      </c>
      <c r="I277" s="9" t="s">
        <v>54</v>
      </c>
      <c r="J277" s="9" t="s">
        <v>43</v>
      </c>
      <c r="K277" s="6">
        <v>1091</v>
      </c>
      <c r="L277" s="6">
        <v>132</v>
      </c>
      <c r="M277" s="6">
        <v>130</v>
      </c>
      <c r="N277" s="6">
        <v>71</v>
      </c>
      <c r="O277" s="6">
        <v>54</v>
      </c>
      <c r="P277" s="10" t="s">
        <v>55</v>
      </c>
      <c r="Q277" s="6">
        <v>5</v>
      </c>
      <c r="R277" s="6">
        <v>2</v>
      </c>
      <c r="S277" s="6">
        <v>943</v>
      </c>
      <c r="T277" s="6">
        <v>347</v>
      </c>
      <c r="U277" s="6">
        <v>1</v>
      </c>
      <c r="V277" s="6">
        <v>595</v>
      </c>
      <c r="W277" s="6">
        <v>16</v>
      </c>
      <c r="X277" s="6">
        <v>74</v>
      </c>
      <c r="Y277" s="6">
        <v>42</v>
      </c>
      <c r="Z277" s="6">
        <v>29</v>
      </c>
      <c r="AA277" s="10" t="s">
        <v>55</v>
      </c>
      <c r="AB277" s="6">
        <v>3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100</v>
      </c>
      <c r="I278" s="9" t="s">
        <v>54</v>
      </c>
      <c r="J278" s="9" t="s">
        <v>44</v>
      </c>
      <c r="K278" s="6">
        <v>1494</v>
      </c>
      <c r="L278" s="6">
        <v>73</v>
      </c>
      <c r="M278" s="6">
        <v>73</v>
      </c>
      <c r="N278" s="6">
        <v>38</v>
      </c>
      <c r="O278" s="6">
        <v>32</v>
      </c>
      <c r="P278" s="10" t="s">
        <v>55</v>
      </c>
      <c r="Q278" s="6">
        <v>3</v>
      </c>
      <c r="R278" s="10" t="s">
        <v>55</v>
      </c>
      <c r="S278" s="6">
        <v>1397</v>
      </c>
      <c r="T278" s="6">
        <v>405</v>
      </c>
      <c r="U278" s="10" t="s">
        <v>55</v>
      </c>
      <c r="V278" s="6">
        <v>992</v>
      </c>
      <c r="W278" s="6">
        <v>24</v>
      </c>
      <c r="X278" s="6">
        <v>27</v>
      </c>
      <c r="Y278" s="6">
        <v>19</v>
      </c>
      <c r="Z278" s="6">
        <v>8</v>
      </c>
      <c r="AA278" s="10" t="s">
        <v>55</v>
      </c>
      <c r="AB278" s="10" t="s">
        <v>55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100</v>
      </c>
      <c r="I279" s="9" t="s">
        <v>54</v>
      </c>
      <c r="J279" s="9" t="s">
        <v>45</v>
      </c>
      <c r="K279" s="6">
        <v>1729</v>
      </c>
      <c r="L279" s="6">
        <v>40</v>
      </c>
      <c r="M279" s="6">
        <v>40</v>
      </c>
      <c r="N279" s="6">
        <v>21</v>
      </c>
      <c r="O279" s="6">
        <v>18</v>
      </c>
      <c r="P279" s="10" t="s">
        <v>55</v>
      </c>
      <c r="Q279" s="6">
        <v>1</v>
      </c>
      <c r="R279" s="10" t="s">
        <v>55</v>
      </c>
      <c r="S279" s="6">
        <v>1656</v>
      </c>
      <c r="T279" s="6">
        <v>283</v>
      </c>
      <c r="U279" s="6">
        <v>3</v>
      </c>
      <c r="V279" s="6">
        <v>1370</v>
      </c>
      <c r="W279" s="6">
        <v>33</v>
      </c>
      <c r="X279" s="6">
        <v>9</v>
      </c>
      <c r="Y279" s="6">
        <v>3</v>
      </c>
      <c r="Z279" s="6">
        <v>6</v>
      </c>
      <c r="AA279" s="10" t="s">
        <v>55</v>
      </c>
      <c r="AB279" s="10" t="s">
        <v>55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100</v>
      </c>
      <c r="I280" s="9" t="s">
        <v>54</v>
      </c>
      <c r="J280" s="9" t="s">
        <v>46</v>
      </c>
      <c r="K280" s="6">
        <v>1130</v>
      </c>
      <c r="L280" s="6">
        <v>9</v>
      </c>
      <c r="M280" s="6">
        <v>9</v>
      </c>
      <c r="N280" s="6">
        <v>5</v>
      </c>
      <c r="O280" s="6">
        <v>4</v>
      </c>
      <c r="P280" s="10" t="s">
        <v>55</v>
      </c>
      <c r="Q280" s="10" t="s">
        <v>55</v>
      </c>
      <c r="R280" s="10" t="s">
        <v>55</v>
      </c>
      <c r="S280" s="6">
        <v>1108</v>
      </c>
      <c r="T280" s="6">
        <v>85</v>
      </c>
      <c r="U280" s="6">
        <v>1</v>
      </c>
      <c r="V280" s="6">
        <v>1022</v>
      </c>
      <c r="W280" s="6">
        <v>13</v>
      </c>
      <c r="X280" s="6">
        <v>4</v>
      </c>
      <c r="Y280" s="6">
        <v>3</v>
      </c>
      <c r="Z280" s="6">
        <v>1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100</v>
      </c>
      <c r="I281" s="9" t="s">
        <v>54</v>
      </c>
      <c r="J281" s="9" t="s">
        <v>47</v>
      </c>
      <c r="K281" s="6">
        <v>401</v>
      </c>
      <c r="L281" s="6">
        <v>1</v>
      </c>
      <c r="M281" s="6">
        <v>1</v>
      </c>
      <c r="N281" s="6">
        <v>1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398</v>
      </c>
      <c r="T281" s="6">
        <v>13</v>
      </c>
      <c r="U281" s="10" t="s">
        <v>55</v>
      </c>
      <c r="V281" s="6">
        <v>385</v>
      </c>
      <c r="W281" s="6">
        <v>2</v>
      </c>
      <c r="X281" s="6">
        <v>1</v>
      </c>
      <c r="Y281" s="6">
        <v>1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100</v>
      </c>
      <c r="I282" s="9" t="s">
        <v>54</v>
      </c>
      <c r="J282" s="9" t="s">
        <v>48</v>
      </c>
      <c r="K282" s="6">
        <v>537</v>
      </c>
      <c r="L282" s="6">
        <v>366</v>
      </c>
      <c r="M282" s="6">
        <v>351</v>
      </c>
      <c r="N282" s="6">
        <v>290</v>
      </c>
      <c r="O282" s="6">
        <v>50</v>
      </c>
      <c r="P282" s="10" t="s">
        <v>55</v>
      </c>
      <c r="Q282" s="6">
        <v>11</v>
      </c>
      <c r="R282" s="6">
        <v>15</v>
      </c>
      <c r="S282" s="6">
        <v>158</v>
      </c>
      <c r="T282" s="6">
        <v>121</v>
      </c>
      <c r="U282" s="10" t="s">
        <v>55</v>
      </c>
      <c r="V282" s="6">
        <v>37</v>
      </c>
      <c r="W282" s="6">
        <v>13</v>
      </c>
      <c r="X282" s="6">
        <v>319</v>
      </c>
      <c r="Y282" s="6">
        <v>266</v>
      </c>
      <c r="Z282" s="6">
        <v>45</v>
      </c>
      <c r="AA282" s="10" t="s">
        <v>55</v>
      </c>
      <c r="AB282" s="6">
        <v>8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100</v>
      </c>
      <c r="I283" s="9" t="s">
        <v>54</v>
      </c>
      <c r="J283" s="9" t="s">
        <v>49</v>
      </c>
      <c r="K283" s="6">
        <v>7046</v>
      </c>
      <c r="L283" s="6">
        <v>655</v>
      </c>
      <c r="M283" s="6">
        <v>641</v>
      </c>
      <c r="N283" s="6">
        <v>395</v>
      </c>
      <c r="O283" s="6">
        <v>218</v>
      </c>
      <c r="P283" s="10" t="s">
        <v>55</v>
      </c>
      <c r="Q283" s="6">
        <v>28</v>
      </c>
      <c r="R283" s="6">
        <v>14</v>
      </c>
      <c r="S283" s="6">
        <v>6280</v>
      </c>
      <c r="T283" s="6">
        <v>1555</v>
      </c>
      <c r="U283" s="6">
        <v>5</v>
      </c>
      <c r="V283" s="6">
        <v>4720</v>
      </c>
      <c r="W283" s="6">
        <v>111</v>
      </c>
      <c r="X283" s="6">
        <v>394</v>
      </c>
      <c r="Y283" s="6">
        <v>258</v>
      </c>
      <c r="Z283" s="6">
        <v>119</v>
      </c>
      <c r="AA283" s="10" t="s">
        <v>55</v>
      </c>
      <c r="AB283" s="6">
        <v>17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100</v>
      </c>
      <c r="I284" s="9" t="s">
        <v>54</v>
      </c>
      <c r="J284" s="9" t="s">
        <v>50</v>
      </c>
      <c r="K284" s="6">
        <v>5845</v>
      </c>
      <c r="L284" s="6">
        <v>255</v>
      </c>
      <c r="M284" s="6">
        <v>253</v>
      </c>
      <c r="N284" s="6">
        <v>136</v>
      </c>
      <c r="O284" s="6">
        <v>108</v>
      </c>
      <c r="P284" s="10" t="s">
        <v>55</v>
      </c>
      <c r="Q284" s="6">
        <v>9</v>
      </c>
      <c r="R284" s="6">
        <v>2</v>
      </c>
      <c r="S284" s="6">
        <v>5502</v>
      </c>
      <c r="T284" s="6">
        <v>1133</v>
      </c>
      <c r="U284" s="6">
        <v>5</v>
      </c>
      <c r="V284" s="6">
        <v>4364</v>
      </c>
      <c r="W284" s="6">
        <v>88</v>
      </c>
      <c r="X284" s="6">
        <v>115</v>
      </c>
      <c r="Y284" s="6">
        <v>68</v>
      </c>
      <c r="Z284" s="6">
        <v>44</v>
      </c>
      <c r="AA284" s="10" t="s">
        <v>55</v>
      </c>
      <c r="AB284" s="6">
        <v>3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100</v>
      </c>
      <c r="I285" s="9" t="s">
        <v>54</v>
      </c>
      <c r="J285" s="9" t="s">
        <v>51</v>
      </c>
      <c r="K285" s="6">
        <v>3260</v>
      </c>
      <c r="L285" s="6">
        <v>50</v>
      </c>
      <c r="M285" s="6">
        <v>50</v>
      </c>
      <c r="N285" s="6">
        <v>27</v>
      </c>
      <c r="O285" s="6">
        <v>22</v>
      </c>
      <c r="P285" s="10" t="s">
        <v>55</v>
      </c>
      <c r="Q285" s="6">
        <v>1</v>
      </c>
      <c r="R285" s="10" t="s">
        <v>55</v>
      </c>
      <c r="S285" s="6">
        <v>3162</v>
      </c>
      <c r="T285" s="6">
        <v>381</v>
      </c>
      <c r="U285" s="6">
        <v>4</v>
      </c>
      <c r="V285" s="6">
        <v>2777</v>
      </c>
      <c r="W285" s="6">
        <v>48</v>
      </c>
      <c r="X285" s="6">
        <v>14</v>
      </c>
      <c r="Y285" s="6">
        <v>7</v>
      </c>
      <c r="Z285" s="6">
        <v>7</v>
      </c>
      <c r="AA285" s="10" t="s">
        <v>55</v>
      </c>
      <c r="AB285" s="10" t="s">
        <v>55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100</v>
      </c>
      <c r="I286" s="9" t="s">
        <v>54</v>
      </c>
      <c r="J286" s="9" t="s">
        <v>52</v>
      </c>
      <c r="K286" s="6">
        <v>996</v>
      </c>
      <c r="L286" s="6">
        <v>572</v>
      </c>
      <c r="M286" s="6">
        <v>550</v>
      </c>
      <c r="N286" s="6">
        <v>436</v>
      </c>
      <c r="O286" s="6">
        <v>96</v>
      </c>
      <c r="P286" s="10" t="s">
        <v>55</v>
      </c>
      <c r="Q286" s="6">
        <v>18</v>
      </c>
      <c r="R286" s="6">
        <v>22</v>
      </c>
      <c r="S286" s="6">
        <v>404</v>
      </c>
      <c r="T286" s="6">
        <v>260</v>
      </c>
      <c r="U286" s="10" t="s">
        <v>55</v>
      </c>
      <c r="V286" s="6">
        <v>144</v>
      </c>
      <c r="W286" s="6">
        <v>20</v>
      </c>
      <c r="X286" s="6">
        <v>471</v>
      </c>
      <c r="Y286" s="6">
        <v>375</v>
      </c>
      <c r="Z286" s="6">
        <v>81</v>
      </c>
      <c r="AA286" s="10" t="s">
        <v>55</v>
      </c>
      <c r="AB286" s="6">
        <v>15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100</v>
      </c>
      <c r="I287" s="9" t="s">
        <v>6</v>
      </c>
      <c r="J287" s="9" t="s">
        <v>30</v>
      </c>
      <c r="K287" s="6">
        <v>444</v>
      </c>
      <c r="L287" s="6">
        <v>40</v>
      </c>
      <c r="M287" s="6">
        <v>39</v>
      </c>
      <c r="N287" s="6">
        <v>25</v>
      </c>
      <c r="O287" s="6">
        <v>11</v>
      </c>
      <c r="P287" s="10" t="s">
        <v>55</v>
      </c>
      <c r="Q287" s="6">
        <v>3</v>
      </c>
      <c r="R287" s="6">
        <v>1</v>
      </c>
      <c r="S287" s="6">
        <v>400</v>
      </c>
      <c r="T287" s="6">
        <v>121</v>
      </c>
      <c r="U287" s="10" t="s">
        <v>55</v>
      </c>
      <c r="V287" s="6">
        <v>279</v>
      </c>
      <c r="W287" s="6">
        <v>4</v>
      </c>
      <c r="X287" s="6">
        <v>30</v>
      </c>
      <c r="Y287" s="6">
        <v>22</v>
      </c>
      <c r="Z287" s="6">
        <v>7</v>
      </c>
      <c r="AA287" s="10" t="s">
        <v>55</v>
      </c>
      <c r="AB287" s="6">
        <v>1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100</v>
      </c>
      <c r="I288" s="9" t="s">
        <v>6</v>
      </c>
      <c r="J288" s="9" t="s">
        <v>31</v>
      </c>
      <c r="K288" s="10" t="s">
        <v>55</v>
      </c>
      <c r="L288" s="10" t="s">
        <v>55</v>
      </c>
      <c r="M288" s="10" t="s">
        <v>55</v>
      </c>
      <c r="N288" s="10" t="s">
        <v>55</v>
      </c>
      <c r="O288" s="10" t="s">
        <v>55</v>
      </c>
      <c r="P288" s="10" t="s">
        <v>55</v>
      </c>
      <c r="Q288" s="10" t="s">
        <v>55</v>
      </c>
      <c r="R288" s="10" t="s">
        <v>55</v>
      </c>
      <c r="S288" s="10" t="s">
        <v>55</v>
      </c>
      <c r="T288" s="10" t="s">
        <v>55</v>
      </c>
      <c r="U288" s="10" t="s">
        <v>55</v>
      </c>
      <c r="V288" s="10" t="s">
        <v>55</v>
      </c>
      <c r="W288" s="10" t="s">
        <v>55</v>
      </c>
      <c r="X288" s="10" t="s">
        <v>55</v>
      </c>
      <c r="Y288" s="10" t="s">
        <v>55</v>
      </c>
      <c r="Z288" s="10" t="s">
        <v>55</v>
      </c>
      <c r="AA288" s="10" t="s">
        <v>55</v>
      </c>
      <c r="AB288" s="10" t="s">
        <v>55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100</v>
      </c>
      <c r="I289" s="9" t="s">
        <v>6</v>
      </c>
      <c r="J289" s="9" t="s">
        <v>32</v>
      </c>
      <c r="K289" s="10" t="s">
        <v>55</v>
      </c>
      <c r="L289" s="10" t="s">
        <v>55</v>
      </c>
      <c r="M289" s="10" t="s">
        <v>55</v>
      </c>
      <c r="N289" s="10" t="s">
        <v>55</v>
      </c>
      <c r="O289" s="10" t="s">
        <v>55</v>
      </c>
      <c r="P289" s="10" t="s">
        <v>55</v>
      </c>
      <c r="Q289" s="10" t="s">
        <v>55</v>
      </c>
      <c r="R289" s="10" t="s">
        <v>55</v>
      </c>
      <c r="S289" s="10" t="s">
        <v>55</v>
      </c>
      <c r="T289" s="10" t="s">
        <v>55</v>
      </c>
      <c r="U289" s="10" t="s">
        <v>55</v>
      </c>
      <c r="V289" s="10" t="s">
        <v>55</v>
      </c>
      <c r="W289" s="10" t="s">
        <v>55</v>
      </c>
      <c r="X289" s="10" t="s">
        <v>55</v>
      </c>
      <c r="Y289" s="10" t="s">
        <v>55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100</v>
      </c>
      <c r="I290" s="9" t="s">
        <v>6</v>
      </c>
      <c r="J290" s="9" t="s">
        <v>33</v>
      </c>
      <c r="K290" s="10" t="s">
        <v>55</v>
      </c>
      <c r="L290" s="10" t="s">
        <v>55</v>
      </c>
      <c r="M290" s="10" t="s">
        <v>55</v>
      </c>
      <c r="N290" s="10" t="s">
        <v>55</v>
      </c>
      <c r="O290" s="10" t="s">
        <v>55</v>
      </c>
      <c r="P290" s="10" t="s">
        <v>55</v>
      </c>
      <c r="Q290" s="10" t="s">
        <v>55</v>
      </c>
      <c r="R290" s="10" t="s">
        <v>55</v>
      </c>
      <c r="S290" s="10" t="s">
        <v>55</v>
      </c>
      <c r="T290" s="10" t="s">
        <v>55</v>
      </c>
      <c r="U290" s="10" t="s">
        <v>55</v>
      </c>
      <c r="V290" s="10" t="s">
        <v>55</v>
      </c>
      <c r="W290" s="10" t="s">
        <v>55</v>
      </c>
      <c r="X290" s="10" t="s">
        <v>55</v>
      </c>
      <c r="Y290" s="10" t="s">
        <v>55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100</v>
      </c>
      <c r="I291" s="9" t="s">
        <v>6</v>
      </c>
      <c r="J291" s="9" t="s">
        <v>34</v>
      </c>
      <c r="K291" s="10" t="s">
        <v>55</v>
      </c>
      <c r="L291" s="10" t="s">
        <v>55</v>
      </c>
      <c r="M291" s="10" t="s">
        <v>55</v>
      </c>
      <c r="N291" s="10" t="s">
        <v>55</v>
      </c>
      <c r="O291" s="10" t="s">
        <v>55</v>
      </c>
      <c r="P291" s="10" t="s">
        <v>55</v>
      </c>
      <c r="Q291" s="10" t="s">
        <v>55</v>
      </c>
      <c r="R291" s="10" t="s">
        <v>55</v>
      </c>
      <c r="S291" s="10" t="s">
        <v>55</v>
      </c>
      <c r="T291" s="10" t="s">
        <v>55</v>
      </c>
      <c r="U291" s="10" t="s">
        <v>55</v>
      </c>
      <c r="V291" s="10" t="s">
        <v>55</v>
      </c>
      <c r="W291" s="10" t="s">
        <v>55</v>
      </c>
      <c r="X291" s="10" t="s">
        <v>55</v>
      </c>
      <c r="Y291" s="10" t="s">
        <v>55</v>
      </c>
      <c r="Z291" s="10" t="s">
        <v>55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100</v>
      </c>
      <c r="I292" s="9" t="s">
        <v>6</v>
      </c>
      <c r="J292" s="9" t="s">
        <v>35</v>
      </c>
      <c r="K292" s="10" t="s">
        <v>55</v>
      </c>
      <c r="L292" s="10" t="s">
        <v>55</v>
      </c>
      <c r="M292" s="10" t="s">
        <v>55</v>
      </c>
      <c r="N292" s="10" t="s">
        <v>55</v>
      </c>
      <c r="O292" s="10" t="s">
        <v>55</v>
      </c>
      <c r="P292" s="10" t="s">
        <v>55</v>
      </c>
      <c r="Q292" s="10" t="s">
        <v>55</v>
      </c>
      <c r="R292" s="10" t="s">
        <v>55</v>
      </c>
      <c r="S292" s="10" t="s">
        <v>55</v>
      </c>
      <c r="T292" s="10" t="s">
        <v>55</v>
      </c>
      <c r="U292" s="10" t="s">
        <v>55</v>
      </c>
      <c r="V292" s="10" t="s">
        <v>55</v>
      </c>
      <c r="W292" s="10" t="s">
        <v>55</v>
      </c>
      <c r="X292" s="10" t="s">
        <v>55</v>
      </c>
      <c r="Y292" s="10" t="s">
        <v>55</v>
      </c>
      <c r="Z292" s="10" t="s">
        <v>55</v>
      </c>
      <c r="AA292" s="10" t="s">
        <v>55</v>
      </c>
      <c r="AB292" s="10" t="s">
        <v>55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100</v>
      </c>
      <c r="I293" s="9" t="s">
        <v>6</v>
      </c>
      <c r="J293" s="9" t="s">
        <v>36</v>
      </c>
      <c r="K293" s="6">
        <v>2</v>
      </c>
      <c r="L293" s="6">
        <v>2</v>
      </c>
      <c r="M293" s="6">
        <v>2</v>
      </c>
      <c r="N293" s="6">
        <v>2</v>
      </c>
      <c r="O293" s="10" t="s">
        <v>55</v>
      </c>
      <c r="P293" s="10" t="s">
        <v>55</v>
      </c>
      <c r="Q293" s="10" t="s">
        <v>55</v>
      </c>
      <c r="R293" s="10" t="s">
        <v>55</v>
      </c>
      <c r="S293" s="10" t="s">
        <v>55</v>
      </c>
      <c r="T293" s="10" t="s">
        <v>55</v>
      </c>
      <c r="U293" s="10" t="s">
        <v>55</v>
      </c>
      <c r="V293" s="10" t="s">
        <v>55</v>
      </c>
      <c r="W293" s="10" t="s">
        <v>55</v>
      </c>
      <c r="X293" s="6">
        <v>2</v>
      </c>
      <c r="Y293" s="6">
        <v>2</v>
      </c>
      <c r="Z293" s="10" t="s">
        <v>55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100</v>
      </c>
      <c r="I294" s="9" t="s">
        <v>6</v>
      </c>
      <c r="J294" s="9" t="s">
        <v>37</v>
      </c>
      <c r="K294" s="10" t="s">
        <v>55</v>
      </c>
      <c r="L294" s="10" t="s">
        <v>55</v>
      </c>
      <c r="M294" s="10" t="s">
        <v>55</v>
      </c>
      <c r="N294" s="10" t="s">
        <v>55</v>
      </c>
      <c r="O294" s="10" t="s">
        <v>55</v>
      </c>
      <c r="P294" s="10" t="s">
        <v>55</v>
      </c>
      <c r="Q294" s="10" t="s">
        <v>55</v>
      </c>
      <c r="R294" s="10" t="s">
        <v>55</v>
      </c>
      <c r="S294" s="10" t="s">
        <v>55</v>
      </c>
      <c r="T294" s="10" t="s">
        <v>55</v>
      </c>
      <c r="U294" s="10" t="s">
        <v>55</v>
      </c>
      <c r="V294" s="10" t="s">
        <v>55</v>
      </c>
      <c r="W294" s="10" t="s">
        <v>55</v>
      </c>
      <c r="X294" s="10" t="s">
        <v>55</v>
      </c>
      <c r="Y294" s="10" t="s">
        <v>55</v>
      </c>
      <c r="Z294" s="10" t="s">
        <v>55</v>
      </c>
      <c r="AA294" s="10" t="s">
        <v>55</v>
      </c>
      <c r="AB294" s="10" t="s">
        <v>55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100</v>
      </c>
      <c r="I295" s="9" t="s">
        <v>6</v>
      </c>
      <c r="J295" s="9" t="s">
        <v>38</v>
      </c>
      <c r="K295" s="6">
        <v>1</v>
      </c>
      <c r="L295" s="6">
        <v>1</v>
      </c>
      <c r="M295" s="6">
        <v>1</v>
      </c>
      <c r="N295" s="6">
        <v>1</v>
      </c>
      <c r="O295" s="10" t="s">
        <v>55</v>
      </c>
      <c r="P295" s="10" t="s">
        <v>55</v>
      </c>
      <c r="Q295" s="10" t="s">
        <v>55</v>
      </c>
      <c r="R295" s="10" t="s">
        <v>55</v>
      </c>
      <c r="S295" s="10" t="s">
        <v>55</v>
      </c>
      <c r="T295" s="10" t="s">
        <v>55</v>
      </c>
      <c r="U295" s="10" t="s">
        <v>55</v>
      </c>
      <c r="V295" s="10" t="s">
        <v>55</v>
      </c>
      <c r="W295" s="10" t="s">
        <v>55</v>
      </c>
      <c r="X295" s="6">
        <v>1</v>
      </c>
      <c r="Y295" s="6">
        <v>1</v>
      </c>
      <c r="Z295" s="10" t="s">
        <v>55</v>
      </c>
      <c r="AA295" s="10" t="s">
        <v>55</v>
      </c>
      <c r="AB295" s="10" t="s">
        <v>55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100</v>
      </c>
      <c r="I296" s="9" t="s">
        <v>6</v>
      </c>
      <c r="J296" s="9" t="s">
        <v>39</v>
      </c>
      <c r="K296" s="6">
        <v>6</v>
      </c>
      <c r="L296" s="6">
        <v>4</v>
      </c>
      <c r="M296" s="6">
        <v>4</v>
      </c>
      <c r="N296" s="6">
        <v>3</v>
      </c>
      <c r="O296" s="6">
        <v>1</v>
      </c>
      <c r="P296" s="10" t="s">
        <v>55</v>
      </c>
      <c r="Q296" s="10" t="s">
        <v>55</v>
      </c>
      <c r="R296" s="10" t="s">
        <v>55</v>
      </c>
      <c r="S296" s="6">
        <v>2</v>
      </c>
      <c r="T296" s="6">
        <v>2</v>
      </c>
      <c r="U296" s="10" t="s">
        <v>55</v>
      </c>
      <c r="V296" s="10" t="s">
        <v>55</v>
      </c>
      <c r="W296" s="10" t="s">
        <v>55</v>
      </c>
      <c r="X296" s="6">
        <v>4</v>
      </c>
      <c r="Y296" s="6">
        <v>3</v>
      </c>
      <c r="Z296" s="6">
        <v>1</v>
      </c>
      <c r="AA296" s="10" t="s">
        <v>55</v>
      </c>
      <c r="AB296" s="10" t="s">
        <v>55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100</v>
      </c>
      <c r="I297" s="9" t="s">
        <v>6</v>
      </c>
      <c r="J297" s="9" t="s">
        <v>40</v>
      </c>
      <c r="K297" s="6">
        <v>14</v>
      </c>
      <c r="L297" s="6">
        <v>10</v>
      </c>
      <c r="M297" s="6">
        <v>9</v>
      </c>
      <c r="N297" s="6">
        <v>8</v>
      </c>
      <c r="O297" s="6">
        <v>1</v>
      </c>
      <c r="P297" s="10" t="s">
        <v>55</v>
      </c>
      <c r="Q297" s="10" t="s">
        <v>55</v>
      </c>
      <c r="R297" s="6">
        <v>1</v>
      </c>
      <c r="S297" s="6">
        <v>4</v>
      </c>
      <c r="T297" s="6">
        <v>2</v>
      </c>
      <c r="U297" s="10" t="s">
        <v>55</v>
      </c>
      <c r="V297" s="6">
        <v>2</v>
      </c>
      <c r="W297" s="10" t="s">
        <v>55</v>
      </c>
      <c r="X297" s="6">
        <v>9</v>
      </c>
      <c r="Y297" s="6">
        <v>8</v>
      </c>
      <c r="Z297" s="6">
        <v>1</v>
      </c>
      <c r="AA297" s="10" t="s">
        <v>55</v>
      </c>
      <c r="AB297" s="10" t="s">
        <v>55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100</v>
      </c>
      <c r="I298" s="9" t="s">
        <v>6</v>
      </c>
      <c r="J298" s="9" t="s">
        <v>41</v>
      </c>
      <c r="K298" s="6">
        <v>19</v>
      </c>
      <c r="L298" s="6">
        <v>10</v>
      </c>
      <c r="M298" s="6">
        <v>10</v>
      </c>
      <c r="N298" s="6">
        <v>5</v>
      </c>
      <c r="O298" s="6">
        <v>3</v>
      </c>
      <c r="P298" s="10" t="s">
        <v>55</v>
      </c>
      <c r="Q298" s="6">
        <v>2</v>
      </c>
      <c r="R298" s="10" t="s">
        <v>55</v>
      </c>
      <c r="S298" s="6">
        <v>8</v>
      </c>
      <c r="T298" s="6">
        <v>5</v>
      </c>
      <c r="U298" s="10" t="s">
        <v>55</v>
      </c>
      <c r="V298" s="6">
        <v>3</v>
      </c>
      <c r="W298" s="6">
        <v>1</v>
      </c>
      <c r="X298" s="6">
        <v>4</v>
      </c>
      <c r="Y298" s="6">
        <v>4</v>
      </c>
      <c r="Z298" s="10" t="s">
        <v>55</v>
      </c>
      <c r="AA298" s="10" t="s">
        <v>55</v>
      </c>
      <c r="AB298" s="10" t="s">
        <v>55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100</v>
      </c>
      <c r="I299" s="9" t="s">
        <v>6</v>
      </c>
      <c r="J299" s="9" t="s">
        <v>42</v>
      </c>
      <c r="K299" s="6">
        <v>42</v>
      </c>
      <c r="L299" s="6">
        <v>9</v>
      </c>
      <c r="M299" s="6">
        <v>9</v>
      </c>
      <c r="N299" s="6">
        <v>4</v>
      </c>
      <c r="O299" s="6">
        <v>5</v>
      </c>
      <c r="P299" s="10" t="s">
        <v>55</v>
      </c>
      <c r="Q299" s="10" t="s">
        <v>55</v>
      </c>
      <c r="R299" s="10" t="s">
        <v>55</v>
      </c>
      <c r="S299" s="6">
        <v>33</v>
      </c>
      <c r="T299" s="6">
        <v>20</v>
      </c>
      <c r="U299" s="10" t="s">
        <v>55</v>
      </c>
      <c r="V299" s="6">
        <v>13</v>
      </c>
      <c r="W299" s="10" t="s">
        <v>55</v>
      </c>
      <c r="X299" s="6">
        <v>8</v>
      </c>
      <c r="Y299" s="6">
        <v>3</v>
      </c>
      <c r="Z299" s="6">
        <v>5</v>
      </c>
      <c r="AA299" s="10" t="s">
        <v>55</v>
      </c>
      <c r="AB299" s="10" t="s">
        <v>55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100</v>
      </c>
      <c r="I300" s="9" t="s">
        <v>6</v>
      </c>
      <c r="J300" s="9" t="s">
        <v>43</v>
      </c>
      <c r="K300" s="6">
        <v>57</v>
      </c>
      <c r="L300" s="6">
        <v>1</v>
      </c>
      <c r="M300" s="6">
        <v>1</v>
      </c>
      <c r="N300" s="10" t="s">
        <v>55</v>
      </c>
      <c r="O300" s="10" t="s">
        <v>55</v>
      </c>
      <c r="P300" s="10" t="s">
        <v>55</v>
      </c>
      <c r="Q300" s="6">
        <v>1</v>
      </c>
      <c r="R300" s="10" t="s">
        <v>55</v>
      </c>
      <c r="S300" s="6">
        <v>56</v>
      </c>
      <c r="T300" s="6">
        <v>22</v>
      </c>
      <c r="U300" s="10" t="s">
        <v>55</v>
      </c>
      <c r="V300" s="6">
        <v>34</v>
      </c>
      <c r="W300" s="10" t="s">
        <v>55</v>
      </c>
      <c r="X300" s="6">
        <v>1</v>
      </c>
      <c r="Y300" s="10" t="s">
        <v>55</v>
      </c>
      <c r="Z300" s="10" t="s">
        <v>55</v>
      </c>
      <c r="AA300" s="10" t="s">
        <v>55</v>
      </c>
      <c r="AB300" s="6">
        <v>1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100</v>
      </c>
      <c r="I301" s="9" t="s">
        <v>6</v>
      </c>
      <c r="J301" s="9" t="s">
        <v>44</v>
      </c>
      <c r="K301" s="6">
        <v>83</v>
      </c>
      <c r="L301" s="6">
        <v>2</v>
      </c>
      <c r="M301" s="6">
        <v>2</v>
      </c>
      <c r="N301" s="6">
        <v>2</v>
      </c>
      <c r="O301" s="10" t="s">
        <v>55</v>
      </c>
      <c r="P301" s="10" t="s">
        <v>55</v>
      </c>
      <c r="Q301" s="10" t="s">
        <v>55</v>
      </c>
      <c r="R301" s="10" t="s">
        <v>55</v>
      </c>
      <c r="S301" s="6">
        <v>80</v>
      </c>
      <c r="T301" s="6">
        <v>23</v>
      </c>
      <c r="U301" s="10" t="s">
        <v>55</v>
      </c>
      <c r="V301" s="6">
        <v>57</v>
      </c>
      <c r="W301" s="6">
        <v>1</v>
      </c>
      <c r="X301" s="6">
        <v>1</v>
      </c>
      <c r="Y301" s="6">
        <v>1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100</v>
      </c>
      <c r="I302" s="9" t="s">
        <v>6</v>
      </c>
      <c r="J302" s="9" t="s">
        <v>45</v>
      </c>
      <c r="K302" s="6">
        <v>119</v>
      </c>
      <c r="L302" s="6">
        <v>1</v>
      </c>
      <c r="M302" s="6">
        <v>1</v>
      </c>
      <c r="N302" s="10" t="s">
        <v>55</v>
      </c>
      <c r="O302" s="6">
        <v>1</v>
      </c>
      <c r="P302" s="10" t="s">
        <v>55</v>
      </c>
      <c r="Q302" s="10" t="s">
        <v>55</v>
      </c>
      <c r="R302" s="10" t="s">
        <v>55</v>
      </c>
      <c r="S302" s="6">
        <v>117</v>
      </c>
      <c r="T302" s="6">
        <v>31</v>
      </c>
      <c r="U302" s="10" t="s">
        <v>55</v>
      </c>
      <c r="V302" s="6">
        <v>86</v>
      </c>
      <c r="W302" s="6">
        <v>1</v>
      </c>
      <c r="X302" s="10" t="s">
        <v>55</v>
      </c>
      <c r="Y302" s="10" t="s">
        <v>55</v>
      </c>
      <c r="Z302" s="10" t="s">
        <v>55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100</v>
      </c>
      <c r="I303" s="9" t="s">
        <v>6</v>
      </c>
      <c r="J303" s="9" t="s">
        <v>46</v>
      </c>
      <c r="K303" s="6">
        <v>68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6">
        <v>67</v>
      </c>
      <c r="T303" s="6">
        <v>12</v>
      </c>
      <c r="U303" s="10" t="s">
        <v>55</v>
      </c>
      <c r="V303" s="6">
        <v>55</v>
      </c>
      <c r="W303" s="6">
        <v>1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100</v>
      </c>
      <c r="I304" s="9" t="s">
        <v>6</v>
      </c>
      <c r="J304" s="9" t="s">
        <v>47</v>
      </c>
      <c r="K304" s="6">
        <v>33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6">
        <v>33</v>
      </c>
      <c r="T304" s="6">
        <v>4</v>
      </c>
      <c r="U304" s="10" t="s">
        <v>55</v>
      </c>
      <c r="V304" s="6">
        <v>29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100</v>
      </c>
      <c r="I305" s="9" t="s">
        <v>6</v>
      </c>
      <c r="J305" s="9" t="s">
        <v>48</v>
      </c>
      <c r="K305" s="6">
        <v>23</v>
      </c>
      <c r="L305" s="6">
        <v>17</v>
      </c>
      <c r="M305" s="6">
        <v>16</v>
      </c>
      <c r="N305" s="6">
        <v>14</v>
      </c>
      <c r="O305" s="6">
        <v>2</v>
      </c>
      <c r="P305" s="10" t="s">
        <v>55</v>
      </c>
      <c r="Q305" s="10" t="s">
        <v>55</v>
      </c>
      <c r="R305" s="6">
        <v>1</v>
      </c>
      <c r="S305" s="6">
        <v>6</v>
      </c>
      <c r="T305" s="6">
        <v>4</v>
      </c>
      <c r="U305" s="10" t="s">
        <v>55</v>
      </c>
      <c r="V305" s="6">
        <v>2</v>
      </c>
      <c r="W305" s="10" t="s">
        <v>55</v>
      </c>
      <c r="X305" s="6">
        <v>16</v>
      </c>
      <c r="Y305" s="6">
        <v>14</v>
      </c>
      <c r="Z305" s="6">
        <v>2</v>
      </c>
      <c r="AA305" s="10" t="s">
        <v>55</v>
      </c>
      <c r="AB305" s="10" t="s">
        <v>55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100</v>
      </c>
      <c r="I306" s="9" t="s">
        <v>6</v>
      </c>
      <c r="J306" s="9" t="s">
        <v>49</v>
      </c>
      <c r="K306" s="6">
        <v>421</v>
      </c>
      <c r="L306" s="6">
        <v>23</v>
      </c>
      <c r="M306" s="6">
        <v>23</v>
      </c>
      <c r="N306" s="6">
        <v>11</v>
      </c>
      <c r="O306" s="6">
        <v>9</v>
      </c>
      <c r="P306" s="10" t="s">
        <v>55</v>
      </c>
      <c r="Q306" s="6">
        <v>3</v>
      </c>
      <c r="R306" s="10" t="s">
        <v>55</v>
      </c>
      <c r="S306" s="6">
        <v>394</v>
      </c>
      <c r="T306" s="6">
        <v>117</v>
      </c>
      <c r="U306" s="10" t="s">
        <v>55</v>
      </c>
      <c r="V306" s="6">
        <v>277</v>
      </c>
      <c r="W306" s="6">
        <v>4</v>
      </c>
      <c r="X306" s="6">
        <v>14</v>
      </c>
      <c r="Y306" s="6">
        <v>8</v>
      </c>
      <c r="Z306" s="6">
        <v>5</v>
      </c>
      <c r="AA306" s="10" t="s">
        <v>55</v>
      </c>
      <c r="AB306" s="6">
        <v>1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100</v>
      </c>
      <c r="I307" s="9" t="s">
        <v>6</v>
      </c>
      <c r="J307" s="9" t="s">
        <v>50</v>
      </c>
      <c r="K307" s="6">
        <v>360</v>
      </c>
      <c r="L307" s="6">
        <v>4</v>
      </c>
      <c r="M307" s="6">
        <v>4</v>
      </c>
      <c r="N307" s="6">
        <v>2</v>
      </c>
      <c r="O307" s="6">
        <v>1</v>
      </c>
      <c r="P307" s="10" t="s">
        <v>55</v>
      </c>
      <c r="Q307" s="6">
        <v>1</v>
      </c>
      <c r="R307" s="10" t="s">
        <v>55</v>
      </c>
      <c r="S307" s="6">
        <v>353</v>
      </c>
      <c r="T307" s="6">
        <v>92</v>
      </c>
      <c r="U307" s="10" t="s">
        <v>55</v>
      </c>
      <c r="V307" s="6">
        <v>261</v>
      </c>
      <c r="W307" s="6">
        <v>3</v>
      </c>
      <c r="X307" s="6">
        <v>2</v>
      </c>
      <c r="Y307" s="6">
        <v>1</v>
      </c>
      <c r="Z307" s="10" t="s">
        <v>55</v>
      </c>
      <c r="AA307" s="10" t="s">
        <v>55</v>
      </c>
      <c r="AB307" s="6">
        <v>1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100</v>
      </c>
      <c r="I308" s="9" t="s">
        <v>6</v>
      </c>
      <c r="J308" s="9" t="s">
        <v>51</v>
      </c>
      <c r="K308" s="6">
        <v>220</v>
      </c>
      <c r="L308" s="6">
        <v>1</v>
      </c>
      <c r="M308" s="6">
        <v>1</v>
      </c>
      <c r="N308" s="10" t="s">
        <v>55</v>
      </c>
      <c r="O308" s="6">
        <v>1</v>
      </c>
      <c r="P308" s="10" t="s">
        <v>55</v>
      </c>
      <c r="Q308" s="10" t="s">
        <v>55</v>
      </c>
      <c r="R308" s="10" t="s">
        <v>55</v>
      </c>
      <c r="S308" s="6">
        <v>217</v>
      </c>
      <c r="T308" s="6">
        <v>47</v>
      </c>
      <c r="U308" s="10" t="s">
        <v>55</v>
      </c>
      <c r="V308" s="6">
        <v>170</v>
      </c>
      <c r="W308" s="6">
        <v>2</v>
      </c>
      <c r="X308" s="10" t="s">
        <v>55</v>
      </c>
      <c r="Y308" s="10" t="s">
        <v>55</v>
      </c>
      <c r="Z308" s="10" t="s">
        <v>55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100</v>
      </c>
      <c r="I309" s="9" t="s">
        <v>6</v>
      </c>
      <c r="J309" s="9" t="s">
        <v>52</v>
      </c>
      <c r="K309" s="6">
        <v>42</v>
      </c>
      <c r="L309" s="6">
        <v>27</v>
      </c>
      <c r="M309" s="6">
        <v>26</v>
      </c>
      <c r="N309" s="6">
        <v>19</v>
      </c>
      <c r="O309" s="6">
        <v>5</v>
      </c>
      <c r="P309" s="10" t="s">
        <v>55</v>
      </c>
      <c r="Q309" s="6">
        <v>2</v>
      </c>
      <c r="R309" s="6">
        <v>1</v>
      </c>
      <c r="S309" s="6">
        <v>14</v>
      </c>
      <c r="T309" s="6">
        <v>9</v>
      </c>
      <c r="U309" s="10" t="s">
        <v>55</v>
      </c>
      <c r="V309" s="6">
        <v>5</v>
      </c>
      <c r="W309" s="6">
        <v>1</v>
      </c>
      <c r="X309" s="6">
        <v>20</v>
      </c>
      <c r="Y309" s="6">
        <v>18</v>
      </c>
      <c r="Z309" s="6">
        <v>2</v>
      </c>
      <c r="AA309" s="10" t="s">
        <v>55</v>
      </c>
      <c r="AB309" s="10" t="s">
        <v>55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100</v>
      </c>
      <c r="I310" s="9" t="s">
        <v>53</v>
      </c>
      <c r="J310" s="9" t="s">
        <v>30</v>
      </c>
      <c r="K310" s="6">
        <v>70</v>
      </c>
      <c r="L310" s="6">
        <v>14</v>
      </c>
      <c r="M310" s="6">
        <v>13</v>
      </c>
      <c r="N310" s="6">
        <v>10</v>
      </c>
      <c r="O310" s="6">
        <v>2</v>
      </c>
      <c r="P310" s="10" t="s">
        <v>55</v>
      </c>
      <c r="Q310" s="6">
        <v>1</v>
      </c>
      <c r="R310" s="6">
        <v>1</v>
      </c>
      <c r="S310" s="6">
        <v>55</v>
      </c>
      <c r="T310" s="6">
        <v>10</v>
      </c>
      <c r="U310" s="10" t="s">
        <v>55</v>
      </c>
      <c r="V310" s="6">
        <v>45</v>
      </c>
      <c r="W310" s="6">
        <v>1</v>
      </c>
      <c r="X310" s="6">
        <v>9</v>
      </c>
      <c r="Y310" s="6">
        <v>8</v>
      </c>
      <c r="Z310" s="6">
        <v>1</v>
      </c>
      <c r="AA310" s="10" t="s">
        <v>55</v>
      </c>
      <c r="AB310" s="10" t="s">
        <v>55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100</v>
      </c>
      <c r="I311" s="9" t="s">
        <v>53</v>
      </c>
      <c r="J311" s="9" t="s">
        <v>31</v>
      </c>
      <c r="K311" s="10" t="s">
        <v>55</v>
      </c>
      <c r="L311" s="10" t="s">
        <v>55</v>
      </c>
      <c r="M311" s="10" t="s">
        <v>55</v>
      </c>
      <c r="N311" s="10" t="s">
        <v>55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10" t="s">
        <v>55</v>
      </c>
      <c r="T311" s="10" t="s">
        <v>55</v>
      </c>
      <c r="U311" s="10" t="s">
        <v>55</v>
      </c>
      <c r="V311" s="10" t="s">
        <v>55</v>
      </c>
      <c r="W311" s="10" t="s">
        <v>55</v>
      </c>
      <c r="X311" s="10" t="s">
        <v>55</v>
      </c>
      <c r="Y311" s="10" t="s">
        <v>55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100</v>
      </c>
      <c r="I312" s="9" t="s">
        <v>53</v>
      </c>
      <c r="J312" s="9" t="s">
        <v>32</v>
      </c>
      <c r="K312" s="10" t="s">
        <v>55</v>
      </c>
      <c r="L312" s="10" t="s">
        <v>55</v>
      </c>
      <c r="M312" s="10" t="s">
        <v>55</v>
      </c>
      <c r="N312" s="10" t="s">
        <v>55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10" t="s">
        <v>55</v>
      </c>
      <c r="T312" s="10" t="s">
        <v>55</v>
      </c>
      <c r="U312" s="10" t="s">
        <v>55</v>
      </c>
      <c r="V312" s="10" t="s">
        <v>55</v>
      </c>
      <c r="W312" s="10" t="s">
        <v>55</v>
      </c>
      <c r="X312" s="10" t="s">
        <v>55</v>
      </c>
      <c r="Y312" s="10" t="s">
        <v>55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100</v>
      </c>
      <c r="I313" s="9" t="s">
        <v>53</v>
      </c>
      <c r="J313" s="9" t="s">
        <v>33</v>
      </c>
      <c r="K313" s="10" t="s">
        <v>55</v>
      </c>
      <c r="L313" s="10" t="s">
        <v>55</v>
      </c>
      <c r="M313" s="10" t="s">
        <v>55</v>
      </c>
      <c r="N313" s="10" t="s">
        <v>55</v>
      </c>
      <c r="O313" s="10" t="s">
        <v>55</v>
      </c>
      <c r="P313" s="10" t="s">
        <v>55</v>
      </c>
      <c r="Q313" s="10" t="s">
        <v>55</v>
      </c>
      <c r="R313" s="10" t="s">
        <v>55</v>
      </c>
      <c r="S313" s="10" t="s">
        <v>55</v>
      </c>
      <c r="T313" s="10" t="s">
        <v>55</v>
      </c>
      <c r="U313" s="10" t="s">
        <v>55</v>
      </c>
      <c r="V313" s="10" t="s">
        <v>55</v>
      </c>
      <c r="W313" s="10" t="s">
        <v>55</v>
      </c>
      <c r="X313" s="10" t="s">
        <v>55</v>
      </c>
      <c r="Y313" s="10" t="s">
        <v>55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100</v>
      </c>
      <c r="I314" s="9" t="s">
        <v>53</v>
      </c>
      <c r="J314" s="9" t="s">
        <v>34</v>
      </c>
      <c r="K314" s="10" t="s">
        <v>55</v>
      </c>
      <c r="L314" s="10" t="s">
        <v>55</v>
      </c>
      <c r="M314" s="10" t="s">
        <v>55</v>
      </c>
      <c r="N314" s="10" t="s">
        <v>55</v>
      </c>
      <c r="O314" s="10" t="s">
        <v>55</v>
      </c>
      <c r="P314" s="10" t="s">
        <v>55</v>
      </c>
      <c r="Q314" s="10" t="s">
        <v>55</v>
      </c>
      <c r="R314" s="10" t="s">
        <v>55</v>
      </c>
      <c r="S314" s="10" t="s">
        <v>55</v>
      </c>
      <c r="T314" s="10" t="s">
        <v>55</v>
      </c>
      <c r="U314" s="10" t="s">
        <v>55</v>
      </c>
      <c r="V314" s="10" t="s">
        <v>55</v>
      </c>
      <c r="W314" s="10" t="s">
        <v>55</v>
      </c>
      <c r="X314" s="10" t="s">
        <v>55</v>
      </c>
      <c r="Y314" s="10" t="s">
        <v>55</v>
      </c>
      <c r="Z314" s="10" t="s">
        <v>55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100</v>
      </c>
      <c r="I315" s="9" t="s">
        <v>53</v>
      </c>
      <c r="J315" s="9" t="s">
        <v>35</v>
      </c>
      <c r="K315" s="10" t="s">
        <v>55</v>
      </c>
      <c r="L315" s="10" t="s">
        <v>55</v>
      </c>
      <c r="M315" s="10" t="s">
        <v>55</v>
      </c>
      <c r="N315" s="10" t="s">
        <v>55</v>
      </c>
      <c r="O315" s="10" t="s">
        <v>55</v>
      </c>
      <c r="P315" s="10" t="s">
        <v>55</v>
      </c>
      <c r="Q315" s="10" t="s">
        <v>55</v>
      </c>
      <c r="R315" s="10" t="s">
        <v>55</v>
      </c>
      <c r="S315" s="10" t="s">
        <v>55</v>
      </c>
      <c r="T315" s="10" t="s">
        <v>55</v>
      </c>
      <c r="U315" s="10" t="s">
        <v>55</v>
      </c>
      <c r="V315" s="10" t="s">
        <v>55</v>
      </c>
      <c r="W315" s="10" t="s">
        <v>55</v>
      </c>
      <c r="X315" s="10" t="s">
        <v>55</v>
      </c>
      <c r="Y315" s="10" t="s">
        <v>55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100</v>
      </c>
      <c r="I316" s="9" t="s">
        <v>53</v>
      </c>
      <c r="J316" s="9" t="s">
        <v>36</v>
      </c>
      <c r="K316" s="6">
        <v>1</v>
      </c>
      <c r="L316" s="6">
        <v>1</v>
      </c>
      <c r="M316" s="6">
        <v>1</v>
      </c>
      <c r="N316" s="6">
        <v>1</v>
      </c>
      <c r="O316" s="10" t="s">
        <v>55</v>
      </c>
      <c r="P316" s="10" t="s">
        <v>55</v>
      </c>
      <c r="Q316" s="10" t="s">
        <v>55</v>
      </c>
      <c r="R316" s="10" t="s">
        <v>55</v>
      </c>
      <c r="S316" s="10" t="s">
        <v>55</v>
      </c>
      <c r="T316" s="10" t="s">
        <v>55</v>
      </c>
      <c r="U316" s="10" t="s">
        <v>55</v>
      </c>
      <c r="V316" s="10" t="s">
        <v>55</v>
      </c>
      <c r="W316" s="10" t="s">
        <v>55</v>
      </c>
      <c r="X316" s="6">
        <v>1</v>
      </c>
      <c r="Y316" s="6">
        <v>1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100</v>
      </c>
      <c r="I317" s="9" t="s">
        <v>53</v>
      </c>
      <c r="J317" s="9" t="s">
        <v>37</v>
      </c>
      <c r="K317" s="10" t="s">
        <v>55</v>
      </c>
      <c r="L317" s="10" t="s">
        <v>55</v>
      </c>
      <c r="M317" s="10" t="s">
        <v>55</v>
      </c>
      <c r="N317" s="10" t="s">
        <v>55</v>
      </c>
      <c r="O317" s="10" t="s">
        <v>55</v>
      </c>
      <c r="P317" s="10" t="s">
        <v>55</v>
      </c>
      <c r="Q317" s="10" t="s">
        <v>55</v>
      </c>
      <c r="R317" s="10" t="s">
        <v>55</v>
      </c>
      <c r="S317" s="10" t="s">
        <v>55</v>
      </c>
      <c r="T317" s="10" t="s">
        <v>55</v>
      </c>
      <c r="U317" s="10" t="s">
        <v>55</v>
      </c>
      <c r="V317" s="10" t="s">
        <v>55</v>
      </c>
      <c r="W317" s="10" t="s">
        <v>55</v>
      </c>
      <c r="X317" s="10" t="s">
        <v>55</v>
      </c>
      <c r="Y317" s="10" t="s">
        <v>55</v>
      </c>
      <c r="Z317" s="10" t="s">
        <v>55</v>
      </c>
      <c r="AA317" s="10" t="s">
        <v>55</v>
      </c>
      <c r="AB317" s="10" t="s">
        <v>55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100</v>
      </c>
      <c r="I318" s="9" t="s">
        <v>53</v>
      </c>
      <c r="J318" s="9" t="s">
        <v>38</v>
      </c>
      <c r="K318" s="10" t="s">
        <v>55</v>
      </c>
      <c r="L318" s="10" t="s">
        <v>55</v>
      </c>
      <c r="M318" s="10" t="s">
        <v>55</v>
      </c>
      <c r="N318" s="10" t="s">
        <v>55</v>
      </c>
      <c r="O318" s="10" t="s">
        <v>55</v>
      </c>
      <c r="P318" s="10" t="s">
        <v>55</v>
      </c>
      <c r="Q318" s="10" t="s">
        <v>55</v>
      </c>
      <c r="R318" s="10" t="s">
        <v>55</v>
      </c>
      <c r="S318" s="10" t="s">
        <v>55</v>
      </c>
      <c r="T318" s="10" t="s">
        <v>55</v>
      </c>
      <c r="U318" s="10" t="s">
        <v>55</v>
      </c>
      <c r="V318" s="10" t="s">
        <v>55</v>
      </c>
      <c r="W318" s="10" t="s">
        <v>55</v>
      </c>
      <c r="X318" s="10" t="s">
        <v>55</v>
      </c>
      <c r="Y318" s="10" t="s">
        <v>55</v>
      </c>
      <c r="Z318" s="10" t="s">
        <v>55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100</v>
      </c>
      <c r="I319" s="9" t="s">
        <v>53</v>
      </c>
      <c r="J319" s="9" t="s">
        <v>39</v>
      </c>
      <c r="K319" s="6">
        <v>1</v>
      </c>
      <c r="L319" s="10" t="s">
        <v>55</v>
      </c>
      <c r="M319" s="10" t="s">
        <v>55</v>
      </c>
      <c r="N319" s="10" t="s">
        <v>55</v>
      </c>
      <c r="O319" s="10" t="s">
        <v>55</v>
      </c>
      <c r="P319" s="10" t="s">
        <v>55</v>
      </c>
      <c r="Q319" s="10" t="s">
        <v>55</v>
      </c>
      <c r="R319" s="10" t="s">
        <v>55</v>
      </c>
      <c r="S319" s="6">
        <v>1</v>
      </c>
      <c r="T319" s="6">
        <v>1</v>
      </c>
      <c r="U319" s="10" t="s">
        <v>55</v>
      </c>
      <c r="V319" s="10" t="s">
        <v>55</v>
      </c>
      <c r="W319" s="10" t="s">
        <v>55</v>
      </c>
      <c r="X319" s="10" t="s">
        <v>55</v>
      </c>
      <c r="Y319" s="10" t="s">
        <v>55</v>
      </c>
      <c r="Z319" s="10" t="s">
        <v>55</v>
      </c>
      <c r="AA319" s="10" t="s">
        <v>55</v>
      </c>
      <c r="AB319" s="10" t="s">
        <v>55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100</v>
      </c>
      <c r="I320" s="9" t="s">
        <v>53</v>
      </c>
      <c r="J320" s="9" t="s">
        <v>40</v>
      </c>
      <c r="K320" s="6">
        <v>5</v>
      </c>
      <c r="L320" s="6">
        <v>5</v>
      </c>
      <c r="M320" s="6">
        <v>4</v>
      </c>
      <c r="N320" s="6">
        <v>3</v>
      </c>
      <c r="O320" s="6">
        <v>1</v>
      </c>
      <c r="P320" s="10" t="s">
        <v>55</v>
      </c>
      <c r="Q320" s="10" t="s">
        <v>55</v>
      </c>
      <c r="R320" s="6">
        <v>1</v>
      </c>
      <c r="S320" s="10" t="s">
        <v>55</v>
      </c>
      <c r="T320" s="10" t="s">
        <v>55</v>
      </c>
      <c r="U320" s="10" t="s">
        <v>55</v>
      </c>
      <c r="V320" s="10" t="s">
        <v>55</v>
      </c>
      <c r="W320" s="10" t="s">
        <v>55</v>
      </c>
      <c r="X320" s="6">
        <v>4</v>
      </c>
      <c r="Y320" s="6">
        <v>3</v>
      </c>
      <c r="Z320" s="6">
        <v>1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100</v>
      </c>
      <c r="I321" s="9" t="s">
        <v>53</v>
      </c>
      <c r="J321" s="9" t="s">
        <v>41</v>
      </c>
      <c r="K321" s="6">
        <v>6</v>
      </c>
      <c r="L321" s="6">
        <v>3</v>
      </c>
      <c r="M321" s="6">
        <v>3</v>
      </c>
      <c r="N321" s="6">
        <v>1</v>
      </c>
      <c r="O321" s="6">
        <v>1</v>
      </c>
      <c r="P321" s="10" t="s">
        <v>55</v>
      </c>
      <c r="Q321" s="6">
        <v>1</v>
      </c>
      <c r="R321" s="10" t="s">
        <v>55</v>
      </c>
      <c r="S321" s="6">
        <v>3</v>
      </c>
      <c r="T321" s="6">
        <v>1</v>
      </c>
      <c r="U321" s="10" t="s">
        <v>55</v>
      </c>
      <c r="V321" s="6">
        <v>2</v>
      </c>
      <c r="W321" s="10" t="s">
        <v>55</v>
      </c>
      <c r="X321" s="6">
        <v>1</v>
      </c>
      <c r="Y321" s="6">
        <v>1</v>
      </c>
      <c r="Z321" s="10" t="s">
        <v>55</v>
      </c>
      <c r="AA321" s="10" t="s">
        <v>55</v>
      </c>
      <c r="AB321" s="10" t="s">
        <v>55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100</v>
      </c>
      <c r="I322" s="9" t="s">
        <v>53</v>
      </c>
      <c r="J322" s="9" t="s">
        <v>42</v>
      </c>
      <c r="K322" s="6">
        <v>10</v>
      </c>
      <c r="L322" s="6">
        <v>3</v>
      </c>
      <c r="M322" s="6">
        <v>3</v>
      </c>
      <c r="N322" s="6">
        <v>3</v>
      </c>
      <c r="O322" s="10" t="s">
        <v>55</v>
      </c>
      <c r="P322" s="10" t="s">
        <v>55</v>
      </c>
      <c r="Q322" s="10" t="s">
        <v>55</v>
      </c>
      <c r="R322" s="10" t="s">
        <v>55</v>
      </c>
      <c r="S322" s="6">
        <v>7</v>
      </c>
      <c r="T322" s="6">
        <v>3</v>
      </c>
      <c r="U322" s="10" t="s">
        <v>55</v>
      </c>
      <c r="V322" s="6">
        <v>4</v>
      </c>
      <c r="W322" s="10" t="s">
        <v>55</v>
      </c>
      <c r="X322" s="6">
        <v>2</v>
      </c>
      <c r="Y322" s="6">
        <v>2</v>
      </c>
      <c r="Z322" s="10" t="s">
        <v>55</v>
      </c>
      <c r="AA322" s="10" t="s">
        <v>55</v>
      </c>
      <c r="AB322" s="10" t="s">
        <v>55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100</v>
      </c>
      <c r="I323" s="9" t="s">
        <v>53</v>
      </c>
      <c r="J323" s="9" t="s">
        <v>43</v>
      </c>
      <c r="K323" s="6">
        <v>8</v>
      </c>
      <c r="L323" s="10" t="s">
        <v>55</v>
      </c>
      <c r="M323" s="10" t="s">
        <v>55</v>
      </c>
      <c r="N323" s="10" t="s">
        <v>55</v>
      </c>
      <c r="O323" s="10" t="s">
        <v>55</v>
      </c>
      <c r="P323" s="10" t="s">
        <v>55</v>
      </c>
      <c r="Q323" s="10" t="s">
        <v>55</v>
      </c>
      <c r="R323" s="10" t="s">
        <v>55</v>
      </c>
      <c r="S323" s="6">
        <v>8</v>
      </c>
      <c r="T323" s="6">
        <v>1</v>
      </c>
      <c r="U323" s="10" t="s">
        <v>55</v>
      </c>
      <c r="V323" s="6">
        <v>7</v>
      </c>
      <c r="W323" s="10" t="s">
        <v>55</v>
      </c>
      <c r="X323" s="10" t="s">
        <v>55</v>
      </c>
      <c r="Y323" s="10" t="s">
        <v>55</v>
      </c>
      <c r="Z323" s="10" t="s">
        <v>55</v>
      </c>
      <c r="AA323" s="10" t="s">
        <v>55</v>
      </c>
      <c r="AB323" s="10" t="s">
        <v>55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100</v>
      </c>
      <c r="I324" s="9" t="s">
        <v>53</v>
      </c>
      <c r="J324" s="9" t="s">
        <v>44</v>
      </c>
      <c r="K324" s="6">
        <v>7</v>
      </c>
      <c r="L324" s="6">
        <v>2</v>
      </c>
      <c r="M324" s="6">
        <v>2</v>
      </c>
      <c r="N324" s="6">
        <v>2</v>
      </c>
      <c r="O324" s="10" t="s">
        <v>55</v>
      </c>
      <c r="P324" s="10" t="s">
        <v>55</v>
      </c>
      <c r="Q324" s="10" t="s">
        <v>55</v>
      </c>
      <c r="R324" s="10" t="s">
        <v>55</v>
      </c>
      <c r="S324" s="6">
        <v>5</v>
      </c>
      <c r="T324" s="10" t="s">
        <v>55</v>
      </c>
      <c r="U324" s="10" t="s">
        <v>55</v>
      </c>
      <c r="V324" s="6">
        <v>5</v>
      </c>
      <c r="W324" s="10" t="s">
        <v>55</v>
      </c>
      <c r="X324" s="6">
        <v>1</v>
      </c>
      <c r="Y324" s="6">
        <v>1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100</v>
      </c>
      <c r="I325" s="9" t="s">
        <v>53</v>
      </c>
      <c r="J325" s="9" t="s">
        <v>45</v>
      </c>
      <c r="K325" s="6">
        <v>17</v>
      </c>
      <c r="L325" s="10" t="s">
        <v>55</v>
      </c>
      <c r="M325" s="10" t="s">
        <v>55</v>
      </c>
      <c r="N325" s="10" t="s">
        <v>55</v>
      </c>
      <c r="O325" s="10" t="s">
        <v>55</v>
      </c>
      <c r="P325" s="10" t="s">
        <v>55</v>
      </c>
      <c r="Q325" s="10" t="s">
        <v>55</v>
      </c>
      <c r="R325" s="10" t="s">
        <v>55</v>
      </c>
      <c r="S325" s="6">
        <v>17</v>
      </c>
      <c r="T325" s="6">
        <v>1</v>
      </c>
      <c r="U325" s="10" t="s">
        <v>55</v>
      </c>
      <c r="V325" s="6">
        <v>16</v>
      </c>
      <c r="W325" s="10" t="s">
        <v>55</v>
      </c>
      <c r="X325" s="10" t="s">
        <v>55</v>
      </c>
      <c r="Y325" s="10" t="s">
        <v>55</v>
      </c>
      <c r="Z325" s="10" t="s">
        <v>55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100</v>
      </c>
      <c r="I326" s="9" t="s">
        <v>53</v>
      </c>
      <c r="J326" s="9" t="s">
        <v>46</v>
      </c>
      <c r="K326" s="6">
        <v>12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6">
        <v>11</v>
      </c>
      <c r="T326" s="6">
        <v>2</v>
      </c>
      <c r="U326" s="10" t="s">
        <v>55</v>
      </c>
      <c r="V326" s="6">
        <v>9</v>
      </c>
      <c r="W326" s="6">
        <v>1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100</v>
      </c>
      <c r="I327" s="9" t="s">
        <v>53</v>
      </c>
      <c r="J327" s="9" t="s">
        <v>47</v>
      </c>
      <c r="K327" s="6">
        <v>3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6">
        <v>3</v>
      </c>
      <c r="T327" s="6">
        <v>1</v>
      </c>
      <c r="U327" s="10" t="s">
        <v>55</v>
      </c>
      <c r="V327" s="6">
        <v>2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100</v>
      </c>
      <c r="I328" s="9" t="s">
        <v>53</v>
      </c>
      <c r="J328" s="9" t="s">
        <v>48</v>
      </c>
      <c r="K328" s="6">
        <v>7</v>
      </c>
      <c r="L328" s="6">
        <v>6</v>
      </c>
      <c r="M328" s="6">
        <v>5</v>
      </c>
      <c r="N328" s="6">
        <v>4</v>
      </c>
      <c r="O328" s="6">
        <v>1</v>
      </c>
      <c r="P328" s="10" t="s">
        <v>55</v>
      </c>
      <c r="Q328" s="10" t="s">
        <v>55</v>
      </c>
      <c r="R328" s="6">
        <v>1</v>
      </c>
      <c r="S328" s="6">
        <v>1</v>
      </c>
      <c r="T328" s="6">
        <v>1</v>
      </c>
      <c r="U328" s="10" t="s">
        <v>55</v>
      </c>
      <c r="V328" s="10" t="s">
        <v>55</v>
      </c>
      <c r="W328" s="10" t="s">
        <v>55</v>
      </c>
      <c r="X328" s="6">
        <v>5</v>
      </c>
      <c r="Y328" s="6">
        <v>4</v>
      </c>
      <c r="Z328" s="6">
        <v>1</v>
      </c>
      <c r="AA328" s="10" t="s">
        <v>55</v>
      </c>
      <c r="AB328" s="10" t="s">
        <v>55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100</v>
      </c>
      <c r="I329" s="9" t="s">
        <v>53</v>
      </c>
      <c r="J329" s="9" t="s">
        <v>49</v>
      </c>
      <c r="K329" s="6">
        <v>63</v>
      </c>
      <c r="L329" s="6">
        <v>8</v>
      </c>
      <c r="M329" s="6">
        <v>8</v>
      </c>
      <c r="N329" s="6">
        <v>6</v>
      </c>
      <c r="O329" s="6">
        <v>1</v>
      </c>
      <c r="P329" s="10" t="s">
        <v>55</v>
      </c>
      <c r="Q329" s="6">
        <v>1</v>
      </c>
      <c r="R329" s="10" t="s">
        <v>55</v>
      </c>
      <c r="S329" s="6">
        <v>54</v>
      </c>
      <c r="T329" s="6">
        <v>9</v>
      </c>
      <c r="U329" s="10" t="s">
        <v>55</v>
      </c>
      <c r="V329" s="6">
        <v>45</v>
      </c>
      <c r="W329" s="6">
        <v>1</v>
      </c>
      <c r="X329" s="6">
        <v>4</v>
      </c>
      <c r="Y329" s="6">
        <v>4</v>
      </c>
      <c r="Z329" s="10" t="s">
        <v>55</v>
      </c>
      <c r="AA329" s="10" t="s">
        <v>55</v>
      </c>
      <c r="AB329" s="10" t="s">
        <v>55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100</v>
      </c>
      <c r="I330" s="9" t="s">
        <v>53</v>
      </c>
      <c r="J330" s="9" t="s">
        <v>50</v>
      </c>
      <c r="K330" s="6">
        <v>47</v>
      </c>
      <c r="L330" s="6">
        <v>2</v>
      </c>
      <c r="M330" s="6">
        <v>2</v>
      </c>
      <c r="N330" s="6">
        <v>2</v>
      </c>
      <c r="O330" s="10" t="s">
        <v>55</v>
      </c>
      <c r="P330" s="10" t="s">
        <v>55</v>
      </c>
      <c r="Q330" s="10" t="s">
        <v>55</v>
      </c>
      <c r="R330" s="10" t="s">
        <v>55</v>
      </c>
      <c r="S330" s="6">
        <v>44</v>
      </c>
      <c r="T330" s="6">
        <v>5</v>
      </c>
      <c r="U330" s="10" t="s">
        <v>55</v>
      </c>
      <c r="V330" s="6">
        <v>39</v>
      </c>
      <c r="W330" s="6">
        <v>1</v>
      </c>
      <c r="X330" s="6">
        <v>1</v>
      </c>
      <c r="Y330" s="6">
        <v>1</v>
      </c>
      <c r="Z330" s="10" t="s">
        <v>55</v>
      </c>
      <c r="AA330" s="10" t="s">
        <v>55</v>
      </c>
      <c r="AB330" s="10" t="s">
        <v>55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100</v>
      </c>
      <c r="I331" s="9" t="s">
        <v>53</v>
      </c>
      <c r="J331" s="9" t="s">
        <v>51</v>
      </c>
      <c r="K331" s="6">
        <v>32</v>
      </c>
      <c r="L331" s="10" t="s">
        <v>55</v>
      </c>
      <c r="M331" s="10" t="s">
        <v>55</v>
      </c>
      <c r="N331" s="10" t="s">
        <v>55</v>
      </c>
      <c r="O331" s="10" t="s">
        <v>55</v>
      </c>
      <c r="P331" s="10" t="s">
        <v>55</v>
      </c>
      <c r="Q331" s="10" t="s">
        <v>55</v>
      </c>
      <c r="R331" s="10" t="s">
        <v>55</v>
      </c>
      <c r="S331" s="6">
        <v>31</v>
      </c>
      <c r="T331" s="6">
        <v>4</v>
      </c>
      <c r="U331" s="10" t="s">
        <v>55</v>
      </c>
      <c r="V331" s="6">
        <v>27</v>
      </c>
      <c r="W331" s="6">
        <v>1</v>
      </c>
      <c r="X331" s="10" t="s">
        <v>55</v>
      </c>
      <c r="Y331" s="10" t="s">
        <v>55</v>
      </c>
      <c r="Z331" s="10" t="s">
        <v>55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100</v>
      </c>
      <c r="I332" s="9" t="s">
        <v>53</v>
      </c>
      <c r="J332" s="9" t="s">
        <v>52</v>
      </c>
      <c r="K332" s="6">
        <v>13</v>
      </c>
      <c r="L332" s="6">
        <v>9</v>
      </c>
      <c r="M332" s="6">
        <v>8</v>
      </c>
      <c r="N332" s="6">
        <v>5</v>
      </c>
      <c r="O332" s="6">
        <v>2</v>
      </c>
      <c r="P332" s="10" t="s">
        <v>55</v>
      </c>
      <c r="Q332" s="6">
        <v>1</v>
      </c>
      <c r="R332" s="6">
        <v>1</v>
      </c>
      <c r="S332" s="6">
        <v>4</v>
      </c>
      <c r="T332" s="6">
        <v>2</v>
      </c>
      <c r="U332" s="10" t="s">
        <v>55</v>
      </c>
      <c r="V332" s="6">
        <v>2</v>
      </c>
      <c r="W332" s="10" t="s">
        <v>55</v>
      </c>
      <c r="X332" s="6">
        <v>6</v>
      </c>
      <c r="Y332" s="6">
        <v>5</v>
      </c>
      <c r="Z332" s="6">
        <v>1</v>
      </c>
      <c r="AA332" s="10" t="s">
        <v>55</v>
      </c>
      <c r="AB332" s="10" t="s">
        <v>55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100</v>
      </c>
      <c r="I333" s="9" t="s">
        <v>54</v>
      </c>
      <c r="J333" s="9" t="s">
        <v>30</v>
      </c>
      <c r="K333" s="6">
        <v>374</v>
      </c>
      <c r="L333" s="6">
        <v>26</v>
      </c>
      <c r="M333" s="6">
        <v>26</v>
      </c>
      <c r="N333" s="6">
        <v>15</v>
      </c>
      <c r="O333" s="6">
        <v>9</v>
      </c>
      <c r="P333" s="10" t="s">
        <v>55</v>
      </c>
      <c r="Q333" s="6">
        <v>2</v>
      </c>
      <c r="R333" s="10" t="s">
        <v>55</v>
      </c>
      <c r="S333" s="6">
        <v>345</v>
      </c>
      <c r="T333" s="6">
        <v>111</v>
      </c>
      <c r="U333" s="10" t="s">
        <v>55</v>
      </c>
      <c r="V333" s="6">
        <v>234</v>
      </c>
      <c r="W333" s="6">
        <v>3</v>
      </c>
      <c r="X333" s="6">
        <v>21</v>
      </c>
      <c r="Y333" s="6">
        <v>14</v>
      </c>
      <c r="Z333" s="6">
        <v>6</v>
      </c>
      <c r="AA333" s="10" t="s">
        <v>55</v>
      </c>
      <c r="AB333" s="6">
        <v>1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100</v>
      </c>
      <c r="I334" s="9" t="s">
        <v>54</v>
      </c>
      <c r="J334" s="9" t="s">
        <v>31</v>
      </c>
      <c r="K334" s="10" t="s">
        <v>55</v>
      </c>
      <c r="L334" s="10" t="s">
        <v>55</v>
      </c>
      <c r="M334" s="10" t="s">
        <v>55</v>
      </c>
      <c r="N334" s="10" t="s">
        <v>55</v>
      </c>
      <c r="O334" s="10" t="s">
        <v>55</v>
      </c>
      <c r="P334" s="10" t="s">
        <v>55</v>
      </c>
      <c r="Q334" s="10" t="s">
        <v>55</v>
      </c>
      <c r="R334" s="10" t="s">
        <v>55</v>
      </c>
      <c r="S334" s="10" t="s">
        <v>55</v>
      </c>
      <c r="T334" s="10" t="s">
        <v>55</v>
      </c>
      <c r="U334" s="10" t="s">
        <v>55</v>
      </c>
      <c r="V334" s="10" t="s">
        <v>55</v>
      </c>
      <c r="W334" s="10" t="s">
        <v>55</v>
      </c>
      <c r="X334" s="10" t="s">
        <v>55</v>
      </c>
      <c r="Y334" s="10" t="s">
        <v>55</v>
      </c>
      <c r="Z334" s="10" t="s">
        <v>55</v>
      </c>
      <c r="AA334" s="10" t="s">
        <v>55</v>
      </c>
      <c r="AB334" s="10" t="s">
        <v>55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100</v>
      </c>
      <c r="I335" s="9" t="s">
        <v>54</v>
      </c>
      <c r="J335" s="9" t="s">
        <v>32</v>
      </c>
      <c r="K335" s="10" t="s">
        <v>55</v>
      </c>
      <c r="L335" s="10" t="s">
        <v>55</v>
      </c>
      <c r="M335" s="10" t="s">
        <v>55</v>
      </c>
      <c r="N335" s="10" t="s">
        <v>55</v>
      </c>
      <c r="O335" s="10" t="s">
        <v>55</v>
      </c>
      <c r="P335" s="10" t="s">
        <v>55</v>
      </c>
      <c r="Q335" s="10" t="s">
        <v>55</v>
      </c>
      <c r="R335" s="10" t="s">
        <v>55</v>
      </c>
      <c r="S335" s="10" t="s">
        <v>55</v>
      </c>
      <c r="T335" s="10" t="s">
        <v>55</v>
      </c>
      <c r="U335" s="10" t="s">
        <v>55</v>
      </c>
      <c r="V335" s="10" t="s">
        <v>55</v>
      </c>
      <c r="W335" s="10" t="s">
        <v>55</v>
      </c>
      <c r="X335" s="10" t="s">
        <v>55</v>
      </c>
      <c r="Y335" s="10" t="s">
        <v>55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100</v>
      </c>
      <c r="I336" s="9" t="s">
        <v>54</v>
      </c>
      <c r="J336" s="9" t="s">
        <v>33</v>
      </c>
      <c r="K336" s="10" t="s">
        <v>55</v>
      </c>
      <c r="L336" s="10" t="s">
        <v>55</v>
      </c>
      <c r="M336" s="10" t="s">
        <v>55</v>
      </c>
      <c r="N336" s="10" t="s">
        <v>55</v>
      </c>
      <c r="O336" s="10" t="s">
        <v>55</v>
      </c>
      <c r="P336" s="10" t="s">
        <v>55</v>
      </c>
      <c r="Q336" s="10" t="s">
        <v>55</v>
      </c>
      <c r="R336" s="10" t="s">
        <v>55</v>
      </c>
      <c r="S336" s="10" t="s">
        <v>55</v>
      </c>
      <c r="T336" s="10" t="s">
        <v>55</v>
      </c>
      <c r="U336" s="10" t="s">
        <v>55</v>
      </c>
      <c r="V336" s="10" t="s">
        <v>55</v>
      </c>
      <c r="W336" s="10" t="s">
        <v>55</v>
      </c>
      <c r="X336" s="10" t="s">
        <v>55</v>
      </c>
      <c r="Y336" s="10" t="s">
        <v>55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100</v>
      </c>
      <c r="I337" s="9" t="s">
        <v>54</v>
      </c>
      <c r="J337" s="9" t="s">
        <v>34</v>
      </c>
      <c r="K337" s="10" t="s">
        <v>55</v>
      </c>
      <c r="L337" s="10" t="s">
        <v>55</v>
      </c>
      <c r="M337" s="10" t="s">
        <v>55</v>
      </c>
      <c r="N337" s="10" t="s">
        <v>55</v>
      </c>
      <c r="O337" s="10" t="s">
        <v>55</v>
      </c>
      <c r="P337" s="10" t="s">
        <v>55</v>
      </c>
      <c r="Q337" s="10" t="s">
        <v>55</v>
      </c>
      <c r="R337" s="10" t="s">
        <v>55</v>
      </c>
      <c r="S337" s="10" t="s">
        <v>55</v>
      </c>
      <c r="T337" s="10" t="s">
        <v>55</v>
      </c>
      <c r="U337" s="10" t="s">
        <v>55</v>
      </c>
      <c r="V337" s="10" t="s">
        <v>55</v>
      </c>
      <c r="W337" s="10" t="s">
        <v>55</v>
      </c>
      <c r="X337" s="10" t="s">
        <v>55</v>
      </c>
      <c r="Y337" s="10" t="s">
        <v>55</v>
      </c>
      <c r="Z337" s="10" t="s">
        <v>55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100</v>
      </c>
      <c r="I338" s="9" t="s">
        <v>54</v>
      </c>
      <c r="J338" s="9" t="s">
        <v>35</v>
      </c>
      <c r="K338" s="10" t="s">
        <v>55</v>
      </c>
      <c r="L338" s="10" t="s">
        <v>55</v>
      </c>
      <c r="M338" s="10" t="s">
        <v>55</v>
      </c>
      <c r="N338" s="10" t="s">
        <v>55</v>
      </c>
      <c r="O338" s="10" t="s">
        <v>55</v>
      </c>
      <c r="P338" s="10" t="s">
        <v>55</v>
      </c>
      <c r="Q338" s="10" t="s">
        <v>55</v>
      </c>
      <c r="R338" s="10" t="s">
        <v>55</v>
      </c>
      <c r="S338" s="10" t="s">
        <v>55</v>
      </c>
      <c r="T338" s="10" t="s">
        <v>55</v>
      </c>
      <c r="U338" s="10" t="s">
        <v>55</v>
      </c>
      <c r="V338" s="10" t="s">
        <v>55</v>
      </c>
      <c r="W338" s="10" t="s">
        <v>55</v>
      </c>
      <c r="X338" s="10" t="s">
        <v>55</v>
      </c>
      <c r="Y338" s="10" t="s">
        <v>55</v>
      </c>
      <c r="Z338" s="10" t="s">
        <v>55</v>
      </c>
      <c r="AA338" s="10" t="s">
        <v>55</v>
      </c>
      <c r="AB338" s="10" t="s">
        <v>55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100</v>
      </c>
      <c r="I339" s="9" t="s">
        <v>54</v>
      </c>
      <c r="J339" s="9" t="s">
        <v>36</v>
      </c>
      <c r="K339" s="6">
        <v>1</v>
      </c>
      <c r="L339" s="6">
        <v>1</v>
      </c>
      <c r="M339" s="6">
        <v>1</v>
      </c>
      <c r="N339" s="6">
        <v>1</v>
      </c>
      <c r="O339" s="10" t="s">
        <v>55</v>
      </c>
      <c r="P339" s="10" t="s">
        <v>55</v>
      </c>
      <c r="Q339" s="10" t="s">
        <v>55</v>
      </c>
      <c r="R339" s="10" t="s">
        <v>55</v>
      </c>
      <c r="S339" s="10" t="s">
        <v>55</v>
      </c>
      <c r="T339" s="10" t="s">
        <v>55</v>
      </c>
      <c r="U339" s="10" t="s">
        <v>55</v>
      </c>
      <c r="V339" s="10" t="s">
        <v>55</v>
      </c>
      <c r="W339" s="10" t="s">
        <v>55</v>
      </c>
      <c r="X339" s="6">
        <v>1</v>
      </c>
      <c r="Y339" s="6">
        <v>1</v>
      </c>
      <c r="Z339" s="10" t="s">
        <v>55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100</v>
      </c>
      <c r="I340" s="9" t="s">
        <v>54</v>
      </c>
      <c r="J340" s="9" t="s">
        <v>37</v>
      </c>
      <c r="K340" s="10" t="s">
        <v>55</v>
      </c>
      <c r="L340" s="10" t="s">
        <v>55</v>
      </c>
      <c r="M340" s="10" t="s">
        <v>55</v>
      </c>
      <c r="N340" s="10" t="s">
        <v>55</v>
      </c>
      <c r="O340" s="10" t="s">
        <v>55</v>
      </c>
      <c r="P340" s="10" t="s">
        <v>55</v>
      </c>
      <c r="Q340" s="10" t="s">
        <v>55</v>
      </c>
      <c r="R340" s="10" t="s">
        <v>55</v>
      </c>
      <c r="S340" s="10" t="s">
        <v>55</v>
      </c>
      <c r="T340" s="10" t="s">
        <v>55</v>
      </c>
      <c r="U340" s="10" t="s">
        <v>55</v>
      </c>
      <c r="V340" s="10" t="s">
        <v>55</v>
      </c>
      <c r="W340" s="10" t="s">
        <v>55</v>
      </c>
      <c r="X340" s="10" t="s">
        <v>55</v>
      </c>
      <c r="Y340" s="10" t="s">
        <v>55</v>
      </c>
      <c r="Z340" s="10" t="s">
        <v>55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100</v>
      </c>
      <c r="I341" s="9" t="s">
        <v>54</v>
      </c>
      <c r="J341" s="9" t="s">
        <v>38</v>
      </c>
      <c r="K341" s="6">
        <v>1</v>
      </c>
      <c r="L341" s="6">
        <v>1</v>
      </c>
      <c r="M341" s="6">
        <v>1</v>
      </c>
      <c r="N341" s="6">
        <v>1</v>
      </c>
      <c r="O341" s="10" t="s">
        <v>55</v>
      </c>
      <c r="P341" s="10" t="s">
        <v>55</v>
      </c>
      <c r="Q341" s="10" t="s">
        <v>55</v>
      </c>
      <c r="R341" s="10" t="s">
        <v>55</v>
      </c>
      <c r="S341" s="10" t="s">
        <v>55</v>
      </c>
      <c r="T341" s="10" t="s">
        <v>55</v>
      </c>
      <c r="U341" s="10" t="s">
        <v>55</v>
      </c>
      <c r="V341" s="10" t="s">
        <v>55</v>
      </c>
      <c r="W341" s="10" t="s">
        <v>55</v>
      </c>
      <c r="X341" s="6">
        <v>1</v>
      </c>
      <c r="Y341" s="6">
        <v>1</v>
      </c>
      <c r="Z341" s="10" t="s">
        <v>55</v>
      </c>
      <c r="AA341" s="10" t="s">
        <v>55</v>
      </c>
      <c r="AB341" s="10" t="s">
        <v>55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100</v>
      </c>
      <c r="I342" s="9" t="s">
        <v>54</v>
      </c>
      <c r="J342" s="9" t="s">
        <v>39</v>
      </c>
      <c r="K342" s="6">
        <v>5</v>
      </c>
      <c r="L342" s="6">
        <v>4</v>
      </c>
      <c r="M342" s="6">
        <v>4</v>
      </c>
      <c r="N342" s="6">
        <v>3</v>
      </c>
      <c r="O342" s="6">
        <v>1</v>
      </c>
      <c r="P342" s="10" t="s">
        <v>55</v>
      </c>
      <c r="Q342" s="10" t="s">
        <v>55</v>
      </c>
      <c r="R342" s="10" t="s">
        <v>55</v>
      </c>
      <c r="S342" s="6">
        <v>1</v>
      </c>
      <c r="T342" s="6">
        <v>1</v>
      </c>
      <c r="U342" s="10" t="s">
        <v>55</v>
      </c>
      <c r="V342" s="10" t="s">
        <v>55</v>
      </c>
      <c r="W342" s="10" t="s">
        <v>55</v>
      </c>
      <c r="X342" s="6">
        <v>4</v>
      </c>
      <c r="Y342" s="6">
        <v>3</v>
      </c>
      <c r="Z342" s="6">
        <v>1</v>
      </c>
      <c r="AA342" s="10" t="s">
        <v>55</v>
      </c>
      <c r="AB342" s="10" t="s">
        <v>55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100</v>
      </c>
      <c r="I343" s="9" t="s">
        <v>54</v>
      </c>
      <c r="J343" s="9" t="s">
        <v>40</v>
      </c>
      <c r="K343" s="6">
        <v>9</v>
      </c>
      <c r="L343" s="6">
        <v>5</v>
      </c>
      <c r="M343" s="6">
        <v>5</v>
      </c>
      <c r="N343" s="6">
        <v>5</v>
      </c>
      <c r="O343" s="10" t="s">
        <v>55</v>
      </c>
      <c r="P343" s="10" t="s">
        <v>55</v>
      </c>
      <c r="Q343" s="10" t="s">
        <v>55</v>
      </c>
      <c r="R343" s="10" t="s">
        <v>55</v>
      </c>
      <c r="S343" s="6">
        <v>4</v>
      </c>
      <c r="T343" s="6">
        <v>2</v>
      </c>
      <c r="U343" s="10" t="s">
        <v>55</v>
      </c>
      <c r="V343" s="6">
        <v>2</v>
      </c>
      <c r="W343" s="10" t="s">
        <v>55</v>
      </c>
      <c r="X343" s="6">
        <v>5</v>
      </c>
      <c r="Y343" s="6">
        <v>5</v>
      </c>
      <c r="Z343" s="10" t="s">
        <v>55</v>
      </c>
      <c r="AA343" s="10" t="s">
        <v>55</v>
      </c>
      <c r="AB343" s="10" t="s">
        <v>55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100</v>
      </c>
      <c r="I344" s="9" t="s">
        <v>54</v>
      </c>
      <c r="J344" s="9" t="s">
        <v>41</v>
      </c>
      <c r="K344" s="6">
        <v>13</v>
      </c>
      <c r="L344" s="6">
        <v>7</v>
      </c>
      <c r="M344" s="6">
        <v>7</v>
      </c>
      <c r="N344" s="6">
        <v>4</v>
      </c>
      <c r="O344" s="6">
        <v>2</v>
      </c>
      <c r="P344" s="10" t="s">
        <v>55</v>
      </c>
      <c r="Q344" s="6">
        <v>1</v>
      </c>
      <c r="R344" s="10" t="s">
        <v>55</v>
      </c>
      <c r="S344" s="6">
        <v>5</v>
      </c>
      <c r="T344" s="6">
        <v>4</v>
      </c>
      <c r="U344" s="10" t="s">
        <v>55</v>
      </c>
      <c r="V344" s="6">
        <v>1</v>
      </c>
      <c r="W344" s="6">
        <v>1</v>
      </c>
      <c r="X344" s="6">
        <v>3</v>
      </c>
      <c r="Y344" s="6">
        <v>3</v>
      </c>
      <c r="Z344" s="10" t="s">
        <v>55</v>
      </c>
      <c r="AA344" s="10" t="s">
        <v>55</v>
      </c>
      <c r="AB344" s="10" t="s">
        <v>55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100</v>
      </c>
      <c r="I345" s="9" t="s">
        <v>54</v>
      </c>
      <c r="J345" s="9" t="s">
        <v>42</v>
      </c>
      <c r="K345" s="6">
        <v>32</v>
      </c>
      <c r="L345" s="6">
        <v>6</v>
      </c>
      <c r="M345" s="6">
        <v>6</v>
      </c>
      <c r="N345" s="6">
        <v>1</v>
      </c>
      <c r="O345" s="6">
        <v>5</v>
      </c>
      <c r="P345" s="10" t="s">
        <v>55</v>
      </c>
      <c r="Q345" s="10" t="s">
        <v>55</v>
      </c>
      <c r="R345" s="10" t="s">
        <v>55</v>
      </c>
      <c r="S345" s="6">
        <v>26</v>
      </c>
      <c r="T345" s="6">
        <v>17</v>
      </c>
      <c r="U345" s="10" t="s">
        <v>55</v>
      </c>
      <c r="V345" s="6">
        <v>9</v>
      </c>
      <c r="W345" s="10" t="s">
        <v>55</v>
      </c>
      <c r="X345" s="6">
        <v>6</v>
      </c>
      <c r="Y345" s="6">
        <v>1</v>
      </c>
      <c r="Z345" s="6">
        <v>5</v>
      </c>
      <c r="AA345" s="10" t="s">
        <v>55</v>
      </c>
      <c r="AB345" s="10" t="s">
        <v>55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100</v>
      </c>
      <c r="I346" s="9" t="s">
        <v>54</v>
      </c>
      <c r="J346" s="9" t="s">
        <v>43</v>
      </c>
      <c r="K346" s="6">
        <v>49</v>
      </c>
      <c r="L346" s="6">
        <v>1</v>
      </c>
      <c r="M346" s="6">
        <v>1</v>
      </c>
      <c r="N346" s="10" t="s">
        <v>55</v>
      </c>
      <c r="O346" s="10" t="s">
        <v>55</v>
      </c>
      <c r="P346" s="10" t="s">
        <v>55</v>
      </c>
      <c r="Q346" s="6">
        <v>1</v>
      </c>
      <c r="R346" s="10" t="s">
        <v>55</v>
      </c>
      <c r="S346" s="6">
        <v>48</v>
      </c>
      <c r="T346" s="6">
        <v>21</v>
      </c>
      <c r="U346" s="10" t="s">
        <v>55</v>
      </c>
      <c r="V346" s="6">
        <v>27</v>
      </c>
      <c r="W346" s="10" t="s">
        <v>55</v>
      </c>
      <c r="X346" s="6">
        <v>1</v>
      </c>
      <c r="Y346" s="10" t="s">
        <v>55</v>
      </c>
      <c r="Z346" s="10" t="s">
        <v>55</v>
      </c>
      <c r="AA346" s="10" t="s">
        <v>55</v>
      </c>
      <c r="AB346" s="6">
        <v>1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100</v>
      </c>
      <c r="I347" s="9" t="s">
        <v>54</v>
      </c>
      <c r="J347" s="9" t="s">
        <v>44</v>
      </c>
      <c r="K347" s="6">
        <v>76</v>
      </c>
      <c r="L347" s="10" t="s">
        <v>55</v>
      </c>
      <c r="M347" s="10" t="s">
        <v>55</v>
      </c>
      <c r="N347" s="10" t="s">
        <v>55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6">
        <v>75</v>
      </c>
      <c r="T347" s="6">
        <v>23</v>
      </c>
      <c r="U347" s="10" t="s">
        <v>55</v>
      </c>
      <c r="V347" s="6">
        <v>52</v>
      </c>
      <c r="W347" s="6">
        <v>1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100</v>
      </c>
      <c r="I348" s="9" t="s">
        <v>54</v>
      </c>
      <c r="J348" s="9" t="s">
        <v>45</v>
      </c>
      <c r="K348" s="6">
        <v>102</v>
      </c>
      <c r="L348" s="6">
        <v>1</v>
      </c>
      <c r="M348" s="6">
        <v>1</v>
      </c>
      <c r="N348" s="10" t="s">
        <v>55</v>
      </c>
      <c r="O348" s="6">
        <v>1</v>
      </c>
      <c r="P348" s="10" t="s">
        <v>55</v>
      </c>
      <c r="Q348" s="10" t="s">
        <v>55</v>
      </c>
      <c r="R348" s="10" t="s">
        <v>55</v>
      </c>
      <c r="S348" s="6">
        <v>100</v>
      </c>
      <c r="T348" s="6">
        <v>30</v>
      </c>
      <c r="U348" s="10" t="s">
        <v>55</v>
      </c>
      <c r="V348" s="6">
        <v>70</v>
      </c>
      <c r="W348" s="6">
        <v>1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100</v>
      </c>
      <c r="I349" s="9" t="s">
        <v>54</v>
      </c>
      <c r="J349" s="9" t="s">
        <v>46</v>
      </c>
      <c r="K349" s="6">
        <v>56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6">
        <v>56</v>
      </c>
      <c r="T349" s="6">
        <v>10</v>
      </c>
      <c r="U349" s="10" t="s">
        <v>55</v>
      </c>
      <c r="V349" s="6">
        <v>46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100</v>
      </c>
      <c r="I350" s="9" t="s">
        <v>54</v>
      </c>
      <c r="J350" s="9" t="s">
        <v>47</v>
      </c>
      <c r="K350" s="6">
        <v>30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6">
        <v>30</v>
      </c>
      <c r="T350" s="6">
        <v>3</v>
      </c>
      <c r="U350" s="10" t="s">
        <v>55</v>
      </c>
      <c r="V350" s="6">
        <v>27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100</v>
      </c>
      <c r="I351" s="9" t="s">
        <v>54</v>
      </c>
      <c r="J351" s="9" t="s">
        <v>48</v>
      </c>
      <c r="K351" s="6">
        <v>16</v>
      </c>
      <c r="L351" s="6">
        <v>11</v>
      </c>
      <c r="M351" s="6">
        <v>11</v>
      </c>
      <c r="N351" s="6">
        <v>10</v>
      </c>
      <c r="O351" s="6">
        <v>1</v>
      </c>
      <c r="P351" s="10" t="s">
        <v>55</v>
      </c>
      <c r="Q351" s="10" t="s">
        <v>55</v>
      </c>
      <c r="R351" s="10" t="s">
        <v>55</v>
      </c>
      <c r="S351" s="6">
        <v>5</v>
      </c>
      <c r="T351" s="6">
        <v>3</v>
      </c>
      <c r="U351" s="10" t="s">
        <v>55</v>
      </c>
      <c r="V351" s="6">
        <v>2</v>
      </c>
      <c r="W351" s="10" t="s">
        <v>55</v>
      </c>
      <c r="X351" s="6">
        <v>11</v>
      </c>
      <c r="Y351" s="6">
        <v>10</v>
      </c>
      <c r="Z351" s="6">
        <v>1</v>
      </c>
      <c r="AA351" s="10" t="s">
        <v>55</v>
      </c>
      <c r="AB351" s="10" t="s">
        <v>55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100</v>
      </c>
      <c r="I352" s="9" t="s">
        <v>54</v>
      </c>
      <c r="J352" s="9" t="s">
        <v>49</v>
      </c>
      <c r="K352" s="6">
        <v>358</v>
      </c>
      <c r="L352" s="6">
        <v>15</v>
      </c>
      <c r="M352" s="6">
        <v>15</v>
      </c>
      <c r="N352" s="6">
        <v>5</v>
      </c>
      <c r="O352" s="6">
        <v>8</v>
      </c>
      <c r="P352" s="10" t="s">
        <v>55</v>
      </c>
      <c r="Q352" s="6">
        <v>2</v>
      </c>
      <c r="R352" s="10" t="s">
        <v>55</v>
      </c>
      <c r="S352" s="6">
        <v>340</v>
      </c>
      <c r="T352" s="6">
        <v>108</v>
      </c>
      <c r="U352" s="10" t="s">
        <v>55</v>
      </c>
      <c r="V352" s="6">
        <v>232</v>
      </c>
      <c r="W352" s="6">
        <v>3</v>
      </c>
      <c r="X352" s="6">
        <v>10</v>
      </c>
      <c r="Y352" s="6">
        <v>4</v>
      </c>
      <c r="Z352" s="6">
        <v>5</v>
      </c>
      <c r="AA352" s="10" t="s">
        <v>55</v>
      </c>
      <c r="AB352" s="6">
        <v>1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100</v>
      </c>
      <c r="I353" s="9" t="s">
        <v>54</v>
      </c>
      <c r="J353" s="9" t="s">
        <v>50</v>
      </c>
      <c r="K353" s="6">
        <v>313</v>
      </c>
      <c r="L353" s="6">
        <v>2</v>
      </c>
      <c r="M353" s="6">
        <v>2</v>
      </c>
      <c r="N353" s="10" t="s">
        <v>55</v>
      </c>
      <c r="O353" s="6">
        <v>1</v>
      </c>
      <c r="P353" s="10" t="s">
        <v>55</v>
      </c>
      <c r="Q353" s="6">
        <v>1</v>
      </c>
      <c r="R353" s="10" t="s">
        <v>55</v>
      </c>
      <c r="S353" s="6">
        <v>309</v>
      </c>
      <c r="T353" s="6">
        <v>87</v>
      </c>
      <c r="U353" s="10" t="s">
        <v>55</v>
      </c>
      <c r="V353" s="6">
        <v>222</v>
      </c>
      <c r="W353" s="6">
        <v>2</v>
      </c>
      <c r="X353" s="6">
        <v>1</v>
      </c>
      <c r="Y353" s="10" t="s">
        <v>55</v>
      </c>
      <c r="Z353" s="10" t="s">
        <v>55</v>
      </c>
      <c r="AA353" s="10" t="s">
        <v>55</v>
      </c>
      <c r="AB353" s="6">
        <v>1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100</v>
      </c>
      <c r="I354" s="9" t="s">
        <v>54</v>
      </c>
      <c r="J354" s="9" t="s">
        <v>51</v>
      </c>
      <c r="K354" s="6">
        <v>188</v>
      </c>
      <c r="L354" s="6">
        <v>1</v>
      </c>
      <c r="M354" s="6">
        <v>1</v>
      </c>
      <c r="N354" s="10" t="s">
        <v>55</v>
      </c>
      <c r="O354" s="6">
        <v>1</v>
      </c>
      <c r="P354" s="10" t="s">
        <v>55</v>
      </c>
      <c r="Q354" s="10" t="s">
        <v>55</v>
      </c>
      <c r="R354" s="10" t="s">
        <v>55</v>
      </c>
      <c r="S354" s="6">
        <v>186</v>
      </c>
      <c r="T354" s="6">
        <v>43</v>
      </c>
      <c r="U354" s="10" t="s">
        <v>55</v>
      </c>
      <c r="V354" s="6">
        <v>143</v>
      </c>
      <c r="W354" s="6">
        <v>1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100</v>
      </c>
      <c r="I355" s="9" t="s">
        <v>54</v>
      </c>
      <c r="J355" s="9" t="s">
        <v>52</v>
      </c>
      <c r="K355" s="6">
        <v>29</v>
      </c>
      <c r="L355" s="6">
        <v>18</v>
      </c>
      <c r="M355" s="6">
        <v>18</v>
      </c>
      <c r="N355" s="6">
        <v>14</v>
      </c>
      <c r="O355" s="6">
        <v>3</v>
      </c>
      <c r="P355" s="10" t="s">
        <v>55</v>
      </c>
      <c r="Q355" s="6">
        <v>1</v>
      </c>
      <c r="R355" s="10" t="s">
        <v>55</v>
      </c>
      <c r="S355" s="6">
        <v>10</v>
      </c>
      <c r="T355" s="6">
        <v>7</v>
      </c>
      <c r="U355" s="10" t="s">
        <v>55</v>
      </c>
      <c r="V355" s="6">
        <v>3</v>
      </c>
      <c r="W355" s="6">
        <v>1</v>
      </c>
      <c r="X355" s="6">
        <v>14</v>
      </c>
      <c r="Y355" s="6">
        <v>13</v>
      </c>
      <c r="Z355" s="6">
        <v>1</v>
      </c>
      <c r="AA355" s="10" t="s">
        <v>55</v>
      </c>
      <c r="AB355" s="10" t="s">
        <v>55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100</v>
      </c>
      <c r="I356" s="9" t="s">
        <v>6</v>
      </c>
      <c r="J356" s="9" t="s">
        <v>30</v>
      </c>
      <c r="K356" s="6">
        <v>666</v>
      </c>
      <c r="L356" s="6">
        <v>91</v>
      </c>
      <c r="M356" s="6">
        <v>86</v>
      </c>
      <c r="N356" s="6">
        <v>59</v>
      </c>
      <c r="O356" s="6">
        <v>21</v>
      </c>
      <c r="P356" s="6">
        <v>1</v>
      </c>
      <c r="Q356" s="6">
        <v>5</v>
      </c>
      <c r="R356" s="6">
        <v>5</v>
      </c>
      <c r="S356" s="6">
        <v>561</v>
      </c>
      <c r="T356" s="6">
        <v>119</v>
      </c>
      <c r="U356" s="6">
        <v>1</v>
      </c>
      <c r="V356" s="6">
        <v>441</v>
      </c>
      <c r="W356" s="6">
        <v>14</v>
      </c>
      <c r="X356" s="6">
        <v>47</v>
      </c>
      <c r="Y356" s="6">
        <v>33</v>
      </c>
      <c r="Z356" s="6">
        <v>10</v>
      </c>
      <c r="AA356" s="6">
        <v>1</v>
      </c>
      <c r="AB356" s="6">
        <v>3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100</v>
      </c>
      <c r="I357" s="9" t="s">
        <v>6</v>
      </c>
      <c r="J357" s="9" t="s">
        <v>31</v>
      </c>
      <c r="K357" s="10" t="s">
        <v>55</v>
      </c>
      <c r="L357" s="10" t="s">
        <v>55</v>
      </c>
      <c r="M357" s="10" t="s">
        <v>55</v>
      </c>
      <c r="N357" s="10" t="s">
        <v>55</v>
      </c>
      <c r="O357" s="10" t="s">
        <v>55</v>
      </c>
      <c r="P357" s="10" t="s">
        <v>55</v>
      </c>
      <c r="Q357" s="10" t="s">
        <v>55</v>
      </c>
      <c r="R357" s="10" t="s">
        <v>55</v>
      </c>
      <c r="S357" s="10" t="s">
        <v>55</v>
      </c>
      <c r="T357" s="10" t="s">
        <v>55</v>
      </c>
      <c r="U357" s="10" t="s">
        <v>55</v>
      </c>
      <c r="V357" s="10" t="s">
        <v>55</v>
      </c>
      <c r="W357" s="10" t="s">
        <v>55</v>
      </c>
      <c r="X357" s="10" t="s">
        <v>55</v>
      </c>
      <c r="Y357" s="10" t="s">
        <v>55</v>
      </c>
      <c r="Z357" s="10" t="s">
        <v>55</v>
      </c>
      <c r="AA357" s="10" t="s">
        <v>55</v>
      </c>
      <c r="AB357" s="10" t="s">
        <v>55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100</v>
      </c>
      <c r="I358" s="9" t="s">
        <v>6</v>
      </c>
      <c r="J358" s="9" t="s">
        <v>32</v>
      </c>
      <c r="K358" s="10" t="s">
        <v>55</v>
      </c>
      <c r="L358" s="10" t="s">
        <v>55</v>
      </c>
      <c r="M358" s="10" t="s">
        <v>55</v>
      </c>
      <c r="N358" s="10" t="s">
        <v>55</v>
      </c>
      <c r="O358" s="10" t="s">
        <v>55</v>
      </c>
      <c r="P358" s="10" t="s">
        <v>55</v>
      </c>
      <c r="Q358" s="10" t="s">
        <v>55</v>
      </c>
      <c r="R358" s="10" t="s">
        <v>55</v>
      </c>
      <c r="S358" s="10" t="s">
        <v>55</v>
      </c>
      <c r="T358" s="10" t="s">
        <v>55</v>
      </c>
      <c r="U358" s="10" t="s">
        <v>55</v>
      </c>
      <c r="V358" s="10" t="s">
        <v>55</v>
      </c>
      <c r="W358" s="10" t="s">
        <v>55</v>
      </c>
      <c r="X358" s="10" t="s">
        <v>55</v>
      </c>
      <c r="Y358" s="10" t="s">
        <v>55</v>
      </c>
      <c r="Z358" s="10" t="s">
        <v>55</v>
      </c>
      <c r="AA358" s="10" t="s">
        <v>5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100</v>
      </c>
      <c r="I359" s="9" t="s">
        <v>6</v>
      </c>
      <c r="J359" s="9" t="s">
        <v>33</v>
      </c>
      <c r="K359" s="6">
        <v>1</v>
      </c>
      <c r="L359" s="6">
        <v>1</v>
      </c>
      <c r="M359" s="10" t="s">
        <v>55</v>
      </c>
      <c r="N359" s="10" t="s">
        <v>55</v>
      </c>
      <c r="O359" s="10" t="s">
        <v>55</v>
      </c>
      <c r="P359" s="10" t="s">
        <v>55</v>
      </c>
      <c r="Q359" s="10" t="s">
        <v>55</v>
      </c>
      <c r="R359" s="6">
        <v>1</v>
      </c>
      <c r="S359" s="10" t="s">
        <v>55</v>
      </c>
      <c r="T359" s="10" t="s">
        <v>55</v>
      </c>
      <c r="U359" s="10" t="s">
        <v>55</v>
      </c>
      <c r="V359" s="10" t="s">
        <v>55</v>
      </c>
      <c r="W359" s="10" t="s">
        <v>55</v>
      </c>
      <c r="X359" s="10" t="s">
        <v>55</v>
      </c>
      <c r="Y359" s="10" t="s">
        <v>55</v>
      </c>
      <c r="Z359" s="10" t="s">
        <v>55</v>
      </c>
      <c r="AA359" s="10" t="s">
        <v>55</v>
      </c>
      <c r="AB359" s="10" t="s">
        <v>55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100</v>
      </c>
      <c r="I360" s="9" t="s">
        <v>6</v>
      </c>
      <c r="J360" s="9" t="s">
        <v>34</v>
      </c>
      <c r="K360" s="6">
        <v>1</v>
      </c>
      <c r="L360" s="6">
        <v>1</v>
      </c>
      <c r="M360" s="6">
        <v>1</v>
      </c>
      <c r="N360" s="6">
        <v>1</v>
      </c>
      <c r="O360" s="10" t="s">
        <v>55</v>
      </c>
      <c r="P360" s="10" t="s">
        <v>55</v>
      </c>
      <c r="Q360" s="10" t="s">
        <v>55</v>
      </c>
      <c r="R360" s="10" t="s">
        <v>55</v>
      </c>
      <c r="S360" s="10" t="s">
        <v>55</v>
      </c>
      <c r="T360" s="10" t="s">
        <v>55</v>
      </c>
      <c r="U360" s="10" t="s">
        <v>55</v>
      </c>
      <c r="V360" s="10" t="s">
        <v>55</v>
      </c>
      <c r="W360" s="10" t="s">
        <v>55</v>
      </c>
      <c r="X360" s="6">
        <v>1</v>
      </c>
      <c r="Y360" s="6">
        <v>1</v>
      </c>
      <c r="Z360" s="10" t="s">
        <v>55</v>
      </c>
      <c r="AA360" s="10" t="s">
        <v>55</v>
      </c>
      <c r="AB360" s="10" t="s">
        <v>55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100</v>
      </c>
      <c r="I361" s="9" t="s">
        <v>6</v>
      </c>
      <c r="J361" s="9" t="s">
        <v>35</v>
      </c>
      <c r="K361" s="6">
        <v>2</v>
      </c>
      <c r="L361" s="6">
        <v>2</v>
      </c>
      <c r="M361" s="6">
        <v>1</v>
      </c>
      <c r="N361" s="6">
        <v>1</v>
      </c>
      <c r="O361" s="10" t="s">
        <v>55</v>
      </c>
      <c r="P361" s="10" t="s">
        <v>55</v>
      </c>
      <c r="Q361" s="10" t="s">
        <v>55</v>
      </c>
      <c r="R361" s="6">
        <v>1</v>
      </c>
      <c r="S361" s="10" t="s">
        <v>55</v>
      </c>
      <c r="T361" s="10" t="s">
        <v>55</v>
      </c>
      <c r="U361" s="10" t="s">
        <v>55</v>
      </c>
      <c r="V361" s="10" t="s">
        <v>55</v>
      </c>
      <c r="W361" s="10" t="s">
        <v>55</v>
      </c>
      <c r="X361" s="6">
        <v>1</v>
      </c>
      <c r="Y361" s="6">
        <v>1</v>
      </c>
      <c r="Z361" s="10" t="s">
        <v>55</v>
      </c>
      <c r="AA361" s="10" t="s">
        <v>55</v>
      </c>
      <c r="AB361" s="10" t="s">
        <v>55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100</v>
      </c>
      <c r="I362" s="9" t="s">
        <v>6</v>
      </c>
      <c r="J362" s="9" t="s">
        <v>36</v>
      </c>
      <c r="K362" s="6">
        <v>2</v>
      </c>
      <c r="L362" s="6">
        <v>2</v>
      </c>
      <c r="M362" s="6">
        <v>2</v>
      </c>
      <c r="N362" s="6">
        <v>2</v>
      </c>
      <c r="O362" s="10" t="s">
        <v>55</v>
      </c>
      <c r="P362" s="10" t="s">
        <v>55</v>
      </c>
      <c r="Q362" s="10" t="s">
        <v>55</v>
      </c>
      <c r="R362" s="10" t="s">
        <v>55</v>
      </c>
      <c r="S362" s="10" t="s">
        <v>55</v>
      </c>
      <c r="T362" s="10" t="s">
        <v>55</v>
      </c>
      <c r="U362" s="10" t="s">
        <v>55</v>
      </c>
      <c r="V362" s="10" t="s">
        <v>55</v>
      </c>
      <c r="W362" s="10" t="s">
        <v>55</v>
      </c>
      <c r="X362" s="6">
        <v>2</v>
      </c>
      <c r="Y362" s="6">
        <v>2</v>
      </c>
      <c r="Z362" s="10" t="s">
        <v>55</v>
      </c>
      <c r="AA362" s="10" t="s">
        <v>55</v>
      </c>
      <c r="AB362" s="10" t="s">
        <v>55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100</v>
      </c>
      <c r="I363" s="9" t="s">
        <v>6</v>
      </c>
      <c r="J363" s="9" t="s">
        <v>37</v>
      </c>
      <c r="K363" s="6">
        <v>3</v>
      </c>
      <c r="L363" s="6">
        <v>3</v>
      </c>
      <c r="M363" s="6">
        <v>3</v>
      </c>
      <c r="N363" s="6">
        <v>3</v>
      </c>
      <c r="O363" s="10" t="s">
        <v>55</v>
      </c>
      <c r="P363" s="10" t="s">
        <v>55</v>
      </c>
      <c r="Q363" s="10" t="s">
        <v>55</v>
      </c>
      <c r="R363" s="10" t="s">
        <v>55</v>
      </c>
      <c r="S363" s="10" t="s">
        <v>55</v>
      </c>
      <c r="T363" s="10" t="s">
        <v>55</v>
      </c>
      <c r="U363" s="10" t="s">
        <v>55</v>
      </c>
      <c r="V363" s="10" t="s">
        <v>55</v>
      </c>
      <c r="W363" s="10" t="s">
        <v>55</v>
      </c>
      <c r="X363" s="6">
        <v>3</v>
      </c>
      <c r="Y363" s="6">
        <v>3</v>
      </c>
      <c r="Z363" s="10" t="s">
        <v>55</v>
      </c>
      <c r="AA363" s="10" t="s">
        <v>55</v>
      </c>
      <c r="AB363" s="10" t="s">
        <v>55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100</v>
      </c>
      <c r="I364" s="9" t="s">
        <v>6</v>
      </c>
      <c r="J364" s="9" t="s">
        <v>38</v>
      </c>
      <c r="K364" s="6">
        <v>1</v>
      </c>
      <c r="L364" s="6">
        <v>1</v>
      </c>
      <c r="M364" s="6">
        <v>1</v>
      </c>
      <c r="N364" s="6">
        <v>1</v>
      </c>
      <c r="O364" s="10" t="s">
        <v>55</v>
      </c>
      <c r="P364" s="10" t="s">
        <v>55</v>
      </c>
      <c r="Q364" s="10" t="s">
        <v>55</v>
      </c>
      <c r="R364" s="10" t="s">
        <v>55</v>
      </c>
      <c r="S364" s="10" t="s">
        <v>55</v>
      </c>
      <c r="T364" s="10" t="s">
        <v>55</v>
      </c>
      <c r="U364" s="10" t="s">
        <v>55</v>
      </c>
      <c r="V364" s="10" t="s">
        <v>55</v>
      </c>
      <c r="W364" s="10" t="s">
        <v>55</v>
      </c>
      <c r="X364" s="10" t="s">
        <v>55</v>
      </c>
      <c r="Y364" s="10" t="s">
        <v>55</v>
      </c>
      <c r="Z364" s="10" t="s">
        <v>55</v>
      </c>
      <c r="AA364" s="10" t="s">
        <v>55</v>
      </c>
      <c r="AB364" s="10" t="s">
        <v>55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100</v>
      </c>
      <c r="I365" s="9" t="s">
        <v>6</v>
      </c>
      <c r="J365" s="9" t="s">
        <v>39</v>
      </c>
      <c r="K365" s="6">
        <v>16</v>
      </c>
      <c r="L365" s="6">
        <v>13</v>
      </c>
      <c r="M365" s="6">
        <v>11</v>
      </c>
      <c r="N365" s="6">
        <v>10</v>
      </c>
      <c r="O365" s="6">
        <v>1</v>
      </c>
      <c r="P365" s="10" t="s">
        <v>55</v>
      </c>
      <c r="Q365" s="10" t="s">
        <v>55</v>
      </c>
      <c r="R365" s="6">
        <v>2</v>
      </c>
      <c r="S365" s="6">
        <v>3</v>
      </c>
      <c r="T365" s="6">
        <v>1</v>
      </c>
      <c r="U365" s="10" t="s">
        <v>55</v>
      </c>
      <c r="V365" s="6">
        <v>2</v>
      </c>
      <c r="W365" s="10" t="s">
        <v>55</v>
      </c>
      <c r="X365" s="6">
        <v>11</v>
      </c>
      <c r="Y365" s="6">
        <v>10</v>
      </c>
      <c r="Z365" s="6">
        <v>1</v>
      </c>
      <c r="AA365" s="10" t="s">
        <v>55</v>
      </c>
      <c r="AB365" s="10" t="s">
        <v>55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100</v>
      </c>
      <c r="I366" s="9" t="s">
        <v>6</v>
      </c>
      <c r="J366" s="9" t="s">
        <v>40</v>
      </c>
      <c r="K366" s="6">
        <v>17</v>
      </c>
      <c r="L366" s="6">
        <v>10</v>
      </c>
      <c r="M366" s="6">
        <v>10</v>
      </c>
      <c r="N366" s="6">
        <v>10</v>
      </c>
      <c r="O366" s="10" t="s">
        <v>55</v>
      </c>
      <c r="P366" s="10" t="s">
        <v>55</v>
      </c>
      <c r="Q366" s="10" t="s">
        <v>55</v>
      </c>
      <c r="R366" s="10" t="s">
        <v>55</v>
      </c>
      <c r="S366" s="6">
        <v>7</v>
      </c>
      <c r="T366" s="6">
        <v>3</v>
      </c>
      <c r="U366" s="10" t="s">
        <v>55</v>
      </c>
      <c r="V366" s="6">
        <v>4</v>
      </c>
      <c r="W366" s="10" t="s">
        <v>55</v>
      </c>
      <c r="X366" s="6">
        <v>8</v>
      </c>
      <c r="Y366" s="6">
        <v>8</v>
      </c>
      <c r="Z366" s="10" t="s">
        <v>55</v>
      </c>
      <c r="AA366" s="10" t="s">
        <v>55</v>
      </c>
      <c r="AB366" s="10" t="s">
        <v>5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100</v>
      </c>
      <c r="I367" s="9" t="s">
        <v>6</v>
      </c>
      <c r="J367" s="9" t="s">
        <v>41</v>
      </c>
      <c r="K367" s="6">
        <v>34</v>
      </c>
      <c r="L367" s="6">
        <v>15</v>
      </c>
      <c r="M367" s="6">
        <v>14</v>
      </c>
      <c r="N367" s="6">
        <v>8</v>
      </c>
      <c r="O367" s="6">
        <v>5</v>
      </c>
      <c r="P367" s="10" t="s">
        <v>55</v>
      </c>
      <c r="Q367" s="6">
        <v>1</v>
      </c>
      <c r="R367" s="6">
        <v>1</v>
      </c>
      <c r="S367" s="6">
        <v>17</v>
      </c>
      <c r="T367" s="6">
        <v>8</v>
      </c>
      <c r="U367" s="10" t="s">
        <v>55</v>
      </c>
      <c r="V367" s="6">
        <v>9</v>
      </c>
      <c r="W367" s="6">
        <v>2</v>
      </c>
      <c r="X367" s="6">
        <v>9</v>
      </c>
      <c r="Y367" s="6">
        <v>3</v>
      </c>
      <c r="Z367" s="6">
        <v>5</v>
      </c>
      <c r="AA367" s="10" t="s">
        <v>55</v>
      </c>
      <c r="AB367" s="6">
        <v>1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100</v>
      </c>
      <c r="I368" s="9" t="s">
        <v>6</v>
      </c>
      <c r="J368" s="9" t="s">
        <v>42</v>
      </c>
      <c r="K368" s="6">
        <v>59</v>
      </c>
      <c r="L368" s="6">
        <v>19</v>
      </c>
      <c r="M368" s="6">
        <v>19</v>
      </c>
      <c r="N368" s="6">
        <v>8</v>
      </c>
      <c r="O368" s="6">
        <v>9</v>
      </c>
      <c r="P368" s="10" t="s">
        <v>55</v>
      </c>
      <c r="Q368" s="6">
        <v>2</v>
      </c>
      <c r="R368" s="10" t="s">
        <v>55</v>
      </c>
      <c r="S368" s="6">
        <v>39</v>
      </c>
      <c r="T368" s="6">
        <v>24</v>
      </c>
      <c r="U368" s="10" t="s">
        <v>55</v>
      </c>
      <c r="V368" s="6">
        <v>15</v>
      </c>
      <c r="W368" s="6">
        <v>1</v>
      </c>
      <c r="X368" s="6">
        <v>7</v>
      </c>
      <c r="Y368" s="6">
        <v>2</v>
      </c>
      <c r="Z368" s="6">
        <v>4</v>
      </c>
      <c r="AA368" s="10" t="s">
        <v>55</v>
      </c>
      <c r="AB368" s="6">
        <v>1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100</v>
      </c>
      <c r="I369" s="9" t="s">
        <v>6</v>
      </c>
      <c r="J369" s="9" t="s">
        <v>43</v>
      </c>
      <c r="K369" s="6">
        <v>92</v>
      </c>
      <c r="L369" s="6">
        <v>13</v>
      </c>
      <c r="M369" s="6">
        <v>13</v>
      </c>
      <c r="N369" s="6">
        <v>8</v>
      </c>
      <c r="O369" s="6">
        <v>2</v>
      </c>
      <c r="P369" s="6">
        <v>1</v>
      </c>
      <c r="Q369" s="6">
        <v>2</v>
      </c>
      <c r="R369" s="10" t="s">
        <v>55</v>
      </c>
      <c r="S369" s="6">
        <v>79</v>
      </c>
      <c r="T369" s="6">
        <v>25</v>
      </c>
      <c r="U369" s="6">
        <v>1</v>
      </c>
      <c r="V369" s="6">
        <v>53</v>
      </c>
      <c r="W369" s="10" t="s">
        <v>55</v>
      </c>
      <c r="X369" s="6">
        <v>4</v>
      </c>
      <c r="Y369" s="6">
        <v>2</v>
      </c>
      <c r="Z369" s="10" t="s">
        <v>55</v>
      </c>
      <c r="AA369" s="6">
        <v>1</v>
      </c>
      <c r="AB369" s="6">
        <v>1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100</v>
      </c>
      <c r="I370" s="9" t="s">
        <v>6</v>
      </c>
      <c r="J370" s="9" t="s">
        <v>44</v>
      </c>
      <c r="K370" s="6">
        <v>136</v>
      </c>
      <c r="L370" s="6">
        <v>9</v>
      </c>
      <c r="M370" s="6">
        <v>9</v>
      </c>
      <c r="N370" s="6">
        <v>5</v>
      </c>
      <c r="O370" s="6">
        <v>4</v>
      </c>
      <c r="P370" s="10" t="s">
        <v>55</v>
      </c>
      <c r="Q370" s="10" t="s">
        <v>55</v>
      </c>
      <c r="R370" s="10" t="s">
        <v>55</v>
      </c>
      <c r="S370" s="6">
        <v>121</v>
      </c>
      <c r="T370" s="6">
        <v>27</v>
      </c>
      <c r="U370" s="10" t="s">
        <v>55</v>
      </c>
      <c r="V370" s="6">
        <v>94</v>
      </c>
      <c r="W370" s="6">
        <v>6</v>
      </c>
      <c r="X370" s="6">
        <v>1</v>
      </c>
      <c r="Y370" s="6">
        <v>1</v>
      </c>
      <c r="Z370" s="10" t="s">
        <v>55</v>
      </c>
      <c r="AA370" s="10" t="s">
        <v>55</v>
      </c>
      <c r="AB370" s="10" t="s">
        <v>55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100</v>
      </c>
      <c r="I371" s="9" t="s">
        <v>6</v>
      </c>
      <c r="J371" s="9" t="s">
        <v>45</v>
      </c>
      <c r="K371" s="6">
        <v>155</v>
      </c>
      <c r="L371" s="10" t="s">
        <v>55</v>
      </c>
      <c r="M371" s="10" t="s">
        <v>55</v>
      </c>
      <c r="N371" s="10" t="s">
        <v>55</v>
      </c>
      <c r="O371" s="10" t="s">
        <v>55</v>
      </c>
      <c r="P371" s="10" t="s">
        <v>55</v>
      </c>
      <c r="Q371" s="10" t="s">
        <v>55</v>
      </c>
      <c r="R371" s="10" t="s">
        <v>55</v>
      </c>
      <c r="S371" s="6">
        <v>153</v>
      </c>
      <c r="T371" s="6">
        <v>23</v>
      </c>
      <c r="U371" s="10" t="s">
        <v>55</v>
      </c>
      <c r="V371" s="6">
        <v>130</v>
      </c>
      <c r="W371" s="6">
        <v>2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100</v>
      </c>
      <c r="I372" s="9" t="s">
        <v>6</v>
      </c>
      <c r="J372" s="9" t="s">
        <v>46</v>
      </c>
      <c r="K372" s="6">
        <v>98</v>
      </c>
      <c r="L372" s="6">
        <v>2</v>
      </c>
      <c r="M372" s="6">
        <v>2</v>
      </c>
      <c r="N372" s="6">
        <v>2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6">
        <v>93</v>
      </c>
      <c r="T372" s="6">
        <v>5</v>
      </c>
      <c r="U372" s="10" t="s">
        <v>55</v>
      </c>
      <c r="V372" s="6">
        <v>88</v>
      </c>
      <c r="W372" s="6">
        <v>3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100</v>
      </c>
      <c r="I373" s="9" t="s">
        <v>6</v>
      </c>
      <c r="J373" s="9" t="s">
        <v>47</v>
      </c>
      <c r="K373" s="6">
        <v>49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6">
        <v>49</v>
      </c>
      <c r="T373" s="6">
        <v>3</v>
      </c>
      <c r="U373" s="10" t="s">
        <v>55</v>
      </c>
      <c r="V373" s="6">
        <v>46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100</v>
      </c>
      <c r="I374" s="9" t="s">
        <v>6</v>
      </c>
      <c r="J374" s="9" t="s">
        <v>48</v>
      </c>
      <c r="K374" s="6">
        <v>43</v>
      </c>
      <c r="L374" s="6">
        <v>33</v>
      </c>
      <c r="M374" s="6">
        <v>29</v>
      </c>
      <c r="N374" s="6">
        <v>28</v>
      </c>
      <c r="O374" s="6">
        <v>1</v>
      </c>
      <c r="P374" s="10" t="s">
        <v>55</v>
      </c>
      <c r="Q374" s="10" t="s">
        <v>55</v>
      </c>
      <c r="R374" s="6">
        <v>4</v>
      </c>
      <c r="S374" s="6">
        <v>10</v>
      </c>
      <c r="T374" s="6">
        <v>4</v>
      </c>
      <c r="U374" s="10" t="s">
        <v>55</v>
      </c>
      <c r="V374" s="6">
        <v>6</v>
      </c>
      <c r="W374" s="10" t="s">
        <v>55</v>
      </c>
      <c r="X374" s="6">
        <v>26</v>
      </c>
      <c r="Y374" s="6">
        <v>25</v>
      </c>
      <c r="Z374" s="6">
        <v>1</v>
      </c>
      <c r="AA374" s="10" t="s">
        <v>55</v>
      </c>
      <c r="AB374" s="10" t="s">
        <v>55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100</v>
      </c>
      <c r="I375" s="9" t="s">
        <v>6</v>
      </c>
      <c r="J375" s="9" t="s">
        <v>49</v>
      </c>
      <c r="K375" s="6">
        <v>623</v>
      </c>
      <c r="L375" s="6">
        <v>58</v>
      </c>
      <c r="M375" s="6">
        <v>57</v>
      </c>
      <c r="N375" s="6">
        <v>31</v>
      </c>
      <c r="O375" s="6">
        <v>20</v>
      </c>
      <c r="P375" s="6">
        <v>1</v>
      </c>
      <c r="Q375" s="6">
        <v>5</v>
      </c>
      <c r="R375" s="6">
        <v>1</v>
      </c>
      <c r="S375" s="6">
        <v>551</v>
      </c>
      <c r="T375" s="6">
        <v>115</v>
      </c>
      <c r="U375" s="6">
        <v>1</v>
      </c>
      <c r="V375" s="6">
        <v>435</v>
      </c>
      <c r="W375" s="6">
        <v>14</v>
      </c>
      <c r="X375" s="6">
        <v>21</v>
      </c>
      <c r="Y375" s="6">
        <v>8</v>
      </c>
      <c r="Z375" s="6">
        <v>9</v>
      </c>
      <c r="AA375" s="6">
        <v>1</v>
      </c>
      <c r="AB375" s="6">
        <v>3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100</v>
      </c>
      <c r="I376" s="9" t="s">
        <v>6</v>
      </c>
      <c r="J376" s="9" t="s">
        <v>50</v>
      </c>
      <c r="K376" s="6">
        <v>530</v>
      </c>
      <c r="L376" s="6">
        <v>24</v>
      </c>
      <c r="M376" s="6">
        <v>24</v>
      </c>
      <c r="N376" s="6">
        <v>15</v>
      </c>
      <c r="O376" s="6">
        <v>6</v>
      </c>
      <c r="P376" s="6">
        <v>1</v>
      </c>
      <c r="Q376" s="6">
        <v>2</v>
      </c>
      <c r="R376" s="10" t="s">
        <v>55</v>
      </c>
      <c r="S376" s="6">
        <v>495</v>
      </c>
      <c r="T376" s="6">
        <v>83</v>
      </c>
      <c r="U376" s="6">
        <v>1</v>
      </c>
      <c r="V376" s="6">
        <v>411</v>
      </c>
      <c r="W376" s="6">
        <v>11</v>
      </c>
      <c r="X376" s="6">
        <v>5</v>
      </c>
      <c r="Y376" s="6">
        <v>3</v>
      </c>
      <c r="Z376" s="10" t="s">
        <v>55</v>
      </c>
      <c r="AA376" s="6">
        <v>1</v>
      </c>
      <c r="AB376" s="6">
        <v>1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100</v>
      </c>
      <c r="I377" s="9" t="s">
        <v>6</v>
      </c>
      <c r="J377" s="9" t="s">
        <v>51</v>
      </c>
      <c r="K377" s="6">
        <v>302</v>
      </c>
      <c r="L377" s="6">
        <v>2</v>
      </c>
      <c r="M377" s="6">
        <v>2</v>
      </c>
      <c r="N377" s="6">
        <v>2</v>
      </c>
      <c r="O377" s="10" t="s">
        <v>55</v>
      </c>
      <c r="P377" s="10" t="s">
        <v>55</v>
      </c>
      <c r="Q377" s="10" t="s">
        <v>55</v>
      </c>
      <c r="R377" s="10" t="s">
        <v>55</v>
      </c>
      <c r="S377" s="6">
        <v>295</v>
      </c>
      <c r="T377" s="6">
        <v>31</v>
      </c>
      <c r="U377" s="10" t="s">
        <v>55</v>
      </c>
      <c r="V377" s="6">
        <v>264</v>
      </c>
      <c r="W377" s="6">
        <v>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100</v>
      </c>
      <c r="I378" s="9" t="s">
        <v>6</v>
      </c>
      <c r="J378" s="9" t="s">
        <v>52</v>
      </c>
      <c r="K378" s="6">
        <v>77</v>
      </c>
      <c r="L378" s="6">
        <v>48</v>
      </c>
      <c r="M378" s="6">
        <v>43</v>
      </c>
      <c r="N378" s="6">
        <v>36</v>
      </c>
      <c r="O378" s="6">
        <v>6</v>
      </c>
      <c r="P378" s="10" t="s">
        <v>55</v>
      </c>
      <c r="Q378" s="6">
        <v>1</v>
      </c>
      <c r="R378" s="6">
        <v>5</v>
      </c>
      <c r="S378" s="6">
        <v>27</v>
      </c>
      <c r="T378" s="6">
        <v>12</v>
      </c>
      <c r="U378" s="10" t="s">
        <v>55</v>
      </c>
      <c r="V378" s="6">
        <v>15</v>
      </c>
      <c r="W378" s="6">
        <v>2</v>
      </c>
      <c r="X378" s="6">
        <v>35</v>
      </c>
      <c r="Y378" s="6">
        <v>28</v>
      </c>
      <c r="Z378" s="6">
        <v>6</v>
      </c>
      <c r="AA378" s="10" t="s">
        <v>55</v>
      </c>
      <c r="AB378" s="6">
        <v>1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100</v>
      </c>
      <c r="I379" s="9" t="s">
        <v>53</v>
      </c>
      <c r="J379" s="9" t="s">
        <v>30</v>
      </c>
      <c r="K379" s="6">
        <v>97</v>
      </c>
      <c r="L379" s="6">
        <v>22</v>
      </c>
      <c r="M379" s="6">
        <v>21</v>
      </c>
      <c r="N379" s="6">
        <v>16</v>
      </c>
      <c r="O379" s="6">
        <v>2</v>
      </c>
      <c r="P379" s="6">
        <v>1</v>
      </c>
      <c r="Q379" s="6">
        <v>2</v>
      </c>
      <c r="R379" s="6">
        <v>1</v>
      </c>
      <c r="S379" s="6">
        <v>73</v>
      </c>
      <c r="T379" s="6">
        <v>6</v>
      </c>
      <c r="U379" s="10" t="s">
        <v>55</v>
      </c>
      <c r="V379" s="6">
        <v>67</v>
      </c>
      <c r="W379" s="6">
        <v>2</v>
      </c>
      <c r="X379" s="6">
        <v>7</v>
      </c>
      <c r="Y379" s="6">
        <v>5</v>
      </c>
      <c r="Z379" s="6">
        <v>1</v>
      </c>
      <c r="AA379" s="6">
        <v>1</v>
      </c>
      <c r="AB379" s="10" t="s">
        <v>55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100</v>
      </c>
      <c r="I380" s="9" t="s">
        <v>53</v>
      </c>
      <c r="J380" s="9" t="s">
        <v>31</v>
      </c>
      <c r="K380" s="10" t="s">
        <v>55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  <c r="R380" s="10" t="s">
        <v>55</v>
      </c>
      <c r="S380" s="10" t="s">
        <v>55</v>
      </c>
      <c r="T380" s="10" t="s">
        <v>55</v>
      </c>
      <c r="U380" s="10" t="s">
        <v>55</v>
      </c>
      <c r="V380" s="10" t="s">
        <v>55</v>
      </c>
      <c r="W380" s="10" t="s">
        <v>55</v>
      </c>
      <c r="X380" s="10" t="s">
        <v>55</v>
      </c>
      <c r="Y380" s="10" t="s">
        <v>55</v>
      </c>
      <c r="Z380" s="10" t="s">
        <v>55</v>
      </c>
      <c r="AA380" s="10" t="s">
        <v>55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100</v>
      </c>
      <c r="I381" s="9" t="s">
        <v>53</v>
      </c>
      <c r="J381" s="9" t="s">
        <v>32</v>
      </c>
      <c r="K381" s="10" t="s">
        <v>55</v>
      </c>
      <c r="L381" s="10" t="s">
        <v>55</v>
      </c>
      <c r="M381" s="10" t="s">
        <v>55</v>
      </c>
      <c r="N381" s="10" t="s">
        <v>55</v>
      </c>
      <c r="O381" s="10" t="s">
        <v>55</v>
      </c>
      <c r="P381" s="10" t="s">
        <v>55</v>
      </c>
      <c r="Q381" s="10" t="s">
        <v>55</v>
      </c>
      <c r="R381" s="10" t="s">
        <v>55</v>
      </c>
      <c r="S381" s="10" t="s">
        <v>55</v>
      </c>
      <c r="T381" s="10" t="s">
        <v>55</v>
      </c>
      <c r="U381" s="10" t="s">
        <v>55</v>
      </c>
      <c r="V381" s="10" t="s">
        <v>55</v>
      </c>
      <c r="W381" s="10" t="s">
        <v>55</v>
      </c>
      <c r="X381" s="10" t="s">
        <v>55</v>
      </c>
      <c r="Y381" s="10" t="s">
        <v>55</v>
      </c>
      <c r="Z381" s="10" t="s">
        <v>55</v>
      </c>
      <c r="AA381" s="10" t="s">
        <v>55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100</v>
      </c>
      <c r="I382" s="9" t="s">
        <v>53</v>
      </c>
      <c r="J382" s="9" t="s">
        <v>33</v>
      </c>
      <c r="K382" s="10" t="s">
        <v>55</v>
      </c>
      <c r="L382" s="10" t="s">
        <v>55</v>
      </c>
      <c r="M382" s="10" t="s">
        <v>55</v>
      </c>
      <c r="N382" s="10" t="s">
        <v>55</v>
      </c>
      <c r="O382" s="10" t="s">
        <v>55</v>
      </c>
      <c r="P382" s="10" t="s">
        <v>55</v>
      </c>
      <c r="Q382" s="10" t="s">
        <v>55</v>
      </c>
      <c r="R382" s="10" t="s">
        <v>55</v>
      </c>
      <c r="S382" s="10" t="s">
        <v>55</v>
      </c>
      <c r="T382" s="10" t="s">
        <v>55</v>
      </c>
      <c r="U382" s="10" t="s">
        <v>55</v>
      </c>
      <c r="V382" s="10" t="s">
        <v>55</v>
      </c>
      <c r="W382" s="10" t="s">
        <v>55</v>
      </c>
      <c r="X382" s="10" t="s">
        <v>55</v>
      </c>
      <c r="Y382" s="10" t="s">
        <v>55</v>
      </c>
      <c r="Z382" s="10" t="s">
        <v>55</v>
      </c>
      <c r="AA382" s="10" t="s">
        <v>55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100</v>
      </c>
      <c r="I383" s="9" t="s">
        <v>53</v>
      </c>
      <c r="J383" s="9" t="s">
        <v>34</v>
      </c>
      <c r="K383" s="10" t="s">
        <v>55</v>
      </c>
      <c r="L383" s="10" t="s">
        <v>55</v>
      </c>
      <c r="M383" s="10" t="s">
        <v>55</v>
      </c>
      <c r="N383" s="10" t="s">
        <v>55</v>
      </c>
      <c r="O383" s="10" t="s">
        <v>55</v>
      </c>
      <c r="P383" s="10" t="s">
        <v>55</v>
      </c>
      <c r="Q383" s="10" t="s">
        <v>55</v>
      </c>
      <c r="R383" s="10" t="s">
        <v>55</v>
      </c>
      <c r="S383" s="10" t="s">
        <v>55</v>
      </c>
      <c r="T383" s="10" t="s">
        <v>55</v>
      </c>
      <c r="U383" s="10" t="s">
        <v>55</v>
      </c>
      <c r="V383" s="10" t="s">
        <v>55</v>
      </c>
      <c r="W383" s="10" t="s">
        <v>55</v>
      </c>
      <c r="X383" s="10" t="s">
        <v>55</v>
      </c>
      <c r="Y383" s="10" t="s">
        <v>55</v>
      </c>
      <c r="Z383" s="10" t="s">
        <v>55</v>
      </c>
      <c r="AA383" s="10" t="s">
        <v>55</v>
      </c>
      <c r="AB383" s="10" t="s">
        <v>55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100</v>
      </c>
      <c r="I384" s="9" t="s">
        <v>53</v>
      </c>
      <c r="J384" s="9" t="s">
        <v>35</v>
      </c>
      <c r="K384" s="10" t="s">
        <v>55</v>
      </c>
      <c r="L384" s="10" t="s">
        <v>55</v>
      </c>
      <c r="M384" s="10" t="s">
        <v>55</v>
      </c>
      <c r="N384" s="10" t="s">
        <v>55</v>
      </c>
      <c r="O384" s="10" t="s">
        <v>55</v>
      </c>
      <c r="P384" s="10" t="s">
        <v>55</v>
      </c>
      <c r="Q384" s="10" t="s">
        <v>55</v>
      </c>
      <c r="R384" s="10" t="s">
        <v>55</v>
      </c>
      <c r="S384" s="10" t="s">
        <v>55</v>
      </c>
      <c r="T384" s="10" t="s">
        <v>55</v>
      </c>
      <c r="U384" s="10" t="s">
        <v>55</v>
      </c>
      <c r="V384" s="10" t="s">
        <v>55</v>
      </c>
      <c r="W384" s="10" t="s">
        <v>55</v>
      </c>
      <c r="X384" s="10" t="s">
        <v>55</v>
      </c>
      <c r="Y384" s="10" t="s">
        <v>55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100</v>
      </c>
      <c r="I385" s="9" t="s">
        <v>53</v>
      </c>
      <c r="J385" s="9" t="s">
        <v>36</v>
      </c>
      <c r="K385" s="10" t="s">
        <v>55</v>
      </c>
      <c r="L385" s="10" t="s">
        <v>55</v>
      </c>
      <c r="M385" s="10" t="s">
        <v>55</v>
      </c>
      <c r="N385" s="10" t="s">
        <v>55</v>
      </c>
      <c r="O385" s="10" t="s">
        <v>55</v>
      </c>
      <c r="P385" s="10" t="s">
        <v>55</v>
      </c>
      <c r="Q385" s="10" t="s">
        <v>55</v>
      </c>
      <c r="R385" s="10" t="s">
        <v>55</v>
      </c>
      <c r="S385" s="10" t="s">
        <v>55</v>
      </c>
      <c r="T385" s="10" t="s">
        <v>55</v>
      </c>
      <c r="U385" s="10" t="s">
        <v>55</v>
      </c>
      <c r="V385" s="10" t="s">
        <v>55</v>
      </c>
      <c r="W385" s="10" t="s">
        <v>55</v>
      </c>
      <c r="X385" s="10" t="s">
        <v>55</v>
      </c>
      <c r="Y385" s="10" t="s">
        <v>55</v>
      </c>
      <c r="Z385" s="10" t="s">
        <v>55</v>
      </c>
      <c r="AA385" s="10" t="s">
        <v>55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100</v>
      </c>
      <c r="I386" s="9" t="s">
        <v>53</v>
      </c>
      <c r="J386" s="9" t="s">
        <v>37</v>
      </c>
      <c r="K386" s="10" t="s">
        <v>55</v>
      </c>
      <c r="L386" s="10" t="s">
        <v>55</v>
      </c>
      <c r="M386" s="10" t="s">
        <v>55</v>
      </c>
      <c r="N386" s="10" t="s">
        <v>55</v>
      </c>
      <c r="O386" s="10" t="s">
        <v>55</v>
      </c>
      <c r="P386" s="10" t="s">
        <v>55</v>
      </c>
      <c r="Q386" s="10" t="s">
        <v>55</v>
      </c>
      <c r="R386" s="10" t="s">
        <v>55</v>
      </c>
      <c r="S386" s="10" t="s">
        <v>55</v>
      </c>
      <c r="T386" s="10" t="s">
        <v>55</v>
      </c>
      <c r="U386" s="10" t="s">
        <v>55</v>
      </c>
      <c r="V386" s="10" t="s">
        <v>55</v>
      </c>
      <c r="W386" s="10" t="s">
        <v>55</v>
      </c>
      <c r="X386" s="10" t="s">
        <v>55</v>
      </c>
      <c r="Y386" s="10" t="s">
        <v>55</v>
      </c>
      <c r="Z386" s="10" t="s">
        <v>55</v>
      </c>
      <c r="AA386" s="10" t="s">
        <v>55</v>
      </c>
      <c r="AB386" s="10" t="s">
        <v>55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100</v>
      </c>
      <c r="I387" s="9" t="s">
        <v>53</v>
      </c>
      <c r="J387" s="9" t="s">
        <v>38</v>
      </c>
      <c r="K387" s="6">
        <v>1</v>
      </c>
      <c r="L387" s="6">
        <v>1</v>
      </c>
      <c r="M387" s="6">
        <v>1</v>
      </c>
      <c r="N387" s="6">
        <v>1</v>
      </c>
      <c r="O387" s="10" t="s">
        <v>55</v>
      </c>
      <c r="P387" s="10" t="s">
        <v>55</v>
      </c>
      <c r="Q387" s="10" t="s">
        <v>55</v>
      </c>
      <c r="R387" s="10" t="s">
        <v>55</v>
      </c>
      <c r="S387" s="10" t="s">
        <v>55</v>
      </c>
      <c r="T387" s="10" t="s">
        <v>55</v>
      </c>
      <c r="U387" s="10" t="s">
        <v>55</v>
      </c>
      <c r="V387" s="10" t="s">
        <v>55</v>
      </c>
      <c r="W387" s="10" t="s">
        <v>55</v>
      </c>
      <c r="X387" s="10" t="s">
        <v>55</v>
      </c>
      <c r="Y387" s="10" t="s">
        <v>55</v>
      </c>
      <c r="Z387" s="10" t="s">
        <v>55</v>
      </c>
      <c r="AA387" s="10" t="s">
        <v>55</v>
      </c>
      <c r="AB387" s="10" t="s">
        <v>55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100</v>
      </c>
      <c r="I388" s="9" t="s">
        <v>53</v>
      </c>
      <c r="J388" s="9" t="s">
        <v>39</v>
      </c>
      <c r="K388" s="6">
        <v>2</v>
      </c>
      <c r="L388" s="6">
        <v>2</v>
      </c>
      <c r="M388" s="6">
        <v>2</v>
      </c>
      <c r="N388" s="6">
        <v>2</v>
      </c>
      <c r="O388" s="10" t="s">
        <v>55</v>
      </c>
      <c r="P388" s="10" t="s">
        <v>55</v>
      </c>
      <c r="Q388" s="10" t="s">
        <v>55</v>
      </c>
      <c r="R388" s="10" t="s">
        <v>55</v>
      </c>
      <c r="S388" s="10" t="s">
        <v>55</v>
      </c>
      <c r="T388" s="10" t="s">
        <v>55</v>
      </c>
      <c r="U388" s="10" t="s">
        <v>55</v>
      </c>
      <c r="V388" s="10" t="s">
        <v>55</v>
      </c>
      <c r="W388" s="10" t="s">
        <v>55</v>
      </c>
      <c r="X388" s="6">
        <v>2</v>
      </c>
      <c r="Y388" s="6">
        <v>2</v>
      </c>
      <c r="Z388" s="10" t="s">
        <v>55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100</v>
      </c>
      <c r="I389" s="9" t="s">
        <v>53</v>
      </c>
      <c r="J389" s="9" t="s">
        <v>40</v>
      </c>
      <c r="K389" s="6">
        <v>5</v>
      </c>
      <c r="L389" s="6">
        <v>2</v>
      </c>
      <c r="M389" s="6">
        <v>2</v>
      </c>
      <c r="N389" s="6">
        <v>2</v>
      </c>
      <c r="O389" s="10" t="s">
        <v>55</v>
      </c>
      <c r="P389" s="10" t="s">
        <v>55</v>
      </c>
      <c r="Q389" s="10" t="s">
        <v>55</v>
      </c>
      <c r="R389" s="10" t="s">
        <v>55</v>
      </c>
      <c r="S389" s="6">
        <v>3</v>
      </c>
      <c r="T389" s="10" t="s">
        <v>55</v>
      </c>
      <c r="U389" s="10" t="s">
        <v>55</v>
      </c>
      <c r="V389" s="6">
        <v>3</v>
      </c>
      <c r="W389" s="10" t="s">
        <v>55</v>
      </c>
      <c r="X389" s="6">
        <v>1</v>
      </c>
      <c r="Y389" s="6">
        <v>1</v>
      </c>
      <c r="Z389" s="10" t="s">
        <v>55</v>
      </c>
      <c r="AA389" s="10" t="s">
        <v>55</v>
      </c>
      <c r="AB389" s="10" t="s">
        <v>55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100</v>
      </c>
      <c r="I390" s="9" t="s">
        <v>53</v>
      </c>
      <c r="J390" s="9" t="s">
        <v>41</v>
      </c>
      <c r="K390" s="6">
        <v>9</v>
      </c>
      <c r="L390" s="6">
        <v>8</v>
      </c>
      <c r="M390" s="6">
        <v>7</v>
      </c>
      <c r="N390" s="6">
        <v>6</v>
      </c>
      <c r="O390" s="6">
        <v>1</v>
      </c>
      <c r="P390" s="10" t="s">
        <v>55</v>
      </c>
      <c r="Q390" s="10" t="s">
        <v>55</v>
      </c>
      <c r="R390" s="6">
        <v>1</v>
      </c>
      <c r="S390" s="6">
        <v>1</v>
      </c>
      <c r="T390" s="10" t="s">
        <v>55</v>
      </c>
      <c r="U390" s="10" t="s">
        <v>55</v>
      </c>
      <c r="V390" s="6">
        <v>1</v>
      </c>
      <c r="W390" s="10" t="s">
        <v>55</v>
      </c>
      <c r="X390" s="6">
        <v>3</v>
      </c>
      <c r="Y390" s="6">
        <v>2</v>
      </c>
      <c r="Z390" s="6">
        <v>1</v>
      </c>
      <c r="AA390" s="10" t="s">
        <v>55</v>
      </c>
      <c r="AB390" s="10" t="s">
        <v>55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100</v>
      </c>
      <c r="I391" s="9" t="s">
        <v>53</v>
      </c>
      <c r="J391" s="9" t="s">
        <v>42</v>
      </c>
      <c r="K391" s="6">
        <v>11</v>
      </c>
      <c r="L391" s="6">
        <v>4</v>
      </c>
      <c r="M391" s="6">
        <v>4</v>
      </c>
      <c r="N391" s="6">
        <v>2</v>
      </c>
      <c r="O391" s="6">
        <v>1</v>
      </c>
      <c r="P391" s="10" t="s">
        <v>55</v>
      </c>
      <c r="Q391" s="6">
        <v>1</v>
      </c>
      <c r="R391" s="10" t="s">
        <v>55</v>
      </c>
      <c r="S391" s="6">
        <v>7</v>
      </c>
      <c r="T391" s="6">
        <v>2</v>
      </c>
      <c r="U391" s="10" t="s">
        <v>55</v>
      </c>
      <c r="V391" s="6">
        <v>5</v>
      </c>
      <c r="W391" s="10" t="s">
        <v>55</v>
      </c>
      <c r="X391" s="10" t="s">
        <v>55</v>
      </c>
      <c r="Y391" s="10" t="s">
        <v>55</v>
      </c>
      <c r="Z391" s="10" t="s">
        <v>55</v>
      </c>
      <c r="AA391" s="10" t="s">
        <v>55</v>
      </c>
      <c r="AB391" s="10" t="s">
        <v>55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100</v>
      </c>
      <c r="I392" s="9" t="s">
        <v>53</v>
      </c>
      <c r="J392" s="9" t="s">
        <v>43</v>
      </c>
      <c r="K392" s="6">
        <v>14</v>
      </c>
      <c r="L392" s="6">
        <v>3</v>
      </c>
      <c r="M392" s="6">
        <v>3</v>
      </c>
      <c r="N392" s="6">
        <v>1</v>
      </c>
      <c r="O392" s="10" t="s">
        <v>55</v>
      </c>
      <c r="P392" s="6">
        <v>1</v>
      </c>
      <c r="Q392" s="6">
        <v>1</v>
      </c>
      <c r="R392" s="10" t="s">
        <v>55</v>
      </c>
      <c r="S392" s="6">
        <v>11</v>
      </c>
      <c r="T392" s="10" t="s">
        <v>55</v>
      </c>
      <c r="U392" s="10" t="s">
        <v>55</v>
      </c>
      <c r="V392" s="6">
        <v>11</v>
      </c>
      <c r="W392" s="10" t="s">
        <v>55</v>
      </c>
      <c r="X392" s="6">
        <v>1</v>
      </c>
      <c r="Y392" s="10" t="s">
        <v>55</v>
      </c>
      <c r="Z392" s="10" t="s">
        <v>55</v>
      </c>
      <c r="AA392" s="6">
        <v>1</v>
      </c>
      <c r="AB392" s="10" t="s">
        <v>55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100</v>
      </c>
      <c r="I393" s="9" t="s">
        <v>53</v>
      </c>
      <c r="J393" s="9" t="s">
        <v>44</v>
      </c>
      <c r="K393" s="6">
        <v>15</v>
      </c>
      <c r="L393" s="6">
        <v>1</v>
      </c>
      <c r="M393" s="6">
        <v>1</v>
      </c>
      <c r="N393" s="6">
        <v>1</v>
      </c>
      <c r="O393" s="10" t="s">
        <v>55</v>
      </c>
      <c r="P393" s="10" t="s">
        <v>55</v>
      </c>
      <c r="Q393" s="10" t="s">
        <v>55</v>
      </c>
      <c r="R393" s="10" t="s">
        <v>55</v>
      </c>
      <c r="S393" s="6">
        <v>13</v>
      </c>
      <c r="T393" s="10" t="s">
        <v>55</v>
      </c>
      <c r="U393" s="10" t="s">
        <v>55</v>
      </c>
      <c r="V393" s="6">
        <v>13</v>
      </c>
      <c r="W393" s="6">
        <v>1</v>
      </c>
      <c r="X393" s="10" t="s">
        <v>55</v>
      </c>
      <c r="Y393" s="10" t="s">
        <v>55</v>
      </c>
      <c r="Z393" s="10" t="s">
        <v>55</v>
      </c>
      <c r="AA393" s="10" t="s">
        <v>55</v>
      </c>
      <c r="AB393" s="10" t="s">
        <v>55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100</v>
      </c>
      <c r="I394" s="9" t="s">
        <v>53</v>
      </c>
      <c r="J394" s="9" t="s">
        <v>45</v>
      </c>
      <c r="K394" s="6">
        <v>24</v>
      </c>
      <c r="L394" s="10" t="s">
        <v>55</v>
      </c>
      <c r="M394" s="10" t="s">
        <v>55</v>
      </c>
      <c r="N394" s="10" t="s">
        <v>55</v>
      </c>
      <c r="O394" s="10" t="s">
        <v>55</v>
      </c>
      <c r="P394" s="10" t="s">
        <v>55</v>
      </c>
      <c r="Q394" s="10" t="s">
        <v>55</v>
      </c>
      <c r="R394" s="10" t="s">
        <v>55</v>
      </c>
      <c r="S394" s="6">
        <v>24</v>
      </c>
      <c r="T394" s="6">
        <v>3</v>
      </c>
      <c r="U394" s="10" t="s">
        <v>55</v>
      </c>
      <c r="V394" s="6">
        <v>21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100</v>
      </c>
      <c r="I395" s="9" t="s">
        <v>53</v>
      </c>
      <c r="J395" s="9" t="s">
        <v>46</v>
      </c>
      <c r="K395" s="6">
        <v>11</v>
      </c>
      <c r="L395" s="6">
        <v>1</v>
      </c>
      <c r="M395" s="6">
        <v>1</v>
      </c>
      <c r="N395" s="6">
        <v>1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6">
        <v>9</v>
      </c>
      <c r="T395" s="10" t="s">
        <v>55</v>
      </c>
      <c r="U395" s="10" t="s">
        <v>55</v>
      </c>
      <c r="V395" s="6">
        <v>9</v>
      </c>
      <c r="W395" s="6">
        <v>1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100</v>
      </c>
      <c r="I396" s="9" t="s">
        <v>53</v>
      </c>
      <c r="J396" s="9" t="s">
        <v>47</v>
      </c>
      <c r="K396" s="6">
        <v>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6">
        <v>5</v>
      </c>
      <c r="T396" s="6">
        <v>1</v>
      </c>
      <c r="U396" s="10" t="s">
        <v>55</v>
      </c>
      <c r="V396" s="6">
        <v>4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100</v>
      </c>
      <c r="I397" s="9" t="s">
        <v>53</v>
      </c>
      <c r="J397" s="9" t="s">
        <v>48</v>
      </c>
      <c r="K397" s="6">
        <v>8</v>
      </c>
      <c r="L397" s="6">
        <v>5</v>
      </c>
      <c r="M397" s="6">
        <v>5</v>
      </c>
      <c r="N397" s="6">
        <v>5</v>
      </c>
      <c r="O397" s="10" t="s">
        <v>55</v>
      </c>
      <c r="P397" s="10" t="s">
        <v>55</v>
      </c>
      <c r="Q397" s="10" t="s">
        <v>55</v>
      </c>
      <c r="R397" s="10" t="s">
        <v>55</v>
      </c>
      <c r="S397" s="6">
        <v>3</v>
      </c>
      <c r="T397" s="10" t="s">
        <v>55</v>
      </c>
      <c r="U397" s="10" t="s">
        <v>55</v>
      </c>
      <c r="V397" s="6">
        <v>3</v>
      </c>
      <c r="W397" s="10" t="s">
        <v>55</v>
      </c>
      <c r="X397" s="6">
        <v>3</v>
      </c>
      <c r="Y397" s="6">
        <v>3</v>
      </c>
      <c r="Z397" s="10" t="s">
        <v>55</v>
      </c>
      <c r="AA397" s="10" t="s">
        <v>55</v>
      </c>
      <c r="AB397" s="10" t="s">
        <v>55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100</v>
      </c>
      <c r="I398" s="9" t="s">
        <v>53</v>
      </c>
      <c r="J398" s="9" t="s">
        <v>49</v>
      </c>
      <c r="K398" s="6">
        <v>89</v>
      </c>
      <c r="L398" s="6">
        <v>17</v>
      </c>
      <c r="M398" s="6">
        <v>16</v>
      </c>
      <c r="N398" s="6">
        <v>11</v>
      </c>
      <c r="O398" s="6">
        <v>2</v>
      </c>
      <c r="P398" s="6">
        <v>1</v>
      </c>
      <c r="Q398" s="6">
        <v>2</v>
      </c>
      <c r="R398" s="6">
        <v>1</v>
      </c>
      <c r="S398" s="6">
        <v>70</v>
      </c>
      <c r="T398" s="6">
        <v>6</v>
      </c>
      <c r="U398" s="10" t="s">
        <v>55</v>
      </c>
      <c r="V398" s="6">
        <v>64</v>
      </c>
      <c r="W398" s="6">
        <v>2</v>
      </c>
      <c r="X398" s="6">
        <v>4</v>
      </c>
      <c r="Y398" s="6">
        <v>2</v>
      </c>
      <c r="Z398" s="6">
        <v>1</v>
      </c>
      <c r="AA398" s="6">
        <v>1</v>
      </c>
      <c r="AB398" s="10" t="s">
        <v>55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100</v>
      </c>
      <c r="I399" s="9" t="s">
        <v>53</v>
      </c>
      <c r="J399" s="9" t="s">
        <v>50</v>
      </c>
      <c r="K399" s="6">
        <v>69</v>
      </c>
      <c r="L399" s="6">
        <v>5</v>
      </c>
      <c r="M399" s="6">
        <v>5</v>
      </c>
      <c r="N399" s="6">
        <v>3</v>
      </c>
      <c r="O399" s="10" t="s">
        <v>55</v>
      </c>
      <c r="P399" s="6">
        <v>1</v>
      </c>
      <c r="Q399" s="6">
        <v>1</v>
      </c>
      <c r="R399" s="10" t="s">
        <v>55</v>
      </c>
      <c r="S399" s="6">
        <v>62</v>
      </c>
      <c r="T399" s="6">
        <v>4</v>
      </c>
      <c r="U399" s="10" t="s">
        <v>55</v>
      </c>
      <c r="V399" s="6">
        <v>58</v>
      </c>
      <c r="W399" s="6">
        <v>2</v>
      </c>
      <c r="X399" s="6">
        <v>1</v>
      </c>
      <c r="Y399" s="10" t="s">
        <v>55</v>
      </c>
      <c r="Z399" s="10" t="s">
        <v>55</v>
      </c>
      <c r="AA399" s="6">
        <v>1</v>
      </c>
      <c r="AB399" s="10" t="s">
        <v>55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100</v>
      </c>
      <c r="I400" s="9" t="s">
        <v>53</v>
      </c>
      <c r="J400" s="9" t="s">
        <v>51</v>
      </c>
      <c r="K400" s="6">
        <v>40</v>
      </c>
      <c r="L400" s="6">
        <v>1</v>
      </c>
      <c r="M400" s="6">
        <v>1</v>
      </c>
      <c r="N400" s="6">
        <v>1</v>
      </c>
      <c r="O400" s="10" t="s">
        <v>55</v>
      </c>
      <c r="P400" s="10" t="s">
        <v>55</v>
      </c>
      <c r="Q400" s="10" t="s">
        <v>55</v>
      </c>
      <c r="R400" s="10" t="s">
        <v>55</v>
      </c>
      <c r="S400" s="6">
        <v>38</v>
      </c>
      <c r="T400" s="6">
        <v>4</v>
      </c>
      <c r="U400" s="10" t="s">
        <v>55</v>
      </c>
      <c r="V400" s="6">
        <v>34</v>
      </c>
      <c r="W400" s="6">
        <v>1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100</v>
      </c>
      <c r="I401" s="9" t="s">
        <v>53</v>
      </c>
      <c r="J401" s="9" t="s">
        <v>52</v>
      </c>
      <c r="K401" s="6">
        <v>17</v>
      </c>
      <c r="L401" s="6">
        <v>13</v>
      </c>
      <c r="M401" s="6">
        <v>12</v>
      </c>
      <c r="N401" s="6">
        <v>11</v>
      </c>
      <c r="O401" s="6">
        <v>1</v>
      </c>
      <c r="P401" s="10" t="s">
        <v>55</v>
      </c>
      <c r="Q401" s="10" t="s">
        <v>55</v>
      </c>
      <c r="R401" s="6">
        <v>1</v>
      </c>
      <c r="S401" s="6">
        <v>4</v>
      </c>
      <c r="T401" s="10" t="s">
        <v>55</v>
      </c>
      <c r="U401" s="10" t="s">
        <v>55</v>
      </c>
      <c r="V401" s="6">
        <v>4</v>
      </c>
      <c r="W401" s="10" t="s">
        <v>55</v>
      </c>
      <c r="X401" s="6">
        <v>6</v>
      </c>
      <c r="Y401" s="6">
        <v>5</v>
      </c>
      <c r="Z401" s="6">
        <v>1</v>
      </c>
      <c r="AA401" s="10" t="s">
        <v>55</v>
      </c>
      <c r="AB401" s="10" t="s">
        <v>55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100</v>
      </c>
      <c r="I402" s="9" t="s">
        <v>54</v>
      </c>
      <c r="J402" s="9" t="s">
        <v>30</v>
      </c>
      <c r="K402" s="6">
        <v>569</v>
      </c>
      <c r="L402" s="6">
        <v>69</v>
      </c>
      <c r="M402" s="6">
        <v>65</v>
      </c>
      <c r="N402" s="6">
        <v>43</v>
      </c>
      <c r="O402" s="6">
        <v>19</v>
      </c>
      <c r="P402" s="10" t="s">
        <v>55</v>
      </c>
      <c r="Q402" s="6">
        <v>3</v>
      </c>
      <c r="R402" s="6">
        <v>4</v>
      </c>
      <c r="S402" s="6">
        <v>488</v>
      </c>
      <c r="T402" s="6">
        <v>113</v>
      </c>
      <c r="U402" s="6">
        <v>1</v>
      </c>
      <c r="V402" s="6">
        <v>374</v>
      </c>
      <c r="W402" s="6">
        <v>12</v>
      </c>
      <c r="X402" s="6">
        <v>40</v>
      </c>
      <c r="Y402" s="6">
        <v>28</v>
      </c>
      <c r="Z402" s="6">
        <v>9</v>
      </c>
      <c r="AA402" s="10" t="s">
        <v>55</v>
      </c>
      <c r="AB402" s="6">
        <v>3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100</v>
      </c>
      <c r="I403" s="9" t="s">
        <v>54</v>
      </c>
      <c r="J403" s="9" t="s">
        <v>31</v>
      </c>
      <c r="K403" s="10" t="s">
        <v>55</v>
      </c>
      <c r="L403" s="10" t="s">
        <v>55</v>
      </c>
      <c r="M403" s="10" t="s">
        <v>55</v>
      </c>
      <c r="N403" s="10" t="s">
        <v>55</v>
      </c>
      <c r="O403" s="10" t="s">
        <v>55</v>
      </c>
      <c r="P403" s="10" t="s">
        <v>55</v>
      </c>
      <c r="Q403" s="10" t="s">
        <v>55</v>
      </c>
      <c r="R403" s="10" t="s">
        <v>55</v>
      </c>
      <c r="S403" s="10" t="s">
        <v>55</v>
      </c>
      <c r="T403" s="10" t="s">
        <v>55</v>
      </c>
      <c r="U403" s="10" t="s">
        <v>55</v>
      </c>
      <c r="V403" s="10" t="s">
        <v>55</v>
      </c>
      <c r="W403" s="10" t="s">
        <v>55</v>
      </c>
      <c r="X403" s="10" t="s">
        <v>55</v>
      </c>
      <c r="Y403" s="10" t="s">
        <v>55</v>
      </c>
      <c r="Z403" s="10" t="s">
        <v>55</v>
      </c>
      <c r="AA403" s="10" t="s">
        <v>55</v>
      </c>
      <c r="AB403" s="10" t="s">
        <v>55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100</v>
      </c>
      <c r="I404" s="9" t="s">
        <v>54</v>
      </c>
      <c r="J404" s="9" t="s">
        <v>32</v>
      </c>
      <c r="K404" s="10" t="s">
        <v>55</v>
      </c>
      <c r="L404" s="10" t="s">
        <v>55</v>
      </c>
      <c r="M404" s="10" t="s">
        <v>55</v>
      </c>
      <c r="N404" s="10" t="s">
        <v>55</v>
      </c>
      <c r="O404" s="10" t="s">
        <v>55</v>
      </c>
      <c r="P404" s="10" t="s">
        <v>55</v>
      </c>
      <c r="Q404" s="10" t="s">
        <v>55</v>
      </c>
      <c r="R404" s="10" t="s">
        <v>55</v>
      </c>
      <c r="S404" s="10" t="s">
        <v>55</v>
      </c>
      <c r="T404" s="10" t="s">
        <v>55</v>
      </c>
      <c r="U404" s="10" t="s">
        <v>55</v>
      </c>
      <c r="V404" s="10" t="s">
        <v>55</v>
      </c>
      <c r="W404" s="10" t="s">
        <v>55</v>
      </c>
      <c r="X404" s="10" t="s">
        <v>55</v>
      </c>
      <c r="Y404" s="10" t="s">
        <v>55</v>
      </c>
      <c r="Z404" s="10" t="s">
        <v>55</v>
      </c>
      <c r="AA404" s="10" t="s">
        <v>55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100</v>
      </c>
      <c r="I405" s="9" t="s">
        <v>54</v>
      </c>
      <c r="J405" s="9" t="s">
        <v>33</v>
      </c>
      <c r="K405" s="6">
        <v>1</v>
      </c>
      <c r="L405" s="6">
        <v>1</v>
      </c>
      <c r="M405" s="10" t="s">
        <v>55</v>
      </c>
      <c r="N405" s="10" t="s">
        <v>55</v>
      </c>
      <c r="O405" s="10" t="s">
        <v>55</v>
      </c>
      <c r="P405" s="10" t="s">
        <v>55</v>
      </c>
      <c r="Q405" s="10" t="s">
        <v>55</v>
      </c>
      <c r="R405" s="6">
        <v>1</v>
      </c>
      <c r="S405" s="10" t="s">
        <v>55</v>
      </c>
      <c r="T405" s="10" t="s">
        <v>55</v>
      </c>
      <c r="U405" s="10" t="s">
        <v>55</v>
      </c>
      <c r="V405" s="10" t="s">
        <v>55</v>
      </c>
      <c r="W405" s="10" t="s">
        <v>55</v>
      </c>
      <c r="X405" s="10" t="s">
        <v>55</v>
      </c>
      <c r="Y405" s="10" t="s">
        <v>55</v>
      </c>
      <c r="Z405" s="10" t="s">
        <v>55</v>
      </c>
      <c r="AA405" s="10" t="s">
        <v>55</v>
      </c>
      <c r="AB405" s="10" t="s">
        <v>55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100</v>
      </c>
      <c r="I406" s="9" t="s">
        <v>54</v>
      </c>
      <c r="J406" s="9" t="s">
        <v>34</v>
      </c>
      <c r="K406" s="6">
        <v>1</v>
      </c>
      <c r="L406" s="6">
        <v>1</v>
      </c>
      <c r="M406" s="6">
        <v>1</v>
      </c>
      <c r="N406" s="6">
        <v>1</v>
      </c>
      <c r="O406" s="10" t="s">
        <v>55</v>
      </c>
      <c r="P406" s="10" t="s">
        <v>55</v>
      </c>
      <c r="Q406" s="10" t="s">
        <v>55</v>
      </c>
      <c r="R406" s="10" t="s">
        <v>55</v>
      </c>
      <c r="S406" s="10" t="s">
        <v>55</v>
      </c>
      <c r="T406" s="10" t="s">
        <v>55</v>
      </c>
      <c r="U406" s="10" t="s">
        <v>55</v>
      </c>
      <c r="V406" s="10" t="s">
        <v>55</v>
      </c>
      <c r="W406" s="10" t="s">
        <v>55</v>
      </c>
      <c r="X406" s="6">
        <v>1</v>
      </c>
      <c r="Y406" s="6">
        <v>1</v>
      </c>
      <c r="Z406" s="10" t="s">
        <v>55</v>
      </c>
      <c r="AA406" s="10" t="s">
        <v>55</v>
      </c>
      <c r="AB406" s="10" t="s">
        <v>55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100</v>
      </c>
      <c r="I407" s="9" t="s">
        <v>54</v>
      </c>
      <c r="J407" s="9" t="s">
        <v>35</v>
      </c>
      <c r="K407" s="6">
        <v>2</v>
      </c>
      <c r="L407" s="6">
        <v>2</v>
      </c>
      <c r="M407" s="6">
        <v>1</v>
      </c>
      <c r="N407" s="6">
        <v>1</v>
      </c>
      <c r="O407" s="10" t="s">
        <v>55</v>
      </c>
      <c r="P407" s="10" t="s">
        <v>55</v>
      </c>
      <c r="Q407" s="10" t="s">
        <v>55</v>
      </c>
      <c r="R407" s="6">
        <v>1</v>
      </c>
      <c r="S407" s="10" t="s">
        <v>55</v>
      </c>
      <c r="T407" s="10" t="s">
        <v>55</v>
      </c>
      <c r="U407" s="10" t="s">
        <v>55</v>
      </c>
      <c r="V407" s="10" t="s">
        <v>55</v>
      </c>
      <c r="W407" s="10" t="s">
        <v>55</v>
      </c>
      <c r="X407" s="6">
        <v>1</v>
      </c>
      <c r="Y407" s="6">
        <v>1</v>
      </c>
      <c r="Z407" s="10" t="s">
        <v>55</v>
      </c>
      <c r="AA407" s="10" t="s">
        <v>55</v>
      </c>
      <c r="AB407" s="10" t="s">
        <v>55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100</v>
      </c>
      <c r="I408" s="9" t="s">
        <v>54</v>
      </c>
      <c r="J408" s="9" t="s">
        <v>36</v>
      </c>
      <c r="K408" s="6">
        <v>2</v>
      </c>
      <c r="L408" s="6">
        <v>2</v>
      </c>
      <c r="M408" s="6">
        <v>2</v>
      </c>
      <c r="N408" s="6">
        <v>2</v>
      </c>
      <c r="O408" s="10" t="s">
        <v>55</v>
      </c>
      <c r="P408" s="10" t="s">
        <v>55</v>
      </c>
      <c r="Q408" s="10" t="s">
        <v>55</v>
      </c>
      <c r="R408" s="10" t="s">
        <v>55</v>
      </c>
      <c r="S408" s="10" t="s">
        <v>55</v>
      </c>
      <c r="T408" s="10" t="s">
        <v>55</v>
      </c>
      <c r="U408" s="10" t="s">
        <v>55</v>
      </c>
      <c r="V408" s="10" t="s">
        <v>55</v>
      </c>
      <c r="W408" s="10" t="s">
        <v>55</v>
      </c>
      <c r="X408" s="6">
        <v>2</v>
      </c>
      <c r="Y408" s="6">
        <v>2</v>
      </c>
      <c r="Z408" s="10" t="s">
        <v>55</v>
      </c>
      <c r="AA408" s="10" t="s">
        <v>55</v>
      </c>
      <c r="AB408" s="10" t="s">
        <v>55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100</v>
      </c>
      <c r="I409" s="9" t="s">
        <v>54</v>
      </c>
      <c r="J409" s="9" t="s">
        <v>37</v>
      </c>
      <c r="K409" s="6">
        <v>3</v>
      </c>
      <c r="L409" s="6">
        <v>3</v>
      </c>
      <c r="M409" s="6">
        <v>3</v>
      </c>
      <c r="N409" s="6">
        <v>3</v>
      </c>
      <c r="O409" s="10" t="s">
        <v>55</v>
      </c>
      <c r="P409" s="10" t="s">
        <v>55</v>
      </c>
      <c r="Q409" s="10" t="s">
        <v>55</v>
      </c>
      <c r="R409" s="10" t="s">
        <v>55</v>
      </c>
      <c r="S409" s="10" t="s">
        <v>55</v>
      </c>
      <c r="T409" s="10" t="s">
        <v>55</v>
      </c>
      <c r="U409" s="10" t="s">
        <v>55</v>
      </c>
      <c r="V409" s="10" t="s">
        <v>55</v>
      </c>
      <c r="W409" s="10" t="s">
        <v>55</v>
      </c>
      <c r="X409" s="6">
        <v>3</v>
      </c>
      <c r="Y409" s="6">
        <v>3</v>
      </c>
      <c r="Z409" s="10" t="s">
        <v>55</v>
      </c>
      <c r="AA409" s="10" t="s">
        <v>55</v>
      </c>
      <c r="AB409" s="10" t="s">
        <v>55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100</v>
      </c>
      <c r="I410" s="9" t="s">
        <v>54</v>
      </c>
      <c r="J410" s="9" t="s">
        <v>38</v>
      </c>
      <c r="K410" s="10" t="s">
        <v>55</v>
      </c>
      <c r="L410" s="10" t="s">
        <v>55</v>
      </c>
      <c r="M410" s="10" t="s">
        <v>55</v>
      </c>
      <c r="N410" s="10" t="s">
        <v>55</v>
      </c>
      <c r="O410" s="10" t="s">
        <v>55</v>
      </c>
      <c r="P410" s="10" t="s">
        <v>55</v>
      </c>
      <c r="Q410" s="10" t="s">
        <v>55</v>
      </c>
      <c r="R410" s="10" t="s">
        <v>55</v>
      </c>
      <c r="S410" s="10" t="s">
        <v>55</v>
      </c>
      <c r="T410" s="10" t="s">
        <v>55</v>
      </c>
      <c r="U410" s="10" t="s">
        <v>55</v>
      </c>
      <c r="V410" s="10" t="s">
        <v>55</v>
      </c>
      <c r="W410" s="10" t="s">
        <v>55</v>
      </c>
      <c r="X410" s="10" t="s">
        <v>55</v>
      </c>
      <c r="Y410" s="10" t="s">
        <v>55</v>
      </c>
      <c r="Z410" s="10" t="s">
        <v>55</v>
      </c>
      <c r="AA410" s="10" t="s">
        <v>55</v>
      </c>
      <c r="AB410" s="10" t="s">
        <v>55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100</v>
      </c>
      <c r="I411" s="9" t="s">
        <v>54</v>
      </c>
      <c r="J411" s="9" t="s">
        <v>39</v>
      </c>
      <c r="K411" s="6">
        <v>14</v>
      </c>
      <c r="L411" s="6">
        <v>11</v>
      </c>
      <c r="M411" s="6">
        <v>9</v>
      </c>
      <c r="N411" s="6">
        <v>8</v>
      </c>
      <c r="O411" s="6">
        <v>1</v>
      </c>
      <c r="P411" s="10" t="s">
        <v>55</v>
      </c>
      <c r="Q411" s="10" t="s">
        <v>55</v>
      </c>
      <c r="R411" s="6">
        <v>2</v>
      </c>
      <c r="S411" s="6">
        <v>3</v>
      </c>
      <c r="T411" s="6">
        <v>1</v>
      </c>
      <c r="U411" s="10" t="s">
        <v>55</v>
      </c>
      <c r="V411" s="6">
        <v>2</v>
      </c>
      <c r="W411" s="10" t="s">
        <v>55</v>
      </c>
      <c r="X411" s="6">
        <v>9</v>
      </c>
      <c r="Y411" s="6">
        <v>8</v>
      </c>
      <c r="Z411" s="6">
        <v>1</v>
      </c>
      <c r="AA411" s="10" t="s">
        <v>55</v>
      </c>
      <c r="AB411" s="10" t="s">
        <v>55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100</v>
      </c>
      <c r="I412" s="9" t="s">
        <v>54</v>
      </c>
      <c r="J412" s="9" t="s">
        <v>40</v>
      </c>
      <c r="K412" s="6">
        <v>12</v>
      </c>
      <c r="L412" s="6">
        <v>8</v>
      </c>
      <c r="M412" s="6">
        <v>8</v>
      </c>
      <c r="N412" s="6">
        <v>8</v>
      </c>
      <c r="O412" s="10" t="s">
        <v>55</v>
      </c>
      <c r="P412" s="10" t="s">
        <v>55</v>
      </c>
      <c r="Q412" s="10" t="s">
        <v>55</v>
      </c>
      <c r="R412" s="10" t="s">
        <v>55</v>
      </c>
      <c r="S412" s="6">
        <v>4</v>
      </c>
      <c r="T412" s="6">
        <v>3</v>
      </c>
      <c r="U412" s="10" t="s">
        <v>55</v>
      </c>
      <c r="V412" s="6">
        <v>1</v>
      </c>
      <c r="W412" s="10" t="s">
        <v>55</v>
      </c>
      <c r="X412" s="6">
        <v>7</v>
      </c>
      <c r="Y412" s="6">
        <v>7</v>
      </c>
      <c r="Z412" s="10" t="s">
        <v>55</v>
      </c>
      <c r="AA412" s="10" t="s">
        <v>55</v>
      </c>
      <c r="AB412" s="10" t="s">
        <v>55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100</v>
      </c>
      <c r="I413" s="9" t="s">
        <v>54</v>
      </c>
      <c r="J413" s="9" t="s">
        <v>41</v>
      </c>
      <c r="K413" s="6">
        <v>25</v>
      </c>
      <c r="L413" s="6">
        <v>7</v>
      </c>
      <c r="M413" s="6">
        <v>7</v>
      </c>
      <c r="N413" s="6">
        <v>2</v>
      </c>
      <c r="O413" s="6">
        <v>4</v>
      </c>
      <c r="P413" s="10" t="s">
        <v>55</v>
      </c>
      <c r="Q413" s="6">
        <v>1</v>
      </c>
      <c r="R413" s="10" t="s">
        <v>55</v>
      </c>
      <c r="S413" s="6">
        <v>16</v>
      </c>
      <c r="T413" s="6">
        <v>8</v>
      </c>
      <c r="U413" s="10" t="s">
        <v>55</v>
      </c>
      <c r="V413" s="6">
        <v>8</v>
      </c>
      <c r="W413" s="6">
        <v>2</v>
      </c>
      <c r="X413" s="6">
        <v>6</v>
      </c>
      <c r="Y413" s="6">
        <v>1</v>
      </c>
      <c r="Z413" s="6">
        <v>4</v>
      </c>
      <c r="AA413" s="10" t="s">
        <v>55</v>
      </c>
      <c r="AB413" s="6">
        <v>1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100</v>
      </c>
      <c r="I414" s="9" t="s">
        <v>54</v>
      </c>
      <c r="J414" s="9" t="s">
        <v>42</v>
      </c>
      <c r="K414" s="6">
        <v>48</v>
      </c>
      <c r="L414" s="6">
        <v>15</v>
      </c>
      <c r="M414" s="6">
        <v>15</v>
      </c>
      <c r="N414" s="6">
        <v>6</v>
      </c>
      <c r="O414" s="6">
        <v>8</v>
      </c>
      <c r="P414" s="10" t="s">
        <v>55</v>
      </c>
      <c r="Q414" s="6">
        <v>1</v>
      </c>
      <c r="R414" s="10" t="s">
        <v>55</v>
      </c>
      <c r="S414" s="6">
        <v>32</v>
      </c>
      <c r="T414" s="6">
        <v>22</v>
      </c>
      <c r="U414" s="10" t="s">
        <v>55</v>
      </c>
      <c r="V414" s="6">
        <v>10</v>
      </c>
      <c r="W414" s="6">
        <v>1</v>
      </c>
      <c r="X414" s="6">
        <v>7</v>
      </c>
      <c r="Y414" s="6">
        <v>2</v>
      </c>
      <c r="Z414" s="6">
        <v>4</v>
      </c>
      <c r="AA414" s="10" t="s">
        <v>55</v>
      </c>
      <c r="AB414" s="6">
        <v>1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100</v>
      </c>
      <c r="I415" s="9" t="s">
        <v>54</v>
      </c>
      <c r="J415" s="9" t="s">
        <v>43</v>
      </c>
      <c r="K415" s="6">
        <v>78</v>
      </c>
      <c r="L415" s="6">
        <v>10</v>
      </c>
      <c r="M415" s="6">
        <v>10</v>
      </c>
      <c r="N415" s="6">
        <v>7</v>
      </c>
      <c r="O415" s="6">
        <v>2</v>
      </c>
      <c r="P415" s="10" t="s">
        <v>55</v>
      </c>
      <c r="Q415" s="6">
        <v>1</v>
      </c>
      <c r="R415" s="10" t="s">
        <v>55</v>
      </c>
      <c r="S415" s="6">
        <v>68</v>
      </c>
      <c r="T415" s="6">
        <v>25</v>
      </c>
      <c r="U415" s="6">
        <v>1</v>
      </c>
      <c r="V415" s="6">
        <v>42</v>
      </c>
      <c r="W415" s="10" t="s">
        <v>55</v>
      </c>
      <c r="X415" s="6">
        <v>3</v>
      </c>
      <c r="Y415" s="6">
        <v>2</v>
      </c>
      <c r="Z415" s="10" t="s">
        <v>55</v>
      </c>
      <c r="AA415" s="10" t="s">
        <v>55</v>
      </c>
      <c r="AB415" s="6">
        <v>1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100</v>
      </c>
      <c r="I416" s="9" t="s">
        <v>54</v>
      </c>
      <c r="J416" s="9" t="s">
        <v>44</v>
      </c>
      <c r="K416" s="6">
        <v>121</v>
      </c>
      <c r="L416" s="6">
        <v>8</v>
      </c>
      <c r="M416" s="6">
        <v>8</v>
      </c>
      <c r="N416" s="6">
        <v>4</v>
      </c>
      <c r="O416" s="6">
        <v>4</v>
      </c>
      <c r="P416" s="10" t="s">
        <v>55</v>
      </c>
      <c r="Q416" s="10" t="s">
        <v>55</v>
      </c>
      <c r="R416" s="10" t="s">
        <v>55</v>
      </c>
      <c r="S416" s="6">
        <v>108</v>
      </c>
      <c r="T416" s="6">
        <v>27</v>
      </c>
      <c r="U416" s="10" t="s">
        <v>55</v>
      </c>
      <c r="V416" s="6">
        <v>81</v>
      </c>
      <c r="W416" s="6">
        <v>5</v>
      </c>
      <c r="X416" s="6">
        <v>1</v>
      </c>
      <c r="Y416" s="6">
        <v>1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100</v>
      </c>
      <c r="I417" s="9" t="s">
        <v>54</v>
      </c>
      <c r="J417" s="9" t="s">
        <v>45</v>
      </c>
      <c r="K417" s="6">
        <v>131</v>
      </c>
      <c r="L417" s="10" t="s">
        <v>55</v>
      </c>
      <c r="M417" s="10" t="s">
        <v>55</v>
      </c>
      <c r="N417" s="10" t="s">
        <v>55</v>
      </c>
      <c r="O417" s="10" t="s">
        <v>55</v>
      </c>
      <c r="P417" s="10" t="s">
        <v>55</v>
      </c>
      <c r="Q417" s="10" t="s">
        <v>55</v>
      </c>
      <c r="R417" s="10" t="s">
        <v>55</v>
      </c>
      <c r="S417" s="6">
        <v>129</v>
      </c>
      <c r="T417" s="6">
        <v>20</v>
      </c>
      <c r="U417" s="10" t="s">
        <v>55</v>
      </c>
      <c r="V417" s="6">
        <v>109</v>
      </c>
      <c r="W417" s="6">
        <v>2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100</v>
      </c>
      <c r="I418" s="9" t="s">
        <v>54</v>
      </c>
      <c r="J418" s="9" t="s">
        <v>46</v>
      </c>
      <c r="K418" s="6">
        <v>87</v>
      </c>
      <c r="L418" s="6">
        <v>1</v>
      </c>
      <c r="M418" s="6">
        <v>1</v>
      </c>
      <c r="N418" s="6">
        <v>1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6">
        <v>84</v>
      </c>
      <c r="T418" s="6">
        <v>5</v>
      </c>
      <c r="U418" s="10" t="s">
        <v>55</v>
      </c>
      <c r="V418" s="6">
        <v>79</v>
      </c>
      <c r="W418" s="6">
        <v>2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100</v>
      </c>
      <c r="I419" s="9" t="s">
        <v>54</v>
      </c>
      <c r="J419" s="9" t="s">
        <v>47</v>
      </c>
      <c r="K419" s="6">
        <v>44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6">
        <v>44</v>
      </c>
      <c r="T419" s="6">
        <v>2</v>
      </c>
      <c r="U419" s="10" t="s">
        <v>55</v>
      </c>
      <c r="V419" s="6">
        <v>42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100</v>
      </c>
      <c r="I420" s="9" t="s">
        <v>54</v>
      </c>
      <c r="J420" s="9" t="s">
        <v>48</v>
      </c>
      <c r="K420" s="6">
        <v>35</v>
      </c>
      <c r="L420" s="6">
        <v>28</v>
      </c>
      <c r="M420" s="6">
        <v>24</v>
      </c>
      <c r="N420" s="6">
        <v>23</v>
      </c>
      <c r="O420" s="6">
        <v>1</v>
      </c>
      <c r="P420" s="10" t="s">
        <v>55</v>
      </c>
      <c r="Q420" s="10" t="s">
        <v>55</v>
      </c>
      <c r="R420" s="6">
        <v>4</v>
      </c>
      <c r="S420" s="6">
        <v>7</v>
      </c>
      <c r="T420" s="6">
        <v>4</v>
      </c>
      <c r="U420" s="10" t="s">
        <v>55</v>
      </c>
      <c r="V420" s="6">
        <v>3</v>
      </c>
      <c r="W420" s="10" t="s">
        <v>55</v>
      </c>
      <c r="X420" s="6">
        <v>23</v>
      </c>
      <c r="Y420" s="6">
        <v>22</v>
      </c>
      <c r="Z420" s="6">
        <v>1</v>
      </c>
      <c r="AA420" s="10" t="s">
        <v>55</v>
      </c>
      <c r="AB420" s="10" t="s">
        <v>55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100</v>
      </c>
      <c r="I421" s="9" t="s">
        <v>54</v>
      </c>
      <c r="J421" s="9" t="s">
        <v>49</v>
      </c>
      <c r="K421" s="6">
        <v>534</v>
      </c>
      <c r="L421" s="6">
        <v>41</v>
      </c>
      <c r="M421" s="6">
        <v>41</v>
      </c>
      <c r="N421" s="6">
        <v>20</v>
      </c>
      <c r="O421" s="6">
        <v>18</v>
      </c>
      <c r="P421" s="10" t="s">
        <v>55</v>
      </c>
      <c r="Q421" s="6">
        <v>3</v>
      </c>
      <c r="R421" s="10" t="s">
        <v>55</v>
      </c>
      <c r="S421" s="6">
        <v>481</v>
      </c>
      <c r="T421" s="6">
        <v>109</v>
      </c>
      <c r="U421" s="6">
        <v>1</v>
      </c>
      <c r="V421" s="6">
        <v>371</v>
      </c>
      <c r="W421" s="6">
        <v>12</v>
      </c>
      <c r="X421" s="6">
        <v>17</v>
      </c>
      <c r="Y421" s="6">
        <v>6</v>
      </c>
      <c r="Z421" s="6">
        <v>8</v>
      </c>
      <c r="AA421" s="10" t="s">
        <v>55</v>
      </c>
      <c r="AB421" s="6">
        <v>3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100</v>
      </c>
      <c r="I422" s="9" t="s">
        <v>54</v>
      </c>
      <c r="J422" s="9" t="s">
        <v>50</v>
      </c>
      <c r="K422" s="6">
        <v>461</v>
      </c>
      <c r="L422" s="6">
        <v>19</v>
      </c>
      <c r="M422" s="6">
        <v>19</v>
      </c>
      <c r="N422" s="6">
        <v>12</v>
      </c>
      <c r="O422" s="6">
        <v>6</v>
      </c>
      <c r="P422" s="10" t="s">
        <v>55</v>
      </c>
      <c r="Q422" s="6">
        <v>1</v>
      </c>
      <c r="R422" s="10" t="s">
        <v>55</v>
      </c>
      <c r="S422" s="6">
        <v>433</v>
      </c>
      <c r="T422" s="6">
        <v>79</v>
      </c>
      <c r="U422" s="6">
        <v>1</v>
      </c>
      <c r="V422" s="6">
        <v>353</v>
      </c>
      <c r="W422" s="6">
        <v>9</v>
      </c>
      <c r="X422" s="6">
        <v>4</v>
      </c>
      <c r="Y422" s="6">
        <v>3</v>
      </c>
      <c r="Z422" s="10" t="s">
        <v>55</v>
      </c>
      <c r="AA422" s="10" t="s">
        <v>55</v>
      </c>
      <c r="AB422" s="6">
        <v>1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100</v>
      </c>
      <c r="I423" s="9" t="s">
        <v>54</v>
      </c>
      <c r="J423" s="9" t="s">
        <v>51</v>
      </c>
      <c r="K423" s="6">
        <v>262</v>
      </c>
      <c r="L423" s="6">
        <v>1</v>
      </c>
      <c r="M423" s="6">
        <v>1</v>
      </c>
      <c r="N423" s="6">
        <v>1</v>
      </c>
      <c r="O423" s="10" t="s">
        <v>55</v>
      </c>
      <c r="P423" s="10" t="s">
        <v>55</v>
      </c>
      <c r="Q423" s="10" t="s">
        <v>55</v>
      </c>
      <c r="R423" s="10" t="s">
        <v>55</v>
      </c>
      <c r="S423" s="6">
        <v>257</v>
      </c>
      <c r="T423" s="6">
        <v>27</v>
      </c>
      <c r="U423" s="10" t="s">
        <v>55</v>
      </c>
      <c r="V423" s="6">
        <v>230</v>
      </c>
      <c r="W423" s="6">
        <v>4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100</v>
      </c>
      <c r="I424" s="9" t="s">
        <v>54</v>
      </c>
      <c r="J424" s="9" t="s">
        <v>52</v>
      </c>
      <c r="K424" s="6">
        <v>60</v>
      </c>
      <c r="L424" s="6">
        <v>35</v>
      </c>
      <c r="M424" s="6">
        <v>31</v>
      </c>
      <c r="N424" s="6">
        <v>25</v>
      </c>
      <c r="O424" s="6">
        <v>5</v>
      </c>
      <c r="P424" s="10" t="s">
        <v>55</v>
      </c>
      <c r="Q424" s="6">
        <v>1</v>
      </c>
      <c r="R424" s="6">
        <v>4</v>
      </c>
      <c r="S424" s="6">
        <v>23</v>
      </c>
      <c r="T424" s="6">
        <v>12</v>
      </c>
      <c r="U424" s="10" t="s">
        <v>55</v>
      </c>
      <c r="V424" s="6">
        <v>11</v>
      </c>
      <c r="W424" s="6">
        <v>2</v>
      </c>
      <c r="X424" s="6">
        <v>29</v>
      </c>
      <c r="Y424" s="6">
        <v>23</v>
      </c>
      <c r="Z424" s="6">
        <v>5</v>
      </c>
      <c r="AA424" s="10" t="s">
        <v>55</v>
      </c>
      <c r="AB424" s="6">
        <v>1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100</v>
      </c>
      <c r="I425" s="9" t="s">
        <v>6</v>
      </c>
      <c r="J425" s="9" t="s">
        <v>30</v>
      </c>
      <c r="K425" s="6">
        <v>1459</v>
      </c>
      <c r="L425" s="6">
        <v>241</v>
      </c>
      <c r="M425" s="6">
        <v>236</v>
      </c>
      <c r="N425" s="6">
        <v>172</v>
      </c>
      <c r="O425" s="6">
        <v>53</v>
      </c>
      <c r="P425" s="10" t="s">
        <v>55</v>
      </c>
      <c r="Q425" s="6">
        <v>11</v>
      </c>
      <c r="R425" s="6">
        <v>5</v>
      </c>
      <c r="S425" s="6">
        <v>1184</v>
      </c>
      <c r="T425" s="6">
        <v>287</v>
      </c>
      <c r="U425" s="10" t="s">
        <v>55</v>
      </c>
      <c r="V425" s="6">
        <v>897</v>
      </c>
      <c r="W425" s="6">
        <v>34</v>
      </c>
      <c r="X425" s="6">
        <v>143</v>
      </c>
      <c r="Y425" s="6">
        <v>120</v>
      </c>
      <c r="Z425" s="6">
        <v>16</v>
      </c>
      <c r="AA425" s="10" t="s">
        <v>55</v>
      </c>
      <c r="AB425" s="6">
        <v>7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100</v>
      </c>
      <c r="I426" s="9" t="s">
        <v>6</v>
      </c>
      <c r="J426" s="9" t="s">
        <v>31</v>
      </c>
      <c r="K426" s="10" t="s">
        <v>55</v>
      </c>
      <c r="L426" s="10" t="s">
        <v>55</v>
      </c>
      <c r="M426" s="10" t="s">
        <v>55</v>
      </c>
      <c r="N426" s="10" t="s">
        <v>55</v>
      </c>
      <c r="O426" s="10" t="s">
        <v>55</v>
      </c>
      <c r="P426" s="10" t="s">
        <v>55</v>
      </c>
      <c r="Q426" s="10" t="s">
        <v>55</v>
      </c>
      <c r="R426" s="10" t="s">
        <v>55</v>
      </c>
      <c r="S426" s="10" t="s">
        <v>55</v>
      </c>
      <c r="T426" s="10" t="s">
        <v>55</v>
      </c>
      <c r="U426" s="10" t="s">
        <v>55</v>
      </c>
      <c r="V426" s="10" t="s">
        <v>55</v>
      </c>
      <c r="W426" s="10" t="s">
        <v>55</v>
      </c>
      <c r="X426" s="10" t="s">
        <v>55</v>
      </c>
      <c r="Y426" s="10" t="s">
        <v>55</v>
      </c>
      <c r="Z426" s="10" t="s">
        <v>55</v>
      </c>
      <c r="AA426" s="10" t="s">
        <v>55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100</v>
      </c>
      <c r="I427" s="9" t="s">
        <v>6</v>
      </c>
      <c r="J427" s="9" t="s">
        <v>32</v>
      </c>
      <c r="K427" s="10" t="s">
        <v>55</v>
      </c>
      <c r="L427" s="10" t="s">
        <v>55</v>
      </c>
      <c r="M427" s="10" t="s">
        <v>55</v>
      </c>
      <c r="N427" s="10" t="s">
        <v>55</v>
      </c>
      <c r="O427" s="10" t="s">
        <v>55</v>
      </c>
      <c r="P427" s="10" t="s">
        <v>55</v>
      </c>
      <c r="Q427" s="10" t="s">
        <v>55</v>
      </c>
      <c r="R427" s="10" t="s">
        <v>55</v>
      </c>
      <c r="S427" s="10" t="s">
        <v>55</v>
      </c>
      <c r="T427" s="10" t="s">
        <v>55</v>
      </c>
      <c r="U427" s="10" t="s">
        <v>55</v>
      </c>
      <c r="V427" s="10" t="s">
        <v>55</v>
      </c>
      <c r="W427" s="10" t="s">
        <v>55</v>
      </c>
      <c r="X427" s="10" t="s">
        <v>55</v>
      </c>
      <c r="Y427" s="10" t="s">
        <v>55</v>
      </c>
      <c r="Z427" s="10" t="s">
        <v>55</v>
      </c>
      <c r="AA427" s="10" t="s">
        <v>55</v>
      </c>
      <c r="AB427" s="10" t="s">
        <v>55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100</v>
      </c>
      <c r="I428" s="9" t="s">
        <v>6</v>
      </c>
      <c r="J428" s="9" t="s">
        <v>33</v>
      </c>
      <c r="K428" s="10" t="s">
        <v>55</v>
      </c>
      <c r="L428" s="10" t="s">
        <v>55</v>
      </c>
      <c r="M428" s="10" t="s">
        <v>55</v>
      </c>
      <c r="N428" s="10" t="s">
        <v>55</v>
      </c>
      <c r="O428" s="10" t="s">
        <v>55</v>
      </c>
      <c r="P428" s="10" t="s">
        <v>55</v>
      </c>
      <c r="Q428" s="10" t="s">
        <v>55</v>
      </c>
      <c r="R428" s="10" t="s">
        <v>55</v>
      </c>
      <c r="S428" s="10" t="s">
        <v>55</v>
      </c>
      <c r="T428" s="10" t="s">
        <v>55</v>
      </c>
      <c r="U428" s="10" t="s">
        <v>55</v>
      </c>
      <c r="V428" s="10" t="s">
        <v>55</v>
      </c>
      <c r="W428" s="10" t="s">
        <v>55</v>
      </c>
      <c r="X428" s="10" t="s">
        <v>55</v>
      </c>
      <c r="Y428" s="10" t="s">
        <v>55</v>
      </c>
      <c r="Z428" s="10" t="s">
        <v>55</v>
      </c>
      <c r="AA428" s="10" t="s">
        <v>55</v>
      </c>
      <c r="AB428" s="10" t="s">
        <v>55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100</v>
      </c>
      <c r="I429" s="9" t="s">
        <v>6</v>
      </c>
      <c r="J429" s="9" t="s">
        <v>34</v>
      </c>
      <c r="K429" s="6">
        <v>3</v>
      </c>
      <c r="L429" s="6">
        <v>3</v>
      </c>
      <c r="M429" s="6">
        <v>3</v>
      </c>
      <c r="N429" s="6">
        <v>3</v>
      </c>
      <c r="O429" s="10" t="s">
        <v>55</v>
      </c>
      <c r="P429" s="10" t="s">
        <v>55</v>
      </c>
      <c r="Q429" s="10" t="s">
        <v>55</v>
      </c>
      <c r="R429" s="10" t="s">
        <v>55</v>
      </c>
      <c r="S429" s="10" t="s">
        <v>55</v>
      </c>
      <c r="T429" s="10" t="s">
        <v>55</v>
      </c>
      <c r="U429" s="10" t="s">
        <v>55</v>
      </c>
      <c r="V429" s="10" t="s">
        <v>55</v>
      </c>
      <c r="W429" s="10" t="s">
        <v>55</v>
      </c>
      <c r="X429" s="6">
        <v>3</v>
      </c>
      <c r="Y429" s="6">
        <v>3</v>
      </c>
      <c r="Z429" s="10" t="s">
        <v>55</v>
      </c>
      <c r="AA429" s="10" t="s">
        <v>55</v>
      </c>
      <c r="AB429" s="10" t="s">
        <v>55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100</v>
      </c>
      <c r="I430" s="9" t="s">
        <v>6</v>
      </c>
      <c r="J430" s="9" t="s">
        <v>35</v>
      </c>
      <c r="K430" s="6">
        <v>6</v>
      </c>
      <c r="L430" s="6">
        <v>6</v>
      </c>
      <c r="M430" s="6">
        <v>6</v>
      </c>
      <c r="N430" s="6">
        <v>6</v>
      </c>
      <c r="O430" s="10" t="s">
        <v>55</v>
      </c>
      <c r="P430" s="10" t="s">
        <v>55</v>
      </c>
      <c r="Q430" s="10" t="s">
        <v>55</v>
      </c>
      <c r="R430" s="10" t="s">
        <v>55</v>
      </c>
      <c r="S430" s="10" t="s">
        <v>55</v>
      </c>
      <c r="T430" s="10" t="s">
        <v>55</v>
      </c>
      <c r="U430" s="10" t="s">
        <v>55</v>
      </c>
      <c r="V430" s="10" t="s">
        <v>55</v>
      </c>
      <c r="W430" s="10" t="s">
        <v>55</v>
      </c>
      <c r="X430" s="6">
        <v>6</v>
      </c>
      <c r="Y430" s="6">
        <v>6</v>
      </c>
      <c r="Z430" s="10" t="s">
        <v>55</v>
      </c>
      <c r="AA430" s="10" t="s">
        <v>55</v>
      </c>
      <c r="AB430" s="10" t="s">
        <v>55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100</v>
      </c>
      <c r="I431" s="9" t="s">
        <v>6</v>
      </c>
      <c r="J431" s="9" t="s">
        <v>36</v>
      </c>
      <c r="K431" s="6">
        <v>2</v>
      </c>
      <c r="L431" s="6">
        <v>2</v>
      </c>
      <c r="M431" s="6">
        <v>2</v>
      </c>
      <c r="N431" s="6">
        <v>1</v>
      </c>
      <c r="O431" s="10" t="s">
        <v>55</v>
      </c>
      <c r="P431" s="10" t="s">
        <v>55</v>
      </c>
      <c r="Q431" s="6">
        <v>1</v>
      </c>
      <c r="R431" s="10" t="s">
        <v>55</v>
      </c>
      <c r="S431" s="10" t="s">
        <v>55</v>
      </c>
      <c r="T431" s="10" t="s">
        <v>55</v>
      </c>
      <c r="U431" s="10" t="s">
        <v>55</v>
      </c>
      <c r="V431" s="10" t="s">
        <v>55</v>
      </c>
      <c r="W431" s="10" t="s">
        <v>55</v>
      </c>
      <c r="X431" s="6">
        <v>2</v>
      </c>
      <c r="Y431" s="6">
        <v>1</v>
      </c>
      <c r="Z431" s="10" t="s">
        <v>55</v>
      </c>
      <c r="AA431" s="10" t="s">
        <v>55</v>
      </c>
      <c r="AB431" s="6">
        <v>1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100</v>
      </c>
      <c r="I432" s="9" t="s">
        <v>6</v>
      </c>
      <c r="J432" s="9" t="s">
        <v>37</v>
      </c>
      <c r="K432" s="6">
        <v>7</v>
      </c>
      <c r="L432" s="6">
        <v>6</v>
      </c>
      <c r="M432" s="6">
        <v>5</v>
      </c>
      <c r="N432" s="6">
        <v>5</v>
      </c>
      <c r="O432" s="10" t="s">
        <v>55</v>
      </c>
      <c r="P432" s="10" t="s">
        <v>55</v>
      </c>
      <c r="Q432" s="10" t="s">
        <v>55</v>
      </c>
      <c r="R432" s="6">
        <v>1</v>
      </c>
      <c r="S432" s="10" t="s">
        <v>55</v>
      </c>
      <c r="T432" s="10" t="s">
        <v>55</v>
      </c>
      <c r="U432" s="10" t="s">
        <v>55</v>
      </c>
      <c r="V432" s="10" t="s">
        <v>55</v>
      </c>
      <c r="W432" s="6">
        <v>1</v>
      </c>
      <c r="X432" s="6">
        <v>2</v>
      </c>
      <c r="Y432" s="6">
        <v>2</v>
      </c>
      <c r="Z432" s="10" t="s">
        <v>55</v>
      </c>
      <c r="AA432" s="10" t="s">
        <v>55</v>
      </c>
      <c r="AB432" s="10" t="s">
        <v>55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100</v>
      </c>
      <c r="I433" s="9" t="s">
        <v>6</v>
      </c>
      <c r="J433" s="9" t="s">
        <v>38</v>
      </c>
      <c r="K433" s="6">
        <v>7</v>
      </c>
      <c r="L433" s="6">
        <v>6</v>
      </c>
      <c r="M433" s="6">
        <v>6</v>
      </c>
      <c r="N433" s="6">
        <v>5</v>
      </c>
      <c r="O433" s="6">
        <v>1</v>
      </c>
      <c r="P433" s="10" t="s">
        <v>55</v>
      </c>
      <c r="Q433" s="10" t="s">
        <v>55</v>
      </c>
      <c r="R433" s="10" t="s">
        <v>55</v>
      </c>
      <c r="S433" s="10" t="s">
        <v>55</v>
      </c>
      <c r="T433" s="10" t="s">
        <v>55</v>
      </c>
      <c r="U433" s="10" t="s">
        <v>55</v>
      </c>
      <c r="V433" s="10" t="s">
        <v>55</v>
      </c>
      <c r="W433" s="6">
        <v>1</v>
      </c>
      <c r="X433" s="6">
        <v>6</v>
      </c>
      <c r="Y433" s="6">
        <v>5</v>
      </c>
      <c r="Z433" s="6">
        <v>1</v>
      </c>
      <c r="AA433" s="10" t="s">
        <v>55</v>
      </c>
      <c r="AB433" s="10" t="s">
        <v>55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100</v>
      </c>
      <c r="I434" s="9" t="s">
        <v>6</v>
      </c>
      <c r="J434" s="9" t="s">
        <v>39</v>
      </c>
      <c r="K434" s="6">
        <v>29</v>
      </c>
      <c r="L434" s="6">
        <v>24</v>
      </c>
      <c r="M434" s="6">
        <v>24</v>
      </c>
      <c r="N434" s="6">
        <v>22</v>
      </c>
      <c r="O434" s="6">
        <v>2</v>
      </c>
      <c r="P434" s="10" t="s">
        <v>55</v>
      </c>
      <c r="Q434" s="10" t="s">
        <v>55</v>
      </c>
      <c r="R434" s="10" t="s">
        <v>55</v>
      </c>
      <c r="S434" s="6">
        <v>3</v>
      </c>
      <c r="T434" s="6">
        <v>3</v>
      </c>
      <c r="U434" s="10" t="s">
        <v>55</v>
      </c>
      <c r="V434" s="10" t="s">
        <v>55</v>
      </c>
      <c r="W434" s="6">
        <v>2</v>
      </c>
      <c r="X434" s="6">
        <v>20</v>
      </c>
      <c r="Y434" s="6">
        <v>19</v>
      </c>
      <c r="Z434" s="6">
        <v>1</v>
      </c>
      <c r="AA434" s="10" t="s">
        <v>55</v>
      </c>
      <c r="AB434" s="10" t="s">
        <v>55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100</v>
      </c>
      <c r="I435" s="9" t="s">
        <v>6</v>
      </c>
      <c r="J435" s="9" t="s">
        <v>40</v>
      </c>
      <c r="K435" s="6">
        <v>43</v>
      </c>
      <c r="L435" s="6">
        <v>32</v>
      </c>
      <c r="M435" s="6">
        <v>31</v>
      </c>
      <c r="N435" s="6">
        <v>26</v>
      </c>
      <c r="O435" s="6">
        <v>4</v>
      </c>
      <c r="P435" s="10" t="s">
        <v>55</v>
      </c>
      <c r="Q435" s="6">
        <v>1</v>
      </c>
      <c r="R435" s="6">
        <v>1</v>
      </c>
      <c r="S435" s="6">
        <v>10</v>
      </c>
      <c r="T435" s="6">
        <v>7</v>
      </c>
      <c r="U435" s="10" t="s">
        <v>55</v>
      </c>
      <c r="V435" s="6">
        <v>3</v>
      </c>
      <c r="W435" s="6">
        <v>1</v>
      </c>
      <c r="X435" s="6">
        <v>27</v>
      </c>
      <c r="Y435" s="6">
        <v>24</v>
      </c>
      <c r="Z435" s="6">
        <v>2</v>
      </c>
      <c r="AA435" s="10" t="s">
        <v>55</v>
      </c>
      <c r="AB435" s="6">
        <v>1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100</v>
      </c>
      <c r="I436" s="9" t="s">
        <v>6</v>
      </c>
      <c r="J436" s="9" t="s">
        <v>41</v>
      </c>
      <c r="K436" s="6">
        <v>94</v>
      </c>
      <c r="L436" s="6">
        <v>46</v>
      </c>
      <c r="M436" s="6">
        <v>45</v>
      </c>
      <c r="N436" s="6">
        <v>35</v>
      </c>
      <c r="O436" s="6">
        <v>8</v>
      </c>
      <c r="P436" s="10" t="s">
        <v>55</v>
      </c>
      <c r="Q436" s="6">
        <v>2</v>
      </c>
      <c r="R436" s="6">
        <v>1</v>
      </c>
      <c r="S436" s="6">
        <v>45</v>
      </c>
      <c r="T436" s="6">
        <v>22</v>
      </c>
      <c r="U436" s="10" t="s">
        <v>55</v>
      </c>
      <c r="V436" s="6">
        <v>23</v>
      </c>
      <c r="W436" s="6">
        <v>3</v>
      </c>
      <c r="X436" s="6">
        <v>33</v>
      </c>
      <c r="Y436" s="6">
        <v>27</v>
      </c>
      <c r="Z436" s="6">
        <v>4</v>
      </c>
      <c r="AA436" s="10" t="s">
        <v>55</v>
      </c>
      <c r="AB436" s="6">
        <v>2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100</v>
      </c>
      <c r="I437" s="9" t="s">
        <v>6</v>
      </c>
      <c r="J437" s="9" t="s">
        <v>42</v>
      </c>
      <c r="K437" s="6">
        <v>175</v>
      </c>
      <c r="L437" s="6">
        <v>50</v>
      </c>
      <c r="M437" s="6">
        <v>50</v>
      </c>
      <c r="N437" s="6">
        <v>33</v>
      </c>
      <c r="O437" s="6">
        <v>12</v>
      </c>
      <c r="P437" s="10" t="s">
        <v>55</v>
      </c>
      <c r="Q437" s="6">
        <v>5</v>
      </c>
      <c r="R437" s="10" t="s">
        <v>55</v>
      </c>
      <c r="S437" s="6">
        <v>122</v>
      </c>
      <c r="T437" s="6">
        <v>65</v>
      </c>
      <c r="U437" s="10" t="s">
        <v>55</v>
      </c>
      <c r="V437" s="6">
        <v>57</v>
      </c>
      <c r="W437" s="6">
        <v>3</v>
      </c>
      <c r="X437" s="6">
        <v>30</v>
      </c>
      <c r="Y437" s="6">
        <v>21</v>
      </c>
      <c r="Z437" s="6">
        <v>6</v>
      </c>
      <c r="AA437" s="10" t="s">
        <v>55</v>
      </c>
      <c r="AB437" s="6">
        <v>3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100</v>
      </c>
      <c r="I438" s="9" t="s">
        <v>6</v>
      </c>
      <c r="J438" s="9" t="s">
        <v>43</v>
      </c>
      <c r="K438" s="6">
        <v>214</v>
      </c>
      <c r="L438" s="6">
        <v>20</v>
      </c>
      <c r="M438" s="6">
        <v>19</v>
      </c>
      <c r="N438" s="6">
        <v>13</v>
      </c>
      <c r="O438" s="6">
        <v>6</v>
      </c>
      <c r="P438" s="10" t="s">
        <v>55</v>
      </c>
      <c r="Q438" s="10" t="s">
        <v>55</v>
      </c>
      <c r="R438" s="6">
        <v>1</v>
      </c>
      <c r="S438" s="6">
        <v>190</v>
      </c>
      <c r="T438" s="6">
        <v>76</v>
      </c>
      <c r="U438" s="10" t="s">
        <v>55</v>
      </c>
      <c r="V438" s="6">
        <v>114</v>
      </c>
      <c r="W438" s="6">
        <v>4</v>
      </c>
      <c r="X438" s="6">
        <v>7</v>
      </c>
      <c r="Y438" s="6">
        <v>5</v>
      </c>
      <c r="Z438" s="6">
        <v>2</v>
      </c>
      <c r="AA438" s="10" t="s">
        <v>55</v>
      </c>
      <c r="AB438" s="10" t="s">
        <v>55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100</v>
      </c>
      <c r="I439" s="9" t="s">
        <v>6</v>
      </c>
      <c r="J439" s="9" t="s">
        <v>44</v>
      </c>
      <c r="K439" s="6">
        <v>284</v>
      </c>
      <c r="L439" s="6">
        <v>28</v>
      </c>
      <c r="M439" s="6">
        <v>27</v>
      </c>
      <c r="N439" s="6">
        <v>16</v>
      </c>
      <c r="O439" s="6">
        <v>11</v>
      </c>
      <c r="P439" s="10" t="s">
        <v>55</v>
      </c>
      <c r="Q439" s="10" t="s">
        <v>55</v>
      </c>
      <c r="R439" s="6">
        <v>1</v>
      </c>
      <c r="S439" s="6">
        <v>247</v>
      </c>
      <c r="T439" s="6">
        <v>56</v>
      </c>
      <c r="U439" s="10" t="s">
        <v>55</v>
      </c>
      <c r="V439" s="6">
        <v>191</v>
      </c>
      <c r="W439" s="6">
        <v>9</v>
      </c>
      <c r="X439" s="6">
        <v>4</v>
      </c>
      <c r="Y439" s="6">
        <v>4</v>
      </c>
      <c r="Z439" s="10" t="s">
        <v>55</v>
      </c>
      <c r="AA439" s="10" t="s">
        <v>55</v>
      </c>
      <c r="AB439" s="10" t="s">
        <v>55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100</v>
      </c>
      <c r="I440" s="9" t="s">
        <v>6</v>
      </c>
      <c r="J440" s="9" t="s">
        <v>45</v>
      </c>
      <c r="K440" s="6">
        <v>330</v>
      </c>
      <c r="L440" s="6">
        <v>13</v>
      </c>
      <c r="M440" s="6">
        <v>13</v>
      </c>
      <c r="N440" s="6">
        <v>4</v>
      </c>
      <c r="O440" s="6">
        <v>7</v>
      </c>
      <c r="P440" s="10" t="s">
        <v>55</v>
      </c>
      <c r="Q440" s="6">
        <v>2</v>
      </c>
      <c r="R440" s="10" t="s">
        <v>55</v>
      </c>
      <c r="S440" s="6">
        <v>311</v>
      </c>
      <c r="T440" s="6">
        <v>40</v>
      </c>
      <c r="U440" s="10" t="s">
        <v>55</v>
      </c>
      <c r="V440" s="6">
        <v>271</v>
      </c>
      <c r="W440" s="6">
        <v>6</v>
      </c>
      <c r="X440" s="6">
        <v>1</v>
      </c>
      <c r="Y440" s="6">
        <v>1</v>
      </c>
      <c r="Z440" s="10" t="s">
        <v>55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100</v>
      </c>
      <c r="I441" s="9" t="s">
        <v>6</v>
      </c>
      <c r="J441" s="9" t="s">
        <v>46</v>
      </c>
      <c r="K441" s="6">
        <v>198</v>
      </c>
      <c r="L441" s="6">
        <v>5</v>
      </c>
      <c r="M441" s="6">
        <v>5</v>
      </c>
      <c r="N441" s="6">
        <v>3</v>
      </c>
      <c r="O441" s="6">
        <v>2</v>
      </c>
      <c r="P441" s="10" t="s">
        <v>55</v>
      </c>
      <c r="Q441" s="10" t="s">
        <v>55</v>
      </c>
      <c r="R441" s="10" t="s">
        <v>55</v>
      </c>
      <c r="S441" s="6">
        <v>189</v>
      </c>
      <c r="T441" s="6">
        <v>17</v>
      </c>
      <c r="U441" s="10" t="s">
        <v>55</v>
      </c>
      <c r="V441" s="6">
        <v>172</v>
      </c>
      <c r="W441" s="6">
        <v>4</v>
      </c>
      <c r="X441" s="6">
        <v>2</v>
      </c>
      <c r="Y441" s="6">
        <v>2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100</v>
      </c>
      <c r="I442" s="9" t="s">
        <v>6</v>
      </c>
      <c r="J442" s="9" t="s">
        <v>47</v>
      </c>
      <c r="K442" s="6">
        <v>67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6">
        <v>67</v>
      </c>
      <c r="T442" s="6">
        <v>1</v>
      </c>
      <c r="U442" s="10" t="s">
        <v>55</v>
      </c>
      <c r="V442" s="6">
        <v>66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100</v>
      </c>
      <c r="I443" s="9" t="s">
        <v>6</v>
      </c>
      <c r="J443" s="9" t="s">
        <v>48</v>
      </c>
      <c r="K443" s="6">
        <v>97</v>
      </c>
      <c r="L443" s="6">
        <v>79</v>
      </c>
      <c r="M443" s="6">
        <v>77</v>
      </c>
      <c r="N443" s="6">
        <v>68</v>
      </c>
      <c r="O443" s="6">
        <v>7</v>
      </c>
      <c r="P443" s="10" t="s">
        <v>55</v>
      </c>
      <c r="Q443" s="6">
        <v>2</v>
      </c>
      <c r="R443" s="6">
        <v>2</v>
      </c>
      <c r="S443" s="6">
        <v>13</v>
      </c>
      <c r="T443" s="6">
        <v>10</v>
      </c>
      <c r="U443" s="10" t="s">
        <v>55</v>
      </c>
      <c r="V443" s="6">
        <v>3</v>
      </c>
      <c r="W443" s="6">
        <v>5</v>
      </c>
      <c r="X443" s="6">
        <v>66</v>
      </c>
      <c r="Y443" s="6">
        <v>60</v>
      </c>
      <c r="Z443" s="6">
        <v>4</v>
      </c>
      <c r="AA443" s="10" t="s">
        <v>55</v>
      </c>
      <c r="AB443" s="6">
        <v>2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100</v>
      </c>
      <c r="I444" s="9" t="s">
        <v>6</v>
      </c>
      <c r="J444" s="9" t="s">
        <v>49</v>
      </c>
      <c r="K444" s="6">
        <v>1362</v>
      </c>
      <c r="L444" s="6">
        <v>162</v>
      </c>
      <c r="M444" s="6">
        <v>159</v>
      </c>
      <c r="N444" s="6">
        <v>104</v>
      </c>
      <c r="O444" s="6">
        <v>46</v>
      </c>
      <c r="P444" s="10" t="s">
        <v>55</v>
      </c>
      <c r="Q444" s="6">
        <v>9</v>
      </c>
      <c r="R444" s="6">
        <v>3</v>
      </c>
      <c r="S444" s="6">
        <v>1171</v>
      </c>
      <c r="T444" s="6">
        <v>277</v>
      </c>
      <c r="U444" s="10" t="s">
        <v>55</v>
      </c>
      <c r="V444" s="6">
        <v>894</v>
      </c>
      <c r="W444" s="6">
        <v>29</v>
      </c>
      <c r="X444" s="6">
        <v>77</v>
      </c>
      <c r="Y444" s="6">
        <v>60</v>
      </c>
      <c r="Z444" s="6">
        <v>12</v>
      </c>
      <c r="AA444" s="10" t="s">
        <v>55</v>
      </c>
      <c r="AB444" s="6">
        <v>5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100</v>
      </c>
      <c r="I445" s="9" t="s">
        <v>6</v>
      </c>
      <c r="J445" s="9" t="s">
        <v>50</v>
      </c>
      <c r="K445" s="6">
        <v>1093</v>
      </c>
      <c r="L445" s="6">
        <v>66</v>
      </c>
      <c r="M445" s="6">
        <v>64</v>
      </c>
      <c r="N445" s="6">
        <v>36</v>
      </c>
      <c r="O445" s="6">
        <v>26</v>
      </c>
      <c r="P445" s="10" t="s">
        <v>55</v>
      </c>
      <c r="Q445" s="6">
        <v>2</v>
      </c>
      <c r="R445" s="6">
        <v>2</v>
      </c>
      <c r="S445" s="6">
        <v>1004</v>
      </c>
      <c r="T445" s="6">
        <v>190</v>
      </c>
      <c r="U445" s="10" t="s">
        <v>55</v>
      </c>
      <c r="V445" s="6">
        <v>814</v>
      </c>
      <c r="W445" s="6">
        <v>23</v>
      </c>
      <c r="X445" s="6">
        <v>14</v>
      </c>
      <c r="Y445" s="6">
        <v>12</v>
      </c>
      <c r="Z445" s="6">
        <v>2</v>
      </c>
      <c r="AA445" s="10" t="s">
        <v>55</v>
      </c>
      <c r="AB445" s="10" t="s">
        <v>55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100</v>
      </c>
      <c r="I446" s="9" t="s">
        <v>6</v>
      </c>
      <c r="J446" s="9" t="s">
        <v>51</v>
      </c>
      <c r="K446" s="6">
        <v>595</v>
      </c>
      <c r="L446" s="6">
        <v>18</v>
      </c>
      <c r="M446" s="6">
        <v>18</v>
      </c>
      <c r="N446" s="6">
        <v>7</v>
      </c>
      <c r="O446" s="6">
        <v>9</v>
      </c>
      <c r="P446" s="10" t="s">
        <v>55</v>
      </c>
      <c r="Q446" s="6">
        <v>2</v>
      </c>
      <c r="R446" s="10" t="s">
        <v>55</v>
      </c>
      <c r="S446" s="6">
        <v>567</v>
      </c>
      <c r="T446" s="6">
        <v>58</v>
      </c>
      <c r="U446" s="10" t="s">
        <v>55</v>
      </c>
      <c r="V446" s="6">
        <v>509</v>
      </c>
      <c r="W446" s="6">
        <v>10</v>
      </c>
      <c r="X446" s="6">
        <v>3</v>
      </c>
      <c r="Y446" s="6">
        <v>3</v>
      </c>
      <c r="Z446" s="10" t="s">
        <v>55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100</v>
      </c>
      <c r="I447" s="9" t="s">
        <v>6</v>
      </c>
      <c r="J447" s="9" t="s">
        <v>52</v>
      </c>
      <c r="K447" s="6">
        <v>191</v>
      </c>
      <c r="L447" s="6">
        <v>125</v>
      </c>
      <c r="M447" s="6">
        <v>122</v>
      </c>
      <c r="N447" s="6">
        <v>103</v>
      </c>
      <c r="O447" s="6">
        <v>15</v>
      </c>
      <c r="P447" s="10" t="s">
        <v>55</v>
      </c>
      <c r="Q447" s="6">
        <v>4</v>
      </c>
      <c r="R447" s="6">
        <v>3</v>
      </c>
      <c r="S447" s="6">
        <v>58</v>
      </c>
      <c r="T447" s="6">
        <v>32</v>
      </c>
      <c r="U447" s="10" t="s">
        <v>55</v>
      </c>
      <c r="V447" s="6">
        <v>26</v>
      </c>
      <c r="W447" s="6">
        <v>8</v>
      </c>
      <c r="X447" s="6">
        <v>99</v>
      </c>
      <c r="Y447" s="6">
        <v>87</v>
      </c>
      <c r="Z447" s="6">
        <v>8</v>
      </c>
      <c r="AA447" s="10" t="s">
        <v>55</v>
      </c>
      <c r="AB447" s="6">
        <v>4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100</v>
      </c>
      <c r="I448" s="9" t="s">
        <v>53</v>
      </c>
      <c r="J448" s="9" t="s">
        <v>30</v>
      </c>
      <c r="K448" s="6">
        <v>223</v>
      </c>
      <c r="L448" s="6">
        <v>51</v>
      </c>
      <c r="M448" s="6">
        <v>50</v>
      </c>
      <c r="N448" s="6">
        <v>46</v>
      </c>
      <c r="O448" s="6">
        <v>1</v>
      </c>
      <c r="P448" s="10" t="s">
        <v>55</v>
      </c>
      <c r="Q448" s="6">
        <v>3</v>
      </c>
      <c r="R448" s="6">
        <v>1</v>
      </c>
      <c r="S448" s="6">
        <v>165</v>
      </c>
      <c r="T448" s="6">
        <v>9</v>
      </c>
      <c r="U448" s="10" t="s">
        <v>55</v>
      </c>
      <c r="V448" s="6">
        <v>156</v>
      </c>
      <c r="W448" s="6">
        <v>7</v>
      </c>
      <c r="X448" s="6">
        <v>28</v>
      </c>
      <c r="Y448" s="6">
        <v>28</v>
      </c>
      <c r="Z448" s="10" t="s">
        <v>55</v>
      </c>
      <c r="AA448" s="10" t="s">
        <v>55</v>
      </c>
      <c r="AB448" s="10" t="s">
        <v>55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100</v>
      </c>
      <c r="I449" s="9" t="s">
        <v>53</v>
      </c>
      <c r="J449" s="9" t="s">
        <v>31</v>
      </c>
      <c r="K449" s="10" t="s">
        <v>55</v>
      </c>
      <c r="L449" s="10" t="s">
        <v>55</v>
      </c>
      <c r="M449" s="10" t="s">
        <v>55</v>
      </c>
      <c r="N449" s="10" t="s">
        <v>55</v>
      </c>
      <c r="O449" s="10" t="s">
        <v>55</v>
      </c>
      <c r="P449" s="10" t="s">
        <v>55</v>
      </c>
      <c r="Q449" s="10" t="s">
        <v>55</v>
      </c>
      <c r="R449" s="10" t="s">
        <v>55</v>
      </c>
      <c r="S449" s="10" t="s">
        <v>55</v>
      </c>
      <c r="T449" s="10" t="s">
        <v>55</v>
      </c>
      <c r="U449" s="10" t="s">
        <v>55</v>
      </c>
      <c r="V449" s="10" t="s">
        <v>55</v>
      </c>
      <c r="W449" s="10" t="s">
        <v>55</v>
      </c>
      <c r="X449" s="10" t="s">
        <v>55</v>
      </c>
      <c r="Y449" s="10" t="s">
        <v>55</v>
      </c>
      <c r="Z449" s="10" t="s">
        <v>55</v>
      </c>
      <c r="AA449" s="10" t="s">
        <v>5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100</v>
      </c>
      <c r="I450" s="9" t="s">
        <v>53</v>
      </c>
      <c r="J450" s="9" t="s">
        <v>32</v>
      </c>
      <c r="K450" s="10" t="s">
        <v>55</v>
      </c>
      <c r="L450" s="10" t="s">
        <v>55</v>
      </c>
      <c r="M450" s="10" t="s">
        <v>55</v>
      </c>
      <c r="N450" s="10" t="s">
        <v>55</v>
      </c>
      <c r="O450" s="10" t="s">
        <v>55</v>
      </c>
      <c r="P450" s="10" t="s">
        <v>55</v>
      </c>
      <c r="Q450" s="10" t="s">
        <v>55</v>
      </c>
      <c r="R450" s="10" t="s">
        <v>55</v>
      </c>
      <c r="S450" s="10" t="s">
        <v>55</v>
      </c>
      <c r="T450" s="10" t="s">
        <v>55</v>
      </c>
      <c r="U450" s="10" t="s">
        <v>55</v>
      </c>
      <c r="V450" s="10" t="s">
        <v>55</v>
      </c>
      <c r="W450" s="10" t="s">
        <v>55</v>
      </c>
      <c r="X450" s="10" t="s">
        <v>55</v>
      </c>
      <c r="Y450" s="10" t="s">
        <v>55</v>
      </c>
      <c r="Z450" s="10" t="s">
        <v>55</v>
      </c>
      <c r="AA450" s="10" t="s">
        <v>5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100</v>
      </c>
      <c r="I451" s="9" t="s">
        <v>53</v>
      </c>
      <c r="J451" s="9" t="s">
        <v>33</v>
      </c>
      <c r="K451" s="10" t="s">
        <v>55</v>
      </c>
      <c r="L451" s="10" t="s">
        <v>55</v>
      </c>
      <c r="M451" s="10" t="s">
        <v>55</v>
      </c>
      <c r="N451" s="10" t="s">
        <v>55</v>
      </c>
      <c r="O451" s="10" t="s">
        <v>55</v>
      </c>
      <c r="P451" s="10" t="s">
        <v>55</v>
      </c>
      <c r="Q451" s="10" t="s">
        <v>55</v>
      </c>
      <c r="R451" s="10" t="s">
        <v>55</v>
      </c>
      <c r="S451" s="10" t="s">
        <v>55</v>
      </c>
      <c r="T451" s="10" t="s">
        <v>55</v>
      </c>
      <c r="U451" s="10" t="s">
        <v>55</v>
      </c>
      <c r="V451" s="10" t="s">
        <v>55</v>
      </c>
      <c r="W451" s="10" t="s">
        <v>55</v>
      </c>
      <c r="X451" s="10" t="s">
        <v>55</v>
      </c>
      <c r="Y451" s="10" t="s">
        <v>55</v>
      </c>
      <c r="Z451" s="10" t="s">
        <v>55</v>
      </c>
      <c r="AA451" s="10" t="s">
        <v>55</v>
      </c>
      <c r="AB451" s="10" t="s">
        <v>55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100</v>
      </c>
      <c r="I452" s="9" t="s">
        <v>53</v>
      </c>
      <c r="J452" s="9" t="s">
        <v>34</v>
      </c>
      <c r="K452" s="10" t="s">
        <v>55</v>
      </c>
      <c r="L452" s="10" t="s">
        <v>55</v>
      </c>
      <c r="M452" s="10" t="s">
        <v>55</v>
      </c>
      <c r="N452" s="10" t="s">
        <v>55</v>
      </c>
      <c r="O452" s="10" t="s">
        <v>55</v>
      </c>
      <c r="P452" s="10" t="s">
        <v>55</v>
      </c>
      <c r="Q452" s="10" t="s">
        <v>55</v>
      </c>
      <c r="R452" s="10" t="s">
        <v>55</v>
      </c>
      <c r="S452" s="10" t="s">
        <v>55</v>
      </c>
      <c r="T452" s="10" t="s">
        <v>55</v>
      </c>
      <c r="U452" s="10" t="s">
        <v>55</v>
      </c>
      <c r="V452" s="10" t="s">
        <v>55</v>
      </c>
      <c r="W452" s="10" t="s">
        <v>55</v>
      </c>
      <c r="X452" s="10" t="s">
        <v>55</v>
      </c>
      <c r="Y452" s="10" t="s">
        <v>55</v>
      </c>
      <c r="Z452" s="10" t="s">
        <v>55</v>
      </c>
      <c r="AA452" s="10" t="s">
        <v>55</v>
      </c>
      <c r="AB452" s="10" t="s">
        <v>55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100</v>
      </c>
      <c r="I453" s="9" t="s">
        <v>53</v>
      </c>
      <c r="J453" s="9" t="s">
        <v>35</v>
      </c>
      <c r="K453" s="10" t="s">
        <v>55</v>
      </c>
      <c r="L453" s="10" t="s">
        <v>55</v>
      </c>
      <c r="M453" s="10" t="s">
        <v>55</v>
      </c>
      <c r="N453" s="10" t="s">
        <v>55</v>
      </c>
      <c r="O453" s="10" t="s">
        <v>55</v>
      </c>
      <c r="P453" s="10" t="s">
        <v>55</v>
      </c>
      <c r="Q453" s="10" t="s">
        <v>55</v>
      </c>
      <c r="R453" s="10" t="s">
        <v>55</v>
      </c>
      <c r="S453" s="10" t="s">
        <v>55</v>
      </c>
      <c r="T453" s="10" t="s">
        <v>55</v>
      </c>
      <c r="U453" s="10" t="s">
        <v>55</v>
      </c>
      <c r="V453" s="10" t="s">
        <v>55</v>
      </c>
      <c r="W453" s="10" t="s">
        <v>55</v>
      </c>
      <c r="X453" s="10" t="s">
        <v>55</v>
      </c>
      <c r="Y453" s="10" t="s">
        <v>55</v>
      </c>
      <c r="Z453" s="10" t="s">
        <v>55</v>
      </c>
      <c r="AA453" s="10" t="s">
        <v>55</v>
      </c>
      <c r="AB453" s="10" t="s">
        <v>55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100</v>
      </c>
      <c r="I454" s="9" t="s">
        <v>53</v>
      </c>
      <c r="J454" s="9" t="s">
        <v>36</v>
      </c>
      <c r="K454" s="10" t="s">
        <v>55</v>
      </c>
      <c r="L454" s="10" t="s">
        <v>55</v>
      </c>
      <c r="M454" s="10" t="s">
        <v>55</v>
      </c>
      <c r="N454" s="10" t="s">
        <v>55</v>
      </c>
      <c r="O454" s="10" t="s">
        <v>55</v>
      </c>
      <c r="P454" s="10" t="s">
        <v>55</v>
      </c>
      <c r="Q454" s="10" t="s">
        <v>55</v>
      </c>
      <c r="R454" s="10" t="s">
        <v>55</v>
      </c>
      <c r="S454" s="10" t="s">
        <v>55</v>
      </c>
      <c r="T454" s="10" t="s">
        <v>55</v>
      </c>
      <c r="U454" s="10" t="s">
        <v>55</v>
      </c>
      <c r="V454" s="10" t="s">
        <v>55</v>
      </c>
      <c r="W454" s="10" t="s">
        <v>55</v>
      </c>
      <c r="X454" s="10" t="s">
        <v>55</v>
      </c>
      <c r="Y454" s="10" t="s">
        <v>55</v>
      </c>
      <c r="Z454" s="10" t="s">
        <v>55</v>
      </c>
      <c r="AA454" s="10" t="s">
        <v>55</v>
      </c>
      <c r="AB454" s="10" t="s">
        <v>55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100</v>
      </c>
      <c r="I455" s="9" t="s">
        <v>53</v>
      </c>
      <c r="J455" s="9" t="s">
        <v>37</v>
      </c>
      <c r="K455" s="6">
        <v>4</v>
      </c>
      <c r="L455" s="6">
        <v>3</v>
      </c>
      <c r="M455" s="6">
        <v>3</v>
      </c>
      <c r="N455" s="6">
        <v>3</v>
      </c>
      <c r="O455" s="10" t="s">
        <v>55</v>
      </c>
      <c r="P455" s="10" t="s">
        <v>55</v>
      </c>
      <c r="Q455" s="10" t="s">
        <v>55</v>
      </c>
      <c r="R455" s="10" t="s">
        <v>55</v>
      </c>
      <c r="S455" s="10" t="s">
        <v>55</v>
      </c>
      <c r="T455" s="10" t="s">
        <v>55</v>
      </c>
      <c r="U455" s="10" t="s">
        <v>55</v>
      </c>
      <c r="V455" s="10" t="s">
        <v>55</v>
      </c>
      <c r="W455" s="6">
        <v>1</v>
      </c>
      <c r="X455" s="10" t="s">
        <v>55</v>
      </c>
      <c r="Y455" s="10" t="s">
        <v>55</v>
      </c>
      <c r="Z455" s="10" t="s">
        <v>55</v>
      </c>
      <c r="AA455" s="10" t="s">
        <v>55</v>
      </c>
      <c r="AB455" s="10" t="s">
        <v>55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100</v>
      </c>
      <c r="I456" s="9" t="s">
        <v>53</v>
      </c>
      <c r="J456" s="9" t="s">
        <v>38</v>
      </c>
      <c r="K456" s="6">
        <v>2</v>
      </c>
      <c r="L456" s="6">
        <v>2</v>
      </c>
      <c r="M456" s="6">
        <v>2</v>
      </c>
      <c r="N456" s="6">
        <v>2</v>
      </c>
      <c r="O456" s="10" t="s">
        <v>55</v>
      </c>
      <c r="P456" s="10" t="s">
        <v>55</v>
      </c>
      <c r="Q456" s="10" t="s">
        <v>55</v>
      </c>
      <c r="R456" s="10" t="s">
        <v>55</v>
      </c>
      <c r="S456" s="10" t="s">
        <v>55</v>
      </c>
      <c r="T456" s="10" t="s">
        <v>55</v>
      </c>
      <c r="U456" s="10" t="s">
        <v>55</v>
      </c>
      <c r="V456" s="10" t="s">
        <v>55</v>
      </c>
      <c r="W456" s="10" t="s">
        <v>55</v>
      </c>
      <c r="X456" s="6">
        <v>2</v>
      </c>
      <c r="Y456" s="6">
        <v>2</v>
      </c>
      <c r="Z456" s="10" t="s">
        <v>55</v>
      </c>
      <c r="AA456" s="10" t="s">
        <v>55</v>
      </c>
      <c r="AB456" s="10" t="s">
        <v>55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100</v>
      </c>
      <c r="I457" s="9" t="s">
        <v>53</v>
      </c>
      <c r="J457" s="9" t="s">
        <v>39</v>
      </c>
      <c r="K457" s="6">
        <v>4</v>
      </c>
      <c r="L457" s="6">
        <v>4</v>
      </c>
      <c r="M457" s="6">
        <v>4</v>
      </c>
      <c r="N457" s="6">
        <v>4</v>
      </c>
      <c r="O457" s="10" t="s">
        <v>55</v>
      </c>
      <c r="P457" s="10" t="s">
        <v>55</v>
      </c>
      <c r="Q457" s="10" t="s">
        <v>55</v>
      </c>
      <c r="R457" s="10" t="s">
        <v>55</v>
      </c>
      <c r="S457" s="10" t="s">
        <v>55</v>
      </c>
      <c r="T457" s="10" t="s">
        <v>55</v>
      </c>
      <c r="U457" s="10" t="s">
        <v>55</v>
      </c>
      <c r="V457" s="10" t="s">
        <v>55</v>
      </c>
      <c r="W457" s="10" t="s">
        <v>55</v>
      </c>
      <c r="X457" s="6">
        <v>4</v>
      </c>
      <c r="Y457" s="6">
        <v>4</v>
      </c>
      <c r="Z457" s="10" t="s">
        <v>55</v>
      </c>
      <c r="AA457" s="10" t="s">
        <v>55</v>
      </c>
      <c r="AB457" s="10" t="s">
        <v>55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100</v>
      </c>
      <c r="I458" s="9" t="s">
        <v>53</v>
      </c>
      <c r="J458" s="9" t="s">
        <v>40</v>
      </c>
      <c r="K458" s="6">
        <v>8</v>
      </c>
      <c r="L458" s="6">
        <v>6</v>
      </c>
      <c r="M458" s="6">
        <v>6</v>
      </c>
      <c r="N458" s="6">
        <v>6</v>
      </c>
      <c r="O458" s="10" t="s">
        <v>55</v>
      </c>
      <c r="P458" s="10" t="s">
        <v>55</v>
      </c>
      <c r="Q458" s="10" t="s">
        <v>55</v>
      </c>
      <c r="R458" s="10" t="s">
        <v>55</v>
      </c>
      <c r="S458" s="6">
        <v>2</v>
      </c>
      <c r="T458" s="10" t="s">
        <v>55</v>
      </c>
      <c r="U458" s="10" t="s">
        <v>55</v>
      </c>
      <c r="V458" s="6">
        <v>2</v>
      </c>
      <c r="W458" s="10" t="s">
        <v>55</v>
      </c>
      <c r="X458" s="6">
        <v>5</v>
      </c>
      <c r="Y458" s="6">
        <v>5</v>
      </c>
      <c r="Z458" s="10" t="s">
        <v>55</v>
      </c>
      <c r="AA458" s="10" t="s">
        <v>55</v>
      </c>
      <c r="AB458" s="10" t="s">
        <v>55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100</v>
      </c>
      <c r="I459" s="9" t="s">
        <v>53</v>
      </c>
      <c r="J459" s="9" t="s">
        <v>41</v>
      </c>
      <c r="K459" s="6">
        <v>24</v>
      </c>
      <c r="L459" s="6">
        <v>12</v>
      </c>
      <c r="M459" s="6">
        <v>12</v>
      </c>
      <c r="N459" s="6">
        <v>12</v>
      </c>
      <c r="O459" s="10" t="s">
        <v>55</v>
      </c>
      <c r="P459" s="10" t="s">
        <v>55</v>
      </c>
      <c r="Q459" s="10" t="s">
        <v>55</v>
      </c>
      <c r="R459" s="10" t="s">
        <v>55</v>
      </c>
      <c r="S459" s="6">
        <v>12</v>
      </c>
      <c r="T459" s="6">
        <v>2</v>
      </c>
      <c r="U459" s="10" t="s">
        <v>55</v>
      </c>
      <c r="V459" s="6">
        <v>10</v>
      </c>
      <c r="W459" s="10" t="s">
        <v>55</v>
      </c>
      <c r="X459" s="6">
        <v>9</v>
      </c>
      <c r="Y459" s="6">
        <v>9</v>
      </c>
      <c r="Z459" s="10" t="s">
        <v>55</v>
      </c>
      <c r="AA459" s="10" t="s">
        <v>55</v>
      </c>
      <c r="AB459" s="10" t="s">
        <v>55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100</v>
      </c>
      <c r="I460" s="9" t="s">
        <v>53</v>
      </c>
      <c r="J460" s="9" t="s">
        <v>42</v>
      </c>
      <c r="K460" s="6">
        <v>29</v>
      </c>
      <c r="L460" s="6">
        <v>10</v>
      </c>
      <c r="M460" s="6">
        <v>10</v>
      </c>
      <c r="N460" s="6">
        <v>9</v>
      </c>
      <c r="O460" s="10" t="s">
        <v>55</v>
      </c>
      <c r="P460" s="10" t="s">
        <v>55</v>
      </c>
      <c r="Q460" s="6">
        <v>1</v>
      </c>
      <c r="R460" s="10" t="s">
        <v>55</v>
      </c>
      <c r="S460" s="6">
        <v>18</v>
      </c>
      <c r="T460" s="6">
        <v>1</v>
      </c>
      <c r="U460" s="10" t="s">
        <v>55</v>
      </c>
      <c r="V460" s="6">
        <v>17</v>
      </c>
      <c r="W460" s="6">
        <v>1</v>
      </c>
      <c r="X460" s="6">
        <v>6</v>
      </c>
      <c r="Y460" s="6">
        <v>6</v>
      </c>
      <c r="Z460" s="10" t="s">
        <v>55</v>
      </c>
      <c r="AA460" s="10" t="s">
        <v>55</v>
      </c>
      <c r="AB460" s="10" t="s">
        <v>55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100</v>
      </c>
      <c r="I461" s="9" t="s">
        <v>53</v>
      </c>
      <c r="J461" s="9" t="s">
        <v>43</v>
      </c>
      <c r="K461" s="6">
        <v>33</v>
      </c>
      <c r="L461" s="6">
        <v>3</v>
      </c>
      <c r="M461" s="6">
        <v>3</v>
      </c>
      <c r="N461" s="6">
        <v>2</v>
      </c>
      <c r="O461" s="6">
        <v>1</v>
      </c>
      <c r="P461" s="10" t="s">
        <v>55</v>
      </c>
      <c r="Q461" s="10" t="s">
        <v>55</v>
      </c>
      <c r="R461" s="10" t="s">
        <v>55</v>
      </c>
      <c r="S461" s="6">
        <v>30</v>
      </c>
      <c r="T461" s="6">
        <v>2</v>
      </c>
      <c r="U461" s="10" t="s">
        <v>55</v>
      </c>
      <c r="V461" s="6">
        <v>28</v>
      </c>
      <c r="W461" s="10" t="s">
        <v>55</v>
      </c>
      <c r="X461" s="6">
        <v>1</v>
      </c>
      <c r="Y461" s="6">
        <v>1</v>
      </c>
      <c r="Z461" s="10" t="s">
        <v>55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100</v>
      </c>
      <c r="I462" s="9" t="s">
        <v>53</v>
      </c>
      <c r="J462" s="9" t="s">
        <v>44</v>
      </c>
      <c r="K462" s="6">
        <v>38</v>
      </c>
      <c r="L462" s="6">
        <v>6</v>
      </c>
      <c r="M462" s="6">
        <v>5</v>
      </c>
      <c r="N462" s="6">
        <v>5</v>
      </c>
      <c r="O462" s="10" t="s">
        <v>55</v>
      </c>
      <c r="P462" s="10" t="s">
        <v>55</v>
      </c>
      <c r="Q462" s="10" t="s">
        <v>55</v>
      </c>
      <c r="R462" s="6">
        <v>1</v>
      </c>
      <c r="S462" s="6">
        <v>29</v>
      </c>
      <c r="T462" s="6">
        <v>3</v>
      </c>
      <c r="U462" s="10" t="s">
        <v>55</v>
      </c>
      <c r="V462" s="6">
        <v>26</v>
      </c>
      <c r="W462" s="6">
        <v>3</v>
      </c>
      <c r="X462" s="10" t="s">
        <v>55</v>
      </c>
      <c r="Y462" s="10" t="s">
        <v>55</v>
      </c>
      <c r="Z462" s="10" t="s">
        <v>55</v>
      </c>
      <c r="AA462" s="10" t="s">
        <v>55</v>
      </c>
      <c r="AB462" s="10" t="s">
        <v>55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100</v>
      </c>
      <c r="I463" s="9" t="s">
        <v>53</v>
      </c>
      <c r="J463" s="9" t="s">
        <v>45</v>
      </c>
      <c r="K463" s="6">
        <v>53</v>
      </c>
      <c r="L463" s="6">
        <v>3</v>
      </c>
      <c r="M463" s="6">
        <v>3</v>
      </c>
      <c r="N463" s="6">
        <v>1</v>
      </c>
      <c r="O463" s="10" t="s">
        <v>55</v>
      </c>
      <c r="P463" s="10" t="s">
        <v>55</v>
      </c>
      <c r="Q463" s="6">
        <v>2</v>
      </c>
      <c r="R463" s="10" t="s">
        <v>55</v>
      </c>
      <c r="S463" s="6">
        <v>48</v>
      </c>
      <c r="T463" s="6">
        <v>1</v>
      </c>
      <c r="U463" s="10" t="s">
        <v>55</v>
      </c>
      <c r="V463" s="6">
        <v>47</v>
      </c>
      <c r="W463" s="6">
        <v>2</v>
      </c>
      <c r="X463" s="10" t="s">
        <v>55</v>
      </c>
      <c r="Y463" s="10" t="s">
        <v>55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100</v>
      </c>
      <c r="I464" s="9" t="s">
        <v>53</v>
      </c>
      <c r="J464" s="9" t="s">
        <v>46</v>
      </c>
      <c r="K464" s="6">
        <v>22</v>
      </c>
      <c r="L464" s="6">
        <v>2</v>
      </c>
      <c r="M464" s="6">
        <v>2</v>
      </c>
      <c r="N464" s="6">
        <v>2</v>
      </c>
      <c r="O464" s="10" t="s">
        <v>55</v>
      </c>
      <c r="P464" s="10" t="s">
        <v>55</v>
      </c>
      <c r="Q464" s="10" t="s">
        <v>55</v>
      </c>
      <c r="R464" s="10" t="s">
        <v>55</v>
      </c>
      <c r="S464" s="6">
        <v>20</v>
      </c>
      <c r="T464" s="10" t="s">
        <v>55</v>
      </c>
      <c r="U464" s="10" t="s">
        <v>55</v>
      </c>
      <c r="V464" s="6">
        <v>20</v>
      </c>
      <c r="W464" s="10" t="s">
        <v>55</v>
      </c>
      <c r="X464" s="6">
        <v>1</v>
      </c>
      <c r="Y464" s="6">
        <v>1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100</v>
      </c>
      <c r="I465" s="9" t="s">
        <v>53</v>
      </c>
      <c r="J465" s="9" t="s">
        <v>47</v>
      </c>
      <c r="K465" s="6">
        <v>6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6">
        <v>6</v>
      </c>
      <c r="T465" s="10" t="s">
        <v>55</v>
      </c>
      <c r="U465" s="10" t="s">
        <v>55</v>
      </c>
      <c r="V465" s="6">
        <v>6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100</v>
      </c>
      <c r="I466" s="9" t="s">
        <v>53</v>
      </c>
      <c r="J466" s="9" t="s">
        <v>48</v>
      </c>
      <c r="K466" s="6">
        <v>18</v>
      </c>
      <c r="L466" s="6">
        <v>15</v>
      </c>
      <c r="M466" s="6">
        <v>15</v>
      </c>
      <c r="N466" s="6">
        <v>15</v>
      </c>
      <c r="O466" s="10" t="s">
        <v>55</v>
      </c>
      <c r="P466" s="10" t="s">
        <v>55</v>
      </c>
      <c r="Q466" s="10" t="s">
        <v>55</v>
      </c>
      <c r="R466" s="10" t="s">
        <v>55</v>
      </c>
      <c r="S466" s="6">
        <v>2</v>
      </c>
      <c r="T466" s="10" t="s">
        <v>55</v>
      </c>
      <c r="U466" s="10" t="s">
        <v>55</v>
      </c>
      <c r="V466" s="6">
        <v>2</v>
      </c>
      <c r="W466" s="6">
        <v>1</v>
      </c>
      <c r="X466" s="6">
        <v>11</v>
      </c>
      <c r="Y466" s="6">
        <v>11</v>
      </c>
      <c r="Z466" s="10" t="s">
        <v>55</v>
      </c>
      <c r="AA466" s="10" t="s">
        <v>55</v>
      </c>
      <c r="AB466" s="10" t="s">
        <v>55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100</v>
      </c>
      <c r="I467" s="9" t="s">
        <v>53</v>
      </c>
      <c r="J467" s="9" t="s">
        <v>49</v>
      </c>
      <c r="K467" s="6">
        <v>205</v>
      </c>
      <c r="L467" s="6">
        <v>36</v>
      </c>
      <c r="M467" s="6">
        <v>35</v>
      </c>
      <c r="N467" s="6">
        <v>31</v>
      </c>
      <c r="O467" s="6">
        <v>1</v>
      </c>
      <c r="P467" s="10" t="s">
        <v>55</v>
      </c>
      <c r="Q467" s="6">
        <v>3</v>
      </c>
      <c r="R467" s="6">
        <v>1</v>
      </c>
      <c r="S467" s="6">
        <v>163</v>
      </c>
      <c r="T467" s="6">
        <v>9</v>
      </c>
      <c r="U467" s="10" t="s">
        <v>55</v>
      </c>
      <c r="V467" s="6">
        <v>154</v>
      </c>
      <c r="W467" s="6">
        <v>6</v>
      </c>
      <c r="X467" s="6">
        <v>17</v>
      </c>
      <c r="Y467" s="6">
        <v>17</v>
      </c>
      <c r="Z467" s="10" t="s">
        <v>55</v>
      </c>
      <c r="AA467" s="10" t="s">
        <v>55</v>
      </c>
      <c r="AB467" s="10" t="s">
        <v>55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100</v>
      </c>
      <c r="I468" s="9" t="s">
        <v>53</v>
      </c>
      <c r="J468" s="9" t="s">
        <v>50</v>
      </c>
      <c r="K468" s="6">
        <v>152</v>
      </c>
      <c r="L468" s="6">
        <v>14</v>
      </c>
      <c r="M468" s="6">
        <v>13</v>
      </c>
      <c r="N468" s="6">
        <v>10</v>
      </c>
      <c r="O468" s="6">
        <v>1</v>
      </c>
      <c r="P468" s="10" t="s">
        <v>55</v>
      </c>
      <c r="Q468" s="6">
        <v>2</v>
      </c>
      <c r="R468" s="6">
        <v>1</v>
      </c>
      <c r="S468" s="6">
        <v>133</v>
      </c>
      <c r="T468" s="6">
        <v>6</v>
      </c>
      <c r="U468" s="10" t="s">
        <v>55</v>
      </c>
      <c r="V468" s="6">
        <v>127</v>
      </c>
      <c r="W468" s="6">
        <v>5</v>
      </c>
      <c r="X468" s="6">
        <v>2</v>
      </c>
      <c r="Y468" s="6">
        <v>2</v>
      </c>
      <c r="Z468" s="10" t="s">
        <v>55</v>
      </c>
      <c r="AA468" s="10" t="s">
        <v>55</v>
      </c>
      <c r="AB468" s="10" t="s">
        <v>55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100</v>
      </c>
      <c r="I469" s="9" t="s">
        <v>53</v>
      </c>
      <c r="J469" s="9" t="s">
        <v>51</v>
      </c>
      <c r="K469" s="6">
        <v>81</v>
      </c>
      <c r="L469" s="6">
        <v>5</v>
      </c>
      <c r="M469" s="6">
        <v>5</v>
      </c>
      <c r="N469" s="6">
        <v>3</v>
      </c>
      <c r="O469" s="10" t="s">
        <v>55</v>
      </c>
      <c r="P469" s="10" t="s">
        <v>55</v>
      </c>
      <c r="Q469" s="6">
        <v>2</v>
      </c>
      <c r="R469" s="10" t="s">
        <v>55</v>
      </c>
      <c r="S469" s="6">
        <v>74</v>
      </c>
      <c r="T469" s="6">
        <v>1</v>
      </c>
      <c r="U469" s="10" t="s">
        <v>55</v>
      </c>
      <c r="V469" s="6">
        <v>73</v>
      </c>
      <c r="W469" s="6">
        <v>2</v>
      </c>
      <c r="X469" s="6">
        <v>1</v>
      </c>
      <c r="Y469" s="6">
        <v>1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100</v>
      </c>
      <c r="I470" s="9" t="s">
        <v>53</v>
      </c>
      <c r="J470" s="9" t="s">
        <v>52</v>
      </c>
      <c r="K470" s="6">
        <v>42</v>
      </c>
      <c r="L470" s="6">
        <v>27</v>
      </c>
      <c r="M470" s="6">
        <v>27</v>
      </c>
      <c r="N470" s="6">
        <v>27</v>
      </c>
      <c r="O470" s="10" t="s">
        <v>55</v>
      </c>
      <c r="P470" s="10" t="s">
        <v>55</v>
      </c>
      <c r="Q470" s="10" t="s">
        <v>55</v>
      </c>
      <c r="R470" s="10" t="s">
        <v>55</v>
      </c>
      <c r="S470" s="6">
        <v>14</v>
      </c>
      <c r="T470" s="6">
        <v>2</v>
      </c>
      <c r="U470" s="10" t="s">
        <v>55</v>
      </c>
      <c r="V470" s="6">
        <v>12</v>
      </c>
      <c r="W470" s="6">
        <v>1</v>
      </c>
      <c r="X470" s="6">
        <v>20</v>
      </c>
      <c r="Y470" s="6">
        <v>20</v>
      </c>
      <c r="Z470" s="10" t="s">
        <v>55</v>
      </c>
      <c r="AA470" s="10" t="s">
        <v>55</v>
      </c>
      <c r="AB470" s="10" t="s">
        <v>55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100</v>
      </c>
      <c r="I471" s="9" t="s">
        <v>54</v>
      </c>
      <c r="J471" s="9" t="s">
        <v>30</v>
      </c>
      <c r="K471" s="6">
        <v>1236</v>
      </c>
      <c r="L471" s="6">
        <v>190</v>
      </c>
      <c r="M471" s="6">
        <v>186</v>
      </c>
      <c r="N471" s="6">
        <v>126</v>
      </c>
      <c r="O471" s="6">
        <v>52</v>
      </c>
      <c r="P471" s="10" t="s">
        <v>55</v>
      </c>
      <c r="Q471" s="6">
        <v>8</v>
      </c>
      <c r="R471" s="6">
        <v>4</v>
      </c>
      <c r="S471" s="6">
        <v>1019</v>
      </c>
      <c r="T471" s="6">
        <v>278</v>
      </c>
      <c r="U471" s="10" t="s">
        <v>55</v>
      </c>
      <c r="V471" s="6">
        <v>741</v>
      </c>
      <c r="W471" s="6">
        <v>27</v>
      </c>
      <c r="X471" s="6">
        <v>115</v>
      </c>
      <c r="Y471" s="6">
        <v>92</v>
      </c>
      <c r="Z471" s="6">
        <v>16</v>
      </c>
      <c r="AA471" s="10" t="s">
        <v>55</v>
      </c>
      <c r="AB471" s="6">
        <v>7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100</v>
      </c>
      <c r="I472" s="9" t="s">
        <v>54</v>
      </c>
      <c r="J472" s="9" t="s">
        <v>31</v>
      </c>
      <c r="K472" s="10" t="s">
        <v>55</v>
      </c>
      <c r="L472" s="10" t="s">
        <v>55</v>
      </c>
      <c r="M472" s="10" t="s">
        <v>55</v>
      </c>
      <c r="N472" s="10" t="s">
        <v>55</v>
      </c>
      <c r="O472" s="10" t="s">
        <v>55</v>
      </c>
      <c r="P472" s="10" t="s">
        <v>55</v>
      </c>
      <c r="Q472" s="10" t="s">
        <v>55</v>
      </c>
      <c r="R472" s="10" t="s">
        <v>55</v>
      </c>
      <c r="S472" s="10" t="s">
        <v>55</v>
      </c>
      <c r="T472" s="10" t="s">
        <v>55</v>
      </c>
      <c r="U472" s="10" t="s">
        <v>55</v>
      </c>
      <c r="V472" s="10" t="s">
        <v>55</v>
      </c>
      <c r="W472" s="10" t="s">
        <v>55</v>
      </c>
      <c r="X472" s="10" t="s">
        <v>55</v>
      </c>
      <c r="Y472" s="10" t="s">
        <v>55</v>
      </c>
      <c r="Z472" s="10" t="s">
        <v>55</v>
      </c>
      <c r="AA472" s="10" t="s">
        <v>55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100</v>
      </c>
      <c r="I473" s="9" t="s">
        <v>54</v>
      </c>
      <c r="J473" s="9" t="s">
        <v>32</v>
      </c>
      <c r="K473" s="10" t="s">
        <v>55</v>
      </c>
      <c r="L473" s="10" t="s">
        <v>55</v>
      </c>
      <c r="M473" s="10" t="s">
        <v>55</v>
      </c>
      <c r="N473" s="10" t="s">
        <v>55</v>
      </c>
      <c r="O473" s="10" t="s">
        <v>55</v>
      </c>
      <c r="P473" s="10" t="s">
        <v>55</v>
      </c>
      <c r="Q473" s="10" t="s">
        <v>55</v>
      </c>
      <c r="R473" s="10" t="s">
        <v>55</v>
      </c>
      <c r="S473" s="10" t="s">
        <v>55</v>
      </c>
      <c r="T473" s="10" t="s">
        <v>55</v>
      </c>
      <c r="U473" s="10" t="s">
        <v>55</v>
      </c>
      <c r="V473" s="10" t="s">
        <v>55</v>
      </c>
      <c r="W473" s="10" t="s">
        <v>55</v>
      </c>
      <c r="X473" s="10" t="s">
        <v>55</v>
      </c>
      <c r="Y473" s="10" t="s">
        <v>55</v>
      </c>
      <c r="Z473" s="10" t="s">
        <v>55</v>
      </c>
      <c r="AA473" s="10" t="s">
        <v>55</v>
      </c>
      <c r="AB473" s="10" t="s">
        <v>55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100</v>
      </c>
      <c r="I474" s="9" t="s">
        <v>54</v>
      </c>
      <c r="J474" s="9" t="s">
        <v>33</v>
      </c>
      <c r="K474" s="10" t="s">
        <v>55</v>
      </c>
      <c r="L474" s="10" t="s">
        <v>55</v>
      </c>
      <c r="M474" s="10" t="s">
        <v>55</v>
      </c>
      <c r="N474" s="10" t="s">
        <v>55</v>
      </c>
      <c r="O474" s="10" t="s">
        <v>55</v>
      </c>
      <c r="P474" s="10" t="s">
        <v>55</v>
      </c>
      <c r="Q474" s="10" t="s">
        <v>55</v>
      </c>
      <c r="R474" s="10" t="s">
        <v>55</v>
      </c>
      <c r="S474" s="10" t="s">
        <v>55</v>
      </c>
      <c r="T474" s="10" t="s">
        <v>55</v>
      </c>
      <c r="U474" s="10" t="s">
        <v>55</v>
      </c>
      <c r="V474" s="10" t="s">
        <v>55</v>
      </c>
      <c r="W474" s="10" t="s">
        <v>55</v>
      </c>
      <c r="X474" s="10" t="s">
        <v>55</v>
      </c>
      <c r="Y474" s="10" t="s">
        <v>55</v>
      </c>
      <c r="Z474" s="10" t="s">
        <v>55</v>
      </c>
      <c r="AA474" s="10" t="s">
        <v>55</v>
      </c>
      <c r="AB474" s="10" t="s">
        <v>55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100</v>
      </c>
      <c r="I475" s="9" t="s">
        <v>54</v>
      </c>
      <c r="J475" s="9" t="s">
        <v>34</v>
      </c>
      <c r="K475" s="6">
        <v>3</v>
      </c>
      <c r="L475" s="6">
        <v>3</v>
      </c>
      <c r="M475" s="6">
        <v>3</v>
      </c>
      <c r="N475" s="6">
        <v>3</v>
      </c>
      <c r="O475" s="10" t="s">
        <v>55</v>
      </c>
      <c r="P475" s="10" t="s">
        <v>55</v>
      </c>
      <c r="Q475" s="10" t="s">
        <v>55</v>
      </c>
      <c r="R475" s="10" t="s">
        <v>55</v>
      </c>
      <c r="S475" s="10" t="s">
        <v>55</v>
      </c>
      <c r="T475" s="10" t="s">
        <v>55</v>
      </c>
      <c r="U475" s="10" t="s">
        <v>55</v>
      </c>
      <c r="V475" s="10" t="s">
        <v>55</v>
      </c>
      <c r="W475" s="10" t="s">
        <v>55</v>
      </c>
      <c r="X475" s="6">
        <v>3</v>
      </c>
      <c r="Y475" s="6">
        <v>3</v>
      </c>
      <c r="Z475" s="10" t="s">
        <v>55</v>
      </c>
      <c r="AA475" s="10" t="s">
        <v>55</v>
      </c>
      <c r="AB475" s="10" t="s">
        <v>55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100</v>
      </c>
      <c r="I476" s="9" t="s">
        <v>54</v>
      </c>
      <c r="J476" s="9" t="s">
        <v>35</v>
      </c>
      <c r="K476" s="6">
        <v>6</v>
      </c>
      <c r="L476" s="6">
        <v>6</v>
      </c>
      <c r="M476" s="6">
        <v>6</v>
      </c>
      <c r="N476" s="6">
        <v>6</v>
      </c>
      <c r="O476" s="10" t="s">
        <v>55</v>
      </c>
      <c r="P476" s="10" t="s">
        <v>55</v>
      </c>
      <c r="Q476" s="10" t="s">
        <v>55</v>
      </c>
      <c r="R476" s="10" t="s">
        <v>55</v>
      </c>
      <c r="S476" s="10" t="s">
        <v>55</v>
      </c>
      <c r="T476" s="10" t="s">
        <v>55</v>
      </c>
      <c r="U476" s="10" t="s">
        <v>55</v>
      </c>
      <c r="V476" s="10" t="s">
        <v>55</v>
      </c>
      <c r="W476" s="10" t="s">
        <v>55</v>
      </c>
      <c r="X476" s="6">
        <v>6</v>
      </c>
      <c r="Y476" s="6">
        <v>6</v>
      </c>
      <c r="Z476" s="10" t="s">
        <v>55</v>
      </c>
      <c r="AA476" s="10" t="s">
        <v>55</v>
      </c>
      <c r="AB476" s="10" t="s">
        <v>55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100</v>
      </c>
      <c r="I477" s="9" t="s">
        <v>54</v>
      </c>
      <c r="J477" s="9" t="s">
        <v>36</v>
      </c>
      <c r="K477" s="6">
        <v>2</v>
      </c>
      <c r="L477" s="6">
        <v>2</v>
      </c>
      <c r="M477" s="6">
        <v>2</v>
      </c>
      <c r="N477" s="6">
        <v>1</v>
      </c>
      <c r="O477" s="10" t="s">
        <v>55</v>
      </c>
      <c r="P477" s="10" t="s">
        <v>55</v>
      </c>
      <c r="Q477" s="6">
        <v>1</v>
      </c>
      <c r="R477" s="10" t="s">
        <v>55</v>
      </c>
      <c r="S477" s="10" t="s">
        <v>55</v>
      </c>
      <c r="T477" s="10" t="s">
        <v>55</v>
      </c>
      <c r="U477" s="10" t="s">
        <v>55</v>
      </c>
      <c r="V477" s="10" t="s">
        <v>55</v>
      </c>
      <c r="W477" s="10" t="s">
        <v>55</v>
      </c>
      <c r="X477" s="6">
        <v>2</v>
      </c>
      <c r="Y477" s="6">
        <v>1</v>
      </c>
      <c r="Z477" s="10" t="s">
        <v>55</v>
      </c>
      <c r="AA477" s="10" t="s">
        <v>55</v>
      </c>
      <c r="AB477" s="6">
        <v>1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100</v>
      </c>
      <c r="I478" s="9" t="s">
        <v>54</v>
      </c>
      <c r="J478" s="9" t="s">
        <v>37</v>
      </c>
      <c r="K478" s="6">
        <v>3</v>
      </c>
      <c r="L478" s="6">
        <v>3</v>
      </c>
      <c r="M478" s="6">
        <v>2</v>
      </c>
      <c r="N478" s="6">
        <v>2</v>
      </c>
      <c r="O478" s="10" t="s">
        <v>55</v>
      </c>
      <c r="P478" s="10" t="s">
        <v>55</v>
      </c>
      <c r="Q478" s="10" t="s">
        <v>55</v>
      </c>
      <c r="R478" s="6">
        <v>1</v>
      </c>
      <c r="S478" s="10" t="s">
        <v>55</v>
      </c>
      <c r="T478" s="10" t="s">
        <v>55</v>
      </c>
      <c r="U478" s="10" t="s">
        <v>55</v>
      </c>
      <c r="V478" s="10" t="s">
        <v>55</v>
      </c>
      <c r="W478" s="10" t="s">
        <v>55</v>
      </c>
      <c r="X478" s="6">
        <v>2</v>
      </c>
      <c r="Y478" s="6">
        <v>2</v>
      </c>
      <c r="Z478" s="10" t="s">
        <v>55</v>
      </c>
      <c r="AA478" s="10" t="s">
        <v>55</v>
      </c>
      <c r="AB478" s="10" t="s">
        <v>55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100</v>
      </c>
      <c r="I479" s="9" t="s">
        <v>54</v>
      </c>
      <c r="J479" s="9" t="s">
        <v>38</v>
      </c>
      <c r="K479" s="6">
        <v>5</v>
      </c>
      <c r="L479" s="6">
        <v>4</v>
      </c>
      <c r="M479" s="6">
        <v>4</v>
      </c>
      <c r="N479" s="6">
        <v>3</v>
      </c>
      <c r="O479" s="6">
        <v>1</v>
      </c>
      <c r="P479" s="10" t="s">
        <v>55</v>
      </c>
      <c r="Q479" s="10" t="s">
        <v>55</v>
      </c>
      <c r="R479" s="10" t="s">
        <v>55</v>
      </c>
      <c r="S479" s="10" t="s">
        <v>55</v>
      </c>
      <c r="T479" s="10" t="s">
        <v>55</v>
      </c>
      <c r="U479" s="10" t="s">
        <v>55</v>
      </c>
      <c r="V479" s="10" t="s">
        <v>55</v>
      </c>
      <c r="W479" s="6">
        <v>1</v>
      </c>
      <c r="X479" s="6">
        <v>4</v>
      </c>
      <c r="Y479" s="6">
        <v>3</v>
      </c>
      <c r="Z479" s="6">
        <v>1</v>
      </c>
      <c r="AA479" s="10" t="s">
        <v>55</v>
      </c>
      <c r="AB479" s="10" t="s">
        <v>55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100</v>
      </c>
      <c r="I480" s="9" t="s">
        <v>54</v>
      </c>
      <c r="J480" s="9" t="s">
        <v>39</v>
      </c>
      <c r="K480" s="6">
        <v>25</v>
      </c>
      <c r="L480" s="6">
        <v>20</v>
      </c>
      <c r="M480" s="6">
        <v>20</v>
      </c>
      <c r="N480" s="6">
        <v>18</v>
      </c>
      <c r="O480" s="6">
        <v>2</v>
      </c>
      <c r="P480" s="10" t="s">
        <v>55</v>
      </c>
      <c r="Q480" s="10" t="s">
        <v>55</v>
      </c>
      <c r="R480" s="10" t="s">
        <v>55</v>
      </c>
      <c r="S480" s="6">
        <v>3</v>
      </c>
      <c r="T480" s="6">
        <v>3</v>
      </c>
      <c r="U480" s="10" t="s">
        <v>55</v>
      </c>
      <c r="V480" s="10" t="s">
        <v>55</v>
      </c>
      <c r="W480" s="6">
        <v>2</v>
      </c>
      <c r="X480" s="6">
        <v>16</v>
      </c>
      <c r="Y480" s="6">
        <v>15</v>
      </c>
      <c r="Z480" s="6">
        <v>1</v>
      </c>
      <c r="AA480" s="10" t="s">
        <v>55</v>
      </c>
      <c r="AB480" s="10" t="s">
        <v>55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100</v>
      </c>
      <c r="I481" s="9" t="s">
        <v>54</v>
      </c>
      <c r="J481" s="9" t="s">
        <v>40</v>
      </c>
      <c r="K481" s="6">
        <v>35</v>
      </c>
      <c r="L481" s="6">
        <v>26</v>
      </c>
      <c r="M481" s="6">
        <v>25</v>
      </c>
      <c r="N481" s="6">
        <v>20</v>
      </c>
      <c r="O481" s="6">
        <v>4</v>
      </c>
      <c r="P481" s="10" t="s">
        <v>55</v>
      </c>
      <c r="Q481" s="6">
        <v>1</v>
      </c>
      <c r="R481" s="6">
        <v>1</v>
      </c>
      <c r="S481" s="6">
        <v>8</v>
      </c>
      <c r="T481" s="6">
        <v>7</v>
      </c>
      <c r="U481" s="10" t="s">
        <v>55</v>
      </c>
      <c r="V481" s="6">
        <v>1</v>
      </c>
      <c r="W481" s="6">
        <v>1</v>
      </c>
      <c r="X481" s="6">
        <v>22</v>
      </c>
      <c r="Y481" s="6">
        <v>19</v>
      </c>
      <c r="Z481" s="6">
        <v>2</v>
      </c>
      <c r="AA481" s="10" t="s">
        <v>55</v>
      </c>
      <c r="AB481" s="6">
        <v>1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100</v>
      </c>
      <c r="I482" s="9" t="s">
        <v>54</v>
      </c>
      <c r="J482" s="9" t="s">
        <v>41</v>
      </c>
      <c r="K482" s="6">
        <v>70</v>
      </c>
      <c r="L482" s="6">
        <v>34</v>
      </c>
      <c r="M482" s="6">
        <v>33</v>
      </c>
      <c r="N482" s="6">
        <v>23</v>
      </c>
      <c r="O482" s="6">
        <v>8</v>
      </c>
      <c r="P482" s="10" t="s">
        <v>55</v>
      </c>
      <c r="Q482" s="6">
        <v>2</v>
      </c>
      <c r="R482" s="6">
        <v>1</v>
      </c>
      <c r="S482" s="6">
        <v>33</v>
      </c>
      <c r="T482" s="6">
        <v>20</v>
      </c>
      <c r="U482" s="10" t="s">
        <v>55</v>
      </c>
      <c r="V482" s="6">
        <v>13</v>
      </c>
      <c r="W482" s="6">
        <v>3</v>
      </c>
      <c r="X482" s="6">
        <v>24</v>
      </c>
      <c r="Y482" s="6">
        <v>18</v>
      </c>
      <c r="Z482" s="6">
        <v>4</v>
      </c>
      <c r="AA482" s="10" t="s">
        <v>55</v>
      </c>
      <c r="AB482" s="6">
        <v>2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100</v>
      </c>
      <c r="I483" s="9" t="s">
        <v>54</v>
      </c>
      <c r="J483" s="9" t="s">
        <v>42</v>
      </c>
      <c r="K483" s="6">
        <v>146</v>
      </c>
      <c r="L483" s="6">
        <v>40</v>
      </c>
      <c r="M483" s="6">
        <v>40</v>
      </c>
      <c r="N483" s="6">
        <v>24</v>
      </c>
      <c r="O483" s="6">
        <v>12</v>
      </c>
      <c r="P483" s="10" t="s">
        <v>55</v>
      </c>
      <c r="Q483" s="6">
        <v>4</v>
      </c>
      <c r="R483" s="10" t="s">
        <v>55</v>
      </c>
      <c r="S483" s="6">
        <v>104</v>
      </c>
      <c r="T483" s="6">
        <v>64</v>
      </c>
      <c r="U483" s="10" t="s">
        <v>55</v>
      </c>
      <c r="V483" s="6">
        <v>40</v>
      </c>
      <c r="W483" s="6">
        <v>2</v>
      </c>
      <c r="X483" s="6">
        <v>24</v>
      </c>
      <c r="Y483" s="6">
        <v>15</v>
      </c>
      <c r="Z483" s="6">
        <v>6</v>
      </c>
      <c r="AA483" s="10" t="s">
        <v>55</v>
      </c>
      <c r="AB483" s="6">
        <v>3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100</v>
      </c>
      <c r="I484" s="9" t="s">
        <v>54</v>
      </c>
      <c r="J484" s="9" t="s">
        <v>43</v>
      </c>
      <c r="K484" s="6">
        <v>181</v>
      </c>
      <c r="L484" s="6">
        <v>17</v>
      </c>
      <c r="M484" s="6">
        <v>16</v>
      </c>
      <c r="N484" s="6">
        <v>11</v>
      </c>
      <c r="O484" s="6">
        <v>5</v>
      </c>
      <c r="P484" s="10" t="s">
        <v>55</v>
      </c>
      <c r="Q484" s="10" t="s">
        <v>55</v>
      </c>
      <c r="R484" s="6">
        <v>1</v>
      </c>
      <c r="S484" s="6">
        <v>160</v>
      </c>
      <c r="T484" s="6">
        <v>74</v>
      </c>
      <c r="U484" s="10" t="s">
        <v>55</v>
      </c>
      <c r="V484" s="6">
        <v>86</v>
      </c>
      <c r="W484" s="6">
        <v>4</v>
      </c>
      <c r="X484" s="6">
        <v>6</v>
      </c>
      <c r="Y484" s="6">
        <v>4</v>
      </c>
      <c r="Z484" s="6">
        <v>2</v>
      </c>
      <c r="AA484" s="10" t="s">
        <v>55</v>
      </c>
      <c r="AB484" s="10" t="s">
        <v>55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100</v>
      </c>
      <c r="I485" s="9" t="s">
        <v>54</v>
      </c>
      <c r="J485" s="9" t="s">
        <v>44</v>
      </c>
      <c r="K485" s="6">
        <v>246</v>
      </c>
      <c r="L485" s="6">
        <v>22</v>
      </c>
      <c r="M485" s="6">
        <v>22</v>
      </c>
      <c r="N485" s="6">
        <v>11</v>
      </c>
      <c r="O485" s="6">
        <v>11</v>
      </c>
      <c r="P485" s="10" t="s">
        <v>55</v>
      </c>
      <c r="Q485" s="10" t="s">
        <v>55</v>
      </c>
      <c r="R485" s="10" t="s">
        <v>55</v>
      </c>
      <c r="S485" s="6">
        <v>218</v>
      </c>
      <c r="T485" s="6">
        <v>53</v>
      </c>
      <c r="U485" s="10" t="s">
        <v>55</v>
      </c>
      <c r="V485" s="6">
        <v>165</v>
      </c>
      <c r="W485" s="6">
        <v>6</v>
      </c>
      <c r="X485" s="6">
        <v>4</v>
      </c>
      <c r="Y485" s="6">
        <v>4</v>
      </c>
      <c r="Z485" s="10" t="s">
        <v>55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100</v>
      </c>
      <c r="I486" s="9" t="s">
        <v>54</v>
      </c>
      <c r="J486" s="9" t="s">
        <v>45</v>
      </c>
      <c r="K486" s="6">
        <v>277</v>
      </c>
      <c r="L486" s="6">
        <v>10</v>
      </c>
      <c r="M486" s="6">
        <v>10</v>
      </c>
      <c r="N486" s="6">
        <v>3</v>
      </c>
      <c r="O486" s="6">
        <v>7</v>
      </c>
      <c r="P486" s="10" t="s">
        <v>55</v>
      </c>
      <c r="Q486" s="10" t="s">
        <v>55</v>
      </c>
      <c r="R486" s="10" t="s">
        <v>55</v>
      </c>
      <c r="S486" s="6">
        <v>263</v>
      </c>
      <c r="T486" s="6">
        <v>39</v>
      </c>
      <c r="U486" s="10" t="s">
        <v>55</v>
      </c>
      <c r="V486" s="6">
        <v>224</v>
      </c>
      <c r="W486" s="6">
        <v>4</v>
      </c>
      <c r="X486" s="6">
        <v>1</v>
      </c>
      <c r="Y486" s="6">
        <v>1</v>
      </c>
      <c r="Z486" s="10" t="s">
        <v>55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100</v>
      </c>
      <c r="I487" s="9" t="s">
        <v>54</v>
      </c>
      <c r="J487" s="9" t="s">
        <v>46</v>
      </c>
      <c r="K487" s="6">
        <v>176</v>
      </c>
      <c r="L487" s="6">
        <v>3</v>
      </c>
      <c r="M487" s="6">
        <v>3</v>
      </c>
      <c r="N487" s="6">
        <v>1</v>
      </c>
      <c r="O487" s="6">
        <v>2</v>
      </c>
      <c r="P487" s="10" t="s">
        <v>55</v>
      </c>
      <c r="Q487" s="10" t="s">
        <v>55</v>
      </c>
      <c r="R487" s="10" t="s">
        <v>55</v>
      </c>
      <c r="S487" s="6">
        <v>169</v>
      </c>
      <c r="T487" s="6">
        <v>17</v>
      </c>
      <c r="U487" s="10" t="s">
        <v>55</v>
      </c>
      <c r="V487" s="6">
        <v>152</v>
      </c>
      <c r="W487" s="6">
        <v>4</v>
      </c>
      <c r="X487" s="6">
        <v>1</v>
      </c>
      <c r="Y487" s="6">
        <v>1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100</v>
      </c>
      <c r="I488" s="9" t="s">
        <v>54</v>
      </c>
      <c r="J488" s="9" t="s">
        <v>47</v>
      </c>
      <c r="K488" s="6">
        <v>61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6">
        <v>61</v>
      </c>
      <c r="T488" s="6">
        <v>1</v>
      </c>
      <c r="U488" s="10" t="s">
        <v>55</v>
      </c>
      <c r="V488" s="6">
        <v>60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100</v>
      </c>
      <c r="I489" s="9" t="s">
        <v>54</v>
      </c>
      <c r="J489" s="9" t="s">
        <v>48</v>
      </c>
      <c r="K489" s="6">
        <v>79</v>
      </c>
      <c r="L489" s="6">
        <v>64</v>
      </c>
      <c r="M489" s="6">
        <v>62</v>
      </c>
      <c r="N489" s="6">
        <v>53</v>
      </c>
      <c r="O489" s="6">
        <v>7</v>
      </c>
      <c r="P489" s="10" t="s">
        <v>55</v>
      </c>
      <c r="Q489" s="6">
        <v>2</v>
      </c>
      <c r="R489" s="6">
        <v>2</v>
      </c>
      <c r="S489" s="6">
        <v>11</v>
      </c>
      <c r="T489" s="6">
        <v>10</v>
      </c>
      <c r="U489" s="10" t="s">
        <v>55</v>
      </c>
      <c r="V489" s="6">
        <v>1</v>
      </c>
      <c r="W489" s="6">
        <v>4</v>
      </c>
      <c r="X489" s="6">
        <v>55</v>
      </c>
      <c r="Y489" s="6">
        <v>49</v>
      </c>
      <c r="Z489" s="6">
        <v>4</v>
      </c>
      <c r="AA489" s="10" t="s">
        <v>55</v>
      </c>
      <c r="AB489" s="6">
        <v>2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100</v>
      </c>
      <c r="I490" s="9" t="s">
        <v>54</v>
      </c>
      <c r="J490" s="9" t="s">
        <v>49</v>
      </c>
      <c r="K490" s="6">
        <v>1157</v>
      </c>
      <c r="L490" s="6">
        <v>126</v>
      </c>
      <c r="M490" s="6">
        <v>124</v>
      </c>
      <c r="N490" s="6">
        <v>73</v>
      </c>
      <c r="O490" s="6">
        <v>45</v>
      </c>
      <c r="P490" s="10" t="s">
        <v>55</v>
      </c>
      <c r="Q490" s="6">
        <v>6</v>
      </c>
      <c r="R490" s="6">
        <v>2</v>
      </c>
      <c r="S490" s="6">
        <v>1008</v>
      </c>
      <c r="T490" s="6">
        <v>268</v>
      </c>
      <c r="U490" s="10" t="s">
        <v>55</v>
      </c>
      <c r="V490" s="6">
        <v>740</v>
      </c>
      <c r="W490" s="6">
        <v>23</v>
      </c>
      <c r="X490" s="6">
        <v>60</v>
      </c>
      <c r="Y490" s="6">
        <v>43</v>
      </c>
      <c r="Z490" s="6">
        <v>12</v>
      </c>
      <c r="AA490" s="10" t="s">
        <v>55</v>
      </c>
      <c r="AB490" s="6">
        <v>5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100</v>
      </c>
      <c r="I491" s="9" t="s">
        <v>54</v>
      </c>
      <c r="J491" s="9" t="s">
        <v>50</v>
      </c>
      <c r="K491" s="6">
        <v>941</v>
      </c>
      <c r="L491" s="6">
        <v>52</v>
      </c>
      <c r="M491" s="6">
        <v>51</v>
      </c>
      <c r="N491" s="6">
        <v>26</v>
      </c>
      <c r="O491" s="6">
        <v>25</v>
      </c>
      <c r="P491" s="10" t="s">
        <v>55</v>
      </c>
      <c r="Q491" s="10" t="s">
        <v>55</v>
      </c>
      <c r="R491" s="6">
        <v>1</v>
      </c>
      <c r="S491" s="6">
        <v>871</v>
      </c>
      <c r="T491" s="6">
        <v>184</v>
      </c>
      <c r="U491" s="10" t="s">
        <v>55</v>
      </c>
      <c r="V491" s="6">
        <v>687</v>
      </c>
      <c r="W491" s="6">
        <v>18</v>
      </c>
      <c r="X491" s="6">
        <v>12</v>
      </c>
      <c r="Y491" s="6">
        <v>10</v>
      </c>
      <c r="Z491" s="6">
        <v>2</v>
      </c>
      <c r="AA491" s="10" t="s">
        <v>55</v>
      </c>
      <c r="AB491" s="10" t="s">
        <v>55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100</v>
      </c>
      <c r="I492" s="9" t="s">
        <v>54</v>
      </c>
      <c r="J492" s="9" t="s">
        <v>51</v>
      </c>
      <c r="K492" s="6">
        <v>514</v>
      </c>
      <c r="L492" s="6">
        <v>13</v>
      </c>
      <c r="M492" s="6">
        <v>13</v>
      </c>
      <c r="N492" s="6">
        <v>4</v>
      </c>
      <c r="O492" s="6">
        <v>9</v>
      </c>
      <c r="P492" s="10" t="s">
        <v>55</v>
      </c>
      <c r="Q492" s="10" t="s">
        <v>55</v>
      </c>
      <c r="R492" s="10" t="s">
        <v>55</v>
      </c>
      <c r="S492" s="6">
        <v>493</v>
      </c>
      <c r="T492" s="6">
        <v>57</v>
      </c>
      <c r="U492" s="10" t="s">
        <v>55</v>
      </c>
      <c r="V492" s="6">
        <v>436</v>
      </c>
      <c r="W492" s="6">
        <v>8</v>
      </c>
      <c r="X492" s="6">
        <v>2</v>
      </c>
      <c r="Y492" s="6">
        <v>2</v>
      </c>
      <c r="Z492" s="10" t="s">
        <v>55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100</v>
      </c>
      <c r="I493" s="9" t="s">
        <v>54</v>
      </c>
      <c r="J493" s="9" t="s">
        <v>52</v>
      </c>
      <c r="K493" s="6">
        <v>149</v>
      </c>
      <c r="L493" s="6">
        <v>98</v>
      </c>
      <c r="M493" s="6">
        <v>95</v>
      </c>
      <c r="N493" s="6">
        <v>76</v>
      </c>
      <c r="O493" s="6">
        <v>15</v>
      </c>
      <c r="P493" s="10" t="s">
        <v>55</v>
      </c>
      <c r="Q493" s="6">
        <v>4</v>
      </c>
      <c r="R493" s="6">
        <v>3</v>
      </c>
      <c r="S493" s="6">
        <v>44</v>
      </c>
      <c r="T493" s="6">
        <v>30</v>
      </c>
      <c r="U493" s="10" t="s">
        <v>55</v>
      </c>
      <c r="V493" s="6">
        <v>14</v>
      </c>
      <c r="W493" s="6">
        <v>7</v>
      </c>
      <c r="X493" s="6">
        <v>79</v>
      </c>
      <c r="Y493" s="6">
        <v>67</v>
      </c>
      <c r="Z493" s="6">
        <v>8</v>
      </c>
      <c r="AA493" s="10" t="s">
        <v>55</v>
      </c>
      <c r="AB493" s="6">
        <v>4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100</v>
      </c>
      <c r="I494" s="9" t="s">
        <v>6</v>
      </c>
      <c r="J494" s="9" t="s">
        <v>30</v>
      </c>
      <c r="K494" s="6">
        <v>258</v>
      </c>
      <c r="L494" s="6">
        <v>37</v>
      </c>
      <c r="M494" s="6">
        <v>37</v>
      </c>
      <c r="N494" s="6">
        <v>25</v>
      </c>
      <c r="O494" s="6">
        <v>12</v>
      </c>
      <c r="P494" s="10" t="s">
        <v>55</v>
      </c>
      <c r="Q494" s="10" t="s">
        <v>55</v>
      </c>
      <c r="R494" s="10" t="s">
        <v>55</v>
      </c>
      <c r="S494" s="6">
        <v>220</v>
      </c>
      <c r="T494" s="6">
        <v>36</v>
      </c>
      <c r="U494" s="10" t="s">
        <v>55</v>
      </c>
      <c r="V494" s="6">
        <v>184</v>
      </c>
      <c r="W494" s="6">
        <v>1</v>
      </c>
      <c r="X494" s="6">
        <v>12</v>
      </c>
      <c r="Y494" s="6">
        <v>9</v>
      </c>
      <c r="Z494" s="6">
        <v>3</v>
      </c>
      <c r="AA494" s="10" t="s">
        <v>55</v>
      </c>
      <c r="AB494" s="10" t="s">
        <v>55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100</v>
      </c>
      <c r="I495" s="9" t="s">
        <v>6</v>
      </c>
      <c r="J495" s="9" t="s">
        <v>31</v>
      </c>
      <c r="K495" s="10" t="s">
        <v>55</v>
      </c>
      <c r="L495" s="10" t="s">
        <v>55</v>
      </c>
      <c r="M495" s="10" t="s">
        <v>55</v>
      </c>
      <c r="N495" s="10" t="s">
        <v>55</v>
      </c>
      <c r="O495" s="10" t="s">
        <v>55</v>
      </c>
      <c r="P495" s="10" t="s">
        <v>55</v>
      </c>
      <c r="Q495" s="10" t="s">
        <v>55</v>
      </c>
      <c r="R495" s="10" t="s">
        <v>55</v>
      </c>
      <c r="S495" s="10" t="s">
        <v>55</v>
      </c>
      <c r="T495" s="10" t="s">
        <v>55</v>
      </c>
      <c r="U495" s="10" t="s">
        <v>55</v>
      </c>
      <c r="V495" s="10" t="s">
        <v>55</v>
      </c>
      <c r="W495" s="10" t="s">
        <v>55</v>
      </c>
      <c r="X495" s="10" t="s">
        <v>55</v>
      </c>
      <c r="Y495" s="10" t="s">
        <v>55</v>
      </c>
      <c r="Z495" s="10" t="s">
        <v>55</v>
      </c>
      <c r="AA495" s="10" t="s">
        <v>55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100</v>
      </c>
      <c r="I496" s="9" t="s">
        <v>6</v>
      </c>
      <c r="J496" s="9" t="s">
        <v>32</v>
      </c>
      <c r="K496" s="10" t="s">
        <v>55</v>
      </c>
      <c r="L496" s="10" t="s">
        <v>55</v>
      </c>
      <c r="M496" s="10" t="s">
        <v>55</v>
      </c>
      <c r="N496" s="10" t="s">
        <v>55</v>
      </c>
      <c r="O496" s="10" t="s">
        <v>55</v>
      </c>
      <c r="P496" s="10" t="s">
        <v>55</v>
      </c>
      <c r="Q496" s="10" t="s">
        <v>55</v>
      </c>
      <c r="R496" s="10" t="s">
        <v>55</v>
      </c>
      <c r="S496" s="10" t="s">
        <v>55</v>
      </c>
      <c r="T496" s="10" t="s">
        <v>55</v>
      </c>
      <c r="U496" s="10" t="s">
        <v>55</v>
      </c>
      <c r="V496" s="10" t="s">
        <v>55</v>
      </c>
      <c r="W496" s="10" t="s">
        <v>55</v>
      </c>
      <c r="X496" s="10" t="s">
        <v>55</v>
      </c>
      <c r="Y496" s="10" t="s">
        <v>55</v>
      </c>
      <c r="Z496" s="10" t="s">
        <v>55</v>
      </c>
      <c r="AA496" s="10" t="s">
        <v>55</v>
      </c>
      <c r="AB496" s="10" t="s">
        <v>55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100</v>
      </c>
      <c r="I497" s="9" t="s">
        <v>6</v>
      </c>
      <c r="J497" s="9" t="s">
        <v>33</v>
      </c>
      <c r="K497" s="10" t="s">
        <v>55</v>
      </c>
      <c r="L497" s="10" t="s">
        <v>55</v>
      </c>
      <c r="M497" s="10" t="s">
        <v>55</v>
      </c>
      <c r="N497" s="10" t="s">
        <v>55</v>
      </c>
      <c r="O497" s="10" t="s">
        <v>55</v>
      </c>
      <c r="P497" s="10" t="s">
        <v>55</v>
      </c>
      <c r="Q497" s="10" t="s">
        <v>55</v>
      </c>
      <c r="R497" s="10" t="s">
        <v>55</v>
      </c>
      <c r="S497" s="10" t="s">
        <v>55</v>
      </c>
      <c r="T497" s="10" t="s">
        <v>55</v>
      </c>
      <c r="U497" s="10" t="s">
        <v>55</v>
      </c>
      <c r="V497" s="10" t="s">
        <v>55</v>
      </c>
      <c r="W497" s="10" t="s">
        <v>55</v>
      </c>
      <c r="X497" s="10" t="s">
        <v>55</v>
      </c>
      <c r="Y497" s="10" t="s">
        <v>55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100</v>
      </c>
      <c r="I498" s="9" t="s">
        <v>6</v>
      </c>
      <c r="J498" s="9" t="s">
        <v>34</v>
      </c>
      <c r="K498" s="10" t="s">
        <v>55</v>
      </c>
      <c r="L498" s="10" t="s">
        <v>55</v>
      </c>
      <c r="M498" s="10" t="s">
        <v>55</v>
      </c>
      <c r="N498" s="10" t="s">
        <v>55</v>
      </c>
      <c r="O498" s="10" t="s">
        <v>55</v>
      </c>
      <c r="P498" s="10" t="s">
        <v>55</v>
      </c>
      <c r="Q498" s="10" t="s">
        <v>55</v>
      </c>
      <c r="R498" s="10" t="s">
        <v>55</v>
      </c>
      <c r="S498" s="10" t="s">
        <v>55</v>
      </c>
      <c r="T498" s="10" t="s">
        <v>55</v>
      </c>
      <c r="U498" s="10" t="s">
        <v>55</v>
      </c>
      <c r="V498" s="10" t="s">
        <v>55</v>
      </c>
      <c r="W498" s="10" t="s">
        <v>55</v>
      </c>
      <c r="X498" s="10" t="s">
        <v>55</v>
      </c>
      <c r="Y498" s="10" t="s">
        <v>55</v>
      </c>
      <c r="Z498" s="10" t="s">
        <v>55</v>
      </c>
      <c r="AA498" s="10" t="s">
        <v>55</v>
      </c>
      <c r="AB498" s="10" t="s">
        <v>55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100</v>
      </c>
      <c r="I499" s="9" t="s">
        <v>6</v>
      </c>
      <c r="J499" s="9" t="s">
        <v>35</v>
      </c>
      <c r="K499" s="6">
        <v>1</v>
      </c>
      <c r="L499" s="6">
        <v>1</v>
      </c>
      <c r="M499" s="6">
        <v>1</v>
      </c>
      <c r="N499" s="6">
        <v>1</v>
      </c>
      <c r="O499" s="10" t="s">
        <v>55</v>
      </c>
      <c r="P499" s="10" t="s">
        <v>55</v>
      </c>
      <c r="Q499" s="10" t="s">
        <v>55</v>
      </c>
      <c r="R499" s="10" t="s">
        <v>55</v>
      </c>
      <c r="S499" s="10" t="s">
        <v>55</v>
      </c>
      <c r="T499" s="10" t="s">
        <v>55</v>
      </c>
      <c r="U499" s="10" t="s">
        <v>55</v>
      </c>
      <c r="V499" s="10" t="s">
        <v>55</v>
      </c>
      <c r="W499" s="10" t="s">
        <v>55</v>
      </c>
      <c r="X499" s="6">
        <v>1</v>
      </c>
      <c r="Y499" s="6">
        <v>1</v>
      </c>
      <c r="Z499" s="10" t="s">
        <v>55</v>
      </c>
      <c r="AA499" s="10" t="s">
        <v>55</v>
      </c>
      <c r="AB499" s="10" t="s">
        <v>55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100</v>
      </c>
      <c r="I500" s="9" t="s">
        <v>6</v>
      </c>
      <c r="J500" s="9" t="s">
        <v>36</v>
      </c>
      <c r="K500" s="10" t="s">
        <v>55</v>
      </c>
      <c r="L500" s="10" t="s">
        <v>55</v>
      </c>
      <c r="M500" s="10" t="s">
        <v>55</v>
      </c>
      <c r="N500" s="10" t="s">
        <v>55</v>
      </c>
      <c r="O500" s="10" t="s">
        <v>55</v>
      </c>
      <c r="P500" s="10" t="s">
        <v>55</v>
      </c>
      <c r="Q500" s="10" t="s">
        <v>55</v>
      </c>
      <c r="R500" s="10" t="s">
        <v>55</v>
      </c>
      <c r="S500" s="10" t="s">
        <v>55</v>
      </c>
      <c r="T500" s="10" t="s">
        <v>55</v>
      </c>
      <c r="U500" s="10" t="s">
        <v>55</v>
      </c>
      <c r="V500" s="10" t="s">
        <v>55</v>
      </c>
      <c r="W500" s="10" t="s">
        <v>55</v>
      </c>
      <c r="X500" s="10" t="s">
        <v>55</v>
      </c>
      <c r="Y500" s="10" t="s">
        <v>55</v>
      </c>
      <c r="Z500" s="10" t="s">
        <v>55</v>
      </c>
      <c r="AA500" s="10" t="s">
        <v>55</v>
      </c>
      <c r="AB500" s="10" t="s">
        <v>55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100</v>
      </c>
      <c r="I501" s="9" t="s">
        <v>6</v>
      </c>
      <c r="J501" s="9" t="s">
        <v>37</v>
      </c>
      <c r="K501" s="10" t="s">
        <v>55</v>
      </c>
      <c r="L501" s="10" t="s">
        <v>55</v>
      </c>
      <c r="M501" s="10" t="s">
        <v>55</v>
      </c>
      <c r="N501" s="10" t="s">
        <v>55</v>
      </c>
      <c r="O501" s="10" t="s">
        <v>55</v>
      </c>
      <c r="P501" s="10" t="s">
        <v>55</v>
      </c>
      <c r="Q501" s="10" t="s">
        <v>55</v>
      </c>
      <c r="R501" s="10" t="s">
        <v>55</v>
      </c>
      <c r="S501" s="10" t="s">
        <v>55</v>
      </c>
      <c r="T501" s="10" t="s">
        <v>55</v>
      </c>
      <c r="U501" s="10" t="s">
        <v>55</v>
      </c>
      <c r="V501" s="10" t="s">
        <v>55</v>
      </c>
      <c r="W501" s="10" t="s">
        <v>55</v>
      </c>
      <c r="X501" s="10" t="s">
        <v>55</v>
      </c>
      <c r="Y501" s="10" t="s">
        <v>55</v>
      </c>
      <c r="Z501" s="10" t="s">
        <v>55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100</v>
      </c>
      <c r="I502" s="9" t="s">
        <v>6</v>
      </c>
      <c r="J502" s="9" t="s">
        <v>38</v>
      </c>
      <c r="K502" s="10" t="s">
        <v>55</v>
      </c>
      <c r="L502" s="10" t="s">
        <v>55</v>
      </c>
      <c r="M502" s="10" t="s">
        <v>55</v>
      </c>
      <c r="N502" s="10" t="s">
        <v>55</v>
      </c>
      <c r="O502" s="10" t="s">
        <v>55</v>
      </c>
      <c r="P502" s="10" t="s">
        <v>55</v>
      </c>
      <c r="Q502" s="10" t="s">
        <v>55</v>
      </c>
      <c r="R502" s="10" t="s">
        <v>55</v>
      </c>
      <c r="S502" s="10" t="s">
        <v>55</v>
      </c>
      <c r="T502" s="10" t="s">
        <v>55</v>
      </c>
      <c r="U502" s="10" t="s">
        <v>55</v>
      </c>
      <c r="V502" s="10" t="s">
        <v>55</v>
      </c>
      <c r="W502" s="10" t="s">
        <v>55</v>
      </c>
      <c r="X502" s="10" t="s">
        <v>55</v>
      </c>
      <c r="Y502" s="10" t="s">
        <v>55</v>
      </c>
      <c r="Z502" s="10" t="s">
        <v>55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100</v>
      </c>
      <c r="I503" s="9" t="s">
        <v>6</v>
      </c>
      <c r="J503" s="9" t="s">
        <v>39</v>
      </c>
      <c r="K503" s="6">
        <v>3</v>
      </c>
      <c r="L503" s="6">
        <v>1</v>
      </c>
      <c r="M503" s="6">
        <v>1</v>
      </c>
      <c r="N503" s="6">
        <v>1</v>
      </c>
      <c r="O503" s="10" t="s">
        <v>55</v>
      </c>
      <c r="P503" s="10" t="s">
        <v>55</v>
      </c>
      <c r="Q503" s="10" t="s">
        <v>55</v>
      </c>
      <c r="R503" s="10" t="s">
        <v>55</v>
      </c>
      <c r="S503" s="6">
        <v>2</v>
      </c>
      <c r="T503" s="10" t="s">
        <v>55</v>
      </c>
      <c r="U503" s="10" t="s">
        <v>55</v>
      </c>
      <c r="V503" s="6">
        <v>2</v>
      </c>
      <c r="W503" s="10" t="s">
        <v>55</v>
      </c>
      <c r="X503" s="6">
        <v>1</v>
      </c>
      <c r="Y503" s="6">
        <v>1</v>
      </c>
      <c r="Z503" s="10" t="s">
        <v>55</v>
      </c>
      <c r="AA503" s="10" t="s">
        <v>55</v>
      </c>
      <c r="AB503" s="10" t="s">
        <v>55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100</v>
      </c>
      <c r="I504" s="9" t="s">
        <v>6</v>
      </c>
      <c r="J504" s="9" t="s">
        <v>40</v>
      </c>
      <c r="K504" s="6">
        <v>8</v>
      </c>
      <c r="L504" s="6">
        <v>6</v>
      </c>
      <c r="M504" s="6">
        <v>6</v>
      </c>
      <c r="N504" s="6">
        <v>5</v>
      </c>
      <c r="O504" s="6">
        <v>1</v>
      </c>
      <c r="P504" s="10" t="s">
        <v>55</v>
      </c>
      <c r="Q504" s="10" t="s">
        <v>55</v>
      </c>
      <c r="R504" s="10" t="s">
        <v>55</v>
      </c>
      <c r="S504" s="6">
        <v>2</v>
      </c>
      <c r="T504" s="6">
        <v>1</v>
      </c>
      <c r="U504" s="10" t="s">
        <v>55</v>
      </c>
      <c r="V504" s="6">
        <v>1</v>
      </c>
      <c r="W504" s="10" t="s">
        <v>55</v>
      </c>
      <c r="X504" s="6">
        <v>5</v>
      </c>
      <c r="Y504" s="6">
        <v>4</v>
      </c>
      <c r="Z504" s="6">
        <v>1</v>
      </c>
      <c r="AA504" s="10" t="s">
        <v>55</v>
      </c>
      <c r="AB504" s="10" t="s">
        <v>55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100</v>
      </c>
      <c r="I505" s="9" t="s">
        <v>6</v>
      </c>
      <c r="J505" s="9" t="s">
        <v>41</v>
      </c>
      <c r="K505" s="6">
        <v>10</v>
      </c>
      <c r="L505" s="6">
        <v>5</v>
      </c>
      <c r="M505" s="6">
        <v>5</v>
      </c>
      <c r="N505" s="6">
        <v>4</v>
      </c>
      <c r="O505" s="6">
        <v>1</v>
      </c>
      <c r="P505" s="10" t="s">
        <v>55</v>
      </c>
      <c r="Q505" s="10" t="s">
        <v>55</v>
      </c>
      <c r="R505" s="10" t="s">
        <v>55</v>
      </c>
      <c r="S505" s="6">
        <v>5</v>
      </c>
      <c r="T505" s="6">
        <v>2</v>
      </c>
      <c r="U505" s="10" t="s">
        <v>55</v>
      </c>
      <c r="V505" s="6">
        <v>3</v>
      </c>
      <c r="W505" s="10" t="s">
        <v>55</v>
      </c>
      <c r="X505" s="6">
        <v>1</v>
      </c>
      <c r="Y505" s="6">
        <v>1</v>
      </c>
      <c r="Z505" s="10" t="s">
        <v>55</v>
      </c>
      <c r="AA505" s="10" t="s">
        <v>55</v>
      </c>
      <c r="AB505" s="10" t="s">
        <v>55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100</v>
      </c>
      <c r="I506" s="9" t="s">
        <v>6</v>
      </c>
      <c r="J506" s="9" t="s">
        <v>42</v>
      </c>
      <c r="K506" s="6">
        <v>18</v>
      </c>
      <c r="L506" s="6">
        <v>5</v>
      </c>
      <c r="M506" s="6">
        <v>5</v>
      </c>
      <c r="N506" s="6">
        <v>3</v>
      </c>
      <c r="O506" s="6">
        <v>2</v>
      </c>
      <c r="P506" s="10" t="s">
        <v>55</v>
      </c>
      <c r="Q506" s="10" t="s">
        <v>55</v>
      </c>
      <c r="R506" s="10" t="s">
        <v>55</v>
      </c>
      <c r="S506" s="6">
        <v>13</v>
      </c>
      <c r="T506" s="6">
        <v>5</v>
      </c>
      <c r="U506" s="10" t="s">
        <v>55</v>
      </c>
      <c r="V506" s="6">
        <v>8</v>
      </c>
      <c r="W506" s="10" t="s">
        <v>55</v>
      </c>
      <c r="X506" s="6">
        <v>1</v>
      </c>
      <c r="Y506" s="10" t="s">
        <v>55</v>
      </c>
      <c r="Z506" s="6">
        <v>1</v>
      </c>
      <c r="AA506" s="10" t="s">
        <v>55</v>
      </c>
      <c r="AB506" s="10" t="s">
        <v>55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100</v>
      </c>
      <c r="I507" s="9" t="s">
        <v>6</v>
      </c>
      <c r="J507" s="9" t="s">
        <v>43</v>
      </c>
      <c r="K507" s="6">
        <v>30</v>
      </c>
      <c r="L507" s="6">
        <v>6</v>
      </c>
      <c r="M507" s="6">
        <v>6</v>
      </c>
      <c r="N507" s="6">
        <v>5</v>
      </c>
      <c r="O507" s="6">
        <v>1</v>
      </c>
      <c r="P507" s="10" t="s">
        <v>55</v>
      </c>
      <c r="Q507" s="10" t="s">
        <v>55</v>
      </c>
      <c r="R507" s="10" t="s">
        <v>55</v>
      </c>
      <c r="S507" s="6">
        <v>24</v>
      </c>
      <c r="T507" s="6">
        <v>10</v>
      </c>
      <c r="U507" s="10" t="s">
        <v>55</v>
      </c>
      <c r="V507" s="6">
        <v>14</v>
      </c>
      <c r="W507" s="10" t="s">
        <v>55</v>
      </c>
      <c r="X507" s="6">
        <v>2</v>
      </c>
      <c r="Y507" s="6">
        <v>2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100</v>
      </c>
      <c r="I508" s="9" t="s">
        <v>6</v>
      </c>
      <c r="J508" s="9" t="s">
        <v>44</v>
      </c>
      <c r="K508" s="6">
        <v>42</v>
      </c>
      <c r="L508" s="6">
        <v>7</v>
      </c>
      <c r="M508" s="6">
        <v>7</v>
      </c>
      <c r="N508" s="6">
        <v>4</v>
      </c>
      <c r="O508" s="6">
        <v>3</v>
      </c>
      <c r="P508" s="10" t="s">
        <v>55</v>
      </c>
      <c r="Q508" s="10" t="s">
        <v>55</v>
      </c>
      <c r="R508" s="10" t="s">
        <v>55</v>
      </c>
      <c r="S508" s="6">
        <v>35</v>
      </c>
      <c r="T508" s="6">
        <v>7</v>
      </c>
      <c r="U508" s="10" t="s">
        <v>55</v>
      </c>
      <c r="V508" s="6">
        <v>28</v>
      </c>
      <c r="W508" s="10" t="s">
        <v>55</v>
      </c>
      <c r="X508" s="10" t="s">
        <v>55</v>
      </c>
      <c r="Y508" s="10" t="s">
        <v>55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100</v>
      </c>
      <c r="I509" s="9" t="s">
        <v>6</v>
      </c>
      <c r="J509" s="9" t="s">
        <v>45</v>
      </c>
      <c r="K509" s="6">
        <v>74</v>
      </c>
      <c r="L509" s="6">
        <v>5</v>
      </c>
      <c r="M509" s="6">
        <v>5</v>
      </c>
      <c r="N509" s="6">
        <v>2</v>
      </c>
      <c r="O509" s="6">
        <v>3</v>
      </c>
      <c r="P509" s="10" t="s">
        <v>55</v>
      </c>
      <c r="Q509" s="10" t="s">
        <v>55</v>
      </c>
      <c r="R509" s="10" t="s">
        <v>55</v>
      </c>
      <c r="S509" s="6">
        <v>68</v>
      </c>
      <c r="T509" s="6">
        <v>8</v>
      </c>
      <c r="U509" s="10" t="s">
        <v>55</v>
      </c>
      <c r="V509" s="6">
        <v>60</v>
      </c>
      <c r="W509" s="6">
        <v>1</v>
      </c>
      <c r="X509" s="6">
        <v>1</v>
      </c>
      <c r="Y509" s="10" t="s">
        <v>55</v>
      </c>
      <c r="Z509" s="6">
        <v>1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100</v>
      </c>
      <c r="I510" s="9" t="s">
        <v>6</v>
      </c>
      <c r="J510" s="9" t="s">
        <v>46</v>
      </c>
      <c r="K510" s="6">
        <v>53</v>
      </c>
      <c r="L510" s="6">
        <v>1</v>
      </c>
      <c r="M510" s="6">
        <v>1</v>
      </c>
      <c r="N510" s="10" t="s">
        <v>55</v>
      </c>
      <c r="O510" s="6">
        <v>1</v>
      </c>
      <c r="P510" s="10" t="s">
        <v>55</v>
      </c>
      <c r="Q510" s="10" t="s">
        <v>55</v>
      </c>
      <c r="R510" s="10" t="s">
        <v>55</v>
      </c>
      <c r="S510" s="6">
        <v>52</v>
      </c>
      <c r="T510" s="6">
        <v>3</v>
      </c>
      <c r="U510" s="10" t="s">
        <v>55</v>
      </c>
      <c r="V510" s="6">
        <v>49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100</v>
      </c>
      <c r="I511" s="9" t="s">
        <v>6</v>
      </c>
      <c r="J511" s="9" t="s">
        <v>47</v>
      </c>
      <c r="K511" s="6">
        <v>19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6">
        <v>19</v>
      </c>
      <c r="T511" s="10" t="s">
        <v>55</v>
      </c>
      <c r="U511" s="10" t="s">
        <v>55</v>
      </c>
      <c r="V511" s="6">
        <v>19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100</v>
      </c>
      <c r="I512" s="9" t="s">
        <v>6</v>
      </c>
      <c r="J512" s="9" t="s">
        <v>48</v>
      </c>
      <c r="K512" s="6">
        <v>12</v>
      </c>
      <c r="L512" s="6">
        <v>8</v>
      </c>
      <c r="M512" s="6">
        <v>8</v>
      </c>
      <c r="N512" s="6">
        <v>7</v>
      </c>
      <c r="O512" s="6">
        <v>1</v>
      </c>
      <c r="P512" s="10" t="s">
        <v>55</v>
      </c>
      <c r="Q512" s="10" t="s">
        <v>55</v>
      </c>
      <c r="R512" s="10" t="s">
        <v>55</v>
      </c>
      <c r="S512" s="6">
        <v>4</v>
      </c>
      <c r="T512" s="6">
        <v>1</v>
      </c>
      <c r="U512" s="10" t="s">
        <v>55</v>
      </c>
      <c r="V512" s="6">
        <v>3</v>
      </c>
      <c r="W512" s="10" t="s">
        <v>55</v>
      </c>
      <c r="X512" s="6">
        <v>7</v>
      </c>
      <c r="Y512" s="6">
        <v>6</v>
      </c>
      <c r="Z512" s="6">
        <v>1</v>
      </c>
      <c r="AA512" s="10" t="s">
        <v>55</v>
      </c>
      <c r="AB512" s="10" t="s">
        <v>55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100</v>
      </c>
      <c r="I513" s="9" t="s">
        <v>6</v>
      </c>
      <c r="J513" s="9" t="s">
        <v>49</v>
      </c>
      <c r="K513" s="6">
        <v>246</v>
      </c>
      <c r="L513" s="6">
        <v>29</v>
      </c>
      <c r="M513" s="6">
        <v>29</v>
      </c>
      <c r="N513" s="6">
        <v>18</v>
      </c>
      <c r="O513" s="6">
        <v>11</v>
      </c>
      <c r="P513" s="10" t="s">
        <v>55</v>
      </c>
      <c r="Q513" s="10" t="s">
        <v>55</v>
      </c>
      <c r="R513" s="10" t="s">
        <v>55</v>
      </c>
      <c r="S513" s="6">
        <v>216</v>
      </c>
      <c r="T513" s="6">
        <v>35</v>
      </c>
      <c r="U513" s="10" t="s">
        <v>55</v>
      </c>
      <c r="V513" s="6">
        <v>181</v>
      </c>
      <c r="W513" s="6">
        <v>1</v>
      </c>
      <c r="X513" s="6">
        <v>5</v>
      </c>
      <c r="Y513" s="6">
        <v>3</v>
      </c>
      <c r="Z513" s="6">
        <v>2</v>
      </c>
      <c r="AA513" s="10" t="s">
        <v>55</v>
      </c>
      <c r="AB513" s="10" t="s">
        <v>55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100</v>
      </c>
      <c r="I514" s="9" t="s">
        <v>6</v>
      </c>
      <c r="J514" s="9" t="s">
        <v>50</v>
      </c>
      <c r="K514" s="6">
        <v>218</v>
      </c>
      <c r="L514" s="6">
        <v>19</v>
      </c>
      <c r="M514" s="6">
        <v>19</v>
      </c>
      <c r="N514" s="6">
        <v>11</v>
      </c>
      <c r="O514" s="6">
        <v>8</v>
      </c>
      <c r="P514" s="10" t="s">
        <v>55</v>
      </c>
      <c r="Q514" s="10" t="s">
        <v>55</v>
      </c>
      <c r="R514" s="10" t="s">
        <v>55</v>
      </c>
      <c r="S514" s="6">
        <v>198</v>
      </c>
      <c r="T514" s="6">
        <v>28</v>
      </c>
      <c r="U514" s="10" t="s">
        <v>55</v>
      </c>
      <c r="V514" s="6">
        <v>170</v>
      </c>
      <c r="W514" s="6">
        <v>1</v>
      </c>
      <c r="X514" s="6">
        <v>3</v>
      </c>
      <c r="Y514" s="6">
        <v>2</v>
      </c>
      <c r="Z514" s="6">
        <v>1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100</v>
      </c>
      <c r="I515" s="9" t="s">
        <v>6</v>
      </c>
      <c r="J515" s="9" t="s">
        <v>51</v>
      </c>
      <c r="K515" s="6">
        <v>146</v>
      </c>
      <c r="L515" s="6">
        <v>6</v>
      </c>
      <c r="M515" s="6">
        <v>6</v>
      </c>
      <c r="N515" s="6">
        <v>2</v>
      </c>
      <c r="O515" s="6">
        <v>4</v>
      </c>
      <c r="P515" s="10" t="s">
        <v>55</v>
      </c>
      <c r="Q515" s="10" t="s">
        <v>55</v>
      </c>
      <c r="R515" s="10" t="s">
        <v>55</v>
      </c>
      <c r="S515" s="6">
        <v>139</v>
      </c>
      <c r="T515" s="6">
        <v>11</v>
      </c>
      <c r="U515" s="10" t="s">
        <v>55</v>
      </c>
      <c r="V515" s="6">
        <v>128</v>
      </c>
      <c r="W515" s="6">
        <v>1</v>
      </c>
      <c r="X515" s="6">
        <v>1</v>
      </c>
      <c r="Y515" s="10" t="s">
        <v>55</v>
      </c>
      <c r="Z515" s="6">
        <v>1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100</v>
      </c>
      <c r="I516" s="9" t="s">
        <v>6</v>
      </c>
      <c r="J516" s="9" t="s">
        <v>52</v>
      </c>
      <c r="K516" s="6">
        <v>22</v>
      </c>
      <c r="L516" s="6">
        <v>13</v>
      </c>
      <c r="M516" s="6">
        <v>13</v>
      </c>
      <c r="N516" s="6">
        <v>11</v>
      </c>
      <c r="O516" s="6">
        <v>2</v>
      </c>
      <c r="P516" s="10" t="s">
        <v>55</v>
      </c>
      <c r="Q516" s="10" t="s">
        <v>55</v>
      </c>
      <c r="R516" s="10" t="s">
        <v>55</v>
      </c>
      <c r="S516" s="6">
        <v>9</v>
      </c>
      <c r="T516" s="6">
        <v>3</v>
      </c>
      <c r="U516" s="10" t="s">
        <v>55</v>
      </c>
      <c r="V516" s="6">
        <v>6</v>
      </c>
      <c r="W516" s="10" t="s">
        <v>55</v>
      </c>
      <c r="X516" s="6">
        <v>8</v>
      </c>
      <c r="Y516" s="6">
        <v>7</v>
      </c>
      <c r="Z516" s="6">
        <v>1</v>
      </c>
      <c r="AA516" s="10" t="s">
        <v>55</v>
      </c>
      <c r="AB516" s="10" t="s">
        <v>55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100</v>
      </c>
      <c r="I517" s="9" t="s">
        <v>53</v>
      </c>
      <c r="J517" s="9" t="s">
        <v>30</v>
      </c>
      <c r="K517" s="6">
        <v>43</v>
      </c>
      <c r="L517" s="6">
        <v>12</v>
      </c>
      <c r="M517" s="6">
        <v>12</v>
      </c>
      <c r="N517" s="6">
        <v>12</v>
      </c>
      <c r="O517" s="10" t="s">
        <v>55</v>
      </c>
      <c r="P517" s="10" t="s">
        <v>55</v>
      </c>
      <c r="Q517" s="10" t="s">
        <v>55</v>
      </c>
      <c r="R517" s="10" t="s">
        <v>55</v>
      </c>
      <c r="S517" s="6">
        <v>31</v>
      </c>
      <c r="T517" s="6">
        <v>1</v>
      </c>
      <c r="U517" s="10" t="s">
        <v>55</v>
      </c>
      <c r="V517" s="6">
        <v>30</v>
      </c>
      <c r="W517" s="10" t="s">
        <v>55</v>
      </c>
      <c r="X517" s="6">
        <v>3</v>
      </c>
      <c r="Y517" s="6">
        <v>3</v>
      </c>
      <c r="Z517" s="10" t="s">
        <v>55</v>
      </c>
      <c r="AA517" s="10" t="s">
        <v>55</v>
      </c>
      <c r="AB517" s="10" t="s">
        <v>55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100</v>
      </c>
      <c r="I518" s="9" t="s">
        <v>53</v>
      </c>
      <c r="J518" s="9" t="s">
        <v>31</v>
      </c>
      <c r="K518" s="10" t="s">
        <v>55</v>
      </c>
      <c r="L518" s="10" t="s">
        <v>55</v>
      </c>
      <c r="M518" s="10" t="s">
        <v>55</v>
      </c>
      <c r="N518" s="10" t="s">
        <v>55</v>
      </c>
      <c r="O518" s="10" t="s">
        <v>55</v>
      </c>
      <c r="P518" s="10" t="s">
        <v>55</v>
      </c>
      <c r="Q518" s="10" t="s">
        <v>55</v>
      </c>
      <c r="R518" s="10" t="s">
        <v>55</v>
      </c>
      <c r="S518" s="10" t="s">
        <v>55</v>
      </c>
      <c r="T518" s="10" t="s">
        <v>55</v>
      </c>
      <c r="U518" s="10" t="s">
        <v>55</v>
      </c>
      <c r="V518" s="10" t="s">
        <v>55</v>
      </c>
      <c r="W518" s="10" t="s">
        <v>55</v>
      </c>
      <c r="X518" s="10" t="s">
        <v>55</v>
      </c>
      <c r="Y518" s="10" t="s">
        <v>55</v>
      </c>
      <c r="Z518" s="10" t="s">
        <v>55</v>
      </c>
      <c r="AA518" s="10" t="s">
        <v>55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100</v>
      </c>
      <c r="I519" s="9" t="s">
        <v>53</v>
      </c>
      <c r="J519" s="9" t="s">
        <v>32</v>
      </c>
      <c r="K519" s="10" t="s">
        <v>55</v>
      </c>
      <c r="L519" s="10" t="s">
        <v>55</v>
      </c>
      <c r="M519" s="10" t="s">
        <v>55</v>
      </c>
      <c r="N519" s="10" t="s">
        <v>55</v>
      </c>
      <c r="O519" s="10" t="s">
        <v>55</v>
      </c>
      <c r="P519" s="10" t="s">
        <v>55</v>
      </c>
      <c r="Q519" s="10" t="s">
        <v>55</v>
      </c>
      <c r="R519" s="10" t="s">
        <v>55</v>
      </c>
      <c r="S519" s="10" t="s">
        <v>55</v>
      </c>
      <c r="T519" s="10" t="s">
        <v>55</v>
      </c>
      <c r="U519" s="10" t="s">
        <v>55</v>
      </c>
      <c r="V519" s="10" t="s">
        <v>55</v>
      </c>
      <c r="W519" s="10" t="s">
        <v>55</v>
      </c>
      <c r="X519" s="10" t="s">
        <v>55</v>
      </c>
      <c r="Y519" s="10" t="s">
        <v>55</v>
      </c>
      <c r="Z519" s="10" t="s">
        <v>55</v>
      </c>
      <c r="AA519" s="10" t="s">
        <v>55</v>
      </c>
      <c r="AB519" s="10" t="s">
        <v>55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100</v>
      </c>
      <c r="I520" s="9" t="s">
        <v>53</v>
      </c>
      <c r="J520" s="9" t="s">
        <v>33</v>
      </c>
      <c r="K520" s="10" t="s">
        <v>55</v>
      </c>
      <c r="L520" s="10" t="s">
        <v>55</v>
      </c>
      <c r="M520" s="10" t="s">
        <v>55</v>
      </c>
      <c r="N520" s="10" t="s">
        <v>55</v>
      </c>
      <c r="O520" s="10" t="s">
        <v>55</v>
      </c>
      <c r="P520" s="10" t="s">
        <v>55</v>
      </c>
      <c r="Q520" s="10" t="s">
        <v>55</v>
      </c>
      <c r="R520" s="10" t="s">
        <v>55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10" t="s">
        <v>55</v>
      </c>
      <c r="Y520" s="10" t="s">
        <v>55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100</v>
      </c>
      <c r="I521" s="9" t="s">
        <v>53</v>
      </c>
      <c r="J521" s="9" t="s">
        <v>34</v>
      </c>
      <c r="K521" s="10" t="s">
        <v>55</v>
      </c>
      <c r="L521" s="10" t="s">
        <v>55</v>
      </c>
      <c r="M521" s="10" t="s">
        <v>55</v>
      </c>
      <c r="N521" s="10" t="s">
        <v>55</v>
      </c>
      <c r="O521" s="10" t="s">
        <v>55</v>
      </c>
      <c r="P521" s="10" t="s">
        <v>55</v>
      </c>
      <c r="Q521" s="10" t="s">
        <v>55</v>
      </c>
      <c r="R521" s="10" t="s">
        <v>55</v>
      </c>
      <c r="S521" s="10" t="s">
        <v>55</v>
      </c>
      <c r="T521" s="10" t="s">
        <v>55</v>
      </c>
      <c r="U521" s="10" t="s">
        <v>55</v>
      </c>
      <c r="V521" s="10" t="s">
        <v>55</v>
      </c>
      <c r="W521" s="10" t="s">
        <v>55</v>
      </c>
      <c r="X521" s="10" t="s">
        <v>55</v>
      </c>
      <c r="Y521" s="10" t="s">
        <v>55</v>
      </c>
      <c r="Z521" s="10" t="s">
        <v>55</v>
      </c>
      <c r="AA521" s="10" t="s">
        <v>55</v>
      </c>
      <c r="AB521" s="10" t="s">
        <v>55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100</v>
      </c>
      <c r="I522" s="9" t="s">
        <v>53</v>
      </c>
      <c r="J522" s="9" t="s">
        <v>35</v>
      </c>
      <c r="K522" s="10" t="s">
        <v>55</v>
      </c>
      <c r="L522" s="10" t="s">
        <v>55</v>
      </c>
      <c r="M522" s="10" t="s">
        <v>55</v>
      </c>
      <c r="N522" s="10" t="s">
        <v>55</v>
      </c>
      <c r="O522" s="10" t="s">
        <v>55</v>
      </c>
      <c r="P522" s="10" t="s">
        <v>55</v>
      </c>
      <c r="Q522" s="10" t="s">
        <v>55</v>
      </c>
      <c r="R522" s="10" t="s">
        <v>55</v>
      </c>
      <c r="S522" s="10" t="s">
        <v>55</v>
      </c>
      <c r="T522" s="10" t="s">
        <v>55</v>
      </c>
      <c r="U522" s="10" t="s">
        <v>55</v>
      </c>
      <c r="V522" s="10" t="s">
        <v>55</v>
      </c>
      <c r="W522" s="10" t="s">
        <v>55</v>
      </c>
      <c r="X522" s="10" t="s">
        <v>55</v>
      </c>
      <c r="Y522" s="10" t="s">
        <v>55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100</v>
      </c>
      <c r="I523" s="9" t="s">
        <v>53</v>
      </c>
      <c r="J523" s="9" t="s">
        <v>36</v>
      </c>
      <c r="K523" s="10" t="s">
        <v>55</v>
      </c>
      <c r="L523" s="10" t="s">
        <v>55</v>
      </c>
      <c r="M523" s="10" t="s">
        <v>55</v>
      </c>
      <c r="N523" s="10" t="s">
        <v>55</v>
      </c>
      <c r="O523" s="10" t="s">
        <v>55</v>
      </c>
      <c r="P523" s="10" t="s">
        <v>55</v>
      </c>
      <c r="Q523" s="10" t="s">
        <v>55</v>
      </c>
      <c r="R523" s="10" t="s">
        <v>55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10" t="s">
        <v>55</v>
      </c>
      <c r="X523" s="10" t="s">
        <v>55</v>
      </c>
      <c r="Y523" s="10" t="s">
        <v>55</v>
      </c>
      <c r="Z523" s="10" t="s">
        <v>55</v>
      </c>
      <c r="AA523" s="10" t="s">
        <v>55</v>
      </c>
      <c r="AB523" s="10" t="s">
        <v>55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100</v>
      </c>
      <c r="I524" s="9" t="s">
        <v>53</v>
      </c>
      <c r="J524" s="9" t="s">
        <v>37</v>
      </c>
      <c r="K524" s="10" t="s">
        <v>55</v>
      </c>
      <c r="L524" s="10" t="s">
        <v>55</v>
      </c>
      <c r="M524" s="10" t="s">
        <v>55</v>
      </c>
      <c r="N524" s="10" t="s">
        <v>55</v>
      </c>
      <c r="O524" s="10" t="s">
        <v>55</v>
      </c>
      <c r="P524" s="10" t="s">
        <v>55</v>
      </c>
      <c r="Q524" s="10" t="s">
        <v>55</v>
      </c>
      <c r="R524" s="10" t="s">
        <v>55</v>
      </c>
      <c r="S524" s="10" t="s">
        <v>55</v>
      </c>
      <c r="T524" s="10" t="s">
        <v>55</v>
      </c>
      <c r="U524" s="10" t="s">
        <v>55</v>
      </c>
      <c r="V524" s="10" t="s">
        <v>55</v>
      </c>
      <c r="W524" s="10" t="s">
        <v>55</v>
      </c>
      <c r="X524" s="10" t="s">
        <v>55</v>
      </c>
      <c r="Y524" s="10" t="s">
        <v>55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100</v>
      </c>
      <c r="I525" s="9" t="s">
        <v>53</v>
      </c>
      <c r="J525" s="9" t="s">
        <v>38</v>
      </c>
      <c r="K525" s="10" t="s">
        <v>55</v>
      </c>
      <c r="L525" s="10" t="s">
        <v>55</v>
      </c>
      <c r="M525" s="10" t="s">
        <v>55</v>
      </c>
      <c r="N525" s="10" t="s">
        <v>55</v>
      </c>
      <c r="O525" s="10" t="s">
        <v>55</v>
      </c>
      <c r="P525" s="10" t="s">
        <v>55</v>
      </c>
      <c r="Q525" s="10" t="s">
        <v>55</v>
      </c>
      <c r="R525" s="10" t="s">
        <v>55</v>
      </c>
      <c r="S525" s="10" t="s">
        <v>55</v>
      </c>
      <c r="T525" s="10" t="s">
        <v>55</v>
      </c>
      <c r="U525" s="10" t="s">
        <v>55</v>
      </c>
      <c r="V525" s="10" t="s">
        <v>55</v>
      </c>
      <c r="W525" s="10" t="s">
        <v>55</v>
      </c>
      <c r="X525" s="10" t="s">
        <v>55</v>
      </c>
      <c r="Y525" s="10" t="s">
        <v>55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100</v>
      </c>
      <c r="I526" s="9" t="s">
        <v>53</v>
      </c>
      <c r="J526" s="9" t="s">
        <v>39</v>
      </c>
      <c r="K526" s="6">
        <v>1</v>
      </c>
      <c r="L526" s="10" t="s">
        <v>55</v>
      </c>
      <c r="M526" s="10" t="s">
        <v>55</v>
      </c>
      <c r="N526" s="10" t="s">
        <v>55</v>
      </c>
      <c r="O526" s="10" t="s">
        <v>55</v>
      </c>
      <c r="P526" s="10" t="s">
        <v>55</v>
      </c>
      <c r="Q526" s="10" t="s">
        <v>55</v>
      </c>
      <c r="R526" s="10" t="s">
        <v>55</v>
      </c>
      <c r="S526" s="6">
        <v>1</v>
      </c>
      <c r="T526" s="10" t="s">
        <v>55</v>
      </c>
      <c r="U526" s="10" t="s">
        <v>55</v>
      </c>
      <c r="V526" s="6">
        <v>1</v>
      </c>
      <c r="W526" s="10" t="s">
        <v>55</v>
      </c>
      <c r="X526" s="10" t="s">
        <v>55</v>
      </c>
      <c r="Y526" s="10" t="s">
        <v>55</v>
      </c>
      <c r="Z526" s="10" t="s">
        <v>55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100</v>
      </c>
      <c r="I527" s="9" t="s">
        <v>53</v>
      </c>
      <c r="J527" s="9" t="s">
        <v>40</v>
      </c>
      <c r="K527" s="6">
        <v>4</v>
      </c>
      <c r="L527" s="6">
        <v>3</v>
      </c>
      <c r="M527" s="6">
        <v>3</v>
      </c>
      <c r="N527" s="6">
        <v>3</v>
      </c>
      <c r="O527" s="10" t="s">
        <v>55</v>
      </c>
      <c r="P527" s="10" t="s">
        <v>55</v>
      </c>
      <c r="Q527" s="10" t="s">
        <v>55</v>
      </c>
      <c r="R527" s="10" t="s">
        <v>55</v>
      </c>
      <c r="S527" s="6">
        <v>1</v>
      </c>
      <c r="T527" s="10" t="s">
        <v>55</v>
      </c>
      <c r="U527" s="10" t="s">
        <v>55</v>
      </c>
      <c r="V527" s="6">
        <v>1</v>
      </c>
      <c r="W527" s="10" t="s">
        <v>55</v>
      </c>
      <c r="X527" s="6">
        <v>2</v>
      </c>
      <c r="Y527" s="6">
        <v>2</v>
      </c>
      <c r="Z527" s="10" t="s">
        <v>55</v>
      </c>
      <c r="AA527" s="10" t="s">
        <v>55</v>
      </c>
      <c r="AB527" s="10" t="s">
        <v>55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100</v>
      </c>
      <c r="I528" s="9" t="s">
        <v>53</v>
      </c>
      <c r="J528" s="9" t="s">
        <v>41</v>
      </c>
      <c r="K528" s="6">
        <v>4</v>
      </c>
      <c r="L528" s="6">
        <v>2</v>
      </c>
      <c r="M528" s="6">
        <v>2</v>
      </c>
      <c r="N528" s="6">
        <v>2</v>
      </c>
      <c r="O528" s="10" t="s">
        <v>55</v>
      </c>
      <c r="P528" s="10" t="s">
        <v>55</v>
      </c>
      <c r="Q528" s="10" t="s">
        <v>55</v>
      </c>
      <c r="R528" s="10" t="s">
        <v>55</v>
      </c>
      <c r="S528" s="6">
        <v>2</v>
      </c>
      <c r="T528" s="10" t="s">
        <v>55</v>
      </c>
      <c r="U528" s="10" t="s">
        <v>55</v>
      </c>
      <c r="V528" s="6">
        <v>2</v>
      </c>
      <c r="W528" s="10" t="s">
        <v>55</v>
      </c>
      <c r="X528" s="10" t="s">
        <v>55</v>
      </c>
      <c r="Y528" s="10" t="s">
        <v>55</v>
      </c>
      <c r="Z528" s="10" t="s">
        <v>55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100</v>
      </c>
      <c r="I529" s="9" t="s">
        <v>53</v>
      </c>
      <c r="J529" s="9" t="s">
        <v>42</v>
      </c>
      <c r="K529" s="6">
        <v>4</v>
      </c>
      <c r="L529" s="6">
        <v>2</v>
      </c>
      <c r="M529" s="6">
        <v>2</v>
      </c>
      <c r="N529" s="6">
        <v>2</v>
      </c>
      <c r="O529" s="10" t="s">
        <v>55</v>
      </c>
      <c r="P529" s="10" t="s">
        <v>55</v>
      </c>
      <c r="Q529" s="10" t="s">
        <v>55</v>
      </c>
      <c r="R529" s="10" t="s">
        <v>55</v>
      </c>
      <c r="S529" s="6">
        <v>2</v>
      </c>
      <c r="T529" s="10" t="s">
        <v>55</v>
      </c>
      <c r="U529" s="10" t="s">
        <v>55</v>
      </c>
      <c r="V529" s="6">
        <v>2</v>
      </c>
      <c r="W529" s="10" t="s">
        <v>55</v>
      </c>
      <c r="X529" s="10" t="s">
        <v>55</v>
      </c>
      <c r="Y529" s="10" t="s">
        <v>55</v>
      </c>
      <c r="Z529" s="10" t="s">
        <v>55</v>
      </c>
      <c r="AA529" s="10" t="s">
        <v>55</v>
      </c>
      <c r="AB529" s="10" t="s">
        <v>55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100</v>
      </c>
      <c r="I530" s="9" t="s">
        <v>53</v>
      </c>
      <c r="J530" s="9" t="s">
        <v>43</v>
      </c>
      <c r="K530" s="6">
        <v>5</v>
      </c>
      <c r="L530" s="6">
        <v>2</v>
      </c>
      <c r="M530" s="6">
        <v>2</v>
      </c>
      <c r="N530" s="6">
        <v>2</v>
      </c>
      <c r="O530" s="10" t="s">
        <v>55</v>
      </c>
      <c r="P530" s="10" t="s">
        <v>55</v>
      </c>
      <c r="Q530" s="10" t="s">
        <v>55</v>
      </c>
      <c r="R530" s="10" t="s">
        <v>55</v>
      </c>
      <c r="S530" s="6">
        <v>3</v>
      </c>
      <c r="T530" s="6">
        <v>1</v>
      </c>
      <c r="U530" s="10" t="s">
        <v>55</v>
      </c>
      <c r="V530" s="6">
        <v>2</v>
      </c>
      <c r="W530" s="10" t="s">
        <v>55</v>
      </c>
      <c r="X530" s="6">
        <v>1</v>
      </c>
      <c r="Y530" s="6">
        <v>1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100</v>
      </c>
      <c r="I531" s="9" t="s">
        <v>53</v>
      </c>
      <c r="J531" s="9" t="s">
        <v>44</v>
      </c>
      <c r="K531" s="6">
        <v>3</v>
      </c>
      <c r="L531" s="6">
        <v>1</v>
      </c>
      <c r="M531" s="6">
        <v>1</v>
      </c>
      <c r="N531" s="6">
        <v>1</v>
      </c>
      <c r="O531" s="10" t="s">
        <v>55</v>
      </c>
      <c r="P531" s="10" t="s">
        <v>55</v>
      </c>
      <c r="Q531" s="10" t="s">
        <v>55</v>
      </c>
      <c r="R531" s="10" t="s">
        <v>55</v>
      </c>
      <c r="S531" s="6">
        <v>2</v>
      </c>
      <c r="T531" s="10" t="s">
        <v>55</v>
      </c>
      <c r="U531" s="10" t="s">
        <v>55</v>
      </c>
      <c r="V531" s="6">
        <v>2</v>
      </c>
      <c r="W531" s="10" t="s">
        <v>55</v>
      </c>
      <c r="X531" s="10" t="s">
        <v>55</v>
      </c>
      <c r="Y531" s="10" t="s">
        <v>55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100</v>
      </c>
      <c r="I532" s="9" t="s">
        <v>53</v>
      </c>
      <c r="J532" s="9" t="s">
        <v>45</v>
      </c>
      <c r="K532" s="6">
        <v>13</v>
      </c>
      <c r="L532" s="6">
        <v>2</v>
      </c>
      <c r="M532" s="6">
        <v>2</v>
      </c>
      <c r="N532" s="6">
        <v>2</v>
      </c>
      <c r="O532" s="10" t="s">
        <v>55</v>
      </c>
      <c r="P532" s="10" t="s">
        <v>55</v>
      </c>
      <c r="Q532" s="10" t="s">
        <v>55</v>
      </c>
      <c r="R532" s="10" t="s">
        <v>55</v>
      </c>
      <c r="S532" s="6">
        <v>11</v>
      </c>
      <c r="T532" s="10" t="s">
        <v>55</v>
      </c>
      <c r="U532" s="10" t="s">
        <v>55</v>
      </c>
      <c r="V532" s="6">
        <v>11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100</v>
      </c>
      <c r="I533" s="9" t="s">
        <v>53</v>
      </c>
      <c r="J533" s="9" t="s">
        <v>46</v>
      </c>
      <c r="K533" s="6">
        <v>8</v>
      </c>
      <c r="L533" s="10" t="s">
        <v>55</v>
      </c>
      <c r="M533" s="10" t="s">
        <v>55</v>
      </c>
      <c r="N533" s="10" t="s">
        <v>55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6">
        <v>8</v>
      </c>
      <c r="T533" s="10" t="s">
        <v>55</v>
      </c>
      <c r="U533" s="10" t="s">
        <v>55</v>
      </c>
      <c r="V533" s="6">
        <v>8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100</v>
      </c>
      <c r="I534" s="9" t="s">
        <v>53</v>
      </c>
      <c r="J534" s="9" t="s">
        <v>47</v>
      </c>
      <c r="K534" s="6">
        <v>1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6">
        <v>1</v>
      </c>
      <c r="T534" s="10" t="s">
        <v>55</v>
      </c>
      <c r="U534" s="10" t="s">
        <v>55</v>
      </c>
      <c r="V534" s="6">
        <v>1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100</v>
      </c>
      <c r="I535" s="9" t="s">
        <v>53</v>
      </c>
      <c r="J535" s="9" t="s">
        <v>48</v>
      </c>
      <c r="K535" s="6">
        <v>5</v>
      </c>
      <c r="L535" s="6">
        <v>3</v>
      </c>
      <c r="M535" s="6">
        <v>3</v>
      </c>
      <c r="N535" s="6">
        <v>3</v>
      </c>
      <c r="O535" s="10" t="s">
        <v>55</v>
      </c>
      <c r="P535" s="10" t="s">
        <v>55</v>
      </c>
      <c r="Q535" s="10" t="s">
        <v>55</v>
      </c>
      <c r="R535" s="10" t="s">
        <v>55</v>
      </c>
      <c r="S535" s="6">
        <v>2</v>
      </c>
      <c r="T535" s="10" t="s">
        <v>55</v>
      </c>
      <c r="U535" s="10" t="s">
        <v>55</v>
      </c>
      <c r="V535" s="6">
        <v>2</v>
      </c>
      <c r="W535" s="10" t="s">
        <v>55</v>
      </c>
      <c r="X535" s="6">
        <v>2</v>
      </c>
      <c r="Y535" s="6">
        <v>2</v>
      </c>
      <c r="Z535" s="10" t="s">
        <v>55</v>
      </c>
      <c r="AA535" s="10" t="s">
        <v>55</v>
      </c>
      <c r="AB535" s="10" t="s">
        <v>55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100</v>
      </c>
      <c r="I536" s="9" t="s">
        <v>53</v>
      </c>
      <c r="J536" s="9" t="s">
        <v>49</v>
      </c>
      <c r="K536" s="6">
        <v>38</v>
      </c>
      <c r="L536" s="6">
        <v>9</v>
      </c>
      <c r="M536" s="6">
        <v>9</v>
      </c>
      <c r="N536" s="6">
        <v>9</v>
      </c>
      <c r="O536" s="10" t="s">
        <v>55</v>
      </c>
      <c r="P536" s="10" t="s">
        <v>55</v>
      </c>
      <c r="Q536" s="10" t="s">
        <v>55</v>
      </c>
      <c r="R536" s="10" t="s">
        <v>55</v>
      </c>
      <c r="S536" s="6">
        <v>29</v>
      </c>
      <c r="T536" s="6">
        <v>1</v>
      </c>
      <c r="U536" s="10" t="s">
        <v>55</v>
      </c>
      <c r="V536" s="6">
        <v>28</v>
      </c>
      <c r="W536" s="10" t="s">
        <v>55</v>
      </c>
      <c r="X536" s="6">
        <v>1</v>
      </c>
      <c r="Y536" s="6">
        <v>1</v>
      </c>
      <c r="Z536" s="10" t="s">
        <v>55</v>
      </c>
      <c r="AA536" s="10" t="s">
        <v>55</v>
      </c>
      <c r="AB536" s="10" t="s">
        <v>55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100</v>
      </c>
      <c r="I537" s="9" t="s">
        <v>53</v>
      </c>
      <c r="J537" s="9" t="s">
        <v>50</v>
      </c>
      <c r="K537" s="6">
        <v>30</v>
      </c>
      <c r="L537" s="6">
        <v>5</v>
      </c>
      <c r="M537" s="6">
        <v>5</v>
      </c>
      <c r="N537" s="6">
        <v>5</v>
      </c>
      <c r="O537" s="10" t="s">
        <v>55</v>
      </c>
      <c r="P537" s="10" t="s">
        <v>55</v>
      </c>
      <c r="Q537" s="10" t="s">
        <v>55</v>
      </c>
      <c r="R537" s="10" t="s">
        <v>55</v>
      </c>
      <c r="S537" s="6">
        <v>25</v>
      </c>
      <c r="T537" s="6">
        <v>1</v>
      </c>
      <c r="U537" s="10" t="s">
        <v>55</v>
      </c>
      <c r="V537" s="6">
        <v>24</v>
      </c>
      <c r="W537" s="10" t="s">
        <v>55</v>
      </c>
      <c r="X537" s="6">
        <v>1</v>
      </c>
      <c r="Y537" s="6">
        <v>1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100</v>
      </c>
      <c r="I538" s="9" t="s">
        <v>53</v>
      </c>
      <c r="J538" s="9" t="s">
        <v>51</v>
      </c>
      <c r="K538" s="6">
        <v>22</v>
      </c>
      <c r="L538" s="6">
        <v>2</v>
      </c>
      <c r="M538" s="6">
        <v>2</v>
      </c>
      <c r="N538" s="6">
        <v>2</v>
      </c>
      <c r="O538" s="10" t="s">
        <v>55</v>
      </c>
      <c r="P538" s="10" t="s">
        <v>55</v>
      </c>
      <c r="Q538" s="10" t="s">
        <v>55</v>
      </c>
      <c r="R538" s="10" t="s">
        <v>55</v>
      </c>
      <c r="S538" s="6">
        <v>20</v>
      </c>
      <c r="T538" s="10" t="s">
        <v>55</v>
      </c>
      <c r="U538" s="10" t="s">
        <v>55</v>
      </c>
      <c r="V538" s="6">
        <v>20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100</v>
      </c>
      <c r="I539" s="9" t="s">
        <v>53</v>
      </c>
      <c r="J539" s="9" t="s">
        <v>52</v>
      </c>
      <c r="K539" s="6">
        <v>9</v>
      </c>
      <c r="L539" s="6">
        <v>5</v>
      </c>
      <c r="M539" s="6">
        <v>5</v>
      </c>
      <c r="N539" s="6">
        <v>5</v>
      </c>
      <c r="O539" s="10" t="s">
        <v>55</v>
      </c>
      <c r="P539" s="10" t="s">
        <v>55</v>
      </c>
      <c r="Q539" s="10" t="s">
        <v>55</v>
      </c>
      <c r="R539" s="10" t="s">
        <v>55</v>
      </c>
      <c r="S539" s="6">
        <v>4</v>
      </c>
      <c r="T539" s="10" t="s">
        <v>55</v>
      </c>
      <c r="U539" s="10" t="s">
        <v>55</v>
      </c>
      <c r="V539" s="6">
        <v>4</v>
      </c>
      <c r="W539" s="10" t="s">
        <v>55</v>
      </c>
      <c r="X539" s="6">
        <v>2</v>
      </c>
      <c r="Y539" s="6">
        <v>2</v>
      </c>
      <c r="Z539" s="10" t="s">
        <v>55</v>
      </c>
      <c r="AA539" s="10" t="s">
        <v>55</v>
      </c>
      <c r="AB539" s="10" t="s">
        <v>55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100</v>
      </c>
      <c r="I540" s="9" t="s">
        <v>54</v>
      </c>
      <c r="J540" s="9" t="s">
        <v>30</v>
      </c>
      <c r="K540" s="6">
        <v>215</v>
      </c>
      <c r="L540" s="6">
        <v>25</v>
      </c>
      <c r="M540" s="6">
        <v>25</v>
      </c>
      <c r="N540" s="6">
        <v>13</v>
      </c>
      <c r="O540" s="6">
        <v>12</v>
      </c>
      <c r="P540" s="10" t="s">
        <v>55</v>
      </c>
      <c r="Q540" s="10" t="s">
        <v>55</v>
      </c>
      <c r="R540" s="10" t="s">
        <v>55</v>
      </c>
      <c r="S540" s="6">
        <v>189</v>
      </c>
      <c r="T540" s="6">
        <v>35</v>
      </c>
      <c r="U540" s="10" t="s">
        <v>55</v>
      </c>
      <c r="V540" s="6">
        <v>154</v>
      </c>
      <c r="W540" s="6">
        <v>1</v>
      </c>
      <c r="X540" s="6">
        <v>9</v>
      </c>
      <c r="Y540" s="6">
        <v>6</v>
      </c>
      <c r="Z540" s="6">
        <v>3</v>
      </c>
      <c r="AA540" s="10" t="s">
        <v>55</v>
      </c>
      <c r="AB540" s="10" t="s">
        <v>55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100</v>
      </c>
      <c r="I541" s="9" t="s">
        <v>54</v>
      </c>
      <c r="J541" s="9" t="s">
        <v>31</v>
      </c>
      <c r="K541" s="10" t="s">
        <v>55</v>
      </c>
      <c r="L541" s="10" t="s">
        <v>55</v>
      </c>
      <c r="M541" s="10" t="s">
        <v>55</v>
      </c>
      <c r="N541" s="10" t="s">
        <v>55</v>
      </c>
      <c r="O541" s="10" t="s">
        <v>55</v>
      </c>
      <c r="P541" s="10" t="s">
        <v>55</v>
      </c>
      <c r="Q541" s="10" t="s">
        <v>55</v>
      </c>
      <c r="R541" s="10" t="s">
        <v>55</v>
      </c>
      <c r="S541" s="10" t="s">
        <v>55</v>
      </c>
      <c r="T541" s="10" t="s">
        <v>55</v>
      </c>
      <c r="U541" s="10" t="s">
        <v>55</v>
      </c>
      <c r="V541" s="10" t="s">
        <v>55</v>
      </c>
      <c r="W541" s="10" t="s">
        <v>55</v>
      </c>
      <c r="X541" s="10" t="s">
        <v>55</v>
      </c>
      <c r="Y541" s="10" t="s">
        <v>55</v>
      </c>
      <c r="Z541" s="10" t="s">
        <v>55</v>
      </c>
      <c r="AA541" s="10" t="s">
        <v>55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100</v>
      </c>
      <c r="I542" s="9" t="s">
        <v>54</v>
      </c>
      <c r="J542" s="9" t="s">
        <v>32</v>
      </c>
      <c r="K542" s="10" t="s">
        <v>55</v>
      </c>
      <c r="L542" s="10" t="s">
        <v>55</v>
      </c>
      <c r="M542" s="10" t="s">
        <v>55</v>
      </c>
      <c r="N542" s="10" t="s">
        <v>55</v>
      </c>
      <c r="O542" s="10" t="s">
        <v>55</v>
      </c>
      <c r="P542" s="10" t="s">
        <v>55</v>
      </c>
      <c r="Q542" s="10" t="s">
        <v>55</v>
      </c>
      <c r="R542" s="10" t="s">
        <v>55</v>
      </c>
      <c r="S542" s="10" t="s">
        <v>55</v>
      </c>
      <c r="T542" s="10" t="s">
        <v>55</v>
      </c>
      <c r="U542" s="10" t="s">
        <v>55</v>
      </c>
      <c r="V542" s="10" t="s">
        <v>55</v>
      </c>
      <c r="W542" s="10" t="s">
        <v>55</v>
      </c>
      <c r="X542" s="10" t="s">
        <v>55</v>
      </c>
      <c r="Y542" s="10" t="s">
        <v>55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100</v>
      </c>
      <c r="I543" s="9" t="s">
        <v>54</v>
      </c>
      <c r="J543" s="9" t="s">
        <v>33</v>
      </c>
      <c r="K543" s="10" t="s">
        <v>55</v>
      </c>
      <c r="L543" s="10" t="s">
        <v>55</v>
      </c>
      <c r="M543" s="10" t="s">
        <v>55</v>
      </c>
      <c r="N543" s="10" t="s">
        <v>55</v>
      </c>
      <c r="O543" s="10" t="s">
        <v>55</v>
      </c>
      <c r="P543" s="10" t="s">
        <v>55</v>
      </c>
      <c r="Q543" s="10" t="s">
        <v>55</v>
      </c>
      <c r="R543" s="10" t="s">
        <v>55</v>
      </c>
      <c r="S543" s="10" t="s">
        <v>55</v>
      </c>
      <c r="T543" s="10" t="s">
        <v>55</v>
      </c>
      <c r="U543" s="10" t="s">
        <v>55</v>
      </c>
      <c r="V543" s="10" t="s">
        <v>55</v>
      </c>
      <c r="W543" s="10" t="s">
        <v>55</v>
      </c>
      <c r="X543" s="10" t="s">
        <v>55</v>
      </c>
      <c r="Y543" s="10" t="s">
        <v>55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100</v>
      </c>
      <c r="I544" s="9" t="s">
        <v>54</v>
      </c>
      <c r="J544" s="9" t="s">
        <v>34</v>
      </c>
      <c r="K544" s="10" t="s">
        <v>55</v>
      </c>
      <c r="L544" s="10" t="s">
        <v>55</v>
      </c>
      <c r="M544" s="10" t="s">
        <v>55</v>
      </c>
      <c r="N544" s="10" t="s">
        <v>55</v>
      </c>
      <c r="O544" s="10" t="s">
        <v>55</v>
      </c>
      <c r="P544" s="10" t="s">
        <v>55</v>
      </c>
      <c r="Q544" s="10" t="s">
        <v>55</v>
      </c>
      <c r="R544" s="10" t="s">
        <v>55</v>
      </c>
      <c r="S544" s="10" t="s">
        <v>55</v>
      </c>
      <c r="T544" s="10" t="s">
        <v>55</v>
      </c>
      <c r="U544" s="10" t="s">
        <v>55</v>
      </c>
      <c r="V544" s="10" t="s">
        <v>55</v>
      </c>
      <c r="W544" s="10" t="s">
        <v>55</v>
      </c>
      <c r="X544" s="10" t="s">
        <v>55</v>
      </c>
      <c r="Y544" s="10" t="s">
        <v>55</v>
      </c>
      <c r="Z544" s="10" t="s">
        <v>55</v>
      </c>
      <c r="AA544" s="10" t="s">
        <v>55</v>
      </c>
      <c r="AB544" s="10" t="s">
        <v>55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100</v>
      </c>
      <c r="I545" s="9" t="s">
        <v>54</v>
      </c>
      <c r="J545" s="9" t="s">
        <v>35</v>
      </c>
      <c r="K545" s="6">
        <v>1</v>
      </c>
      <c r="L545" s="6">
        <v>1</v>
      </c>
      <c r="M545" s="6">
        <v>1</v>
      </c>
      <c r="N545" s="6">
        <v>1</v>
      </c>
      <c r="O545" s="10" t="s">
        <v>55</v>
      </c>
      <c r="P545" s="10" t="s">
        <v>55</v>
      </c>
      <c r="Q545" s="10" t="s">
        <v>55</v>
      </c>
      <c r="R545" s="10" t="s">
        <v>55</v>
      </c>
      <c r="S545" s="10" t="s">
        <v>55</v>
      </c>
      <c r="T545" s="10" t="s">
        <v>55</v>
      </c>
      <c r="U545" s="10" t="s">
        <v>55</v>
      </c>
      <c r="V545" s="10" t="s">
        <v>55</v>
      </c>
      <c r="W545" s="10" t="s">
        <v>55</v>
      </c>
      <c r="X545" s="6">
        <v>1</v>
      </c>
      <c r="Y545" s="6">
        <v>1</v>
      </c>
      <c r="Z545" s="10" t="s">
        <v>55</v>
      </c>
      <c r="AA545" s="10" t="s">
        <v>55</v>
      </c>
      <c r="AB545" s="10" t="s">
        <v>55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100</v>
      </c>
      <c r="I546" s="9" t="s">
        <v>54</v>
      </c>
      <c r="J546" s="9" t="s">
        <v>36</v>
      </c>
      <c r="K546" s="10" t="s">
        <v>55</v>
      </c>
      <c r="L546" s="10" t="s">
        <v>55</v>
      </c>
      <c r="M546" s="10" t="s">
        <v>55</v>
      </c>
      <c r="N546" s="10" t="s">
        <v>55</v>
      </c>
      <c r="O546" s="10" t="s">
        <v>55</v>
      </c>
      <c r="P546" s="10" t="s">
        <v>55</v>
      </c>
      <c r="Q546" s="10" t="s">
        <v>55</v>
      </c>
      <c r="R546" s="10" t="s">
        <v>55</v>
      </c>
      <c r="S546" s="10" t="s">
        <v>55</v>
      </c>
      <c r="T546" s="10" t="s">
        <v>55</v>
      </c>
      <c r="U546" s="10" t="s">
        <v>55</v>
      </c>
      <c r="V546" s="10" t="s">
        <v>55</v>
      </c>
      <c r="W546" s="10" t="s">
        <v>55</v>
      </c>
      <c r="X546" s="10" t="s">
        <v>55</v>
      </c>
      <c r="Y546" s="10" t="s">
        <v>55</v>
      </c>
      <c r="Z546" s="10" t="s">
        <v>55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100</v>
      </c>
      <c r="I547" s="9" t="s">
        <v>54</v>
      </c>
      <c r="J547" s="9" t="s">
        <v>37</v>
      </c>
      <c r="K547" s="10" t="s">
        <v>55</v>
      </c>
      <c r="L547" s="10" t="s">
        <v>55</v>
      </c>
      <c r="M547" s="10" t="s">
        <v>55</v>
      </c>
      <c r="N547" s="10" t="s">
        <v>55</v>
      </c>
      <c r="O547" s="10" t="s">
        <v>55</v>
      </c>
      <c r="P547" s="10" t="s">
        <v>55</v>
      </c>
      <c r="Q547" s="10" t="s">
        <v>55</v>
      </c>
      <c r="R547" s="10" t="s">
        <v>55</v>
      </c>
      <c r="S547" s="10" t="s">
        <v>55</v>
      </c>
      <c r="T547" s="10" t="s">
        <v>55</v>
      </c>
      <c r="U547" s="10" t="s">
        <v>55</v>
      </c>
      <c r="V547" s="10" t="s">
        <v>55</v>
      </c>
      <c r="W547" s="10" t="s">
        <v>55</v>
      </c>
      <c r="X547" s="10" t="s">
        <v>55</v>
      </c>
      <c r="Y547" s="10" t="s">
        <v>55</v>
      </c>
      <c r="Z547" s="10" t="s">
        <v>55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100</v>
      </c>
      <c r="I548" s="9" t="s">
        <v>54</v>
      </c>
      <c r="J548" s="9" t="s">
        <v>38</v>
      </c>
      <c r="K548" s="10" t="s">
        <v>55</v>
      </c>
      <c r="L548" s="10" t="s">
        <v>55</v>
      </c>
      <c r="M548" s="10" t="s">
        <v>55</v>
      </c>
      <c r="N548" s="10" t="s">
        <v>55</v>
      </c>
      <c r="O548" s="10" t="s">
        <v>55</v>
      </c>
      <c r="P548" s="10" t="s">
        <v>55</v>
      </c>
      <c r="Q548" s="10" t="s">
        <v>55</v>
      </c>
      <c r="R548" s="10" t="s">
        <v>55</v>
      </c>
      <c r="S548" s="10" t="s">
        <v>55</v>
      </c>
      <c r="T548" s="10" t="s">
        <v>55</v>
      </c>
      <c r="U548" s="10" t="s">
        <v>55</v>
      </c>
      <c r="V548" s="10" t="s">
        <v>55</v>
      </c>
      <c r="W548" s="10" t="s">
        <v>55</v>
      </c>
      <c r="X548" s="10" t="s">
        <v>55</v>
      </c>
      <c r="Y548" s="10" t="s">
        <v>55</v>
      </c>
      <c r="Z548" s="10" t="s">
        <v>55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100</v>
      </c>
      <c r="I549" s="9" t="s">
        <v>54</v>
      </c>
      <c r="J549" s="9" t="s">
        <v>39</v>
      </c>
      <c r="K549" s="6">
        <v>2</v>
      </c>
      <c r="L549" s="6">
        <v>1</v>
      </c>
      <c r="M549" s="6">
        <v>1</v>
      </c>
      <c r="N549" s="6">
        <v>1</v>
      </c>
      <c r="O549" s="10" t="s">
        <v>55</v>
      </c>
      <c r="P549" s="10" t="s">
        <v>55</v>
      </c>
      <c r="Q549" s="10" t="s">
        <v>55</v>
      </c>
      <c r="R549" s="10" t="s">
        <v>55</v>
      </c>
      <c r="S549" s="6">
        <v>1</v>
      </c>
      <c r="T549" s="10" t="s">
        <v>55</v>
      </c>
      <c r="U549" s="10" t="s">
        <v>55</v>
      </c>
      <c r="V549" s="6">
        <v>1</v>
      </c>
      <c r="W549" s="10" t="s">
        <v>55</v>
      </c>
      <c r="X549" s="6">
        <v>1</v>
      </c>
      <c r="Y549" s="6">
        <v>1</v>
      </c>
      <c r="Z549" s="10" t="s">
        <v>55</v>
      </c>
      <c r="AA549" s="10" t="s">
        <v>55</v>
      </c>
      <c r="AB549" s="10" t="s">
        <v>55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100</v>
      </c>
      <c r="I550" s="9" t="s">
        <v>54</v>
      </c>
      <c r="J550" s="9" t="s">
        <v>40</v>
      </c>
      <c r="K550" s="6">
        <v>4</v>
      </c>
      <c r="L550" s="6">
        <v>3</v>
      </c>
      <c r="M550" s="6">
        <v>3</v>
      </c>
      <c r="N550" s="6">
        <v>2</v>
      </c>
      <c r="O550" s="6">
        <v>1</v>
      </c>
      <c r="P550" s="10" t="s">
        <v>55</v>
      </c>
      <c r="Q550" s="10" t="s">
        <v>55</v>
      </c>
      <c r="R550" s="10" t="s">
        <v>55</v>
      </c>
      <c r="S550" s="6">
        <v>1</v>
      </c>
      <c r="T550" s="6">
        <v>1</v>
      </c>
      <c r="U550" s="10" t="s">
        <v>55</v>
      </c>
      <c r="V550" s="10" t="s">
        <v>55</v>
      </c>
      <c r="W550" s="10" t="s">
        <v>55</v>
      </c>
      <c r="X550" s="6">
        <v>3</v>
      </c>
      <c r="Y550" s="6">
        <v>2</v>
      </c>
      <c r="Z550" s="6">
        <v>1</v>
      </c>
      <c r="AA550" s="10" t="s">
        <v>55</v>
      </c>
      <c r="AB550" s="10" t="s">
        <v>55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100</v>
      </c>
      <c r="I551" s="9" t="s">
        <v>54</v>
      </c>
      <c r="J551" s="9" t="s">
        <v>41</v>
      </c>
      <c r="K551" s="6">
        <v>6</v>
      </c>
      <c r="L551" s="6">
        <v>3</v>
      </c>
      <c r="M551" s="6">
        <v>3</v>
      </c>
      <c r="N551" s="6">
        <v>2</v>
      </c>
      <c r="O551" s="6">
        <v>1</v>
      </c>
      <c r="P551" s="10" t="s">
        <v>55</v>
      </c>
      <c r="Q551" s="10" t="s">
        <v>55</v>
      </c>
      <c r="R551" s="10" t="s">
        <v>55</v>
      </c>
      <c r="S551" s="6">
        <v>3</v>
      </c>
      <c r="T551" s="6">
        <v>2</v>
      </c>
      <c r="U551" s="10" t="s">
        <v>55</v>
      </c>
      <c r="V551" s="6">
        <v>1</v>
      </c>
      <c r="W551" s="10" t="s">
        <v>55</v>
      </c>
      <c r="X551" s="6">
        <v>1</v>
      </c>
      <c r="Y551" s="6">
        <v>1</v>
      </c>
      <c r="Z551" s="10" t="s">
        <v>55</v>
      </c>
      <c r="AA551" s="10" t="s">
        <v>55</v>
      </c>
      <c r="AB551" s="10" t="s">
        <v>55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100</v>
      </c>
      <c r="I552" s="9" t="s">
        <v>54</v>
      </c>
      <c r="J552" s="9" t="s">
        <v>42</v>
      </c>
      <c r="K552" s="6">
        <v>14</v>
      </c>
      <c r="L552" s="6">
        <v>3</v>
      </c>
      <c r="M552" s="6">
        <v>3</v>
      </c>
      <c r="N552" s="6">
        <v>1</v>
      </c>
      <c r="O552" s="6">
        <v>2</v>
      </c>
      <c r="P552" s="10" t="s">
        <v>55</v>
      </c>
      <c r="Q552" s="10" t="s">
        <v>55</v>
      </c>
      <c r="R552" s="10" t="s">
        <v>55</v>
      </c>
      <c r="S552" s="6">
        <v>11</v>
      </c>
      <c r="T552" s="6">
        <v>5</v>
      </c>
      <c r="U552" s="10" t="s">
        <v>55</v>
      </c>
      <c r="V552" s="6">
        <v>6</v>
      </c>
      <c r="W552" s="10" t="s">
        <v>55</v>
      </c>
      <c r="X552" s="6">
        <v>1</v>
      </c>
      <c r="Y552" s="10" t="s">
        <v>55</v>
      </c>
      <c r="Z552" s="6">
        <v>1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100</v>
      </c>
      <c r="I553" s="9" t="s">
        <v>54</v>
      </c>
      <c r="J553" s="9" t="s">
        <v>43</v>
      </c>
      <c r="K553" s="6">
        <v>25</v>
      </c>
      <c r="L553" s="6">
        <v>4</v>
      </c>
      <c r="M553" s="6">
        <v>4</v>
      </c>
      <c r="N553" s="6">
        <v>3</v>
      </c>
      <c r="O553" s="6">
        <v>1</v>
      </c>
      <c r="P553" s="10" t="s">
        <v>55</v>
      </c>
      <c r="Q553" s="10" t="s">
        <v>55</v>
      </c>
      <c r="R553" s="10" t="s">
        <v>55</v>
      </c>
      <c r="S553" s="6">
        <v>21</v>
      </c>
      <c r="T553" s="6">
        <v>9</v>
      </c>
      <c r="U553" s="10" t="s">
        <v>55</v>
      </c>
      <c r="V553" s="6">
        <v>12</v>
      </c>
      <c r="W553" s="10" t="s">
        <v>55</v>
      </c>
      <c r="X553" s="6">
        <v>1</v>
      </c>
      <c r="Y553" s="6">
        <v>1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100</v>
      </c>
      <c r="I554" s="9" t="s">
        <v>54</v>
      </c>
      <c r="J554" s="9" t="s">
        <v>44</v>
      </c>
      <c r="K554" s="6">
        <v>39</v>
      </c>
      <c r="L554" s="6">
        <v>6</v>
      </c>
      <c r="M554" s="6">
        <v>6</v>
      </c>
      <c r="N554" s="6">
        <v>3</v>
      </c>
      <c r="O554" s="6">
        <v>3</v>
      </c>
      <c r="P554" s="10" t="s">
        <v>55</v>
      </c>
      <c r="Q554" s="10" t="s">
        <v>55</v>
      </c>
      <c r="R554" s="10" t="s">
        <v>55</v>
      </c>
      <c r="S554" s="6">
        <v>33</v>
      </c>
      <c r="T554" s="6">
        <v>7</v>
      </c>
      <c r="U554" s="10" t="s">
        <v>55</v>
      </c>
      <c r="V554" s="6">
        <v>26</v>
      </c>
      <c r="W554" s="10" t="s">
        <v>55</v>
      </c>
      <c r="X554" s="10" t="s">
        <v>55</v>
      </c>
      <c r="Y554" s="10" t="s">
        <v>55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100</v>
      </c>
      <c r="I555" s="9" t="s">
        <v>54</v>
      </c>
      <c r="J555" s="9" t="s">
        <v>45</v>
      </c>
      <c r="K555" s="6">
        <v>61</v>
      </c>
      <c r="L555" s="6">
        <v>3</v>
      </c>
      <c r="M555" s="6">
        <v>3</v>
      </c>
      <c r="N555" s="10" t="s">
        <v>55</v>
      </c>
      <c r="O555" s="6">
        <v>3</v>
      </c>
      <c r="P555" s="10" t="s">
        <v>55</v>
      </c>
      <c r="Q555" s="10" t="s">
        <v>55</v>
      </c>
      <c r="R555" s="10" t="s">
        <v>55</v>
      </c>
      <c r="S555" s="6">
        <v>57</v>
      </c>
      <c r="T555" s="6">
        <v>8</v>
      </c>
      <c r="U555" s="10" t="s">
        <v>55</v>
      </c>
      <c r="V555" s="6">
        <v>49</v>
      </c>
      <c r="W555" s="6">
        <v>1</v>
      </c>
      <c r="X555" s="6">
        <v>1</v>
      </c>
      <c r="Y555" s="10" t="s">
        <v>55</v>
      </c>
      <c r="Z555" s="6">
        <v>1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100</v>
      </c>
      <c r="I556" s="9" t="s">
        <v>54</v>
      </c>
      <c r="J556" s="9" t="s">
        <v>46</v>
      </c>
      <c r="K556" s="6">
        <v>45</v>
      </c>
      <c r="L556" s="6">
        <v>1</v>
      </c>
      <c r="M556" s="6">
        <v>1</v>
      </c>
      <c r="N556" s="10" t="s">
        <v>55</v>
      </c>
      <c r="O556" s="6">
        <v>1</v>
      </c>
      <c r="P556" s="10" t="s">
        <v>55</v>
      </c>
      <c r="Q556" s="10" t="s">
        <v>55</v>
      </c>
      <c r="R556" s="10" t="s">
        <v>55</v>
      </c>
      <c r="S556" s="6">
        <v>44</v>
      </c>
      <c r="T556" s="6">
        <v>3</v>
      </c>
      <c r="U556" s="10" t="s">
        <v>55</v>
      </c>
      <c r="V556" s="6">
        <v>41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100</v>
      </c>
      <c r="I557" s="9" t="s">
        <v>54</v>
      </c>
      <c r="J557" s="9" t="s">
        <v>47</v>
      </c>
      <c r="K557" s="6">
        <v>18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6">
        <v>18</v>
      </c>
      <c r="T557" s="10" t="s">
        <v>55</v>
      </c>
      <c r="U557" s="10" t="s">
        <v>55</v>
      </c>
      <c r="V557" s="6">
        <v>18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100</v>
      </c>
      <c r="I558" s="9" t="s">
        <v>54</v>
      </c>
      <c r="J558" s="9" t="s">
        <v>48</v>
      </c>
      <c r="K558" s="6">
        <v>7</v>
      </c>
      <c r="L558" s="6">
        <v>5</v>
      </c>
      <c r="M558" s="6">
        <v>5</v>
      </c>
      <c r="N558" s="6">
        <v>4</v>
      </c>
      <c r="O558" s="6">
        <v>1</v>
      </c>
      <c r="P558" s="10" t="s">
        <v>55</v>
      </c>
      <c r="Q558" s="10" t="s">
        <v>55</v>
      </c>
      <c r="R558" s="10" t="s">
        <v>55</v>
      </c>
      <c r="S558" s="6">
        <v>2</v>
      </c>
      <c r="T558" s="6">
        <v>1</v>
      </c>
      <c r="U558" s="10" t="s">
        <v>55</v>
      </c>
      <c r="V558" s="6">
        <v>1</v>
      </c>
      <c r="W558" s="10" t="s">
        <v>55</v>
      </c>
      <c r="X558" s="6">
        <v>5</v>
      </c>
      <c r="Y558" s="6">
        <v>4</v>
      </c>
      <c r="Z558" s="6">
        <v>1</v>
      </c>
      <c r="AA558" s="10" t="s">
        <v>55</v>
      </c>
      <c r="AB558" s="10" t="s">
        <v>55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100</v>
      </c>
      <c r="I559" s="9" t="s">
        <v>54</v>
      </c>
      <c r="J559" s="9" t="s">
        <v>49</v>
      </c>
      <c r="K559" s="6">
        <v>208</v>
      </c>
      <c r="L559" s="6">
        <v>20</v>
      </c>
      <c r="M559" s="6">
        <v>20</v>
      </c>
      <c r="N559" s="6">
        <v>9</v>
      </c>
      <c r="O559" s="6">
        <v>11</v>
      </c>
      <c r="P559" s="10" t="s">
        <v>55</v>
      </c>
      <c r="Q559" s="10" t="s">
        <v>55</v>
      </c>
      <c r="R559" s="10" t="s">
        <v>55</v>
      </c>
      <c r="S559" s="6">
        <v>187</v>
      </c>
      <c r="T559" s="6">
        <v>34</v>
      </c>
      <c r="U559" s="10" t="s">
        <v>55</v>
      </c>
      <c r="V559" s="6">
        <v>153</v>
      </c>
      <c r="W559" s="6">
        <v>1</v>
      </c>
      <c r="X559" s="6">
        <v>4</v>
      </c>
      <c r="Y559" s="6">
        <v>2</v>
      </c>
      <c r="Z559" s="6">
        <v>2</v>
      </c>
      <c r="AA559" s="10" t="s">
        <v>55</v>
      </c>
      <c r="AB559" s="10" t="s">
        <v>55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100</v>
      </c>
      <c r="I560" s="9" t="s">
        <v>54</v>
      </c>
      <c r="J560" s="9" t="s">
        <v>50</v>
      </c>
      <c r="K560" s="6">
        <v>188</v>
      </c>
      <c r="L560" s="6">
        <v>14</v>
      </c>
      <c r="M560" s="6">
        <v>14</v>
      </c>
      <c r="N560" s="6">
        <v>6</v>
      </c>
      <c r="O560" s="6">
        <v>8</v>
      </c>
      <c r="P560" s="10" t="s">
        <v>55</v>
      </c>
      <c r="Q560" s="10" t="s">
        <v>55</v>
      </c>
      <c r="R560" s="10" t="s">
        <v>55</v>
      </c>
      <c r="S560" s="6">
        <v>173</v>
      </c>
      <c r="T560" s="6">
        <v>27</v>
      </c>
      <c r="U560" s="10" t="s">
        <v>55</v>
      </c>
      <c r="V560" s="6">
        <v>146</v>
      </c>
      <c r="W560" s="6">
        <v>1</v>
      </c>
      <c r="X560" s="6">
        <v>2</v>
      </c>
      <c r="Y560" s="6">
        <v>1</v>
      </c>
      <c r="Z560" s="6">
        <v>1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100</v>
      </c>
      <c r="I561" s="9" t="s">
        <v>54</v>
      </c>
      <c r="J561" s="9" t="s">
        <v>51</v>
      </c>
      <c r="K561" s="6">
        <v>124</v>
      </c>
      <c r="L561" s="6">
        <v>4</v>
      </c>
      <c r="M561" s="6">
        <v>4</v>
      </c>
      <c r="N561" s="10" t="s">
        <v>55</v>
      </c>
      <c r="O561" s="6">
        <v>4</v>
      </c>
      <c r="P561" s="10" t="s">
        <v>55</v>
      </c>
      <c r="Q561" s="10" t="s">
        <v>55</v>
      </c>
      <c r="R561" s="10" t="s">
        <v>55</v>
      </c>
      <c r="S561" s="6">
        <v>119</v>
      </c>
      <c r="T561" s="6">
        <v>11</v>
      </c>
      <c r="U561" s="10" t="s">
        <v>55</v>
      </c>
      <c r="V561" s="6">
        <v>108</v>
      </c>
      <c r="W561" s="6">
        <v>1</v>
      </c>
      <c r="X561" s="6">
        <v>1</v>
      </c>
      <c r="Y561" s="10" t="s">
        <v>55</v>
      </c>
      <c r="Z561" s="6">
        <v>1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100</v>
      </c>
      <c r="I562" s="9" t="s">
        <v>54</v>
      </c>
      <c r="J562" s="9" t="s">
        <v>52</v>
      </c>
      <c r="K562" s="6">
        <v>13</v>
      </c>
      <c r="L562" s="6">
        <v>8</v>
      </c>
      <c r="M562" s="6">
        <v>8</v>
      </c>
      <c r="N562" s="6">
        <v>6</v>
      </c>
      <c r="O562" s="6">
        <v>2</v>
      </c>
      <c r="P562" s="10" t="s">
        <v>55</v>
      </c>
      <c r="Q562" s="10" t="s">
        <v>55</v>
      </c>
      <c r="R562" s="10" t="s">
        <v>55</v>
      </c>
      <c r="S562" s="6">
        <v>5</v>
      </c>
      <c r="T562" s="6">
        <v>3</v>
      </c>
      <c r="U562" s="10" t="s">
        <v>55</v>
      </c>
      <c r="V562" s="6">
        <v>2</v>
      </c>
      <c r="W562" s="10" t="s">
        <v>55</v>
      </c>
      <c r="X562" s="6">
        <v>6</v>
      </c>
      <c r="Y562" s="6">
        <v>5</v>
      </c>
      <c r="Z562" s="6">
        <v>1</v>
      </c>
      <c r="AA562" s="10" t="s">
        <v>55</v>
      </c>
      <c r="AB562" s="10" t="s">
        <v>55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100</v>
      </c>
      <c r="I563" s="9" t="s">
        <v>6</v>
      </c>
      <c r="J563" s="9" t="s">
        <v>30</v>
      </c>
      <c r="K563" s="6">
        <v>217</v>
      </c>
      <c r="L563" s="6">
        <v>35</v>
      </c>
      <c r="M563" s="6">
        <v>35</v>
      </c>
      <c r="N563" s="6">
        <v>28</v>
      </c>
      <c r="O563" s="6">
        <v>5</v>
      </c>
      <c r="P563" s="10" t="s">
        <v>55</v>
      </c>
      <c r="Q563" s="6">
        <v>2</v>
      </c>
      <c r="R563" s="10" t="s">
        <v>55</v>
      </c>
      <c r="S563" s="6">
        <v>182</v>
      </c>
      <c r="T563" s="6">
        <v>57</v>
      </c>
      <c r="U563" s="10" t="s">
        <v>55</v>
      </c>
      <c r="V563" s="6">
        <v>125</v>
      </c>
      <c r="W563" s="10" t="s">
        <v>55</v>
      </c>
      <c r="X563" s="6">
        <v>20</v>
      </c>
      <c r="Y563" s="6">
        <v>16</v>
      </c>
      <c r="Z563" s="6">
        <v>2</v>
      </c>
      <c r="AA563" s="10" t="s">
        <v>55</v>
      </c>
      <c r="AB563" s="6">
        <v>2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100</v>
      </c>
      <c r="I564" s="9" t="s">
        <v>6</v>
      </c>
      <c r="J564" s="9" t="s">
        <v>31</v>
      </c>
      <c r="K564" s="10" t="s">
        <v>55</v>
      </c>
      <c r="L564" s="10" t="s">
        <v>55</v>
      </c>
      <c r="M564" s="10" t="s">
        <v>55</v>
      </c>
      <c r="N564" s="10" t="s">
        <v>55</v>
      </c>
      <c r="O564" s="10" t="s">
        <v>55</v>
      </c>
      <c r="P564" s="10" t="s">
        <v>55</v>
      </c>
      <c r="Q564" s="10" t="s">
        <v>55</v>
      </c>
      <c r="R564" s="10" t="s">
        <v>55</v>
      </c>
      <c r="S564" s="10" t="s">
        <v>55</v>
      </c>
      <c r="T564" s="10" t="s">
        <v>55</v>
      </c>
      <c r="U564" s="10" t="s">
        <v>55</v>
      </c>
      <c r="V564" s="10" t="s">
        <v>55</v>
      </c>
      <c r="W564" s="10" t="s">
        <v>55</v>
      </c>
      <c r="X564" s="10" t="s">
        <v>55</v>
      </c>
      <c r="Y564" s="10" t="s">
        <v>55</v>
      </c>
      <c r="Z564" s="10" t="s">
        <v>55</v>
      </c>
      <c r="AA564" s="10" t="s">
        <v>55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100</v>
      </c>
      <c r="I565" s="9" t="s">
        <v>6</v>
      </c>
      <c r="J565" s="9" t="s">
        <v>32</v>
      </c>
      <c r="K565" s="10" t="s">
        <v>55</v>
      </c>
      <c r="L565" s="10" t="s">
        <v>55</v>
      </c>
      <c r="M565" s="10" t="s">
        <v>55</v>
      </c>
      <c r="N565" s="10" t="s">
        <v>55</v>
      </c>
      <c r="O565" s="10" t="s">
        <v>55</v>
      </c>
      <c r="P565" s="10" t="s">
        <v>55</v>
      </c>
      <c r="Q565" s="10" t="s">
        <v>55</v>
      </c>
      <c r="R565" s="10" t="s">
        <v>55</v>
      </c>
      <c r="S565" s="10" t="s">
        <v>55</v>
      </c>
      <c r="T565" s="10" t="s">
        <v>55</v>
      </c>
      <c r="U565" s="10" t="s">
        <v>55</v>
      </c>
      <c r="V565" s="10" t="s">
        <v>55</v>
      </c>
      <c r="W565" s="10" t="s">
        <v>55</v>
      </c>
      <c r="X565" s="10" t="s">
        <v>55</v>
      </c>
      <c r="Y565" s="10" t="s">
        <v>55</v>
      </c>
      <c r="Z565" s="10" t="s">
        <v>55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100</v>
      </c>
      <c r="I566" s="9" t="s">
        <v>6</v>
      </c>
      <c r="J566" s="9" t="s">
        <v>33</v>
      </c>
      <c r="K566" s="10" t="s">
        <v>55</v>
      </c>
      <c r="L566" s="10" t="s">
        <v>55</v>
      </c>
      <c r="M566" s="10" t="s">
        <v>55</v>
      </c>
      <c r="N566" s="10" t="s">
        <v>55</v>
      </c>
      <c r="O566" s="10" t="s">
        <v>55</v>
      </c>
      <c r="P566" s="10" t="s">
        <v>55</v>
      </c>
      <c r="Q566" s="10" t="s">
        <v>55</v>
      </c>
      <c r="R566" s="10" t="s">
        <v>55</v>
      </c>
      <c r="S566" s="10" t="s">
        <v>55</v>
      </c>
      <c r="T566" s="10" t="s">
        <v>55</v>
      </c>
      <c r="U566" s="10" t="s">
        <v>55</v>
      </c>
      <c r="V566" s="10" t="s">
        <v>55</v>
      </c>
      <c r="W566" s="10" t="s">
        <v>55</v>
      </c>
      <c r="X566" s="10" t="s">
        <v>55</v>
      </c>
      <c r="Y566" s="10" t="s">
        <v>55</v>
      </c>
      <c r="Z566" s="10" t="s">
        <v>55</v>
      </c>
      <c r="AA566" s="10" t="s">
        <v>55</v>
      </c>
      <c r="AB566" s="10" t="s">
        <v>55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100</v>
      </c>
      <c r="I567" s="9" t="s">
        <v>6</v>
      </c>
      <c r="J567" s="9" t="s">
        <v>34</v>
      </c>
      <c r="K567" s="10" t="s">
        <v>55</v>
      </c>
      <c r="L567" s="10" t="s">
        <v>55</v>
      </c>
      <c r="M567" s="10" t="s">
        <v>55</v>
      </c>
      <c r="N567" s="10" t="s">
        <v>55</v>
      </c>
      <c r="O567" s="10" t="s">
        <v>55</v>
      </c>
      <c r="P567" s="10" t="s">
        <v>55</v>
      </c>
      <c r="Q567" s="10" t="s">
        <v>55</v>
      </c>
      <c r="R567" s="10" t="s">
        <v>55</v>
      </c>
      <c r="S567" s="10" t="s">
        <v>55</v>
      </c>
      <c r="T567" s="10" t="s">
        <v>55</v>
      </c>
      <c r="U567" s="10" t="s">
        <v>55</v>
      </c>
      <c r="V567" s="10" t="s">
        <v>55</v>
      </c>
      <c r="W567" s="10" t="s">
        <v>55</v>
      </c>
      <c r="X567" s="10" t="s">
        <v>55</v>
      </c>
      <c r="Y567" s="10" t="s">
        <v>55</v>
      </c>
      <c r="Z567" s="10" t="s">
        <v>55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100</v>
      </c>
      <c r="I568" s="9" t="s">
        <v>6</v>
      </c>
      <c r="J568" s="9" t="s">
        <v>35</v>
      </c>
      <c r="K568" s="10" t="s">
        <v>55</v>
      </c>
      <c r="L568" s="10" t="s">
        <v>55</v>
      </c>
      <c r="M568" s="10" t="s">
        <v>55</v>
      </c>
      <c r="N568" s="10" t="s">
        <v>55</v>
      </c>
      <c r="O568" s="10" t="s">
        <v>55</v>
      </c>
      <c r="P568" s="10" t="s">
        <v>55</v>
      </c>
      <c r="Q568" s="10" t="s">
        <v>55</v>
      </c>
      <c r="R568" s="10" t="s">
        <v>55</v>
      </c>
      <c r="S568" s="10" t="s">
        <v>55</v>
      </c>
      <c r="T568" s="10" t="s">
        <v>55</v>
      </c>
      <c r="U568" s="10" t="s">
        <v>55</v>
      </c>
      <c r="V568" s="10" t="s">
        <v>55</v>
      </c>
      <c r="W568" s="10" t="s">
        <v>55</v>
      </c>
      <c r="X568" s="10" t="s">
        <v>55</v>
      </c>
      <c r="Y568" s="10" t="s">
        <v>55</v>
      </c>
      <c r="Z568" s="10" t="s">
        <v>55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100</v>
      </c>
      <c r="I569" s="9" t="s">
        <v>6</v>
      </c>
      <c r="J569" s="9" t="s">
        <v>36</v>
      </c>
      <c r="K569" s="10" t="s">
        <v>55</v>
      </c>
      <c r="L569" s="10" t="s">
        <v>55</v>
      </c>
      <c r="M569" s="10" t="s">
        <v>55</v>
      </c>
      <c r="N569" s="10" t="s">
        <v>55</v>
      </c>
      <c r="O569" s="10" t="s">
        <v>55</v>
      </c>
      <c r="P569" s="10" t="s">
        <v>55</v>
      </c>
      <c r="Q569" s="10" t="s">
        <v>55</v>
      </c>
      <c r="R569" s="10" t="s">
        <v>55</v>
      </c>
      <c r="S569" s="10" t="s">
        <v>55</v>
      </c>
      <c r="T569" s="10" t="s">
        <v>55</v>
      </c>
      <c r="U569" s="10" t="s">
        <v>55</v>
      </c>
      <c r="V569" s="10" t="s">
        <v>55</v>
      </c>
      <c r="W569" s="10" t="s">
        <v>55</v>
      </c>
      <c r="X569" s="10" t="s">
        <v>55</v>
      </c>
      <c r="Y569" s="10" t="s">
        <v>55</v>
      </c>
      <c r="Z569" s="10" t="s">
        <v>55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100</v>
      </c>
      <c r="I570" s="9" t="s">
        <v>6</v>
      </c>
      <c r="J570" s="9" t="s">
        <v>37</v>
      </c>
      <c r="K570" s="6">
        <v>2</v>
      </c>
      <c r="L570" s="6">
        <v>2</v>
      </c>
      <c r="M570" s="6">
        <v>2</v>
      </c>
      <c r="N570" s="6">
        <v>2</v>
      </c>
      <c r="O570" s="10" t="s">
        <v>55</v>
      </c>
      <c r="P570" s="10" t="s">
        <v>55</v>
      </c>
      <c r="Q570" s="10" t="s">
        <v>55</v>
      </c>
      <c r="R570" s="10" t="s">
        <v>55</v>
      </c>
      <c r="S570" s="10" t="s">
        <v>55</v>
      </c>
      <c r="T570" s="10" t="s">
        <v>55</v>
      </c>
      <c r="U570" s="10" t="s">
        <v>55</v>
      </c>
      <c r="V570" s="10" t="s">
        <v>55</v>
      </c>
      <c r="W570" s="10" t="s">
        <v>55</v>
      </c>
      <c r="X570" s="6">
        <v>1</v>
      </c>
      <c r="Y570" s="6">
        <v>1</v>
      </c>
      <c r="Z570" s="10" t="s">
        <v>55</v>
      </c>
      <c r="AA570" s="10" t="s">
        <v>55</v>
      </c>
      <c r="AB570" s="10" t="s">
        <v>55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100</v>
      </c>
      <c r="I571" s="9" t="s">
        <v>6</v>
      </c>
      <c r="J571" s="9" t="s">
        <v>38</v>
      </c>
      <c r="K571" s="6">
        <v>1</v>
      </c>
      <c r="L571" s="6">
        <v>1</v>
      </c>
      <c r="M571" s="6">
        <v>1</v>
      </c>
      <c r="N571" s="6">
        <v>1</v>
      </c>
      <c r="O571" s="10" t="s">
        <v>55</v>
      </c>
      <c r="P571" s="10" t="s">
        <v>55</v>
      </c>
      <c r="Q571" s="10" t="s">
        <v>55</v>
      </c>
      <c r="R571" s="10" t="s">
        <v>55</v>
      </c>
      <c r="S571" s="10" t="s">
        <v>55</v>
      </c>
      <c r="T571" s="10" t="s">
        <v>55</v>
      </c>
      <c r="U571" s="10" t="s">
        <v>55</v>
      </c>
      <c r="V571" s="10" t="s">
        <v>55</v>
      </c>
      <c r="W571" s="10" t="s">
        <v>55</v>
      </c>
      <c r="X571" s="6">
        <v>1</v>
      </c>
      <c r="Y571" s="6">
        <v>1</v>
      </c>
      <c r="Z571" s="10" t="s">
        <v>55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100</v>
      </c>
      <c r="I572" s="9" t="s">
        <v>6</v>
      </c>
      <c r="J572" s="9" t="s">
        <v>39</v>
      </c>
      <c r="K572" s="6">
        <v>5</v>
      </c>
      <c r="L572" s="6">
        <v>4</v>
      </c>
      <c r="M572" s="6">
        <v>4</v>
      </c>
      <c r="N572" s="6">
        <v>3</v>
      </c>
      <c r="O572" s="6">
        <v>1</v>
      </c>
      <c r="P572" s="10" t="s">
        <v>55</v>
      </c>
      <c r="Q572" s="10" t="s">
        <v>55</v>
      </c>
      <c r="R572" s="10" t="s">
        <v>55</v>
      </c>
      <c r="S572" s="6">
        <v>1</v>
      </c>
      <c r="T572" s="6">
        <v>1</v>
      </c>
      <c r="U572" s="10" t="s">
        <v>55</v>
      </c>
      <c r="V572" s="10" t="s">
        <v>55</v>
      </c>
      <c r="W572" s="10" t="s">
        <v>55</v>
      </c>
      <c r="X572" s="6">
        <v>3</v>
      </c>
      <c r="Y572" s="6">
        <v>2</v>
      </c>
      <c r="Z572" s="6">
        <v>1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100</v>
      </c>
      <c r="I573" s="9" t="s">
        <v>6</v>
      </c>
      <c r="J573" s="9" t="s">
        <v>40</v>
      </c>
      <c r="K573" s="6">
        <v>4</v>
      </c>
      <c r="L573" s="6">
        <v>4</v>
      </c>
      <c r="M573" s="6">
        <v>4</v>
      </c>
      <c r="N573" s="6">
        <v>4</v>
      </c>
      <c r="O573" s="10" t="s">
        <v>55</v>
      </c>
      <c r="P573" s="10" t="s">
        <v>55</v>
      </c>
      <c r="Q573" s="10" t="s">
        <v>55</v>
      </c>
      <c r="R573" s="10" t="s">
        <v>55</v>
      </c>
      <c r="S573" s="10" t="s">
        <v>55</v>
      </c>
      <c r="T573" s="10" t="s">
        <v>55</v>
      </c>
      <c r="U573" s="10" t="s">
        <v>55</v>
      </c>
      <c r="V573" s="10" t="s">
        <v>55</v>
      </c>
      <c r="W573" s="10" t="s">
        <v>55</v>
      </c>
      <c r="X573" s="6">
        <v>2</v>
      </c>
      <c r="Y573" s="6">
        <v>2</v>
      </c>
      <c r="Z573" s="10" t="s">
        <v>5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100</v>
      </c>
      <c r="I574" s="9" t="s">
        <v>6</v>
      </c>
      <c r="J574" s="9" t="s">
        <v>41</v>
      </c>
      <c r="K574" s="6">
        <v>12</v>
      </c>
      <c r="L574" s="6">
        <v>7</v>
      </c>
      <c r="M574" s="6">
        <v>7</v>
      </c>
      <c r="N574" s="6">
        <v>6</v>
      </c>
      <c r="O574" s="6">
        <v>1</v>
      </c>
      <c r="P574" s="10" t="s">
        <v>55</v>
      </c>
      <c r="Q574" s="10" t="s">
        <v>55</v>
      </c>
      <c r="R574" s="10" t="s">
        <v>55</v>
      </c>
      <c r="S574" s="6">
        <v>5</v>
      </c>
      <c r="T574" s="6">
        <v>3</v>
      </c>
      <c r="U574" s="10" t="s">
        <v>55</v>
      </c>
      <c r="V574" s="6">
        <v>2</v>
      </c>
      <c r="W574" s="10" t="s">
        <v>55</v>
      </c>
      <c r="X574" s="6">
        <v>6</v>
      </c>
      <c r="Y574" s="6">
        <v>5</v>
      </c>
      <c r="Z574" s="6">
        <v>1</v>
      </c>
      <c r="AA574" s="10" t="s">
        <v>55</v>
      </c>
      <c r="AB574" s="10" t="s">
        <v>55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100</v>
      </c>
      <c r="I575" s="9" t="s">
        <v>6</v>
      </c>
      <c r="J575" s="9" t="s">
        <v>42</v>
      </c>
      <c r="K575" s="6">
        <v>17</v>
      </c>
      <c r="L575" s="6">
        <v>7</v>
      </c>
      <c r="M575" s="6">
        <v>7</v>
      </c>
      <c r="N575" s="6">
        <v>4</v>
      </c>
      <c r="O575" s="6">
        <v>1</v>
      </c>
      <c r="P575" s="10" t="s">
        <v>55</v>
      </c>
      <c r="Q575" s="6">
        <v>2</v>
      </c>
      <c r="R575" s="10" t="s">
        <v>55</v>
      </c>
      <c r="S575" s="6">
        <v>10</v>
      </c>
      <c r="T575" s="6">
        <v>3</v>
      </c>
      <c r="U575" s="10" t="s">
        <v>55</v>
      </c>
      <c r="V575" s="6">
        <v>7</v>
      </c>
      <c r="W575" s="10" t="s">
        <v>55</v>
      </c>
      <c r="X575" s="6">
        <v>4</v>
      </c>
      <c r="Y575" s="6">
        <v>2</v>
      </c>
      <c r="Z575" s="10" t="s">
        <v>55</v>
      </c>
      <c r="AA575" s="10" t="s">
        <v>55</v>
      </c>
      <c r="AB575" s="6">
        <v>2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100</v>
      </c>
      <c r="I576" s="9" t="s">
        <v>6</v>
      </c>
      <c r="J576" s="9" t="s">
        <v>43</v>
      </c>
      <c r="K576" s="6">
        <v>33</v>
      </c>
      <c r="L576" s="6">
        <v>6</v>
      </c>
      <c r="M576" s="6">
        <v>6</v>
      </c>
      <c r="N576" s="6">
        <v>5</v>
      </c>
      <c r="O576" s="6">
        <v>1</v>
      </c>
      <c r="P576" s="10" t="s">
        <v>55</v>
      </c>
      <c r="Q576" s="10" t="s">
        <v>55</v>
      </c>
      <c r="R576" s="10" t="s">
        <v>55</v>
      </c>
      <c r="S576" s="6">
        <v>27</v>
      </c>
      <c r="T576" s="6">
        <v>13</v>
      </c>
      <c r="U576" s="10" t="s">
        <v>55</v>
      </c>
      <c r="V576" s="6">
        <v>14</v>
      </c>
      <c r="W576" s="10" t="s">
        <v>55</v>
      </c>
      <c r="X576" s="6">
        <v>2</v>
      </c>
      <c r="Y576" s="6">
        <v>2</v>
      </c>
      <c r="Z576" s="10" t="s">
        <v>55</v>
      </c>
      <c r="AA576" s="10" t="s">
        <v>55</v>
      </c>
      <c r="AB576" s="10" t="s">
        <v>55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100</v>
      </c>
      <c r="I577" s="9" t="s">
        <v>6</v>
      </c>
      <c r="J577" s="9" t="s">
        <v>44</v>
      </c>
      <c r="K577" s="6">
        <v>56</v>
      </c>
      <c r="L577" s="6">
        <v>2</v>
      </c>
      <c r="M577" s="6">
        <v>2</v>
      </c>
      <c r="N577" s="6">
        <v>1</v>
      </c>
      <c r="O577" s="6">
        <v>1</v>
      </c>
      <c r="P577" s="10" t="s">
        <v>55</v>
      </c>
      <c r="Q577" s="10" t="s">
        <v>55</v>
      </c>
      <c r="R577" s="10" t="s">
        <v>55</v>
      </c>
      <c r="S577" s="6">
        <v>54</v>
      </c>
      <c r="T577" s="6">
        <v>18</v>
      </c>
      <c r="U577" s="10" t="s">
        <v>55</v>
      </c>
      <c r="V577" s="6">
        <v>36</v>
      </c>
      <c r="W577" s="10" t="s">
        <v>55</v>
      </c>
      <c r="X577" s="10" t="s">
        <v>55</v>
      </c>
      <c r="Y577" s="10" t="s">
        <v>55</v>
      </c>
      <c r="Z577" s="10" t="s">
        <v>55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100</v>
      </c>
      <c r="I578" s="9" t="s">
        <v>6</v>
      </c>
      <c r="J578" s="9" t="s">
        <v>45</v>
      </c>
      <c r="K578" s="6">
        <v>49</v>
      </c>
      <c r="L578" s="6">
        <v>2</v>
      </c>
      <c r="M578" s="6">
        <v>2</v>
      </c>
      <c r="N578" s="6">
        <v>2</v>
      </c>
      <c r="O578" s="10" t="s">
        <v>55</v>
      </c>
      <c r="P578" s="10" t="s">
        <v>55</v>
      </c>
      <c r="Q578" s="10" t="s">
        <v>55</v>
      </c>
      <c r="R578" s="10" t="s">
        <v>55</v>
      </c>
      <c r="S578" s="6">
        <v>47</v>
      </c>
      <c r="T578" s="6">
        <v>13</v>
      </c>
      <c r="U578" s="10" t="s">
        <v>55</v>
      </c>
      <c r="V578" s="6">
        <v>34</v>
      </c>
      <c r="W578" s="10" t="s">
        <v>55</v>
      </c>
      <c r="X578" s="6">
        <v>1</v>
      </c>
      <c r="Y578" s="6">
        <v>1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100</v>
      </c>
      <c r="I579" s="9" t="s">
        <v>6</v>
      </c>
      <c r="J579" s="9" t="s">
        <v>46</v>
      </c>
      <c r="K579" s="6">
        <v>35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6">
        <v>35</v>
      </c>
      <c r="T579" s="6">
        <v>6</v>
      </c>
      <c r="U579" s="10" t="s">
        <v>55</v>
      </c>
      <c r="V579" s="6">
        <v>29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100</v>
      </c>
      <c r="I580" s="9" t="s">
        <v>6</v>
      </c>
      <c r="J580" s="9" t="s">
        <v>47</v>
      </c>
      <c r="K580" s="6">
        <v>3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6">
        <v>3</v>
      </c>
      <c r="T580" s="10" t="s">
        <v>55</v>
      </c>
      <c r="U580" s="10" t="s">
        <v>55</v>
      </c>
      <c r="V580" s="6">
        <v>3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100</v>
      </c>
      <c r="I581" s="9" t="s">
        <v>6</v>
      </c>
      <c r="J581" s="9" t="s">
        <v>48</v>
      </c>
      <c r="K581" s="6">
        <v>12</v>
      </c>
      <c r="L581" s="6">
        <v>11</v>
      </c>
      <c r="M581" s="6">
        <v>11</v>
      </c>
      <c r="N581" s="6">
        <v>10</v>
      </c>
      <c r="O581" s="6">
        <v>1</v>
      </c>
      <c r="P581" s="10" t="s">
        <v>55</v>
      </c>
      <c r="Q581" s="10" t="s">
        <v>55</v>
      </c>
      <c r="R581" s="10" t="s">
        <v>55</v>
      </c>
      <c r="S581" s="6">
        <v>1</v>
      </c>
      <c r="T581" s="6">
        <v>1</v>
      </c>
      <c r="U581" s="10" t="s">
        <v>55</v>
      </c>
      <c r="V581" s="10" t="s">
        <v>55</v>
      </c>
      <c r="W581" s="10" t="s">
        <v>55</v>
      </c>
      <c r="X581" s="6">
        <v>7</v>
      </c>
      <c r="Y581" s="6">
        <v>6</v>
      </c>
      <c r="Z581" s="6">
        <v>1</v>
      </c>
      <c r="AA581" s="10" t="s">
        <v>55</v>
      </c>
      <c r="AB581" s="10" t="s">
        <v>55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100</v>
      </c>
      <c r="I582" s="9" t="s">
        <v>6</v>
      </c>
      <c r="J582" s="9" t="s">
        <v>49</v>
      </c>
      <c r="K582" s="6">
        <v>205</v>
      </c>
      <c r="L582" s="6">
        <v>24</v>
      </c>
      <c r="M582" s="6">
        <v>24</v>
      </c>
      <c r="N582" s="6">
        <v>18</v>
      </c>
      <c r="O582" s="6">
        <v>4</v>
      </c>
      <c r="P582" s="10" t="s">
        <v>55</v>
      </c>
      <c r="Q582" s="6">
        <v>2</v>
      </c>
      <c r="R582" s="10" t="s">
        <v>55</v>
      </c>
      <c r="S582" s="6">
        <v>181</v>
      </c>
      <c r="T582" s="6">
        <v>56</v>
      </c>
      <c r="U582" s="10" t="s">
        <v>55</v>
      </c>
      <c r="V582" s="6">
        <v>125</v>
      </c>
      <c r="W582" s="10" t="s">
        <v>55</v>
      </c>
      <c r="X582" s="6">
        <v>13</v>
      </c>
      <c r="Y582" s="6">
        <v>10</v>
      </c>
      <c r="Z582" s="6">
        <v>1</v>
      </c>
      <c r="AA582" s="10" t="s">
        <v>55</v>
      </c>
      <c r="AB582" s="6">
        <v>2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100</v>
      </c>
      <c r="I583" s="9" t="s">
        <v>6</v>
      </c>
      <c r="J583" s="9" t="s">
        <v>50</v>
      </c>
      <c r="K583" s="6">
        <v>176</v>
      </c>
      <c r="L583" s="6">
        <v>10</v>
      </c>
      <c r="M583" s="6">
        <v>10</v>
      </c>
      <c r="N583" s="6">
        <v>8</v>
      </c>
      <c r="O583" s="6">
        <v>2</v>
      </c>
      <c r="P583" s="10" t="s">
        <v>55</v>
      </c>
      <c r="Q583" s="10" t="s">
        <v>55</v>
      </c>
      <c r="R583" s="10" t="s">
        <v>55</v>
      </c>
      <c r="S583" s="6">
        <v>166</v>
      </c>
      <c r="T583" s="6">
        <v>50</v>
      </c>
      <c r="U583" s="10" t="s">
        <v>55</v>
      </c>
      <c r="V583" s="6">
        <v>116</v>
      </c>
      <c r="W583" s="10" t="s">
        <v>55</v>
      </c>
      <c r="X583" s="6">
        <v>3</v>
      </c>
      <c r="Y583" s="6">
        <v>3</v>
      </c>
      <c r="Z583" s="10" t="s">
        <v>55</v>
      </c>
      <c r="AA583" s="10" t="s">
        <v>55</v>
      </c>
      <c r="AB583" s="10" t="s">
        <v>55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100</v>
      </c>
      <c r="I584" s="9" t="s">
        <v>6</v>
      </c>
      <c r="J584" s="9" t="s">
        <v>51</v>
      </c>
      <c r="K584" s="6">
        <v>87</v>
      </c>
      <c r="L584" s="6">
        <v>2</v>
      </c>
      <c r="M584" s="6">
        <v>2</v>
      </c>
      <c r="N584" s="6">
        <v>2</v>
      </c>
      <c r="O584" s="10" t="s">
        <v>55</v>
      </c>
      <c r="P584" s="10" t="s">
        <v>55</v>
      </c>
      <c r="Q584" s="10" t="s">
        <v>55</v>
      </c>
      <c r="R584" s="10" t="s">
        <v>55</v>
      </c>
      <c r="S584" s="6">
        <v>85</v>
      </c>
      <c r="T584" s="6">
        <v>19</v>
      </c>
      <c r="U584" s="10" t="s">
        <v>55</v>
      </c>
      <c r="V584" s="6">
        <v>66</v>
      </c>
      <c r="W584" s="10" t="s">
        <v>55</v>
      </c>
      <c r="X584" s="6">
        <v>1</v>
      </c>
      <c r="Y584" s="6">
        <v>1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100</v>
      </c>
      <c r="I585" s="9" t="s">
        <v>6</v>
      </c>
      <c r="J585" s="9" t="s">
        <v>52</v>
      </c>
      <c r="K585" s="6">
        <v>24</v>
      </c>
      <c r="L585" s="6">
        <v>18</v>
      </c>
      <c r="M585" s="6">
        <v>18</v>
      </c>
      <c r="N585" s="6">
        <v>16</v>
      </c>
      <c r="O585" s="6">
        <v>2</v>
      </c>
      <c r="P585" s="10" t="s">
        <v>55</v>
      </c>
      <c r="Q585" s="10" t="s">
        <v>55</v>
      </c>
      <c r="R585" s="10" t="s">
        <v>55</v>
      </c>
      <c r="S585" s="6">
        <v>6</v>
      </c>
      <c r="T585" s="6">
        <v>4</v>
      </c>
      <c r="U585" s="10" t="s">
        <v>55</v>
      </c>
      <c r="V585" s="6">
        <v>2</v>
      </c>
      <c r="W585" s="10" t="s">
        <v>55</v>
      </c>
      <c r="X585" s="6">
        <v>13</v>
      </c>
      <c r="Y585" s="6">
        <v>11</v>
      </c>
      <c r="Z585" s="6">
        <v>2</v>
      </c>
      <c r="AA585" s="10" t="s">
        <v>55</v>
      </c>
      <c r="AB585" s="10" t="s">
        <v>55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100</v>
      </c>
      <c r="I586" s="9" t="s">
        <v>53</v>
      </c>
      <c r="J586" s="9" t="s">
        <v>30</v>
      </c>
      <c r="K586" s="6">
        <v>40</v>
      </c>
      <c r="L586" s="6">
        <v>11</v>
      </c>
      <c r="M586" s="6">
        <v>11</v>
      </c>
      <c r="N586" s="6">
        <v>8</v>
      </c>
      <c r="O586" s="6">
        <v>2</v>
      </c>
      <c r="P586" s="10" t="s">
        <v>55</v>
      </c>
      <c r="Q586" s="6">
        <v>1</v>
      </c>
      <c r="R586" s="10" t="s">
        <v>55</v>
      </c>
      <c r="S586" s="6">
        <v>29</v>
      </c>
      <c r="T586" s="6">
        <v>3</v>
      </c>
      <c r="U586" s="10" t="s">
        <v>55</v>
      </c>
      <c r="V586" s="6">
        <v>26</v>
      </c>
      <c r="W586" s="10" t="s">
        <v>55</v>
      </c>
      <c r="X586" s="6">
        <v>7</v>
      </c>
      <c r="Y586" s="6">
        <v>5</v>
      </c>
      <c r="Z586" s="6">
        <v>1</v>
      </c>
      <c r="AA586" s="10" t="s">
        <v>55</v>
      </c>
      <c r="AB586" s="6">
        <v>1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100</v>
      </c>
      <c r="I587" s="9" t="s">
        <v>53</v>
      </c>
      <c r="J587" s="9" t="s">
        <v>31</v>
      </c>
      <c r="K587" s="10" t="s">
        <v>55</v>
      </c>
      <c r="L587" s="10" t="s">
        <v>55</v>
      </c>
      <c r="M587" s="10" t="s">
        <v>55</v>
      </c>
      <c r="N587" s="10" t="s">
        <v>55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10" t="s">
        <v>55</v>
      </c>
      <c r="T587" s="10" t="s">
        <v>55</v>
      </c>
      <c r="U587" s="10" t="s">
        <v>55</v>
      </c>
      <c r="V587" s="10" t="s">
        <v>55</v>
      </c>
      <c r="W587" s="10" t="s">
        <v>55</v>
      </c>
      <c r="X587" s="10" t="s">
        <v>55</v>
      </c>
      <c r="Y587" s="10" t="s">
        <v>55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100</v>
      </c>
      <c r="I588" s="9" t="s">
        <v>53</v>
      </c>
      <c r="J588" s="9" t="s">
        <v>32</v>
      </c>
      <c r="K588" s="10" t="s">
        <v>55</v>
      </c>
      <c r="L588" s="10" t="s">
        <v>55</v>
      </c>
      <c r="M588" s="10" t="s">
        <v>55</v>
      </c>
      <c r="N588" s="10" t="s">
        <v>55</v>
      </c>
      <c r="O588" s="10" t="s">
        <v>55</v>
      </c>
      <c r="P588" s="10" t="s">
        <v>55</v>
      </c>
      <c r="Q588" s="10" t="s">
        <v>55</v>
      </c>
      <c r="R588" s="10" t="s">
        <v>55</v>
      </c>
      <c r="S588" s="10" t="s">
        <v>55</v>
      </c>
      <c r="T588" s="10" t="s">
        <v>55</v>
      </c>
      <c r="U588" s="10" t="s">
        <v>55</v>
      </c>
      <c r="V588" s="10" t="s">
        <v>55</v>
      </c>
      <c r="W588" s="10" t="s">
        <v>55</v>
      </c>
      <c r="X588" s="10" t="s">
        <v>55</v>
      </c>
      <c r="Y588" s="10" t="s">
        <v>55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100</v>
      </c>
      <c r="I589" s="9" t="s">
        <v>53</v>
      </c>
      <c r="J589" s="9" t="s">
        <v>33</v>
      </c>
      <c r="K589" s="10" t="s">
        <v>55</v>
      </c>
      <c r="L589" s="10" t="s">
        <v>55</v>
      </c>
      <c r="M589" s="10" t="s">
        <v>55</v>
      </c>
      <c r="N589" s="10" t="s">
        <v>55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10" t="s">
        <v>55</v>
      </c>
      <c r="T589" s="10" t="s">
        <v>55</v>
      </c>
      <c r="U589" s="10" t="s">
        <v>55</v>
      </c>
      <c r="V589" s="10" t="s">
        <v>55</v>
      </c>
      <c r="W589" s="10" t="s">
        <v>55</v>
      </c>
      <c r="X589" s="10" t="s">
        <v>55</v>
      </c>
      <c r="Y589" s="10" t="s">
        <v>55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100</v>
      </c>
      <c r="I590" s="9" t="s">
        <v>53</v>
      </c>
      <c r="J590" s="9" t="s">
        <v>34</v>
      </c>
      <c r="K590" s="10" t="s">
        <v>55</v>
      </c>
      <c r="L590" s="10" t="s">
        <v>55</v>
      </c>
      <c r="M590" s="10" t="s">
        <v>55</v>
      </c>
      <c r="N590" s="10" t="s">
        <v>55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10" t="s">
        <v>55</v>
      </c>
      <c r="Y590" s="10" t="s">
        <v>55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100</v>
      </c>
      <c r="I591" s="9" t="s">
        <v>53</v>
      </c>
      <c r="J591" s="9" t="s">
        <v>35</v>
      </c>
      <c r="K591" s="10" t="s">
        <v>55</v>
      </c>
      <c r="L591" s="10" t="s">
        <v>55</v>
      </c>
      <c r="M591" s="10" t="s">
        <v>55</v>
      </c>
      <c r="N591" s="10" t="s">
        <v>55</v>
      </c>
      <c r="O591" s="10" t="s">
        <v>55</v>
      </c>
      <c r="P591" s="10" t="s">
        <v>55</v>
      </c>
      <c r="Q591" s="10" t="s">
        <v>55</v>
      </c>
      <c r="R591" s="10" t="s">
        <v>55</v>
      </c>
      <c r="S591" s="10" t="s">
        <v>55</v>
      </c>
      <c r="T591" s="10" t="s">
        <v>55</v>
      </c>
      <c r="U591" s="10" t="s">
        <v>55</v>
      </c>
      <c r="V591" s="10" t="s">
        <v>55</v>
      </c>
      <c r="W591" s="10" t="s">
        <v>55</v>
      </c>
      <c r="X591" s="10" t="s">
        <v>55</v>
      </c>
      <c r="Y591" s="10" t="s">
        <v>55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100</v>
      </c>
      <c r="I592" s="9" t="s">
        <v>53</v>
      </c>
      <c r="J592" s="9" t="s">
        <v>36</v>
      </c>
      <c r="K592" s="10" t="s">
        <v>55</v>
      </c>
      <c r="L592" s="10" t="s">
        <v>55</v>
      </c>
      <c r="M592" s="10" t="s">
        <v>55</v>
      </c>
      <c r="N592" s="10" t="s">
        <v>55</v>
      </c>
      <c r="O592" s="10" t="s">
        <v>55</v>
      </c>
      <c r="P592" s="10" t="s">
        <v>55</v>
      </c>
      <c r="Q592" s="10" t="s">
        <v>55</v>
      </c>
      <c r="R592" s="10" t="s">
        <v>55</v>
      </c>
      <c r="S592" s="10" t="s">
        <v>55</v>
      </c>
      <c r="T592" s="10" t="s">
        <v>55</v>
      </c>
      <c r="U592" s="10" t="s">
        <v>55</v>
      </c>
      <c r="V592" s="10" t="s">
        <v>55</v>
      </c>
      <c r="W592" s="10" t="s">
        <v>55</v>
      </c>
      <c r="X592" s="10" t="s">
        <v>55</v>
      </c>
      <c r="Y592" s="10" t="s">
        <v>55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100</v>
      </c>
      <c r="I593" s="9" t="s">
        <v>53</v>
      </c>
      <c r="J593" s="9" t="s">
        <v>37</v>
      </c>
      <c r="K593" s="6">
        <v>1</v>
      </c>
      <c r="L593" s="6">
        <v>1</v>
      </c>
      <c r="M593" s="6">
        <v>1</v>
      </c>
      <c r="N593" s="6">
        <v>1</v>
      </c>
      <c r="O593" s="10" t="s">
        <v>55</v>
      </c>
      <c r="P593" s="10" t="s">
        <v>55</v>
      </c>
      <c r="Q593" s="10" t="s">
        <v>55</v>
      </c>
      <c r="R593" s="10" t="s">
        <v>55</v>
      </c>
      <c r="S593" s="10" t="s">
        <v>55</v>
      </c>
      <c r="T593" s="10" t="s">
        <v>55</v>
      </c>
      <c r="U593" s="10" t="s">
        <v>55</v>
      </c>
      <c r="V593" s="10" t="s">
        <v>55</v>
      </c>
      <c r="W593" s="10" t="s">
        <v>55</v>
      </c>
      <c r="X593" s="6">
        <v>1</v>
      </c>
      <c r="Y593" s="6">
        <v>1</v>
      </c>
      <c r="Z593" s="10" t="s">
        <v>55</v>
      </c>
      <c r="AA593" s="10" t="s">
        <v>55</v>
      </c>
      <c r="AB593" s="10" t="s">
        <v>55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100</v>
      </c>
      <c r="I594" s="9" t="s">
        <v>53</v>
      </c>
      <c r="J594" s="9" t="s">
        <v>38</v>
      </c>
      <c r="K594" s="10" t="s">
        <v>55</v>
      </c>
      <c r="L594" s="10" t="s">
        <v>55</v>
      </c>
      <c r="M594" s="10" t="s">
        <v>55</v>
      </c>
      <c r="N594" s="10" t="s">
        <v>55</v>
      </c>
      <c r="O594" s="10" t="s">
        <v>55</v>
      </c>
      <c r="P594" s="10" t="s">
        <v>55</v>
      </c>
      <c r="Q594" s="10" t="s">
        <v>55</v>
      </c>
      <c r="R594" s="10" t="s">
        <v>55</v>
      </c>
      <c r="S594" s="10" t="s">
        <v>55</v>
      </c>
      <c r="T594" s="10" t="s">
        <v>55</v>
      </c>
      <c r="U594" s="10" t="s">
        <v>55</v>
      </c>
      <c r="V594" s="10" t="s">
        <v>55</v>
      </c>
      <c r="W594" s="10" t="s">
        <v>55</v>
      </c>
      <c r="X594" s="10" t="s">
        <v>55</v>
      </c>
      <c r="Y594" s="10" t="s">
        <v>55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100</v>
      </c>
      <c r="I595" s="9" t="s">
        <v>53</v>
      </c>
      <c r="J595" s="9" t="s">
        <v>39</v>
      </c>
      <c r="K595" s="6">
        <v>3</v>
      </c>
      <c r="L595" s="6">
        <v>3</v>
      </c>
      <c r="M595" s="6">
        <v>3</v>
      </c>
      <c r="N595" s="6">
        <v>2</v>
      </c>
      <c r="O595" s="6">
        <v>1</v>
      </c>
      <c r="P595" s="10" t="s">
        <v>55</v>
      </c>
      <c r="Q595" s="10" t="s">
        <v>55</v>
      </c>
      <c r="R595" s="10" t="s">
        <v>55</v>
      </c>
      <c r="S595" s="10" t="s">
        <v>55</v>
      </c>
      <c r="T595" s="10" t="s">
        <v>55</v>
      </c>
      <c r="U595" s="10" t="s">
        <v>55</v>
      </c>
      <c r="V595" s="10" t="s">
        <v>55</v>
      </c>
      <c r="W595" s="10" t="s">
        <v>55</v>
      </c>
      <c r="X595" s="6">
        <v>3</v>
      </c>
      <c r="Y595" s="6">
        <v>2</v>
      </c>
      <c r="Z595" s="6">
        <v>1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100</v>
      </c>
      <c r="I596" s="9" t="s">
        <v>53</v>
      </c>
      <c r="J596" s="9" t="s">
        <v>40</v>
      </c>
      <c r="K596" s="6">
        <v>1</v>
      </c>
      <c r="L596" s="6">
        <v>1</v>
      </c>
      <c r="M596" s="6">
        <v>1</v>
      </c>
      <c r="N596" s="6">
        <v>1</v>
      </c>
      <c r="O596" s="10" t="s">
        <v>55</v>
      </c>
      <c r="P596" s="10" t="s">
        <v>55</v>
      </c>
      <c r="Q596" s="10" t="s">
        <v>55</v>
      </c>
      <c r="R596" s="10" t="s">
        <v>55</v>
      </c>
      <c r="S596" s="10" t="s">
        <v>55</v>
      </c>
      <c r="T596" s="10" t="s">
        <v>55</v>
      </c>
      <c r="U596" s="10" t="s">
        <v>55</v>
      </c>
      <c r="V596" s="10" t="s">
        <v>55</v>
      </c>
      <c r="W596" s="10" t="s">
        <v>55</v>
      </c>
      <c r="X596" s="10" t="s">
        <v>55</v>
      </c>
      <c r="Y596" s="10" t="s">
        <v>55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100</v>
      </c>
      <c r="I597" s="9" t="s">
        <v>53</v>
      </c>
      <c r="J597" s="9" t="s">
        <v>41</v>
      </c>
      <c r="K597" s="6">
        <v>2</v>
      </c>
      <c r="L597" s="10" t="s">
        <v>55</v>
      </c>
      <c r="M597" s="10" t="s">
        <v>55</v>
      </c>
      <c r="N597" s="10" t="s">
        <v>55</v>
      </c>
      <c r="O597" s="10" t="s">
        <v>55</v>
      </c>
      <c r="P597" s="10" t="s">
        <v>55</v>
      </c>
      <c r="Q597" s="10" t="s">
        <v>55</v>
      </c>
      <c r="R597" s="10" t="s">
        <v>55</v>
      </c>
      <c r="S597" s="6">
        <v>2</v>
      </c>
      <c r="T597" s="6">
        <v>1</v>
      </c>
      <c r="U597" s="10" t="s">
        <v>55</v>
      </c>
      <c r="V597" s="6">
        <v>1</v>
      </c>
      <c r="W597" s="10" t="s">
        <v>55</v>
      </c>
      <c r="X597" s="10" t="s">
        <v>55</v>
      </c>
      <c r="Y597" s="10" t="s">
        <v>55</v>
      </c>
      <c r="Z597" s="10" t="s">
        <v>55</v>
      </c>
      <c r="AA597" s="10" t="s">
        <v>55</v>
      </c>
      <c r="AB597" s="10" t="s">
        <v>55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100</v>
      </c>
      <c r="I598" s="9" t="s">
        <v>53</v>
      </c>
      <c r="J598" s="9" t="s">
        <v>42</v>
      </c>
      <c r="K598" s="6">
        <v>5</v>
      </c>
      <c r="L598" s="6">
        <v>2</v>
      </c>
      <c r="M598" s="6">
        <v>2</v>
      </c>
      <c r="N598" s="6">
        <v>1</v>
      </c>
      <c r="O598" s="10" t="s">
        <v>55</v>
      </c>
      <c r="P598" s="10" t="s">
        <v>55</v>
      </c>
      <c r="Q598" s="6">
        <v>1</v>
      </c>
      <c r="R598" s="10" t="s">
        <v>55</v>
      </c>
      <c r="S598" s="6">
        <v>3</v>
      </c>
      <c r="T598" s="6">
        <v>1</v>
      </c>
      <c r="U598" s="10" t="s">
        <v>55</v>
      </c>
      <c r="V598" s="6">
        <v>2</v>
      </c>
      <c r="W598" s="10" t="s">
        <v>55</v>
      </c>
      <c r="X598" s="6">
        <v>1</v>
      </c>
      <c r="Y598" s="10" t="s">
        <v>55</v>
      </c>
      <c r="Z598" s="10" t="s">
        <v>55</v>
      </c>
      <c r="AA598" s="10" t="s">
        <v>55</v>
      </c>
      <c r="AB598" s="6">
        <v>1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100</v>
      </c>
      <c r="I599" s="9" t="s">
        <v>53</v>
      </c>
      <c r="J599" s="9" t="s">
        <v>43</v>
      </c>
      <c r="K599" s="6">
        <v>3</v>
      </c>
      <c r="L599" s="6">
        <v>2</v>
      </c>
      <c r="M599" s="6">
        <v>2</v>
      </c>
      <c r="N599" s="6">
        <v>2</v>
      </c>
      <c r="O599" s="10" t="s">
        <v>55</v>
      </c>
      <c r="P599" s="10" t="s">
        <v>55</v>
      </c>
      <c r="Q599" s="10" t="s">
        <v>55</v>
      </c>
      <c r="R599" s="10" t="s">
        <v>55</v>
      </c>
      <c r="S599" s="6">
        <v>1</v>
      </c>
      <c r="T599" s="10" t="s">
        <v>55</v>
      </c>
      <c r="U599" s="10" t="s">
        <v>55</v>
      </c>
      <c r="V599" s="6">
        <v>1</v>
      </c>
      <c r="W599" s="10" t="s">
        <v>55</v>
      </c>
      <c r="X599" s="6">
        <v>1</v>
      </c>
      <c r="Y599" s="6">
        <v>1</v>
      </c>
      <c r="Z599" s="10" t="s">
        <v>55</v>
      </c>
      <c r="AA599" s="10" t="s">
        <v>55</v>
      </c>
      <c r="AB599" s="10" t="s">
        <v>55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100</v>
      </c>
      <c r="I600" s="9" t="s">
        <v>53</v>
      </c>
      <c r="J600" s="9" t="s">
        <v>44</v>
      </c>
      <c r="K600" s="6">
        <v>9</v>
      </c>
      <c r="L600" s="6">
        <v>1</v>
      </c>
      <c r="M600" s="6">
        <v>1</v>
      </c>
      <c r="N600" s="10" t="s">
        <v>55</v>
      </c>
      <c r="O600" s="6">
        <v>1</v>
      </c>
      <c r="P600" s="10" t="s">
        <v>55</v>
      </c>
      <c r="Q600" s="10" t="s">
        <v>55</v>
      </c>
      <c r="R600" s="10" t="s">
        <v>55</v>
      </c>
      <c r="S600" s="6">
        <v>8</v>
      </c>
      <c r="T600" s="6">
        <v>1</v>
      </c>
      <c r="U600" s="10" t="s">
        <v>55</v>
      </c>
      <c r="V600" s="6">
        <v>7</v>
      </c>
      <c r="W600" s="10" t="s">
        <v>55</v>
      </c>
      <c r="X600" s="10" t="s">
        <v>55</v>
      </c>
      <c r="Y600" s="10" t="s">
        <v>55</v>
      </c>
      <c r="Z600" s="10" t="s">
        <v>55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100</v>
      </c>
      <c r="I601" s="9" t="s">
        <v>53</v>
      </c>
      <c r="J601" s="9" t="s">
        <v>45</v>
      </c>
      <c r="K601" s="6">
        <v>8</v>
      </c>
      <c r="L601" s="6">
        <v>1</v>
      </c>
      <c r="M601" s="6">
        <v>1</v>
      </c>
      <c r="N601" s="6">
        <v>1</v>
      </c>
      <c r="O601" s="10" t="s">
        <v>55</v>
      </c>
      <c r="P601" s="10" t="s">
        <v>55</v>
      </c>
      <c r="Q601" s="10" t="s">
        <v>55</v>
      </c>
      <c r="R601" s="10" t="s">
        <v>55</v>
      </c>
      <c r="S601" s="6">
        <v>7</v>
      </c>
      <c r="T601" s="10" t="s">
        <v>55</v>
      </c>
      <c r="U601" s="10" t="s">
        <v>55</v>
      </c>
      <c r="V601" s="6">
        <v>7</v>
      </c>
      <c r="W601" s="10" t="s">
        <v>55</v>
      </c>
      <c r="X601" s="6">
        <v>1</v>
      </c>
      <c r="Y601" s="6">
        <v>1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100</v>
      </c>
      <c r="I602" s="9" t="s">
        <v>53</v>
      </c>
      <c r="J602" s="9" t="s">
        <v>46</v>
      </c>
      <c r="K602" s="6">
        <v>7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6">
        <v>7</v>
      </c>
      <c r="T602" s="10" t="s">
        <v>55</v>
      </c>
      <c r="U602" s="10" t="s">
        <v>55</v>
      </c>
      <c r="V602" s="6">
        <v>7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100</v>
      </c>
      <c r="I603" s="9" t="s">
        <v>53</v>
      </c>
      <c r="J603" s="9" t="s">
        <v>47</v>
      </c>
      <c r="K603" s="6">
        <v>1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6">
        <v>1</v>
      </c>
      <c r="T603" s="10" t="s">
        <v>55</v>
      </c>
      <c r="U603" s="10" t="s">
        <v>55</v>
      </c>
      <c r="V603" s="6">
        <v>1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100</v>
      </c>
      <c r="I604" s="9" t="s">
        <v>53</v>
      </c>
      <c r="J604" s="9" t="s">
        <v>48</v>
      </c>
      <c r="K604" s="6">
        <v>5</v>
      </c>
      <c r="L604" s="6">
        <v>5</v>
      </c>
      <c r="M604" s="6">
        <v>5</v>
      </c>
      <c r="N604" s="6">
        <v>4</v>
      </c>
      <c r="O604" s="6">
        <v>1</v>
      </c>
      <c r="P604" s="10" t="s">
        <v>55</v>
      </c>
      <c r="Q604" s="10" t="s">
        <v>55</v>
      </c>
      <c r="R604" s="10" t="s">
        <v>55</v>
      </c>
      <c r="S604" s="10" t="s">
        <v>55</v>
      </c>
      <c r="T604" s="10" t="s">
        <v>55</v>
      </c>
      <c r="U604" s="10" t="s">
        <v>55</v>
      </c>
      <c r="V604" s="10" t="s">
        <v>55</v>
      </c>
      <c r="W604" s="10" t="s">
        <v>55</v>
      </c>
      <c r="X604" s="6">
        <v>4</v>
      </c>
      <c r="Y604" s="6">
        <v>3</v>
      </c>
      <c r="Z604" s="6">
        <v>1</v>
      </c>
      <c r="AA604" s="10" t="s">
        <v>55</v>
      </c>
      <c r="AB604" s="10" t="s">
        <v>55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100</v>
      </c>
      <c r="I605" s="9" t="s">
        <v>53</v>
      </c>
      <c r="J605" s="9" t="s">
        <v>49</v>
      </c>
      <c r="K605" s="6">
        <v>35</v>
      </c>
      <c r="L605" s="6">
        <v>6</v>
      </c>
      <c r="M605" s="6">
        <v>6</v>
      </c>
      <c r="N605" s="6">
        <v>4</v>
      </c>
      <c r="O605" s="6">
        <v>1</v>
      </c>
      <c r="P605" s="10" t="s">
        <v>55</v>
      </c>
      <c r="Q605" s="6">
        <v>1</v>
      </c>
      <c r="R605" s="10" t="s">
        <v>55</v>
      </c>
      <c r="S605" s="6">
        <v>29</v>
      </c>
      <c r="T605" s="6">
        <v>3</v>
      </c>
      <c r="U605" s="10" t="s">
        <v>55</v>
      </c>
      <c r="V605" s="6">
        <v>26</v>
      </c>
      <c r="W605" s="10" t="s">
        <v>55</v>
      </c>
      <c r="X605" s="6">
        <v>3</v>
      </c>
      <c r="Y605" s="6">
        <v>2</v>
      </c>
      <c r="Z605" s="10" t="s">
        <v>55</v>
      </c>
      <c r="AA605" s="10" t="s">
        <v>55</v>
      </c>
      <c r="AB605" s="6">
        <v>1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100</v>
      </c>
      <c r="I606" s="9" t="s">
        <v>53</v>
      </c>
      <c r="J606" s="9" t="s">
        <v>50</v>
      </c>
      <c r="K606" s="6">
        <v>28</v>
      </c>
      <c r="L606" s="6">
        <v>4</v>
      </c>
      <c r="M606" s="6">
        <v>4</v>
      </c>
      <c r="N606" s="6">
        <v>3</v>
      </c>
      <c r="O606" s="6">
        <v>1</v>
      </c>
      <c r="P606" s="10" t="s">
        <v>55</v>
      </c>
      <c r="Q606" s="10" t="s">
        <v>55</v>
      </c>
      <c r="R606" s="10" t="s">
        <v>55</v>
      </c>
      <c r="S606" s="6">
        <v>24</v>
      </c>
      <c r="T606" s="6">
        <v>1</v>
      </c>
      <c r="U606" s="10" t="s">
        <v>55</v>
      </c>
      <c r="V606" s="6">
        <v>23</v>
      </c>
      <c r="W606" s="10" t="s">
        <v>55</v>
      </c>
      <c r="X606" s="6">
        <v>2</v>
      </c>
      <c r="Y606" s="6">
        <v>2</v>
      </c>
      <c r="Z606" s="10" t="s">
        <v>55</v>
      </c>
      <c r="AA606" s="10" t="s">
        <v>55</v>
      </c>
      <c r="AB606" s="10" t="s">
        <v>55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100</v>
      </c>
      <c r="I607" s="9" t="s">
        <v>53</v>
      </c>
      <c r="J607" s="9" t="s">
        <v>51</v>
      </c>
      <c r="K607" s="6">
        <v>16</v>
      </c>
      <c r="L607" s="6">
        <v>1</v>
      </c>
      <c r="M607" s="6">
        <v>1</v>
      </c>
      <c r="N607" s="6">
        <v>1</v>
      </c>
      <c r="O607" s="10" t="s">
        <v>55</v>
      </c>
      <c r="P607" s="10" t="s">
        <v>55</v>
      </c>
      <c r="Q607" s="10" t="s">
        <v>55</v>
      </c>
      <c r="R607" s="10" t="s">
        <v>55</v>
      </c>
      <c r="S607" s="6">
        <v>15</v>
      </c>
      <c r="T607" s="10" t="s">
        <v>55</v>
      </c>
      <c r="U607" s="10" t="s">
        <v>55</v>
      </c>
      <c r="V607" s="6">
        <v>15</v>
      </c>
      <c r="W607" s="10" t="s">
        <v>55</v>
      </c>
      <c r="X607" s="6">
        <v>1</v>
      </c>
      <c r="Y607" s="6">
        <v>1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100</v>
      </c>
      <c r="I608" s="9" t="s">
        <v>53</v>
      </c>
      <c r="J608" s="9" t="s">
        <v>52</v>
      </c>
      <c r="K608" s="6">
        <v>7</v>
      </c>
      <c r="L608" s="6">
        <v>5</v>
      </c>
      <c r="M608" s="6">
        <v>5</v>
      </c>
      <c r="N608" s="6">
        <v>4</v>
      </c>
      <c r="O608" s="6">
        <v>1</v>
      </c>
      <c r="P608" s="10" t="s">
        <v>55</v>
      </c>
      <c r="Q608" s="10" t="s">
        <v>55</v>
      </c>
      <c r="R608" s="10" t="s">
        <v>55</v>
      </c>
      <c r="S608" s="6">
        <v>2</v>
      </c>
      <c r="T608" s="6">
        <v>1</v>
      </c>
      <c r="U608" s="10" t="s">
        <v>55</v>
      </c>
      <c r="V608" s="6">
        <v>1</v>
      </c>
      <c r="W608" s="10" t="s">
        <v>55</v>
      </c>
      <c r="X608" s="6">
        <v>4</v>
      </c>
      <c r="Y608" s="6">
        <v>3</v>
      </c>
      <c r="Z608" s="6">
        <v>1</v>
      </c>
      <c r="AA608" s="10" t="s">
        <v>55</v>
      </c>
      <c r="AB608" s="10" t="s">
        <v>55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100</v>
      </c>
      <c r="I609" s="9" t="s">
        <v>54</v>
      </c>
      <c r="J609" s="9" t="s">
        <v>30</v>
      </c>
      <c r="K609" s="6">
        <v>177</v>
      </c>
      <c r="L609" s="6">
        <v>24</v>
      </c>
      <c r="M609" s="6">
        <v>24</v>
      </c>
      <c r="N609" s="6">
        <v>20</v>
      </c>
      <c r="O609" s="6">
        <v>3</v>
      </c>
      <c r="P609" s="10" t="s">
        <v>55</v>
      </c>
      <c r="Q609" s="6">
        <v>1</v>
      </c>
      <c r="R609" s="10" t="s">
        <v>55</v>
      </c>
      <c r="S609" s="6">
        <v>153</v>
      </c>
      <c r="T609" s="6">
        <v>54</v>
      </c>
      <c r="U609" s="10" t="s">
        <v>55</v>
      </c>
      <c r="V609" s="6">
        <v>99</v>
      </c>
      <c r="W609" s="10" t="s">
        <v>55</v>
      </c>
      <c r="X609" s="6">
        <v>13</v>
      </c>
      <c r="Y609" s="6">
        <v>11</v>
      </c>
      <c r="Z609" s="6">
        <v>1</v>
      </c>
      <c r="AA609" s="10" t="s">
        <v>55</v>
      </c>
      <c r="AB609" s="6">
        <v>1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100</v>
      </c>
      <c r="I610" s="9" t="s">
        <v>54</v>
      </c>
      <c r="J610" s="9" t="s">
        <v>31</v>
      </c>
      <c r="K610" s="10" t="s">
        <v>55</v>
      </c>
      <c r="L610" s="10" t="s">
        <v>55</v>
      </c>
      <c r="M610" s="10" t="s">
        <v>55</v>
      </c>
      <c r="N610" s="10" t="s">
        <v>55</v>
      </c>
      <c r="O610" s="10" t="s">
        <v>55</v>
      </c>
      <c r="P610" s="10" t="s">
        <v>55</v>
      </c>
      <c r="Q610" s="10" t="s">
        <v>55</v>
      </c>
      <c r="R610" s="10" t="s">
        <v>55</v>
      </c>
      <c r="S610" s="10" t="s">
        <v>55</v>
      </c>
      <c r="T610" s="10" t="s">
        <v>55</v>
      </c>
      <c r="U610" s="10" t="s">
        <v>55</v>
      </c>
      <c r="V610" s="10" t="s">
        <v>55</v>
      </c>
      <c r="W610" s="10" t="s">
        <v>55</v>
      </c>
      <c r="X610" s="10" t="s">
        <v>55</v>
      </c>
      <c r="Y610" s="10" t="s">
        <v>55</v>
      </c>
      <c r="Z610" s="10" t="s">
        <v>55</v>
      </c>
      <c r="AA610" s="10" t="s">
        <v>55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100</v>
      </c>
      <c r="I611" s="9" t="s">
        <v>54</v>
      </c>
      <c r="J611" s="9" t="s">
        <v>32</v>
      </c>
      <c r="K611" s="10" t="s">
        <v>55</v>
      </c>
      <c r="L611" s="10" t="s">
        <v>55</v>
      </c>
      <c r="M611" s="10" t="s">
        <v>55</v>
      </c>
      <c r="N611" s="10" t="s">
        <v>55</v>
      </c>
      <c r="O611" s="10" t="s">
        <v>55</v>
      </c>
      <c r="P611" s="10" t="s">
        <v>55</v>
      </c>
      <c r="Q611" s="10" t="s">
        <v>55</v>
      </c>
      <c r="R611" s="10" t="s">
        <v>55</v>
      </c>
      <c r="S611" s="10" t="s">
        <v>55</v>
      </c>
      <c r="T611" s="10" t="s">
        <v>55</v>
      </c>
      <c r="U611" s="10" t="s">
        <v>55</v>
      </c>
      <c r="V611" s="10" t="s">
        <v>55</v>
      </c>
      <c r="W611" s="10" t="s">
        <v>55</v>
      </c>
      <c r="X611" s="10" t="s">
        <v>55</v>
      </c>
      <c r="Y611" s="10" t="s">
        <v>55</v>
      </c>
      <c r="Z611" s="10" t="s">
        <v>55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100</v>
      </c>
      <c r="I612" s="9" t="s">
        <v>54</v>
      </c>
      <c r="J612" s="9" t="s">
        <v>33</v>
      </c>
      <c r="K612" s="10" t="s">
        <v>55</v>
      </c>
      <c r="L612" s="10" t="s">
        <v>55</v>
      </c>
      <c r="M612" s="10" t="s">
        <v>55</v>
      </c>
      <c r="N612" s="10" t="s">
        <v>55</v>
      </c>
      <c r="O612" s="10" t="s">
        <v>55</v>
      </c>
      <c r="P612" s="10" t="s">
        <v>55</v>
      </c>
      <c r="Q612" s="10" t="s">
        <v>55</v>
      </c>
      <c r="R612" s="10" t="s">
        <v>55</v>
      </c>
      <c r="S612" s="10" t="s">
        <v>55</v>
      </c>
      <c r="T612" s="10" t="s">
        <v>55</v>
      </c>
      <c r="U612" s="10" t="s">
        <v>55</v>
      </c>
      <c r="V612" s="10" t="s">
        <v>55</v>
      </c>
      <c r="W612" s="10" t="s">
        <v>55</v>
      </c>
      <c r="X612" s="10" t="s">
        <v>55</v>
      </c>
      <c r="Y612" s="10" t="s">
        <v>55</v>
      </c>
      <c r="Z612" s="10" t="s">
        <v>55</v>
      </c>
      <c r="AA612" s="10" t="s">
        <v>55</v>
      </c>
      <c r="AB612" s="10" t="s">
        <v>55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100</v>
      </c>
      <c r="I613" s="9" t="s">
        <v>54</v>
      </c>
      <c r="J613" s="9" t="s">
        <v>34</v>
      </c>
      <c r="K613" s="10" t="s">
        <v>55</v>
      </c>
      <c r="L613" s="10" t="s">
        <v>55</v>
      </c>
      <c r="M613" s="10" t="s">
        <v>55</v>
      </c>
      <c r="N613" s="10" t="s">
        <v>55</v>
      </c>
      <c r="O613" s="10" t="s">
        <v>55</v>
      </c>
      <c r="P613" s="10" t="s">
        <v>55</v>
      </c>
      <c r="Q613" s="10" t="s">
        <v>55</v>
      </c>
      <c r="R613" s="10" t="s">
        <v>55</v>
      </c>
      <c r="S613" s="10" t="s">
        <v>55</v>
      </c>
      <c r="T613" s="10" t="s">
        <v>55</v>
      </c>
      <c r="U613" s="10" t="s">
        <v>55</v>
      </c>
      <c r="V613" s="10" t="s">
        <v>55</v>
      </c>
      <c r="W613" s="10" t="s">
        <v>55</v>
      </c>
      <c r="X613" s="10" t="s">
        <v>55</v>
      </c>
      <c r="Y613" s="10" t="s">
        <v>55</v>
      </c>
      <c r="Z613" s="10" t="s">
        <v>55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100</v>
      </c>
      <c r="I614" s="9" t="s">
        <v>54</v>
      </c>
      <c r="J614" s="9" t="s">
        <v>35</v>
      </c>
      <c r="K614" s="10" t="s">
        <v>55</v>
      </c>
      <c r="L614" s="10" t="s">
        <v>55</v>
      </c>
      <c r="M614" s="10" t="s">
        <v>55</v>
      </c>
      <c r="N614" s="10" t="s">
        <v>55</v>
      </c>
      <c r="O614" s="10" t="s">
        <v>55</v>
      </c>
      <c r="P614" s="10" t="s">
        <v>55</v>
      </c>
      <c r="Q614" s="10" t="s">
        <v>55</v>
      </c>
      <c r="R614" s="10" t="s">
        <v>55</v>
      </c>
      <c r="S614" s="10" t="s">
        <v>55</v>
      </c>
      <c r="T614" s="10" t="s">
        <v>55</v>
      </c>
      <c r="U614" s="10" t="s">
        <v>55</v>
      </c>
      <c r="V614" s="10" t="s">
        <v>55</v>
      </c>
      <c r="W614" s="10" t="s">
        <v>55</v>
      </c>
      <c r="X614" s="10" t="s">
        <v>55</v>
      </c>
      <c r="Y614" s="10" t="s">
        <v>55</v>
      </c>
      <c r="Z614" s="10" t="s">
        <v>55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100</v>
      </c>
      <c r="I615" s="9" t="s">
        <v>54</v>
      </c>
      <c r="J615" s="9" t="s">
        <v>36</v>
      </c>
      <c r="K615" s="10" t="s">
        <v>55</v>
      </c>
      <c r="L615" s="10" t="s">
        <v>55</v>
      </c>
      <c r="M615" s="10" t="s">
        <v>55</v>
      </c>
      <c r="N615" s="10" t="s">
        <v>55</v>
      </c>
      <c r="O615" s="10" t="s">
        <v>55</v>
      </c>
      <c r="P615" s="10" t="s">
        <v>55</v>
      </c>
      <c r="Q615" s="10" t="s">
        <v>55</v>
      </c>
      <c r="R615" s="10" t="s">
        <v>55</v>
      </c>
      <c r="S615" s="10" t="s">
        <v>55</v>
      </c>
      <c r="T615" s="10" t="s">
        <v>55</v>
      </c>
      <c r="U615" s="10" t="s">
        <v>55</v>
      </c>
      <c r="V615" s="10" t="s">
        <v>55</v>
      </c>
      <c r="W615" s="10" t="s">
        <v>55</v>
      </c>
      <c r="X615" s="10" t="s">
        <v>55</v>
      </c>
      <c r="Y615" s="10" t="s">
        <v>55</v>
      </c>
      <c r="Z615" s="10" t="s">
        <v>55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100</v>
      </c>
      <c r="I616" s="9" t="s">
        <v>54</v>
      </c>
      <c r="J616" s="9" t="s">
        <v>37</v>
      </c>
      <c r="K616" s="6">
        <v>1</v>
      </c>
      <c r="L616" s="6">
        <v>1</v>
      </c>
      <c r="M616" s="6">
        <v>1</v>
      </c>
      <c r="N616" s="6">
        <v>1</v>
      </c>
      <c r="O616" s="10" t="s">
        <v>55</v>
      </c>
      <c r="P616" s="10" t="s">
        <v>55</v>
      </c>
      <c r="Q616" s="10" t="s">
        <v>55</v>
      </c>
      <c r="R616" s="10" t="s">
        <v>55</v>
      </c>
      <c r="S616" s="10" t="s">
        <v>55</v>
      </c>
      <c r="T616" s="10" t="s">
        <v>55</v>
      </c>
      <c r="U616" s="10" t="s">
        <v>55</v>
      </c>
      <c r="V616" s="10" t="s">
        <v>55</v>
      </c>
      <c r="W616" s="10" t="s">
        <v>55</v>
      </c>
      <c r="X616" s="10" t="s">
        <v>55</v>
      </c>
      <c r="Y616" s="10" t="s">
        <v>55</v>
      </c>
      <c r="Z616" s="10" t="s">
        <v>55</v>
      </c>
      <c r="AA616" s="10" t="s">
        <v>55</v>
      </c>
      <c r="AB616" s="10" t="s">
        <v>55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100</v>
      </c>
      <c r="I617" s="9" t="s">
        <v>54</v>
      </c>
      <c r="J617" s="9" t="s">
        <v>38</v>
      </c>
      <c r="K617" s="6">
        <v>1</v>
      </c>
      <c r="L617" s="6">
        <v>1</v>
      </c>
      <c r="M617" s="6">
        <v>1</v>
      </c>
      <c r="N617" s="6">
        <v>1</v>
      </c>
      <c r="O617" s="10" t="s">
        <v>55</v>
      </c>
      <c r="P617" s="10" t="s">
        <v>55</v>
      </c>
      <c r="Q617" s="10" t="s">
        <v>55</v>
      </c>
      <c r="R617" s="10" t="s">
        <v>55</v>
      </c>
      <c r="S617" s="10" t="s">
        <v>55</v>
      </c>
      <c r="T617" s="10" t="s">
        <v>55</v>
      </c>
      <c r="U617" s="10" t="s">
        <v>55</v>
      </c>
      <c r="V617" s="10" t="s">
        <v>55</v>
      </c>
      <c r="W617" s="10" t="s">
        <v>55</v>
      </c>
      <c r="X617" s="6">
        <v>1</v>
      </c>
      <c r="Y617" s="6">
        <v>1</v>
      </c>
      <c r="Z617" s="10" t="s">
        <v>55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100</v>
      </c>
      <c r="I618" s="9" t="s">
        <v>54</v>
      </c>
      <c r="J618" s="9" t="s">
        <v>39</v>
      </c>
      <c r="K618" s="6">
        <v>2</v>
      </c>
      <c r="L618" s="6">
        <v>1</v>
      </c>
      <c r="M618" s="6">
        <v>1</v>
      </c>
      <c r="N618" s="6">
        <v>1</v>
      </c>
      <c r="O618" s="10" t="s">
        <v>55</v>
      </c>
      <c r="P618" s="10" t="s">
        <v>55</v>
      </c>
      <c r="Q618" s="10" t="s">
        <v>55</v>
      </c>
      <c r="R618" s="10" t="s">
        <v>55</v>
      </c>
      <c r="S618" s="6">
        <v>1</v>
      </c>
      <c r="T618" s="6">
        <v>1</v>
      </c>
      <c r="U618" s="10" t="s">
        <v>55</v>
      </c>
      <c r="V618" s="10" t="s">
        <v>55</v>
      </c>
      <c r="W618" s="10" t="s">
        <v>55</v>
      </c>
      <c r="X618" s="10" t="s">
        <v>55</v>
      </c>
      <c r="Y618" s="10" t="s">
        <v>55</v>
      </c>
      <c r="Z618" s="10" t="s">
        <v>5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100</v>
      </c>
      <c r="I619" s="9" t="s">
        <v>54</v>
      </c>
      <c r="J619" s="9" t="s">
        <v>40</v>
      </c>
      <c r="K619" s="6">
        <v>3</v>
      </c>
      <c r="L619" s="6">
        <v>3</v>
      </c>
      <c r="M619" s="6">
        <v>3</v>
      </c>
      <c r="N619" s="6">
        <v>3</v>
      </c>
      <c r="O619" s="10" t="s">
        <v>55</v>
      </c>
      <c r="P619" s="10" t="s">
        <v>55</v>
      </c>
      <c r="Q619" s="10" t="s">
        <v>55</v>
      </c>
      <c r="R619" s="10" t="s">
        <v>55</v>
      </c>
      <c r="S619" s="10" t="s">
        <v>55</v>
      </c>
      <c r="T619" s="10" t="s">
        <v>55</v>
      </c>
      <c r="U619" s="10" t="s">
        <v>55</v>
      </c>
      <c r="V619" s="10" t="s">
        <v>55</v>
      </c>
      <c r="W619" s="10" t="s">
        <v>55</v>
      </c>
      <c r="X619" s="6">
        <v>2</v>
      </c>
      <c r="Y619" s="6">
        <v>2</v>
      </c>
      <c r="Z619" s="10" t="s">
        <v>5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100</v>
      </c>
      <c r="I620" s="9" t="s">
        <v>54</v>
      </c>
      <c r="J620" s="9" t="s">
        <v>41</v>
      </c>
      <c r="K620" s="6">
        <v>10</v>
      </c>
      <c r="L620" s="6">
        <v>7</v>
      </c>
      <c r="M620" s="6">
        <v>7</v>
      </c>
      <c r="N620" s="6">
        <v>6</v>
      </c>
      <c r="O620" s="6">
        <v>1</v>
      </c>
      <c r="P620" s="10" t="s">
        <v>55</v>
      </c>
      <c r="Q620" s="10" t="s">
        <v>55</v>
      </c>
      <c r="R620" s="10" t="s">
        <v>55</v>
      </c>
      <c r="S620" s="6">
        <v>3</v>
      </c>
      <c r="T620" s="6">
        <v>2</v>
      </c>
      <c r="U620" s="10" t="s">
        <v>55</v>
      </c>
      <c r="V620" s="6">
        <v>1</v>
      </c>
      <c r="W620" s="10" t="s">
        <v>55</v>
      </c>
      <c r="X620" s="6">
        <v>6</v>
      </c>
      <c r="Y620" s="6">
        <v>5</v>
      </c>
      <c r="Z620" s="6">
        <v>1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100</v>
      </c>
      <c r="I621" s="9" t="s">
        <v>54</v>
      </c>
      <c r="J621" s="9" t="s">
        <v>42</v>
      </c>
      <c r="K621" s="6">
        <v>12</v>
      </c>
      <c r="L621" s="6">
        <v>5</v>
      </c>
      <c r="M621" s="6">
        <v>5</v>
      </c>
      <c r="N621" s="6">
        <v>3</v>
      </c>
      <c r="O621" s="6">
        <v>1</v>
      </c>
      <c r="P621" s="10" t="s">
        <v>55</v>
      </c>
      <c r="Q621" s="6">
        <v>1</v>
      </c>
      <c r="R621" s="10" t="s">
        <v>55</v>
      </c>
      <c r="S621" s="6">
        <v>7</v>
      </c>
      <c r="T621" s="6">
        <v>2</v>
      </c>
      <c r="U621" s="10" t="s">
        <v>55</v>
      </c>
      <c r="V621" s="6">
        <v>5</v>
      </c>
      <c r="W621" s="10" t="s">
        <v>55</v>
      </c>
      <c r="X621" s="6">
        <v>3</v>
      </c>
      <c r="Y621" s="6">
        <v>2</v>
      </c>
      <c r="Z621" s="10" t="s">
        <v>55</v>
      </c>
      <c r="AA621" s="10" t="s">
        <v>55</v>
      </c>
      <c r="AB621" s="6">
        <v>1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100</v>
      </c>
      <c r="I622" s="9" t="s">
        <v>54</v>
      </c>
      <c r="J622" s="9" t="s">
        <v>43</v>
      </c>
      <c r="K622" s="6">
        <v>30</v>
      </c>
      <c r="L622" s="6">
        <v>4</v>
      </c>
      <c r="M622" s="6">
        <v>4</v>
      </c>
      <c r="N622" s="6">
        <v>3</v>
      </c>
      <c r="O622" s="6">
        <v>1</v>
      </c>
      <c r="P622" s="10" t="s">
        <v>55</v>
      </c>
      <c r="Q622" s="10" t="s">
        <v>55</v>
      </c>
      <c r="R622" s="10" t="s">
        <v>55</v>
      </c>
      <c r="S622" s="6">
        <v>26</v>
      </c>
      <c r="T622" s="6">
        <v>13</v>
      </c>
      <c r="U622" s="10" t="s">
        <v>55</v>
      </c>
      <c r="V622" s="6">
        <v>13</v>
      </c>
      <c r="W622" s="10" t="s">
        <v>55</v>
      </c>
      <c r="X622" s="6">
        <v>1</v>
      </c>
      <c r="Y622" s="6">
        <v>1</v>
      </c>
      <c r="Z622" s="10" t="s">
        <v>55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100</v>
      </c>
      <c r="I623" s="9" t="s">
        <v>54</v>
      </c>
      <c r="J623" s="9" t="s">
        <v>44</v>
      </c>
      <c r="K623" s="6">
        <v>47</v>
      </c>
      <c r="L623" s="6">
        <v>1</v>
      </c>
      <c r="M623" s="6">
        <v>1</v>
      </c>
      <c r="N623" s="6">
        <v>1</v>
      </c>
      <c r="O623" s="10" t="s">
        <v>55</v>
      </c>
      <c r="P623" s="10" t="s">
        <v>55</v>
      </c>
      <c r="Q623" s="10" t="s">
        <v>55</v>
      </c>
      <c r="R623" s="10" t="s">
        <v>55</v>
      </c>
      <c r="S623" s="6">
        <v>46</v>
      </c>
      <c r="T623" s="6">
        <v>17</v>
      </c>
      <c r="U623" s="10" t="s">
        <v>55</v>
      </c>
      <c r="V623" s="6">
        <v>29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100</v>
      </c>
      <c r="I624" s="9" t="s">
        <v>54</v>
      </c>
      <c r="J624" s="9" t="s">
        <v>45</v>
      </c>
      <c r="K624" s="6">
        <v>41</v>
      </c>
      <c r="L624" s="6">
        <v>1</v>
      </c>
      <c r="M624" s="6">
        <v>1</v>
      </c>
      <c r="N624" s="6">
        <v>1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6">
        <v>40</v>
      </c>
      <c r="T624" s="6">
        <v>13</v>
      </c>
      <c r="U624" s="10" t="s">
        <v>55</v>
      </c>
      <c r="V624" s="6">
        <v>27</v>
      </c>
      <c r="W624" s="10" t="s">
        <v>55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100</v>
      </c>
      <c r="I625" s="9" t="s">
        <v>54</v>
      </c>
      <c r="J625" s="9" t="s">
        <v>46</v>
      </c>
      <c r="K625" s="6">
        <v>28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6">
        <v>28</v>
      </c>
      <c r="T625" s="6">
        <v>6</v>
      </c>
      <c r="U625" s="10" t="s">
        <v>55</v>
      </c>
      <c r="V625" s="6">
        <v>22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100</v>
      </c>
      <c r="I626" s="9" t="s">
        <v>54</v>
      </c>
      <c r="J626" s="9" t="s">
        <v>47</v>
      </c>
      <c r="K626" s="6">
        <v>2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6">
        <v>2</v>
      </c>
      <c r="T626" s="10" t="s">
        <v>55</v>
      </c>
      <c r="U626" s="10" t="s">
        <v>55</v>
      </c>
      <c r="V626" s="6">
        <v>2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100</v>
      </c>
      <c r="I627" s="9" t="s">
        <v>54</v>
      </c>
      <c r="J627" s="9" t="s">
        <v>48</v>
      </c>
      <c r="K627" s="6">
        <v>7</v>
      </c>
      <c r="L627" s="6">
        <v>6</v>
      </c>
      <c r="M627" s="6">
        <v>6</v>
      </c>
      <c r="N627" s="6">
        <v>6</v>
      </c>
      <c r="O627" s="10" t="s">
        <v>55</v>
      </c>
      <c r="P627" s="10" t="s">
        <v>55</v>
      </c>
      <c r="Q627" s="10" t="s">
        <v>55</v>
      </c>
      <c r="R627" s="10" t="s">
        <v>55</v>
      </c>
      <c r="S627" s="6">
        <v>1</v>
      </c>
      <c r="T627" s="6">
        <v>1</v>
      </c>
      <c r="U627" s="10" t="s">
        <v>55</v>
      </c>
      <c r="V627" s="10" t="s">
        <v>55</v>
      </c>
      <c r="W627" s="10" t="s">
        <v>55</v>
      </c>
      <c r="X627" s="6">
        <v>3</v>
      </c>
      <c r="Y627" s="6">
        <v>3</v>
      </c>
      <c r="Z627" s="10" t="s">
        <v>55</v>
      </c>
      <c r="AA627" s="10" t="s">
        <v>55</v>
      </c>
      <c r="AB627" s="10" t="s">
        <v>55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100</v>
      </c>
      <c r="I628" s="9" t="s">
        <v>54</v>
      </c>
      <c r="J628" s="9" t="s">
        <v>49</v>
      </c>
      <c r="K628" s="6">
        <v>170</v>
      </c>
      <c r="L628" s="6">
        <v>18</v>
      </c>
      <c r="M628" s="6">
        <v>18</v>
      </c>
      <c r="N628" s="6">
        <v>14</v>
      </c>
      <c r="O628" s="6">
        <v>3</v>
      </c>
      <c r="P628" s="10" t="s">
        <v>55</v>
      </c>
      <c r="Q628" s="6">
        <v>1</v>
      </c>
      <c r="R628" s="10" t="s">
        <v>55</v>
      </c>
      <c r="S628" s="6">
        <v>152</v>
      </c>
      <c r="T628" s="6">
        <v>53</v>
      </c>
      <c r="U628" s="10" t="s">
        <v>55</v>
      </c>
      <c r="V628" s="6">
        <v>99</v>
      </c>
      <c r="W628" s="10" t="s">
        <v>55</v>
      </c>
      <c r="X628" s="6">
        <v>10</v>
      </c>
      <c r="Y628" s="6">
        <v>8</v>
      </c>
      <c r="Z628" s="6">
        <v>1</v>
      </c>
      <c r="AA628" s="10" t="s">
        <v>55</v>
      </c>
      <c r="AB628" s="6">
        <v>1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100</v>
      </c>
      <c r="I629" s="9" t="s">
        <v>54</v>
      </c>
      <c r="J629" s="9" t="s">
        <v>50</v>
      </c>
      <c r="K629" s="6">
        <v>148</v>
      </c>
      <c r="L629" s="6">
        <v>6</v>
      </c>
      <c r="M629" s="6">
        <v>6</v>
      </c>
      <c r="N629" s="6">
        <v>5</v>
      </c>
      <c r="O629" s="6">
        <v>1</v>
      </c>
      <c r="P629" s="10" t="s">
        <v>55</v>
      </c>
      <c r="Q629" s="10" t="s">
        <v>55</v>
      </c>
      <c r="R629" s="10" t="s">
        <v>55</v>
      </c>
      <c r="S629" s="6">
        <v>142</v>
      </c>
      <c r="T629" s="6">
        <v>49</v>
      </c>
      <c r="U629" s="10" t="s">
        <v>55</v>
      </c>
      <c r="V629" s="6">
        <v>93</v>
      </c>
      <c r="W629" s="10" t="s">
        <v>55</v>
      </c>
      <c r="X629" s="6">
        <v>1</v>
      </c>
      <c r="Y629" s="6">
        <v>1</v>
      </c>
      <c r="Z629" s="10" t="s">
        <v>55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100</v>
      </c>
      <c r="I630" s="9" t="s">
        <v>54</v>
      </c>
      <c r="J630" s="9" t="s">
        <v>51</v>
      </c>
      <c r="K630" s="6">
        <v>71</v>
      </c>
      <c r="L630" s="6">
        <v>1</v>
      </c>
      <c r="M630" s="6">
        <v>1</v>
      </c>
      <c r="N630" s="6">
        <v>1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6">
        <v>70</v>
      </c>
      <c r="T630" s="6">
        <v>19</v>
      </c>
      <c r="U630" s="10" t="s">
        <v>55</v>
      </c>
      <c r="V630" s="6">
        <v>51</v>
      </c>
      <c r="W630" s="10" t="s">
        <v>55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100</v>
      </c>
      <c r="I631" s="9" t="s">
        <v>54</v>
      </c>
      <c r="J631" s="9" t="s">
        <v>52</v>
      </c>
      <c r="K631" s="6">
        <v>17</v>
      </c>
      <c r="L631" s="6">
        <v>13</v>
      </c>
      <c r="M631" s="6">
        <v>13</v>
      </c>
      <c r="N631" s="6">
        <v>12</v>
      </c>
      <c r="O631" s="6">
        <v>1</v>
      </c>
      <c r="P631" s="10" t="s">
        <v>55</v>
      </c>
      <c r="Q631" s="10" t="s">
        <v>55</v>
      </c>
      <c r="R631" s="10" t="s">
        <v>55</v>
      </c>
      <c r="S631" s="6">
        <v>4</v>
      </c>
      <c r="T631" s="6">
        <v>3</v>
      </c>
      <c r="U631" s="10" t="s">
        <v>55</v>
      </c>
      <c r="V631" s="6">
        <v>1</v>
      </c>
      <c r="W631" s="10" t="s">
        <v>55</v>
      </c>
      <c r="X631" s="6">
        <v>9</v>
      </c>
      <c r="Y631" s="6">
        <v>8</v>
      </c>
      <c r="Z631" s="6">
        <v>1</v>
      </c>
      <c r="AA631" s="10" t="s">
        <v>55</v>
      </c>
      <c r="AB631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A588D8CA-D827-474E-9CE5-153FBB3496FC}">
  <sheetPr>
    <pageSetUpPr fitToPage="1"/>
  </sheetPr>
  <dimension ref="A1:AB631"/>
  <sheetViews>
    <sheetView zoomScaleNormal="100" workbookViewId="0">
      <pane xSplit="10" ySplit="10" topLeftCell="K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101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102</v>
      </c>
      <c r="I11" s="5" t="s">
        <v>6</v>
      </c>
      <c r="J11" s="5" t="s">
        <v>30</v>
      </c>
      <c r="K11" s="6">
        <v>5601755</v>
      </c>
      <c r="L11" s="6">
        <v>3915581</v>
      </c>
      <c r="M11" s="6">
        <v>3698189</v>
      </c>
      <c r="N11" s="6">
        <v>3263088</v>
      </c>
      <c r="O11" s="6">
        <v>322470</v>
      </c>
      <c r="P11" s="6">
        <v>3589</v>
      </c>
      <c r="Q11" s="6">
        <v>109042</v>
      </c>
      <c r="R11" s="6">
        <v>217392</v>
      </c>
      <c r="S11" s="6">
        <v>1498750</v>
      </c>
      <c r="T11" s="6">
        <v>520407</v>
      </c>
      <c r="U11" s="6">
        <v>6095</v>
      </c>
      <c r="V11" s="6">
        <v>972248</v>
      </c>
      <c r="W11" s="6">
        <v>187424</v>
      </c>
      <c r="X11" s="6">
        <v>3259940</v>
      </c>
      <c r="Y11" s="6">
        <v>2923991</v>
      </c>
      <c r="Z11" s="6">
        <v>260904</v>
      </c>
      <c r="AA11" s="6">
        <v>3286</v>
      </c>
      <c r="AB11" s="6">
        <v>71759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102</v>
      </c>
      <c r="I12" s="9" t="s">
        <v>6</v>
      </c>
      <c r="J12" s="9" t="s">
        <v>31</v>
      </c>
      <c r="K12" s="6">
        <v>1286</v>
      </c>
      <c r="L12" s="6">
        <v>615</v>
      </c>
      <c r="M12" s="6">
        <v>502</v>
      </c>
      <c r="N12" s="6">
        <v>359</v>
      </c>
      <c r="O12" s="6">
        <v>47</v>
      </c>
      <c r="P12" s="6">
        <v>75</v>
      </c>
      <c r="Q12" s="6">
        <v>21</v>
      </c>
      <c r="R12" s="6">
        <v>113</v>
      </c>
      <c r="S12" s="6">
        <v>529</v>
      </c>
      <c r="T12" s="6">
        <v>128</v>
      </c>
      <c r="U12" s="6">
        <v>352</v>
      </c>
      <c r="V12" s="6">
        <v>49</v>
      </c>
      <c r="W12" s="6">
        <v>142</v>
      </c>
      <c r="X12" s="6">
        <v>470</v>
      </c>
      <c r="Y12" s="6">
        <v>331</v>
      </c>
      <c r="Z12" s="6">
        <v>47</v>
      </c>
      <c r="AA12" s="6">
        <v>74</v>
      </c>
      <c r="AB12" s="6">
        <v>18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102</v>
      </c>
      <c r="I13" s="9" t="s">
        <v>6</v>
      </c>
      <c r="J13" s="9" t="s">
        <v>32</v>
      </c>
      <c r="K13" s="6">
        <v>19869</v>
      </c>
      <c r="L13" s="6">
        <v>15704</v>
      </c>
      <c r="M13" s="6">
        <v>14039</v>
      </c>
      <c r="N13" s="6">
        <v>11915</v>
      </c>
      <c r="O13" s="6">
        <v>1395</v>
      </c>
      <c r="P13" s="6">
        <v>180</v>
      </c>
      <c r="Q13" s="6">
        <v>549</v>
      </c>
      <c r="R13" s="6">
        <v>1665</v>
      </c>
      <c r="S13" s="6">
        <v>2435</v>
      </c>
      <c r="T13" s="6">
        <v>1600</v>
      </c>
      <c r="U13" s="6">
        <v>346</v>
      </c>
      <c r="V13" s="6">
        <v>489</v>
      </c>
      <c r="W13" s="6">
        <v>1730</v>
      </c>
      <c r="X13" s="6">
        <v>13128</v>
      </c>
      <c r="Y13" s="6">
        <v>11182</v>
      </c>
      <c r="Z13" s="6">
        <v>1281</v>
      </c>
      <c r="AA13" s="6">
        <v>172</v>
      </c>
      <c r="AB13" s="6">
        <v>493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102</v>
      </c>
      <c r="I14" s="9" t="s">
        <v>6</v>
      </c>
      <c r="J14" s="9" t="s">
        <v>33</v>
      </c>
      <c r="K14" s="6">
        <v>79281</v>
      </c>
      <c r="L14" s="6">
        <v>68933</v>
      </c>
      <c r="M14" s="6">
        <v>64149</v>
      </c>
      <c r="N14" s="6">
        <v>57609</v>
      </c>
      <c r="O14" s="6">
        <v>4633</v>
      </c>
      <c r="P14" s="6">
        <v>333</v>
      </c>
      <c r="Q14" s="6">
        <v>1574</v>
      </c>
      <c r="R14" s="6">
        <v>4784</v>
      </c>
      <c r="S14" s="6">
        <v>5758</v>
      </c>
      <c r="T14" s="6">
        <v>3634</v>
      </c>
      <c r="U14" s="6">
        <v>546</v>
      </c>
      <c r="V14" s="6">
        <v>1578</v>
      </c>
      <c r="W14" s="6">
        <v>4590</v>
      </c>
      <c r="X14" s="6">
        <v>60261</v>
      </c>
      <c r="Y14" s="6">
        <v>54332</v>
      </c>
      <c r="Z14" s="6">
        <v>4218</v>
      </c>
      <c r="AA14" s="6">
        <v>316</v>
      </c>
      <c r="AB14" s="6">
        <v>1395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102</v>
      </c>
      <c r="I15" s="9" t="s">
        <v>6</v>
      </c>
      <c r="J15" s="9" t="s">
        <v>34</v>
      </c>
      <c r="K15" s="6">
        <v>176381</v>
      </c>
      <c r="L15" s="6">
        <v>158209</v>
      </c>
      <c r="M15" s="6">
        <v>149337</v>
      </c>
      <c r="N15" s="6">
        <v>137107</v>
      </c>
      <c r="O15" s="6">
        <v>8659</v>
      </c>
      <c r="P15" s="6">
        <v>582</v>
      </c>
      <c r="Q15" s="6">
        <v>2989</v>
      </c>
      <c r="R15" s="6">
        <v>8872</v>
      </c>
      <c r="S15" s="6">
        <v>10431</v>
      </c>
      <c r="T15" s="6">
        <v>6317</v>
      </c>
      <c r="U15" s="6">
        <v>1057</v>
      </c>
      <c r="V15" s="6">
        <v>3057</v>
      </c>
      <c r="W15" s="6">
        <v>7741</v>
      </c>
      <c r="X15" s="6">
        <v>139648</v>
      </c>
      <c r="Y15" s="6">
        <v>128836</v>
      </c>
      <c r="Z15" s="6">
        <v>7682</v>
      </c>
      <c r="AA15" s="6">
        <v>558</v>
      </c>
      <c r="AB15" s="6">
        <v>2572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102</v>
      </c>
      <c r="I16" s="9" t="s">
        <v>6</v>
      </c>
      <c r="J16" s="9" t="s">
        <v>35</v>
      </c>
      <c r="K16" s="6">
        <v>302088</v>
      </c>
      <c r="L16" s="6">
        <v>273830</v>
      </c>
      <c r="M16" s="6">
        <v>260071</v>
      </c>
      <c r="N16" s="6">
        <v>240232</v>
      </c>
      <c r="O16" s="6">
        <v>14356</v>
      </c>
      <c r="P16" s="6">
        <v>683</v>
      </c>
      <c r="Q16" s="6">
        <v>4800</v>
      </c>
      <c r="R16" s="6">
        <v>13759</v>
      </c>
      <c r="S16" s="6">
        <v>16677</v>
      </c>
      <c r="T16" s="6">
        <v>9545</v>
      </c>
      <c r="U16" s="6">
        <v>1207</v>
      </c>
      <c r="V16" s="6">
        <v>5925</v>
      </c>
      <c r="W16" s="6">
        <v>11581</v>
      </c>
      <c r="X16" s="6">
        <v>240021</v>
      </c>
      <c r="Y16" s="6">
        <v>222920</v>
      </c>
      <c r="Z16" s="6">
        <v>12523</v>
      </c>
      <c r="AA16" s="6">
        <v>655</v>
      </c>
      <c r="AB16" s="6">
        <v>3923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102</v>
      </c>
      <c r="I17" s="9" t="s">
        <v>6</v>
      </c>
      <c r="J17" s="9" t="s">
        <v>36</v>
      </c>
      <c r="K17" s="6">
        <v>453667</v>
      </c>
      <c r="L17" s="6">
        <v>413932</v>
      </c>
      <c r="M17" s="6">
        <v>393848</v>
      </c>
      <c r="N17" s="6">
        <v>365408</v>
      </c>
      <c r="O17" s="6">
        <v>21156</v>
      </c>
      <c r="P17" s="6">
        <v>569</v>
      </c>
      <c r="Q17" s="6">
        <v>6715</v>
      </c>
      <c r="R17" s="6">
        <v>20084</v>
      </c>
      <c r="S17" s="6">
        <v>24648</v>
      </c>
      <c r="T17" s="6">
        <v>13540</v>
      </c>
      <c r="U17" s="6">
        <v>890</v>
      </c>
      <c r="V17" s="6">
        <v>10218</v>
      </c>
      <c r="W17" s="6">
        <v>15087</v>
      </c>
      <c r="X17" s="6">
        <v>360185</v>
      </c>
      <c r="Y17" s="6">
        <v>336264</v>
      </c>
      <c r="Z17" s="6">
        <v>18167</v>
      </c>
      <c r="AA17" s="6">
        <v>532</v>
      </c>
      <c r="AB17" s="6">
        <v>5222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102</v>
      </c>
      <c r="I18" s="9" t="s">
        <v>6</v>
      </c>
      <c r="J18" s="9" t="s">
        <v>37</v>
      </c>
      <c r="K18" s="6">
        <v>677806</v>
      </c>
      <c r="L18" s="6">
        <v>615663</v>
      </c>
      <c r="M18" s="6">
        <v>584392</v>
      </c>
      <c r="N18" s="6">
        <v>542498</v>
      </c>
      <c r="O18" s="6">
        <v>30891</v>
      </c>
      <c r="P18" s="6">
        <v>439</v>
      </c>
      <c r="Q18" s="6">
        <v>10564</v>
      </c>
      <c r="R18" s="6">
        <v>31271</v>
      </c>
      <c r="S18" s="6">
        <v>41597</v>
      </c>
      <c r="T18" s="6">
        <v>22030</v>
      </c>
      <c r="U18" s="6">
        <v>633</v>
      </c>
      <c r="V18" s="6">
        <v>18934</v>
      </c>
      <c r="W18" s="6">
        <v>20546</v>
      </c>
      <c r="X18" s="6">
        <v>531640</v>
      </c>
      <c r="Y18" s="6">
        <v>497155</v>
      </c>
      <c r="Z18" s="6">
        <v>26140</v>
      </c>
      <c r="AA18" s="6">
        <v>409</v>
      </c>
      <c r="AB18" s="6">
        <v>7936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102</v>
      </c>
      <c r="I19" s="9" t="s">
        <v>6</v>
      </c>
      <c r="J19" s="9" t="s">
        <v>38</v>
      </c>
      <c r="K19" s="6">
        <v>707680</v>
      </c>
      <c r="L19" s="6">
        <v>635788</v>
      </c>
      <c r="M19" s="6">
        <v>600699</v>
      </c>
      <c r="N19" s="6">
        <v>554209</v>
      </c>
      <c r="O19" s="6">
        <v>33342</v>
      </c>
      <c r="P19" s="6">
        <v>258</v>
      </c>
      <c r="Q19" s="6">
        <v>12890</v>
      </c>
      <c r="R19" s="6">
        <v>35089</v>
      </c>
      <c r="S19" s="6">
        <v>53190</v>
      </c>
      <c r="T19" s="6">
        <v>27685</v>
      </c>
      <c r="U19" s="6">
        <v>370</v>
      </c>
      <c r="V19" s="6">
        <v>25135</v>
      </c>
      <c r="W19" s="6">
        <v>18702</v>
      </c>
      <c r="X19" s="6">
        <v>541089</v>
      </c>
      <c r="Y19" s="6">
        <v>503628</v>
      </c>
      <c r="Z19" s="6">
        <v>27857</v>
      </c>
      <c r="AA19" s="6">
        <v>225</v>
      </c>
      <c r="AB19" s="6">
        <v>9379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102</v>
      </c>
      <c r="I20" s="9" t="s">
        <v>6</v>
      </c>
      <c r="J20" s="9" t="s">
        <v>39</v>
      </c>
      <c r="K20" s="6">
        <v>679236</v>
      </c>
      <c r="L20" s="6">
        <v>595614</v>
      </c>
      <c r="M20" s="6">
        <v>561157</v>
      </c>
      <c r="N20" s="6">
        <v>511765</v>
      </c>
      <c r="O20" s="6">
        <v>35439</v>
      </c>
      <c r="P20" s="6">
        <v>161</v>
      </c>
      <c r="Q20" s="6">
        <v>13792</v>
      </c>
      <c r="R20" s="6">
        <v>34457</v>
      </c>
      <c r="S20" s="6">
        <v>69506</v>
      </c>
      <c r="T20" s="6">
        <v>35610</v>
      </c>
      <c r="U20" s="6">
        <v>229</v>
      </c>
      <c r="V20" s="6">
        <v>33667</v>
      </c>
      <c r="W20" s="6">
        <v>14116</v>
      </c>
      <c r="X20" s="6">
        <v>500940</v>
      </c>
      <c r="Y20" s="6">
        <v>462128</v>
      </c>
      <c r="Z20" s="6">
        <v>28991</v>
      </c>
      <c r="AA20" s="6">
        <v>136</v>
      </c>
      <c r="AB20" s="6">
        <v>9685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102</v>
      </c>
      <c r="I21" s="9" t="s">
        <v>6</v>
      </c>
      <c r="J21" s="9" t="s">
        <v>40</v>
      </c>
      <c r="K21" s="6">
        <v>605176</v>
      </c>
      <c r="L21" s="6">
        <v>476815</v>
      </c>
      <c r="M21" s="6">
        <v>445172</v>
      </c>
      <c r="N21" s="6">
        <v>389375</v>
      </c>
      <c r="O21" s="6">
        <v>41658</v>
      </c>
      <c r="P21" s="6">
        <v>115</v>
      </c>
      <c r="Q21" s="6">
        <v>14024</v>
      </c>
      <c r="R21" s="6">
        <v>31643</v>
      </c>
      <c r="S21" s="6">
        <v>116802</v>
      </c>
      <c r="T21" s="6">
        <v>54589</v>
      </c>
      <c r="U21" s="6">
        <v>156</v>
      </c>
      <c r="V21" s="6">
        <v>62057</v>
      </c>
      <c r="W21" s="6">
        <v>11559</v>
      </c>
      <c r="X21" s="6">
        <v>388445</v>
      </c>
      <c r="Y21" s="6">
        <v>345047</v>
      </c>
      <c r="Z21" s="6">
        <v>34015</v>
      </c>
      <c r="AA21" s="6">
        <v>82</v>
      </c>
      <c r="AB21" s="6">
        <v>9301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102</v>
      </c>
      <c r="I22" s="9" t="s">
        <v>6</v>
      </c>
      <c r="J22" s="9" t="s">
        <v>41</v>
      </c>
      <c r="K22" s="6">
        <v>610719</v>
      </c>
      <c r="L22" s="6">
        <v>345869</v>
      </c>
      <c r="M22" s="6">
        <v>324748</v>
      </c>
      <c r="N22" s="6">
        <v>251700</v>
      </c>
      <c r="O22" s="6">
        <v>56500</v>
      </c>
      <c r="P22" s="6">
        <v>78</v>
      </c>
      <c r="Q22" s="6">
        <v>16470</v>
      </c>
      <c r="R22" s="6">
        <v>21121</v>
      </c>
      <c r="S22" s="6">
        <v>249319</v>
      </c>
      <c r="T22" s="6">
        <v>93625</v>
      </c>
      <c r="U22" s="6">
        <v>83</v>
      </c>
      <c r="V22" s="6">
        <v>155611</v>
      </c>
      <c r="W22" s="6">
        <v>15531</v>
      </c>
      <c r="X22" s="6">
        <v>268679</v>
      </c>
      <c r="Y22" s="6">
        <v>212169</v>
      </c>
      <c r="Z22" s="6">
        <v>46458</v>
      </c>
      <c r="AA22" s="6">
        <v>59</v>
      </c>
      <c r="AB22" s="6">
        <v>9993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102</v>
      </c>
      <c r="I23" s="9" t="s">
        <v>6</v>
      </c>
      <c r="J23" s="9" t="s">
        <v>42</v>
      </c>
      <c r="K23" s="6">
        <v>604212</v>
      </c>
      <c r="L23" s="6">
        <v>226147</v>
      </c>
      <c r="M23" s="6">
        <v>215202</v>
      </c>
      <c r="N23" s="6">
        <v>149553</v>
      </c>
      <c r="O23" s="6">
        <v>50289</v>
      </c>
      <c r="P23" s="6">
        <v>70</v>
      </c>
      <c r="Q23" s="6">
        <v>15290</v>
      </c>
      <c r="R23" s="6">
        <v>10945</v>
      </c>
      <c r="S23" s="6">
        <v>353516</v>
      </c>
      <c r="T23" s="6">
        <v>116896</v>
      </c>
      <c r="U23" s="6">
        <v>91</v>
      </c>
      <c r="V23" s="6">
        <v>236529</v>
      </c>
      <c r="W23" s="6">
        <v>24549</v>
      </c>
      <c r="X23" s="6">
        <v>163551</v>
      </c>
      <c r="Y23" s="6">
        <v>116346</v>
      </c>
      <c r="Z23" s="6">
        <v>38822</v>
      </c>
      <c r="AA23" s="6">
        <v>46</v>
      </c>
      <c r="AB23" s="6">
        <v>8337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102</v>
      </c>
      <c r="I24" s="9" t="s">
        <v>6</v>
      </c>
      <c r="J24" s="9" t="s">
        <v>43</v>
      </c>
      <c r="K24" s="6">
        <v>348864</v>
      </c>
      <c r="L24" s="6">
        <v>67309</v>
      </c>
      <c r="M24" s="6">
        <v>64527</v>
      </c>
      <c r="N24" s="6">
        <v>40286</v>
      </c>
      <c r="O24" s="6">
        <v>17908</v>
      </c>
      <c r="P24" s="6">
        <v>29</v>
      </c>
      <c r="Q24" s="6">
        <v>6304</v>
      </c>
      <c r="R24" s="6">
        <v>2782</v>
      </c>
      <c r="S24" s="6">
        <v>259973</v>
      </c>
      <c r="T24" s="6">
        <v>76171</v>
      </c>
      <c r="U24" s="6">
        <v>69</v>
      </c>
      <c r="V24" s="6">
        <v>183733</v>
      </c>
      <c r="W24" s="6">
        <v>21582</v>
      </c>
      <c r="X24" s="6">
        <v>42451</v>
      </c>
      <c r="Y24" s="6">
        <v>27779</v>
      </c>
      <c r="Z24" s="6">
        <v>11947</v>
      </c>
      <c r="AA24" s="6">
        <v>17</v>
      </c>
      <c r="AB24" s="6">
        <v>2708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102</v>
      </c>
      <c r="I25" s="9" t="s">
        <v>6</v>
      </c>
      <c r="J25" s="9" t="s">
        <v>44</v>
      </c>
      <c r="K25" s="6">
        <v>191413</v>
      </c>
      <c r="L25" s="6">
        <v>16284</v>
      </c>
      <c r="M25" s="6">
        <v>15654</v>
      </c>
      <c r="N25" s="6">
        <v>8728</v>
      </c>
      <c r="O25" s="6">
        <v>4704</v>
      </c>
      <c r="P25" s="6">
        <v>13</v>
      </c>
      <c r="Q25" s="6">
        <v>2209</v>
      </c>
      <c r="R25" s="6">
        <v>630</v>
      </c>
      <c r="S25" s="6">
        <v>162464</v>
      </c>
      <c r="T25" s="6">
        <v>38855</v>
      </c>
      <c r="U25" s="6">
        <v>42</v>
      </c>
      <c r="V25" s="6">
        <v>123567</v>
      </c>
      <c r="W25" s="6">
        <v>12665</v>
      </c>
      <c r="X25" s="6">
        <v>7673</v>
      </c>
      <c r="Y25" s="6">
        <v>4776</v>
      </c>
      <c r="Z25" s="6">
        <v>2260</v>
      </c>
      <c r="AA25" s="6">
        <v>3</v>
      </c>
      <c r="AB25" s="6">
        <v>634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102</v>
      </c>
      <c r="I26" s="9" t="s">
        <v>6</v>
      </c>
      <c r="J26" s="9" t="s">
        <v>45</v>
      </c>
      <c r="K26" s="6">
        <v>95370</v>
      </c>
      <c r="L26" s="6">
        <v>3801</v>
      </c>
      <c r="M26" s="6">
        <v>3674</v>
      </c>
      <c r="N26" s="6">
        <v>1854</v>
      </c>
      <c r="O26" s="6">
        <v>1160</v>
      </c>
      <c r="P26" s="6">
        <v>2</v>
      </c>
      <c r="Q26" s="6">
        <v>658</v>
      </c>
      <c r="R26" s="6">
        <v>127</v>
      </c>
      <c r="S26" s="6">
        <v>86142</v>
      </c>
      <c r="T26" s="6">
        <v>15509</v>
      </c>
      <c r="U26" s="6">
        <v>18</v>
      </c>
      <c r="V26" s="6">
        <v>70615</v>
      </c>
      <c r="W26" s="6">
        <v>5427</v>
      </c>
      <c r="X26" s="6">
        <v>1389</v>
      </c>
      <c r="Y26" s="6">
        <v>860</v>
      </c>
      <c r="Z26" s="6">
        <v>399</v>
      </c>
      <c r="AA26" s="6">
        <v>1</v>
      </c>
      <c r="AB26" s="6">
        <v>129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102</v>
      </c>
      <c r="I27" s="9" t="s">
        <v>6</v>
      </c>
      <c r="J27" s="9" t="s">
        <v>46</v>
      </c>
      <c r="K27" s="6">
        <v>38034</v>
      </c>
      <c r="L27" s="6">
        <v>955</v>
      </c>
      <c r="M27" s="6">
        <v>908</v>
      </c>
      <c r="N27" s="6">
        <v>440</v>
      </c>
      <c r="O27" s="6">
        <v>300</v>
      </c>
      <c r="P27" s="6">
        <v>1</v>
      </c>
      <c r="Q27" s="6">
        <v>167</v>
      </c>
      <c r="R27" s="6">
        <v>47</v>
      </c>
      <c r="S27" s="6">
        <v>35515</v>
      </c>
      <c r="T27" s="6">
        <v>4067</v>
      </c>
      <c r="U27" s="6">
        <v>6</v>
      </c>
      <c r="V27" s="6">
        <v>31442</v>
      </c>
      <c r="W27" s="6">
        <v>1564</v>
      </c>
      <c r="X27" s="6">
        <v>343</v>
      </c>
      <c r="Y27" s="6">
        <v>222</v>
      </c>
      <c r="Z27" s="6">
        <v>91</v>
      </c>
      <c r="AA27" s="10" t="s">
        <v>55</v>
      </c>
      <c r="AB27" s="6">
        <v>30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102</v>
      </c>
      <c r="I28" s="9" t="s">
        <v>6</v>
      </c>
      <c r="J28" s="9" t="s">
        <v>47</v>
      </c>
      <c r="K28" s="6">
        <v>10673</v>
      </c>
      <c r="L28" s="6">
        <v>113</v>
      </c>
      <c r="M28" s="6">
        <v>110</v>
      </c>
      <c r="N28" s="6">
        <v>50</v>
      </c>
      <c r="O28" s="6">
        <v>33</v>
      </c>
      <c r="P28" s="6">
        <v>1</v>
      </c>
      <c r="Q28" s="6">
        <v>26</v>
      </c>
      <c r="R28" s="6">
        <v>3</v>
      </c>
      <c r="S28" s="6">
        <v>10248</v>
      </c>
      <c r="T28" s="6">
        <v>606</v>
      </c>
      <c r="U28" s="10" t="s">
        <v>55</v>
      </c>
      <c r="V28" s="6">
        <v>9642</v>
      </c>
      <c r="W28" s="6">
        <v>312</v>
      </c>
      <c r="X28" s="6">
        <v>27</v>
      </c>
      <c r="Y28" s="6">
        <v>16</v>
      </c>
      <c r="Z28" s="6">
        <v>6</v>
      </c>
      <c r="AA28" s="6">
        <v>1</v>
      </c>
      <c r="AB28" s="6">
        <v>4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102</v>
      </c>
      <c r="I29" s="9" t="s">
        <v>6</v>
      </c>
      <c r="J29" s="9" t="s">
        <v>48</v>
      </c>
      <c r="K29" s="6">
        <v>3702470</v>
      </c>
      <c r="L29" s="6">
        <v>3255103</v>
      </c>
      <c r="M29" s="6">
        <v>3073366</v>
      </c>
      <c r="N29" s="6">
        <v>2810477</v>
      </c>
      <c r="O29" s="6">
        <v>191576</v>
      </c>
      <c r="P29" s="6">
        <v>3395</v>
      </c>
      <c r="Q29" s="6">
        <v>67918</v>
      </c>
      <c r="R29" s="6">
        <v>181737</v>
      </c>
      <c r="S29" s="6">
        <v>341573</v>
      </c>
      <c r="T29" s="6">
        <v>174678</v>
      </c>
      <c r="U29" s="6">
        <v>5786</v>
      </c>
      <c r="V29" s="6">
        <v>161109</v>
      </c>
      <c r="W29" s="6">
        <v>105794</v>
      </c>
      <c r="X29" s="6">
        <v>2775827</v>
      </c>
      <c r="Y29" s="6">
        <v>2561823</v>
      </c>
      <c r="Z29" s="6">
        <v>160921</v>
      </c>
      <c r="AA29" s="6">
        <v>3159</v>
      </c>
      <c r="AB29" s="6">
        <v>49924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102</v>
      </c>
      <c r="I30" s="9" t="s">
        <v>6</v>
      </c>
      <c r="J30" s="9" t="s">
        <v>49</v>
      </c>
      <c r="K30" s="6">
        <v>1899285</v>
      </c>
      <c r="L30" s="6">
        <v>660478</v>
      </c>
      <c r="M30" s="6">
        <v>624823</v>
      </c>
      <c r="N30" s="6">
        <v>452611</v>
      </c>
      <c r="O30" s="6">
        <v>130894</v>
      </c>
      <c r="P30" s="6">
        <v>194</v>
      </c>
      <c r="Q30" s="6">
        <v>41124</v>
      </c>
      <c r="R30" s="6">
        <v>35655</v>
      </c>
      <c r="S30" s="6">
        <v>1157177</v>
      </c>
      <c r="T30" s="6">
        <v>345729</v>
      </c>
      <c r="U30" s="6">
        <v>309</v>
      </c>
      <c r="V30" s="6">
        <v>811139</v>
      </c>
      <c r="W30" s="6">
        <v>81630</v>
      </c>
      <c r="X30" s="6">
        <v>484113</v>
      </c>
      <c r="Y30" s="6">
        <v>362168</v>
      </c>
      <c r="Z30" s="6">
        <v>99983</v>
      </c>
      <c r="AA30" s="6">
        <v>127</v>
      </c>
      <c r="AB30" s="6">
        <v>21835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102</v>
      </c>
      <c r="I31" s="9" t="s">
        <v>6</v>
      </c>
      <c r="J31" s="9" t="s">
        <v>50</v>
      </c>
      <c r="K31" s="6">
        <v>684354</v>
      </c>
      <c r="L31" s="6">
        <v>88462</v>
      </c>
      <c r="M31" s="6">
        <v>84873</v>
      </c>
      <c r="N31" s="6">
        <v>51358</v>
      </c>
      <c r="O31" s="6">
        <v>24105</v>
      </c>
      <c r="P31" s="6">
        <v>46</v>
      </c>
      <c r="Q31" s="6">
        <v>9364</v>
      </c>
      <c r="R31" s="6">
        <v>3589</v>
      </c>
      <c r="S31" s="6">
        <v>554342</v>
      </c>
      <c r="T31" s="6">
        <v>135208</v>
      </c>
      <c r="U31" s="6">
        <v>135</v>
      </c>
      <c r="V31" s="6">
        <v>418999</v>
      </c>
      <c r="W31" s="6">
        <v>41550</v>
      </c>
      <c r="X31" s="6">
        <v>51883</v>
      </c>
      <c r="Y31" s="6">
        <v>33653</v>
      </c>
      <c r="Z31" s="6">
        <v>14703</v>
      </c>
      <c r="AA31" s="6">
        <v>22</v>
      </c>
      <c r="AB31" s="6">
        <v>3505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102</v>
      </c>
      <c r="I32" s="9" t="s">
        <v>6</v>
      </c>
      <c r="J32" s="9" t="s">
        <v>51</v>
      </c>
      <c r="K32" s="6">
        <v>144077</v>
      </c>
      <c r="L32" s="6">
        <v>4869</v>
      </c>
      <c r="M32" s="6">
        <v>4692</v>
      </c>
      <c r="N32" s="6">
        <v>2344</v>
      </c>
      <c r="O32" s="6">
        <v>1493</v>
      </c>
      <c r="P32" s="6">
        <v>4</v>
      </c>
      <c r="Q32" s="6">
        <v>851</v>
      </c>
      <c r="R32" s="6">
        <v>177</v>
      </c>
      <c r="S32" s="6">
        <v>131905</v>
      </c>
      <c r="T32" s="6">
        <v>20182</v>
      </c>
      <c r="U32" s="6">
        <v>24</v>
      </c>
      <c r="V32" s="6">
        <v>111699</v>
      </c>
      <c r="W32" s="6">
        <v>7303</v>
      </c>
      <c r="X32" s="6">
        <v>1759</v>
      </c>
      <c r="Y32" s="6">
        <v>1098</v>
      </c>
      <c r="Z32" s="6">
        <v>496</v>
      </c>
      <c r="AA32" s="6">
        <v>2</v>
      </c>
      <c r="AB32" s="6">
        <v>163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102</v>
      </c>
      <c r="I33" s="9" t="s">
        <v>6</v>
      </c>
      <c r="J33" s="9" t="s">
        <v>52</v>
      </c>
      <c r="K33" s="6">
        <v>4311903</v>
      </c>
      <c r="L33" s="6">
        <v>3600357</v>
      </c>
      <c r="M33" s="6">
        <v>3397612</v>
      </c>
      <c r="N33" s="6">
        <v>3061818</v>
      </c>
      <c r="O33" s="6">
        <v>248029</v>
      </c>
      <c r="P33" s="6">
        <v>3398</v>
      </c>
      <c r="Q33" s="6">
        <v>84367</v>
      </c>
      <c r="R33" s="6">
        <v>202745</v>
      </c>
      <c r="S33" s="6">
        <v>590363</v>
      </c>
      <c r="T33" s="6">
        <v>268175</v>
      </c>
      <c r="U33" s="6">
        <v>5517</v>
      </c>
      <c r="V33" s="6">
        <v>316671</v>
      </c>
      <c r="W33" s="6">
        <v>121183</v>
      </c>
      <c r="X33" s="6">
        <v>3044036</v>
      </c>
      <c r="Y33" s="6">
        <v>2773661</v>
      </c>
      <c r="Z33" s="6">
        <v>207332</v>
      </c>
      <c r="AA33" s="6">
        <v>3144</v>
      </c>
      <c r="AB33" s="6">
        <v>59899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102</v>
      </c>
      <c r="I34" s="9" t="s">
        <v>53</v>
      </c>
      <c r="J34" s="9" t="s">
        <v>30</v>
      </c>
      <c r="K34" s="6">
        <v>2053934</v>
      </c>
      <c r="L34" s="6">
        <v>1483153</v>
      </c>
      <c r="M34" s="6">
        <v>1380501</v>
      </c>
      <c r="N34" s="6">
        <v>1286515</v>
      </c>
      <c r="O34" s="6">
        <v>38585</v>
      </c>
      <c r="P34" s="6">
        <v>670</v>
      </c>
      <c r="Q34" s="6">
        <v>54731</v>
      </c>
      <c r="R34" s="6">
        <v>102652</v>
      </c>
      <c r="S34" s="6">
        <v>504403</v>
      </c>
      <c r="T34" s="6">
        <v>61973</v>
      </c>
      <c r="U34" s="6">
        <v>1061</v>
      </c>
      <c r="V34" s="6">
        <v>441369</v>
      </c>
      <c r="W34" s="6">
        <v>66378</v>
      </c>
      <c r="X34" s="6">
        <v>1139279</v>
      </c>
      <c r="Y34" s="6">
        <v>1086087</v>
      </c>
      <c r="Z34" s="6">
        <v>23001</v>
      </c>
      <c r="AA34" s="6">
        <v>571</v>
      </c>
      <c r="AB34" s="6">
        <v>29620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102</v>
      </c>
      <c r="I35" s="9" t="s">
        <v>53</v>
      </c>
      <c r="J35" s="9" t="s">
        <v>31</v>
      </c>
      <c r="K35" s="6">
        <v>511</v>
      </c>
      <c r="L35" s="6">
        <v>247</v>
      </c>
      <c r="M35" s="6">
        <v>220</v>
      </c>
      <c r="N35" s="6">
        <v>172</v>
      </c>
      <c r="O35" s="6">
        <v>5</v>
      </c>
      <c r="P35" s="6">
        <v>31</v>
      </c>
      <c r="Q35" s="6">
        <v>12</v>
      </c>
      <c r="R35" s="6">
        <v>27</v>
      </c>
      <c r="S35" s="6">
        <v>241</v>
      </c>
      <c r="T35" s="6">
        <v>11</v>
      </c>
      <c r="U35" s="6">
        <v>210</v>
      </c>
      <c r="V35" s="6">
        <v>20</v>
      </c>
      <c r="W35" s="6">
        <v>23</v>
      </c>
      <c r="X35" s="6">
        <v>207</v>
      </c>
      <c r="Y35" s="6">
        <v>161</v>
      </c>
      <c r="Z35" s="6">
        <v>5</v>
      </c>
      <c r="AA35" s="6">
        <v>31</v>
      </c>
      <c r="AB35" s="6">
        <v>10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102</v>
      </c>
      <c r="I36" s="9" t="s">
        <v>53</v>
      </c>
      <c r="J36" s="9" t="s">
        <v>32</v>
      </c>
      <c r="K36" s="6">
        <v>5746</v>
      </c>
      <c r="L36" s="6">
        <v>5049</v>
      </c>
      <c r="M36" s="6">
        <v>4555</v>
      </c>
      <c r="N36" s="6">
        <v>4306</v>
      </c>
      <c r="O36" s="6">
        <v>51</v>
      </c>
      <c r="P36" s="6">
        <v>82</v>
      </c>
      <c r="Q36" s="6">
        <v>116</v>
      </c>
      <c r="R36" s="6">
        <v>494</v>
      </c>
      <c r="S36" s="6">
        <v>410</v>
      </c>
      <c r="T36" s="6">
        <v>36</v>
      </c>
      <c r="U36" s="6">
        <v>115</v>
      </c>
      <c r="V36" s="6">
        <v>259</v>
      </c>
      <c r="W36" s="6">
        <v>287</v>
      </c>
      <c r="X36" s="6">
        <v>4127</v>
      </c>
      <c r="Y36" s="6">
        <v>3909</v>
      </c>
      <c r="Z36" s="6">
        <v>44</v>
      </c>
      <c r="AA36" s="6">
        <v>77</v>
      </c>
      <c r="AB36" s="6">
        <v>97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102</v>
      </c>
      <c r="I37" s="9" t="s">
        <v>53</v>
      </c>
      <c r="J37" s="9" t="s">
        <v>33</v>
      </c>
      <c r="K37" s="6">
        <v>23554</v>
      </c>
      <c r="L37" s="6">
        <v>21774</v>
      </c>
      <c r="M37" s="6">
        <v>20352</v>
      </c>
      <c r="N37" s="6">
        <v>19804</v>
      </c>
      <c r="O37" s="6">
        <v>157</v>
      </c>
      <c r="P37" s="6">
        <v>47</v>
      </c>
      <c r="Q37" s="6">
        <v>344</v>
      </c>
      <c r="R37" s="6">
        <v>1422</v>
      </c>
      <c r="S37" s="6">
        <v>1040</v>
      </c>
      <c r="T37" s="6">
        <v>95</v>
      </c>
      <c r="U37" s="6">
        <v>46</v>
      </c>
      <c r="V37" s="6">
        <v>899</v>
      </c>
      <c r="W37" s="6">
        <v>740</v>
      </c>
      <c r="X37" s="6">
        <v>18519</v>
      </c>
      <c r="Y37" s="6">
        <v>18095</v>
      </c>
      <c r="Z37" s="6">
        <v>115</v>
      </c>
      <c r="AA37" s="6">
        <v>40</v>
      </c>
      <c r="AB37" s="6">
        <v>269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102</v>
      </c>
      <c r="I38" s="9" t="s">
        <v>53</v>
      </c>
      <c r="J38" s="9" t="s">
        <v>34</v>
      </c>
      <c r="K38" s="6">
        <v>56010</v>
      </c>
      <c r="L38" s="6">
        <v>52491</v>
      </c>
      <c r="M38" s="6">
        <v>49598</v>
      </c>
      <c r="N38" s="6">
        <v>48296</v>
      </c>
      <c r="O38" s="6">
        <v>394</v>
      </c>
      <c r="P38" s="6">
        <v>90</v>
      </c>
      <c r="Q38" s="6">
        <v>818</v>
      </c>
      <c r="R38" s="6">
        <v>2893</v>
      </c>
      <c r="S38" s="6">
        <v>1877</v>
      </c>
      <c r="T38" s="6">
        <v>250</v>
      </c>
      <c r="U38" s="6">
        <v>80</v>
      </c>
      <c r="V38" s="6">
        <v>1547</v>
      </c>
      <c r="W38" s="6">
        <v>1642</v>
      </c>
      <c r="X38" s="6">
        <v>44913</v>
      </c>
      <c r="Y38" s="6">
        <v>43941</v>
      </c>
      <c r="Z38" s="6">
        <v>281</v>
      </c>
      <c r="AA38" s="6">
        <v>86</v>
      </c>
      <c r="AB38" s="6">
        <v>605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102</v>
      </c>
      <c r="I39" s="9" t="s">
        <v>53</v>
      </c>
      <c r="J39" s="9" t="s">
        <v>35</v>
      </c>
      <c r="K39" s="6">
        <v>99709</v>
      </c>
      <c r="L39" s="6">
        <v>93240</v>
      </c>
      <c r="M39" s="6">
        <v>88399</v>
      </c>
      <c r="N39" s="6">
        <v>86040</v>
      </c>
      <c r="O39" s="6">
        <v>732</v>
      </c>
      <c r="P39" s="6">
        <v>80</v>
      </c>
      <c r="Q39" s="6">
        <v>1547</v>
      </c>
      <c r="R39" s="6">
        <v>4841</v>
      </c>
      <c r="S39" s="6">
        <v>3740</v>
      </c>
      <c r="T39" s="6">
        <v>522</v>
      </c>
      <c r="U39" s="6">
        <v>100</v>
      </c>
      <c r="V39" s="6">
        <v>3118</v>
      </c>
      <c r="W39" s="6">
        <v>2729</v>
      </c>
      <c r="X39" s="6">
        <v>78087</v>
      </c>
      <c r="Y39" s="6">
        <v>76422</v>
      </c>
      <c r="Z39" s="6">
        <v>498</v>
      </c>
      <c r="AA39" s="6">
        <v>74</v>
      </c>
      <c r="AB39" s="6">
        <v>1093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102</v>
      </c>
      <c r="I40" s="9" t="s">
        <v>53</v>
      </c>
      <c r="J40" s="9" t="s">
        <v>36</v>
      </c>
      <c r="K40" s="6">
        <v>155184</v>
      </c>
      <c r="L40" s="6">
        <v>145270</v>
      </c>
      <c r="M40" s="6">
        <v>137630</v>
      </c>
      <c r="N40" s="6">
        <v>133819</v>
      </c>
      <c r="O40" s="6">
        <v>1274</v>
      </c>
      <c r="P40" s="6">
        <v>61</v>
      </c>
      <c r="Q40" s="6">
        <v>2476</v>
      </c>
      <c r="R40" s="6">
        <v>7640</v>
      </c>
      <c r="S40" s="6">
        <v>5988</v>
      </c>
      <c r="T40" s="6">
        <v>856</v>
      </c>
      <c r="U40" s="6">
        <v>87</v>
      </c>
      <c r="V40" s="6">
        <v>5045</v>
      </c>
      <c r="W40" s="6">
        <v>3926</v>
      </c>
      <c r="X40" s="6">
        <v>119220</v>
      </c>
      <c r="Y40" s="6">
        <v>116738</v>
      </c>
      <c r="Z40" s="6">
        <v>806</v>
      </c>
      <c r="AA40" s="6">
        <v>50</v>
      </c>
      <c r="AB40" s="6">
        <v>1626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102</v>
      </c>
      <c r="I41" s="9" t="s">
        <v>53</v>
      </c>
      <c r="J41" s="9" t="s">
        <v>37</v>
      </c>
      <c r="K41" s="6">
        <v>236563</v>
      </c>
      <c r="L41" s="6">
        <v>219431</v>
      </c>
      <c r="M41" s="6">
        <v>207004</v>
      </c>
      <c r="N41" s="6">
        <v>200382</v>
      </c>
      <c r="O41" s="6">
        <v>2108</v>
      </c>
      <c r="P41" s="6">
        <v>60</v>
      </c>
      <c r="Q41" s="6">
        <v>4454</v>
      </c>
      <c r="R41" s="6">
        <v>12427</v>
      </c>
      <c r="S41" s="6">
        <v>10860</v>
      </c>
      <c r="T41" s="6">
        <v>1881</v>
      </c>
      <c r="U41" s="6">
        <v>106</v>
      </c>
      <c r="V41" s="6">
        <v>8873</v>
      </c>
      <c r="W41" s="6">
        <v>6272</v>
      </c>
      <c r="X41" s="6">
        <v>177663</v>
      </c>
      <c r="Y41" s="6">
        <v>173503</v>
      </c>
      <c r="Z41" s="6">
        <v>1272</v>
      </c>
      <c r="AA41" s="6">
        <v>56</v>
      </c>
      <c r="AB41" s="6">
        <v>2832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102</v>
      </c>
      <c r="I42" s="9" t="s">
        <v>53</v>
      </c>
      <c r="J42" s="9" t="s">
        <v>38</v>
      </c>
      <c r="K42" s="6">
        <v>261447</v>
      </c>
      <c r="L42" s="6">
        <v>238995</v>
      </c>
      <c r="M42" s="6">
        <v>223330</v>
      </c>
      <c r="N42" s="6">
        <v>214566</v>
      </c>
      <c r="O42" s="6">
        <v>2793</v>
      </c>
      <c r="P42" s="6">
        <v>51</v>
      </c>
      <c r="Q42" s="6">
        <v>5920</v>
      </c>
      <c r="R42" s="6">
        <v>15665</v>
      </c>
      <c r="S42" s="6">
        <v>15547</v>
      </c>
      <c r="T42" s="6">
        <v>2897</v>
      </c>
      <c r="U42" s="6">
        <v>71</v>
      </c>
      <c r="V42" s="6">
        <v>12579</v>
      </c>
      <c r="W42" s="6">
        <v>6905</v>
      </c>
      <c r="X42" s="6">
        <v>189129</v>
      </c>
      <c r="Y42" s="6">
        <v>183839</v>
      </c>
      <c r="Z42" s="6">
        <v>1613</v>
      </c>
      <c r="AA42" s="6">
        <v>43</v>
      </c>
      <c r="AB42" s="6">
        <v>3634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102</v>
      </c>
      <c r="I43" s="9" t="s">
        <v>53</v>
      </c>
      <c r="J43" s="9" t="s">
        <v>39</v>
      </c>
      <c r="K43" s="6">
        <v>265573</v>
      </c>
      <c r="L43" s="6">
        <v>236469</v>
      </c>
      <c r="M43" s="6">
        <v>218630</v>
      </c>
      <c r="N43" s="6">
        <v>207997</v>
      </c>
      <c r="O43" s="6">
        <v>3626</v>
      </c>
      <c r="P43" s="6">
        <v>50</v>
      </c>
      <c r="Q43" s="6">
        <v>6957</v>
      </c>
      <c r="R43" s="6">
        <v>17839</v>
      </c>
      <c r="S43" s="6">
        <v>22942</v>
      </c>
      <c r="T43" s="6">
        <v>4753</v>
      </c>
      <c r="U43" s="6">
        <v>85</v>
      </c>
      <c r="V43" s="6">
        <v>18104</v>
      </c>
      <c r="W43" s="6">
        <v>6162</v>
      </c>
      <c r="X43" s="6">
        <v>184035</v>
      </c>
      <c r="Y43" s="6">
        <v>177727</v>
      </c>
      <c r="Z43" s="6">
        <v>2083</v>
      </c>
      <c r="AA43" s="6">
        <v>38</v>
      </c>
      <c r="AB43" s="6">
        <v>4187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102</v>
      </c>
      <c r="I44" s="9" t="s">
        <v>53</v>
      </c>
      <c r="J44" s="9" t="s">
        <v>40</v>
      </c>
      <c r="K44" s="6">
        <v>248918</v>
      </c>
      <c r="L44" s="6">
        <v>198506</v>
      </c>
      <c r="M44" s="6">
        <v>181017</v>
      </c>
      <c r="N44" s="6">
        <v>167535</v>
      </c>
      <c r="O44" s="6">
        <v>5639</v>
      </c>
      <c r="P44" s="6">
        <v>42</v>
      </c>
      <c r="Q44" s="6">
        <v>7801</v>
      </c>
      <c r="R44" s="6">
        <v>17489</v>
      </c>
      <c r="S44" s="6">
        <v>44824</v>
      </c>
      <c r="T44" s="6">
        <v>8787</v>
      </c>
      <c r="U44" s="6">
        <v>62</v>
      </c>
      <c r="V44" s="6">
        <v>35975</v>
      </c>
      <c r="W44" s="6">
        <v>5588</v>
      </c>
      <c r="X44" s="6">
        <v>147612</v>
      </c>
      <c r="Y44" s="6">
        <v>139871</v>
      </c>
      <c r="Z44" s="6">
        <v>3344</v>
      </c>
      <c r="AA44" s="6">
        <v>30</v>
      </c>
      <c r="AB44" s="6">
        <v>4367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102</v>
      </c>
      <c r="I45" s="9" t="s">
        <v>53</v>
      </c>
      <c r="J45" s="9" t="s">
        <v>41</v>
      </c>
      <c r="K45" s="6">
        <v>249490</v>
      </c>
      <c r="L45" s="6">
        <v>142939</v>
      </c>
      <c r="M45" s="6">
        <v>130320</v>
      </c>
      <c r="N45" s="6">
        <v>111649</v>
      </c>
      <c r="O45" s="6">
        <v>8951</v>
      </c>
      <c r="P45" s="6">
        <v>31</v>
      </c>
      <c r="Q45" s="6">
        <v>9689</v>
      </c>
      <c r="R45" s="6">
        <v>12619</v>
      </c>
      <c r="S45" s="6">
        <v>99036</v>
      </c>
      <c r="T45" s="6">
        <v>13817</v>
      </c>
      <c r="U45" s="6">
        <v>28</v>
      </c>
      <c r="V45" s="6">
        <v>85191</v>
      </c>
      <c r="W45" s="6">
        <v>7515</v>
      </c>
      <c r="X45" s="6">
        <v>97849</v>
      </c>
      <c r="Y45" s="6">
        <v>87195</v>
      </c>
      <c r="Z45" s="6">
        <v>5740</v>
      </c>
      <c r="AA45" s="6">
        <v>23</v>
      </c>
      <c r="AB45" s="6">
        <v>4891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102</v>
      </c>
      <c r="I46" s="9" t="s">
        <v>53</v>
      </c>
      <c r="J46" s="9" t="s">
        <v>42</v>
      </c>
      <c r="K46" s="6">
        <v>235793</v>
      </c>
      <c r="L46" s="6">
        <v>91863</v>
      </c>
      <c r="M46" s="6">
        <v>84957</v>
      </c>
      <c r="N46" s="6">
        <v>67562</v>
      </c>
      <c r="O46" s="6">
        <v>8248</v>
      </c>
      <c r="P46" s="6">
        <v>24</v>
      </c>
      <c r="Q46" s="6">
        <v>9123</v>
      </c>
      <c r="R46" s="6">
        <v>6906</v>
      </c>
      <c r="S46" s="6">
        <v>133377</v>
      </c>
      <c r="T46" s="6">
        <v>14322</v>
      </c>
      <c r="U46" s="6">
        <v>31</v>
      </c>
      <c r="V46" s="6">
        <v>119024</v>
      </c>
      <c r="W46" s="6">
        <v>10553</v>
      </c>
      <c r="X46" s="6">
        <v>58349</v>
      </c>
      <c r="Y46" s="6">
        <v>49208</v>
      </c>
      <c r="Z46" s="6">
        <v>4928</v>
      </c>
      <c r="AA46" s="6">
        <v>13</v>
      </c>
      <c r="AB46" s="6">
        <v>4200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102</v>
      </c>
      <c r="I47" s="9" t="s">
        <v>53</v>
      </c>
      <c r="J47" s="9" t="s">
        <v>43</v>
      </c>
      <c r="K47" s="6">
        <v>125024</v>
      </c>
      <c r="L47" s="6">
        <v>27934</v>
      </c>
      <c r="M47" s="6">
        <v>26061</v>
      </c>
      <c r="N47" s="6">
        <v>18950</v>
      </c>
      <c r="O47" s="6">
        <v>3362</v>
      </c>
      <c r="P47" s="6">
        <v>12</v>
      </c>
      <c r="Q47" s="6">
        <v>3737</v>
      </c>
      <c r="R47" s="6">
        <v>1873</v>
      </c>
      <c r="S47" s="6">
        <v>89129</v>
      </c>
      <c r="T47" s="6">
        <v>8292</v>
      </c>
      <c r="U47" s="6">
        <v>25</v>
      </c>
      <c r="V47" s="6">
        <v>80812</v>
      </c>
      <c r="W47" s="6">
        <v>7961</v>
      </c>
      <c r="X47" s="6">
        <v>15734</v>
      </c>
      <c r="Y47" s="6">
        <v>12543</v>
      </c>
      <c r="Z47" s="6">
        <v>1786</v>
      </c>
      <c r="AA47" s="6">
        <v>7</v>
      </c>
      <c r="AB47" s="6">
        <v>1398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102</v>
      </c>
      <c r="I48" s="9" t="s">
        <v>53</v>
      </c>
      <c r="J48" s="9" t="s">
        <v>44</v>
      </c>
      <c r="K48" s="6">
        <v>61144</v>
      </c>
      <c r="L48" s="6">
        <v>7116</v>
      </c>
      <c r="M48" s="6">
        <v>6700</v>
      </c>
      <c r="N48" s="6">
        <v>4351</v>
      </c>
      <c r="O48" s="6">
        <v>1008</v>
      </c>
      <c r="P48" s="6">
        <v>7</v>
      </c>
      <c r="Q48" s="6">
        <v>1334</v>
      </c>
      <c r="R48" s="6">
        <v>416</v>
      </c>
      <c r="S48" s="6">
        <v>49773</v>
      </c>
      <c r="T48" s="6">
        <v>3921</v>
      </c>
      <c r="U48" s="6">
        <v>10</v>
      </c>
      <c r="V48" s="6">
        <v>45842</v>
      </c>
      <c r="W48" s="6">
        <v>4255</v>
      </c>
      <c r="X48" s="6">
        <v>3142</v>
      </c>
      <c r="Y48" s="6">
        <v>2391</v>
      </c>
      <c r="Z48" s="6">
        <v>410</v>
      </c>
      <c r="AA48" s="6">
        <v>2</v>
      </c>
      <c r="AB48" s="6">
        <v>339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102</v>
      </c>
      <c r="I49" s="9" t="s">
        <v>53</v>
      </c>
      <c r="J49" s="9" t="s">
        <v>45</v>
      </c>
      <c r="K49" s="6">
        <v>22912</v>
      </c>
      <c r="L49" s="6">
        <v>1513</v>
      </c>
      <c r="M49" s="6">
        <v>1439</v>
      </c>
      <c r="N49" s="6">
        <v>897</v>
      </c>
      <c r="O49" s="6">
        <v>197</v>
      </c>
      <c r="P49" s="6">
        <v>1</v>
      </c>
      <c r="Q49" s="6">
        <v>344</v>
      </c>
      <c r="R49" s="6">
        <v>74</v>
      </c>
      <c r="S49" s="6">
        <v>19906</v>
      </c>
      <c r="T49" s="6">
        <v>1263</v>
      </c>
      <c r="U49" s="6">
        <v>5</v>
      </c>
      <c r="V49" s="6">
        <v>18638</v>
      </c>
      <c r="W49" s="6">
        <v>1493</v>
      </c>
      <c r="X49" s="6">
        <v>560</v>
      </c>
      <c r="Y49" s="6">
        <v>436</v>
      </c>
      <c r="Z49" s="6">
        <v>64</v>
      </c>
      <c r="AA49" s="6">
        <v>1</v>
      </c>
      <c r="AB49" s="6">
        <v>59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102</v>
      </c>
      <c r="I50" s="9" t="s">
        <v>53</v>
      </c>
      <c r="J50" s="9" t="s">
        <v>46</v>
      </c>
      <c r="K50" s="6">
        <v>5486</v>
      </c>
      <c r="L50" s="6">
        <v>295</v>
      </c>
      <c r="M50" s="6">
        <v>269</v>
      </c>
      <c r="N50" s="6">
        <v>174</v>
      </c>
      <c r="O50" s="6">
        <v>39</v>
      </c>
      <c r="P50" s="6">
        <v>1</v>
      </c>
      <c r="Q50" s="6">
        <v>55</v>
      </c>
      <c r="R50" s="6">
        <v>26</v>
      </c>
      <c r="S50" s="6">
        <v>4907</v>
      </c>
      <c r="T50" s="6">
        <v>243</v>
      </c>
      <c r="U50" s="10" t="s">
        <v>55</v>
      </c>
      <c r="V50" s="6">
        <v>4664</v>
      </c>
      <c r="W50" s="6">
        <v>284</v>
      </c>
      <c r="X50" s="6">
        <v>128</v>
      </c>
      <c r="Y50" s="6">
        <v>104</v>
      </c>
      <c r="Z50" s="6">
        <v>12</v>
      </c>
      <c r="AA50" s="10" t="s">
        <v>55</v>
      </c>
      <c r="AB50" s="6">
        <v>12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102</v>
      </c>
      <c r="I51" s="9" t="s">
        <v>53</v>
      </c>
      <c r="J51" s="9" t="s">
        <v>47</v>
      </c>
      <c r="K51" s="6">
        <v>870</v>
      </c>
      <c r="L51" s="6">
        <v>21</v>
      </c>
      <c r="M51" s="6">
        <v>20</v>
      </c>
      <c r="N51" s="6">
        <v>15</v>
      </c>
      <c r="O51" s="6">
        <v>1</v>
      </c>
      <c r="P51" s="10" t="s">
        <v>55</v>
      </c>
      <c r="Q51" s="6">
        <v>4</v>
      </c>
      <c r="R51" s="6">
        <v>1</v>
      </c>
      <c r="S51" s="6">
        <v>806</v>
      </c>
      <c r="T51" s="6">
        <v>27</v>
      </c>
      <c r="U51" s="10" t="s">
        <v>55</v>
      </c>
      <c r="V51" s="6">
        <v>779</v>
      </c>
      <c r="W51" s="6">
        <v>43</v>
      </c>
      <c r="X51" s="6">
        <v>5</v>
      </c>
      <c r="Y51" s="6">
        <v>4</v>
      </c>
      <c r="Z51" s="10" t="s">
        <v>55</v>
      </c>
      <c r="AA51" s="10" t="s">
        <v>55</v>
      </c>
      <c r="AB51" s="6">
        <v>1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102</v>
      </c>
      <c r="I52" s="9" t="s">
        <v>53</v>
      </c>
      <c r="J52" s="9" t="s">
        <v>48</v>
      </c>
      <c r="K52" s="6">
        <v>1353215</v>
      </c>
      <c r="L52" s="6">
        <v>1211472</v>
      </c>
      <c r="M52" s="6">
        <v>1130735</v>
      </c>
      <c r="N52" s="6">
        <v>1082917</v>
      </c>
      <c r="O52" s="6">
        <v>16779</v>
      </c>
      <c r="P52" s="6">
        <v>594</v>
      </c>
      <c r="Q52" s="6">
        <v>30445</v>
      </c>
      <c r="R52" s="6">
        <v>80737</v>
      </c>
      <c r="S52" s="6">
        <v>107469</v>
      </c>
      <c r="T52" s="6">
        <v>20088</v>
      </c>
      <c r="U52" s="6">
        <v>962</v>
      </c>
      <c r="V52" s="6">
        <v>86419</v>
      </c>
      <c r="W52" s="6">
        <v>34274</v>
      </c>
      <c r="X52" s="6">
        <v>963512</v>
      </c>
      <c r="Y52" s="6">
        <v>934206</v>
      </c>
      <c r="Z52" s="6">
        <v>10061</v>
      </c>
      <c r="AA52" s="6">
        <v>525</v>
      </c>
      <c r="AB52" s="6">
        <v>18720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102</v>
      </c>
      <c r="I53" s="9" t="s">
        <v>53</v>
      </c>
      <c r="J53" s="9" t="s">
        <v>49</v>
      </c>
      <c r="K53" s="6">
        <v>700719</v>
      </c>
      <c r="L53" s="6">
        <v>271681</v>
      </c>
      <c r="M53" s="6">
        <v>249766</v>
      </c>
      <c r="N53" s="6">
        <v>203598</v>
      </c>
      <c r="O53" s="6">
        <v>21806</v>
      </c>
      <c r="P53" s="6">
        <v>76</v>
      </c>
      <c r="Q53" s="6">
        <v>24286</v>
      </c>
      <c r="R53" s="6">
        <v>21915</v>
      </c>
      <c r="S53" s="6">
        <v>396934</v>
      </c>
      <c r="T53" s="6">
        <v>41885</v>
      </c>
      <c r="U53" s="6">
        <v>99</v>
      </c>
      <c r="V53" s="6">
        <v>354950</v>
      </c>
      <c r="W53" s="6">
        <v>32104</v>
      </c>
      <c r="X53" s="6">
        <v>175767</v>
      </c>
      <c r="Y53" s="6">
        <v>151881</v>
      </c>
      <c r="Z53" s="6">
        <v>12940</v>
      </c>
      <c r="AA53" s="6">
        <v>46</v>
      </c>
      <c r="AB53" s="6">
        <v>10900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102</v>
      </c>
      <c r="I54" s="9" t="s">
        <v>53</v>
      </c>
      <c r="J54" s="9" t="s">
        <v>50</v>
      </c>
      <c r="K54" s="6">
        <v>215436</v>
      </c>
      <c r="L54" s="6">
        <v>36879</v>
      </c>
      <c r="M54" s="6">
        <v>34489</v>
      </c>
      <c r="N54" s="6">
        <v>24387</v>
      </c>
      <c r="O54" s="6">
        <v>4607</v>
      </c>
      <c r="P54" s="6">
        <v>21</v>
      </c>
      <c r="Q54" s="6">
        <v>5474</v>
      </c>
      <c r="R54" s="6">
        <v>2390</v>
      </c>
      <c r="S54" s="6">
        <v>164521</v>
      </c>
      <c r="T54" s="6">
        <v>13746</v>
      </c>
      <c r="U54" s="6">
        <v>40</v>
      </c>
      <c r="V54" s="6">
        <v>150735</v>
      </c>
      <c r="W54" s="6">
        <v>14036</v>
      </c>
      <c r="X54" s="6">
        <v>19569</v>
      </c>
      <c r="Y54" s="6">
        <v>15478</v>
      </c>
      <c r="Z54" s="6">
        <v>2272</v>
      </c>
      <c r="AA54" s="6">
        <v>10</v>
      </c>
      <c r="AB54" s="6">
        <v>1809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102</v>
      </c>
      <c r="I55" s="9" t="s">
        <v>53</v>
      </c>
      <c r="J55" s="9" t="s">
        <v>51</v>
      </c>
      <c r="K55" s="6">
        <v>29268</v>
      </c>
      <c r="L55" s="6">
        <v>1829</v>
      </c>
      <c r="M55" s="6">
        <v>1728</v>
      </c>
      <c r="N55" s="6">
        <v>1086</v>
      </c>
      <c r="O55" s="6">
        <v>237</v>
      </c>
      <c r="P55" s="6">
        <v>2</v>
      </c>
      <c r="Q55" s="6">
        <v>403</v>
      </c>
      <c r="R55" s="6">
        <v>101</v>
      </c>
      <c r="S55" s="6">
        <v>25619</v>
      </c>
      <c r="T55" s="6">
        <v>1533</v>
      </c>
      <c r="U55" s="6">
        <v>5</v>
      </c>
      <c r="V55" s="6">
        <v>24081</v>
      </c>
      <c r="W55" s="6">
        <v>1820</v>
      </c>
      <c r="X55" s="6">
        <v>693</v>
      </c>
      <c r="Y55" s="6">
        <v>544</v>
      </c>
      <c r="Z55" s="6">
        <v>76</v>
      </c>
      <c r="AA55" s="6">
        <v>1</v>
      </c>
      <c r="AB55" s="6">
        <v>72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102</v>
      </c>
      <c r="I56" s="9" t="s">
        <v>53</v>
      </c>
      <c r="J56" s="9" t="s">
        <v>52</v>
      </c>
      <c r="K56" s="6">
        <v>1602194</v>
      </c>
      <c r="L56" s="6">
        <v>1354164</v>
      </c>
      <c r="M56" s="6">
        <v>1260835</v>
      </c>
      <c r="N56" s="6">
        <v>1194394</v>
      </c>
      <c r="O56" s="6">
        <v>25725</v>
      </c>
      <c r="P56" s="6">
        <v>594</v>
      </c>
      <c r="Q56" s="6">
        <v>40122</v>
      </c>
      <c r="R56" s="6">
        <v>93329</v>
      </c>
      <c r="S56" s="6">
        <v>206264</v>
      </c>
      <c r="T56" s="6">
        <v>33894</v>
      </c>
      <c r="U56" s="6">
        <v>780</v>
      </c>
      <c r="V56" s="6">
        <v>171590</v>
      </c>
      <c r="W56" s="6">
        <v>41766</v>
      </c>
      <c r="X56" s="6">
        <v>1061154</v>
      </c>
      <c r="Y56" s="6">
        <v>1021240</v>
      </c>
      <c r="Z56" s="6">
        <v>15796</v>
      </c>
      <c r="AA56" s="6">
        <v>517</v>
      </c>
      <c r="AB56" s="6">
        <v>23601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102</v>
      </c>
      <c r="I57" s="9" t="s">
        <v>54</v>
      </c>
      <c r="J57" s="9" t="s">
        <v>30</v>
      </c>
      <c r="K57" s="6">
        <v>3547821</v>
      </c>
      <c r="L57" s="6">
        <v>2432428</v>
      </c>
      <c r="M57" s="6">
        <v>2317688</v>
      </c>
      <c r="N57" s="6">
        <v>1976573</v>
      </c>
      <c r="O57" s="6">
        <v>283885</v>
      </c>
      <c r="P57" s="6">
        <v>2919</v>
      </c>
      <c r="Q57" s="6">
        <v>54311</v>
      </c>
      <c r="R57" s="6">
        <v>114740</v>
      </c>
      <c r="S57" s="6">
        <v>994347</v>
      </c>
      <c r="T57" s="6">
        <v>458434</v>
      </c>
      <c r="U57" s="6">
        <v>5034</v>
      </c>
      <c r="V57" s="6">
        <v>530879</v>
      </c>
      <c r="W57" s="6">
        <v>121046</v>
      </c>
      <c r="X57" s="6">
        <v>2120661</v>
      </c>
      <c r="Y57" s="6">
        <v>1837904</v>
      </c>
      <c r="Z57" s="6">
        <v>237903</v>
      </c>
      <c r="AA57" s="6">
        <v>2715</v>
      </c>
      <c r="AB57" s="6">
        <v>42139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102</v>
      </c>
      <c r="I58" s="9" t="s">
        <v>54</v>
      </c>
      <c r="J58" s="9" t="s">
        <v>31</v>
      </c>
      <c r="K58" s="6">
        <v>775</v>
      </c>
      <c r="L58" s="6">
        <v>368</v>
      </c>
      <c r="M58" s="6">
        <v>282</v>
      </c>
      <c r="N58" s="6">
        <v>187</v>
      </c>
      <c r="O58" s="6">
        <v>42</v>
      </c>
      <c r="P58" s="6">
        <v>44</v>
      </c>
      <c r="Q58" s="6">
        <v>9</v>
      </c>
      <c r="R58" s="6">
        <v>86</v>
      </c>
      <c r="S58" s="6">
        <v>288</v>
      </c>
      <c r="T58" s="6">
        <v>117</v>
      </c>
      <c r="U58" s="6">
        <v>142</v>
      </c>
      <c r="V58" s="6">
        <v>29</v>
      </c>
      <c r="W58" s="6">
        <v>119</v>
      </c>
      <c r="X58" s="6">
        <v>263</v>
      </c>
      <c r="Y58" s="6">
        <v>170</v>
      </c>
      <c r="Z58" s="6">
        <v>42</v>
      </c>
      <c r="AA58" s="6">
        <v>43</v>
      </c>
      <c r="AB58" s="6">
        <v>8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102</v>
      </c>
      <c r="I59" s="9" t="s">
        <v>54</v>
      </c>
      <c r="J59" s="9" t="s">
        <v>32</v>
      </c>
      <c r="K59" s="6">
        <v>14123</v>
      </c>
      <c r="L59" s="6">
        <v>10655</v>
      </c>
      <c r="M59" s="6">
        <v>9484</v>
      </c>
      <c r="N59" s="6">
        <v>7609</v>
      </c>
      <c r="O59" s="6">
        <v>1344</v>
      </c>
      <c r="P59" s="6">
        <v>98</v>
      </c>
      <c r="Q59" s="6">
        <v>433</v>
      </c>
      <c r="R59" s="6">
        <v>1171</v>
      </c>
      <c r="S59" s="6">
        <v>2025</v>
      </c>
      <c r="T59" s="6">
        <v>1564</v>
      </c>
      <c r="U59" s="6">
        <v>231</v>
      </c>
      <c r="V59" s="6">
        <v>230</v>
      </c>
      <c r="W59" s="6">
        <v>1443</v>
      </c>
      <c r="X59" s="6">
        <v>9001</v>
      </c>
      <c r="Y59" s="6">
        <v>7273</v>
      </c>
      <c r="Z59" s="6">
        <v>1237</v>
      </c>
      <c r="AA59" s="6">
        <v>95</v>
      </c>
      <c r="AB59" s="6">
        <v>396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102</v>
      </c>
      <c r="I60" s="9" t="s">
        <v>54</v>
      </c>
      <c r="J60" s="9" t="s">
        <v>33</v>
      </c>
      <c r="K60" s="6">
        <v>55727</v>
      </c>
      <c r="L60" s="6">
        <v>47159</v>
      </c>
      <c r="M60" s="6">
        <v>43797</v>
      </c>
      <c r="N60" s="6">
        <v>37805</v>
      </c>
      <c r="O60" s="6">
        <v>4476</v>
      </c>
      <c r="P60" s="6">
        <v>286</v>
      </c>
      <c r="Q60" s="6">
        <v>1230</v>
      </c>
      <c r="R60" s="6">
        <v>3362</v>
      </c>
      <c r="S60" s="6">
        <v>4718</v>
      </c>
      <c r="T60" s="6">
        <v>3539</v>
      </c>
      <c r="U60" s="6">
        <v>500</v>
      </c>
      <c r="V60" s="6">
        <v>679</v>
      </c>
      <c r="W60" s="6">
        <v>3850</v>
      </c>
      <c r="X60" s="6">
        <v>41742</v>
      </c>
      <c r="Y60" s="6">
        <v>36237</v>
      </c>
      <c r="Z60" s="6">
        <v>4103</v>
      </c>
      <c r="AA60" s="6">
        <v>276</v>
      </c>
      <c r="AB60" s="6">
        <v>1126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102</v>
      </c>
      <c r="I61" s="9" t="s">
        <v>54</v>
      </c>
      <c r="J61" s="9" t="s">
        <v>34</v>
      </c>
      <c r="K61" s="6">
        <v>120371</v>
      </c>
      <c r="L61" s="6">
        <v>105718</v>
      </c>
      <c r="M61" s="6">
        <v>99739</v>
      </c>
      <c r="N61" s="6">
        <v>88811</v>
      </c>
      <c r="O61" s="6">
        <v>8265</v>
      </c>
      <c r="P61" s="6">
        <v>492</v>
      </c>
      <c r="Q61" s="6">
        <v>2171</v>
      </c>
      <c r="R61" s="6">
        <v>5979</v>
      </c>
      <c r="S61" s="6">
        <v>8554</v>
      </c>
      <c r="T61" s="6">
        <v>6067</v>
      </c>
      <c r="U61" s="6">
        <v>977</v>
      </c>
      <c r="V61" s="6">
        <v>1510</v>
      </c>
      <c r="W61" s="6">
        <v>6099</v>
      </c>
      <c r="X61" s="6">
        <v>94735</v>
      </c>
      <c r="Y61" s="6">
        <v>84895</v>
      </c>
      <c r="Z61" s="6">
        <v>7401</v>
      </c>
      <c r="AA61" s="6">
        <v>472</v>
      </c>
      <c r="AB61" s="6">
        <v>1967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102</v>
      </c>
      <c r="I62" s="9" t="s">
        <v>54</v>
      </c>
      <c r="J62" s="9" t="s">
        <v>35</v>
      </c>
      <c r="K62" s="6">
        <v>202379</v>
      </c>
      <c r="L62" s="6">
        <v>180590</v>
      </c>
      <c r="M62" s="6">
        <v>171672</v>
      </c>
      <c r="N62" s="6">
        <v>154192</v>
      </c>
      <c r="O62" s="6">
        <v>13624</v>
      </c>
      <c r="P62" s="6">
        <v>603</v>
      </c>
      <c r="Q62" s="6">
        <v>3253</v>
      </c>
      <c r="R62" s="6">
        <v>8918</v>
      </c>
      <c r="S62" s="6">
        <v>12937</v>
      </c>
      <c r="T62" s="6">
        <v>9023</v>
      </c>
      <c r="U62" s="6">
        <v>1107</v>
      </c>
      <c r="V62" s="6">
        <v>2807</v>
      </c>
      <c r="W62" s="6">
        <v>8852</v>
      </c>
      <c r="X62" s="6">
        <v>161934</v>
      </c>
      <c r="Y62" s="6">
        <v>146498</v>
      </c>
      <c r="Z62" s="6">
        <v>12025</v>
      </c>
      <c r="AA62" s="6">
        <v>581</v>
      </c>
      <c r="AB62" s="6">
        <v>2830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102</v>
      </c>
      <c r="I63" s="9" t="s">
        <v>54</v>
      </c>
      <c r="J63" s="9" t="s">
        <v>36</v>
      </c>
      <c r="K63" s="6">
        <v>298483</v>
      </c>
      <c r="L63" s="6">
        <v>268662</v>
      </c>
      <c r="M63" s="6">
        <v>256218</v>
      </c>
      <c r="N63" s="6">
        <v>231589</v>
      </c>
      <c r="O63" s="6">
        <v>19882</v>
      </c>
      <c r="P63" s="6">
        <v>508</v>
      </c>
      <c r="Q63" s="6">
        <v>4239</v>
      </c>
      <c r="R63" s="6">
        <v>12444</v>
      </c>
      <c r="S63" s="6">
        <v>18660</v>
      </c>
      <c r="T63" s="6">
        <v>12684</v>
      </c>
      <c r="U63" s="6">
        <v>803</v>
      </c>
      <c r="V63" s="6">
        <v>5173</v>
      </c>
      <c r="W63" s="6">
        <v>11161</v>
      </c>
      <c r="X63" s="6">
        <v>240965</v>
      </c>
      <c r="Y63" s="6">
        <v>219526</v>
      </c>
      <c r="Z63" s="6">
        <v>17361</v>
      </c>
      <c r="AA63" s="6">
        <v>482</v>
      </c>
      <c r="AB63" s="6">
        <v>3596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102</v>
      </c>
      <c r="I64" s="9" t="s">
        <v>54</v>
      </c>
      <c r="J64" s="9" t="s">
        <v>37</v>
      </c>
      <c r="K64" s="6">
        <v>441243</v>
      </c>
      <c r="L64" s="6">
        <v>396232</v>
      </c>
      <c r="M64" s="6">
        <v>377388</v>
      </c>
      <c r="N64" s="6">
        <v>342116</v>
      </c>
      <c r="O64" s="6">
        <v>28783</v>
      </c>
      <c r="P64" s="6">
        <v>379</v>
      </c>
      <c r="Q64" s="6">
        <v>6110</v>
      </c>
      <c r="R64" s="6">
        <v>18844</v>
      </c>
      <c r="S64" s="6">
        <v>30737</v>
      </c>
      <c r="T64" s="6">
        <v>20149</v>
      </c>
      <c r="U64" s="6">
        <v>527</v>
      </c>
      <c r="V64" s="6">
        <v>10061</v>
      </c>
      <c r="W64" s="6">
        <v>14274</v>
      </c>
      <c r="X64" s="6">
        <v>353977</v>
      </c>
      <c r="Y64" s="6">
        <v>323652</v>
      </c>
      <c r="Z64" s="6">
        <v>24868</v>
      </c>
      <c r="AA64" s="6">
        <v>353</v>
      </c>
      <c r="AB64" s="6">
        <v>5104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102</v>
      </c>
      <c r="I65" s="9" t="s">
        <v>54</v>
      </c>
      <c r="J65" s="9" t="s">
        <v>38</v>
      </c>
      <c r="K65" s="6">
        <v>446233</v>
      </c>
      <c r="L65" s="6">
        <v>396793</v>
      </c>
      <c r="M65" s="6">
        <v>377369</v>
      </c>
      <c r="N65" s="6">
        <v>339643</v>
      </c>
      <c r="O65" s="6">
        <v>30549</v>
      </c>
      <c r="P65" s="6">
        <v>207</v>
      </c>
      <c r="Q65" s="6">
        <v>6970</v>
      </c>
      <c r="R65" s="6">
        <v>19424</v>
      </c>
      <c r="S65" s="6">
        <v>37643</v>
      </c>
      <c r="T65" s="6">
        <v>24788</v>
      </c>
      <c r="U65" s="6">
        <v>299</v>
      </c>
      <c r="V65" s="6">
        <v>12556</v>
      </c>
      <c r="W65" s="6">
        <v>11797</v>
      </c>
      <c r="X65" s="6">
        <v>351960</v>
      </c>
      <c r="Y65" s="6">
        <v>319789</v>
      </c>
      <c r="Z65" s="6">
        <v>26244</v>
      </c>
      <c r="AA65" s="6">
        <v>182</v>
      </c>
      <c r="AB65" s="6">
        <v>5745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102</v>
      </c>
      <c r="I66" s="9" t="s">
        <v>54</v>
      </c>
      <c r="J66" s="9" t="s">
        <v>39</v>
      </c>
      <c r="K66" s="6">
        <v>413663</v>
      </c>
      <c r="L66" s="6">
        <v>359145</v>
      </c>
      <c r="M66" s="6">
        <v>342527</v>
      </c>
      <c r="N66" s="6">
        <v>303768</v>
      </c>
      <c r="O66" s="6">
        <v>31813</v>
      </c>
      <c r="P66" s="6">
        <v>111</v>
      </c>
      <c r="Q66" s="6">
        <v>6835</v>
      </c>
      <c r="R66" s="6">
        <v>16618</v>
      </c>
      <c r="S66" s="6">
        <v>46564</v>
      </c>
      <c r="T66" s="6">
        <v>30857</v>
      </c>
      <c r="U66" s="6">
        <v>144</v>
      </c>
      <c r="V66" s="6">
        <v>15563</v>
      </c>
      <c r="W66" s="6">
        <v>7954</v>
      </c>
      <c r="X66" s="6">
        <v>316905</v>
      </c>
      <c r="Y66" s="6">
        <v>284401</v>
      </c>
      <c r="Z66" s="6">
        <v>26908</v>
      </c>
      <c r="AA66" s="6">
        <v>98</v>
      </c>
      <c r="AB66" s="6">
        <v>5498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102</v>
      </c>
      <c r="I67" s="9" t="s">
        <v>54</v>
      </c>
      <c r="J67" s="9" t="s">
        <v>40</v>
      </c>
      <c r="K67" s="6">
        <v>356258</v>
      </c>
      <c r="L67" s="6">
        <v>278309</v>
      </c>
      <c r="M67" s="6">
        <v>264155</v>
      </c>
      <c r="N67" s="6">
        <v>221840</v>
      </c>
      <c r="O67" s="6">
        <v>36019</v>
      </c>
      <c r="P67" s="6">
        <v>73</v>
      </c>
      <c r="Q67" s="6">
        <v>6223</v>
      </c>
      <c r="R67" s="6">
        <v>14154</v>
      </c>
      <c r="S67" s="6">
        <v>71978</v>
      </c>
      <c r="T67" s="6">
        <v>45802</v>
      </c>
      <c r="U67" s="6">
        <v>94</v>
      </c>
      <c r="V67" s="6">
        <v>26082</v>
      </c>
      <c r="W67" s="6">
        <v>5971</v>
      </c>
      <c r="X67" s="6">
        <v>240833</v>
      </c>
      <c r="Y67" s="6">
        <v>205176</v>
      </c>
      <c r="Z67" s="6">
        <v>30671</v>
      </c>
      <c r="AA67" s="6">
        <v>52</v>
      </c>
      <c r="AB67" s="6">
        <v>4934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102</v>
      </c>
      <c r="I68" s="9" t="s">
        <v>54</v>
      </c>
      <c r="J68" s="9" t="s">
        <v>41</v>
      </c>
      <c r="K68" s="6">
        <v>361229</v>
      </c>
      <c r="L68" s="6">
        <v>202930</v>
      </c>
      <c r="M68" s="6">
        <v>194428</v>
      </c>
      <c r="N68" s="6">
        <v>140051</v>
      </c>
      <c r="O68" s="6">
        <v>47549</v>
      </c>
      <c r="P68" s="6">
        <v>47</v>
      </c>
      <c r="Q68" s="6">
        <v>6781</v>
      </c>
      <c r="R68" s="6">
        <v>8502</v>
      </c>
      <c r="S68" s="6">
        <v>150283</v>
      </c>
      <c r="T68" s="6">
        <v>79808</v>
      </c>
      <c r="U68" s="6">
        <v>55</v>
      </c>
      <c r="V68" s="6">
        <v>70420</v>
      </c>
      <c r="W68" s="6">
        <v>8016</v>
      </c>
      <c r="X68" s="6">
        <v>170830</v>
      </c>
      <c r="Y68" s="6">
        <v>124974</v>
      </c>
      <c r="Z68" s="6">
        <v>40718</v>
      </c>
      <c r="AA68" s="6">
        <v>36</v>
      </c>
      <c r="AB68" s="6">
        <v>5102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102</v>
      </c>
      <c r="I69" s="9" t="s">
        <v>54</v>
      </c>
      <c r="J69" s="9" t="s">
        <v>42</v>
      </c>
      <c r="K69" s="6">
        <v>368419</v>
      </c>
      <c r="L69" s="6">
        <v>134284</v>
      </c>
      <c r="M69" s="6">
        <v>130245</v>
      </c>
      <c r="N69" s="6">
        <v>81991</v>
      </c>
      <c r="O69" s="6">
        <v>42041</v>
      </c>
      <c r="P69" s="6">
        <v>46</v>
      </c>
      <c r="Q69" s="6">
        <v>6167</v>
      </c>
      <c r="R69" s="6">
        <v>4039</v>
      </c>
      <c r="S69" s="6">
        <v>220139</v>
      </c>
      <c r="T69" s="6">
        <v>102574</v>
      </c>
      <c r="U69" s="6">
        <v>60</v>
      </c>
      <c r="V69" s="6">
        <v>117505</v>
      </c>
      <c r="W69" s="6">
        <v>13996</v>
      </c>
      <c r="X69" s="6">
        <v>105202</v>
      </c>
      <c r="Y69" s="6">
        <v>67138</v>
      </c>
      <c r="Z69" s="6">
        <v>33894</v>
      </c>
      <c r="AA69" s="6">
        <v>33</v>
      </c>
      <c r="AB69" s="6">
        <v>4137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102</v>
      </c>
      <c r="I70" s="9" t="s">
        <v>54</v>
      </c>
      <c r="J70" s="9" t="s">
        <v>43</v>
      </c>
      <c r="K70" s="6">
        <v>223840</v>
      </c>
      <c r="L70" s="6">
        <v>39375</v>
      </c>
      <c r="M70" s="6">
        <v>38466</v>
      </c>
      <c r="N70" s="6">
        <v>21336</v>
      </c>
      <c r="O70" s="6">
        <v>14546</v>
      </c>
      <c r="P70" s="6">
        <v>17</v>
      </c>
      <c r="Q70" s="6">
        <v>2567</v>
      </c>
      <c r="R70" s="6">
        <v>909</v>
      </c>
      <c r="S70" s="6">
        <v>170844</v>
      </c>
      <c r="T70" s="6">
        <v>67879</v>
      </c>
      <c r="U70" s="6">
        <v>44</v>
      </c>
      <c r="V70" s="6">
        <v>102921</v>
      </c>
      <c r="W70" s="6">
        <v>13621</v>
      </c>
      <c r="X70" s="6">
        <v>26717</v>
      </c>
      <c r="Y70" s="6">
        <v>15236</v>
      </c>
      <c r="Z70" s="6">
        <v>10161</v>
      </c>
      <c r="AA70" s="6">
        <v>10</v>
      </c>
      <c r="AB70" s="6">
        <v>1310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102</v>
      </c>
      <c r="I71" s="9" t="s">
        <v>54</v>
      </c>
      <c r="J71" s="9" t="s">
        <v>44</v>
      </c>
      <c r="K71" s="6">
        <v>130269</v>
      </c>
      <c r="L71" s="6">
        <v>9168</v>
      </c>
      <c r="M71" s="6">
        <v>8954</v>
      </c>
      <c r="N71" s="6">
        <v>4377</v>
      </c>
      <c r="O71" s="6">
        <v>3696</v>
      </c>
      <c r="P71" s="6">
        <v>6</v>
      </c>
      <c r="Q71" s="6">
        <v>875</v>
      </c>
      <c r="R71" s="6">
        <v>214</v>
      </c>
      <c r="S71" s="6">
        <v>112691</v>
      </c>
      <c r="T71" s="6">
        <v>34934</v>
      </c>
      <c r="U71" s="6">
        <v>32</v>
      </c>
      <c r="V71" s="6">
        <v>77725</v>
      </c>
      <c r="W71" s="6">
        <v>8410</v>
      </c>
      <c r="X71" s="6">
        <v>4531</v>
      </c>
      <c r="Y71" s="6">
        <v>2385</v>
      </c>
      <c r="Z71" s="6">
        <v>1850</v>
      </c>
      <c r="AA71" s="6">
        <v>1</v>
      </c>
      <c r="AB71" s="6">
        <v>295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102</v>
      </c>
      <c r="I72" s="9" t="s">
        <v>54</v>
      </c>
      <c r="J72" s="9" t="s">
        <v>45</v>
      </c>
      <c r="K72" s="6">
        <v>72458</v>
      </c>
      <c r="L72" s="6">
        <v>2288</v>
      </c>
      <c r="M72" s="6">
        <v>2235</v>
      </c>
      <c r="N72" s="6">
        <v>957</v>
      </c>
      <c r="O72" s="6">
        <v>963</v>
      </c>
      <c r="P72" s="6">
        <v>1</v>
      </c>
      <c r="Q72" s="6">
        <v>314</v>
      </c>
      <c r="R72" s="6">
        <v>53</v>
      </c>
      <c r="S72" s="6">
        <v>66236</v>
      </c>
      <c r="T72" s="6">
        <v>14246</v>
      </c>
      <c r="U72" s="6">
        <v>13</v>
      </c>
      <c r="V72" s="6">
        <v>51977</v>
      </c>
      <c r="W72" s="6">
        <v>3934</v>
      </c>
      <c r="X72" s="6">
        <v>829</v>
      </c>
      <c r="Y72" s="6">
        <v>424</v>
      </c>
      <c r="Z72" s="6">
        <v>335</v>
      </c>
      <c r="AA72" s="10" t="s">
        <v>55</v>
      </c>
      <c r="AB72" s="6">
        <v>70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102</v>
      </c>
      <c r="I73" s="9" t="s">
        <v>54</v>
      </c>
      <c r="J73" s="9" t="s">
        <v>46</v>
      </c>
      <c r="K73" s="6">
        <v>32548</v>
      </c>
      <c r="L73" s="6">
        <v>660</v>
      </c>
      <c r="M73" s="6">
        <v>639</v>
      </c>
      <c r="N73" s="6">
        <v>266</v>
      </c>
      <c r="O73" s="6">
        <v>261</v>
      </c>
      <c r="P73" s="10" t="s">
        <v>55</v>
      </c>
      <c r="Q73" s="6">
        <v>112</v>
      </c>
      <c r="R73" s="6">
        <v>21</v>
      </c>
      <c r="S73" s="6">
        <v>30608</v>
      </c>
      <c r="T73" s="6">
        <v>3824</v>
      </c>
      <c r="U73" s="6">
        <v>6</v>
      </c>
      <c r="V73" s="6">
        <v>26778</v>
      </c>
      <c r="W73" s="6">
        <v>1280</v>
      </c>
      <c r="X73" s="6">
        <v>215</v>
      </c>
      <c r="Y73" s="6">
        <v>118</v>
      </c>
      <c r="Z73" s="6">
        <v>79</v>
      </c>
      <c r="AA73" s="10" t="s">
        <v>55</v>
      </c>
      <c r="AB73" s="6">
        <v>18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102</v>
      </c>
      <c r="I74" s="9" t="s">
        <v>54</v>
      </c>
      <c r="J74" s="9" t="s">
        <v>47</v>
      </c>
      <c r="K74" s="6">
        <v>9803</v>
      </c>
      <c r="L74" s="6">
        <v>92</v>
      </c>
      <c r="M74" s="6">
        <v>90</v>
      </c>
      <c r="N74" s="6">
        <v>35</v>
      </c>
      <c r="O74" s="6">
        <v>32</v>
      </c>
      <c r="P74" s="6">
        <v>1</v>
      </c>
      <c r="Q74" s="6">
        <v>22</v>
      </c>
      <c r="R74" s="6">
        <v>2</v>
      </c>
      <c r="S74" s="6">
        <v>9442</v>
      </c>
      <c r="T74" s="6">
        <v>579</v>
      </c>
      <c r="U74" s="10" t="s">
        <v>55</v>
      </c>
      <c r="V74" s="6">
        <v>8863</v>
      </c>
      <c r="W74" s="6">
        <v>269</v>
      </c>
      <c r="X74" s="6">
        <v>22</v>
      </c>
      <c r="Y74" s="6">
        <v>12</v>
      </c>
      <c r="Z74" s="6">
        <v>6</v>
      </c>
      <c r="AA74" s="6">
        <v>1</v>
      </c>
      <c r="AB74" s="6">
        <v>3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102</v>
      </c>
      <c r="I75" s="9" t="s">
        <v>54</v>
      </c>
      <c r="J75" s="9" t="s">
        <v>48</v>
      </c>
      <c r="K75" s="6">
        <v>2349255</v>
      </c>
      <c r="L75" s="6">
        <v>2043631</v>
      </c>
      <c r="M75" s="6">
        <v>1942631</v>
      </c>
      <c r="N75" s="6">
        <v>1727560</v>
      </c>
      <c r="O75" s="6">
        <v>174797</v>
      </c>
      <c r="P75" s="6">
        <v>2801</v>
      </c>
      <c r="Q75" s="6">
        <v>37473</v>
      </c>
      <c r="R75" s="6">
        <v>101000</v>
      </c>
      <c r="S75" s="6">
        <v>234104</v>
      </c>
      <c r="T75" s="6">
        <v>154590</v>
      </c>
      <c r="U75" s="6">
        <v>4824</v>
      </c>
      <c r="V75" s="6">
        <v>74690</v>
      </c>
      <c r="W75" s="6">
        <v>71520</v>
      </c>
      <c r="X75" s="6">
        <v>1812315</v>
      </c>
      <c r="Y75" s="6">
        <v>1627617</v>
      </c>
      <c r="Z75" s="6">
        <v>150860</v>
      </c>
      <c r="AA75" s="6">
        <v>2634</v>
      </c>
      <c r="AB75" s="6">
        <v>31204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102</v>
      </c>
      <c r="I76" s="9" t="s">
        <v>54</v>
      </c>
      <c r="J76" s="9" t="s">
        <v>49</v>
      </c>
      <c r="K76" s="6">
        <v>1198566</v>
      </c>
      <c r="L76" s="6">
        <v>388797</v>
      </c>
      <c r="M76" s="6">
        <v>375057</v>
      </c>
      <c r="N76" s="6">
        <v>249013</v>
      </c>
      <c r="O76" s="6">
        <v>109088</v>
      </c>
      <c r="P76" s="6">
        <v>118</v>
      </c>
      <c r="Q76" s="6">
        <v>16838</v>
      </c>
      <c r="R76" s="6">
        <v>13740</v>
      </c>
      <c r="S76" s="6">
        <v>760243</v>
      </c>
      <c r="T76" s="6">
        <v>303844</v>
      </c>
      <c r="U76" s="6">
        <v>210</v>
      </c>
      <c r="V76" s="6">
        <v>456189</v>
      </c>
      <c r="W76" s="6">
        <v>49526</v>
      </c>
      <c r="X76" s="6">
        <v>308346</v>
      </c>
      <c r="Y76" s="6">
        <v>210287</v>
      </c>
      <c r="Z76" s="6">
        <v>87043</v>
      </c>
      <c r="AA76" s="6">
        <v>81</v>
      </c>
      <c r="AB76" s="6">
        <v>10935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102</v>
      </c>
      <c r="I77" s="9" t="s">
        <v>54</v>
      </c>
      <c r="J77" s="9" t="s">
        <v>50</v>
      </c>
      <c r="K77" s="6">
        <v>468918</v>
      </c>
      <c r="L77" s="6">
        <v>51583</v>
      </c>
      <c r="M77" s="6">
        <v>50384</v>
      </c>
      <c r="N77" s="6">
        <v>26971</v>
      </c>
      <c r="O77" s="6">
        <v>19498</v>
      </c>
      <c r="P77" s="6">
        <v>25</v>
      </c>
      <c r="Q77" s="6">
        <v>3890</v>
      </c>
      <c r="R77" s="6">
        <v>1199</v>
      </c>
      <c r="S77" s="6">
        <v>389821</v>
      </c>
      <c r="T77" s="6">
        <v>121462</v>
      </c>
      <c r="U77" s="6">
        <v>95</v>
      </c>
      <c r="V77" s="6">
        <v>268264</v>
      </c>
      <c r="W77" s="6">
        <v>27514</v>
      </c>
      <c r="X77" s="6">
        <v>32314</v>
      </c>
      <c r="Y77" s="6">
        <v>18175</v>
      </c>
      <c r="Z77" s="6">
        <v>12431</v>
      </c>
      <c r="AA77" s="6">
        <v>12</v>
      </c>
      <c r="AB77" s="6">
        <v>1696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102</v>
      </c>
      <c r="I78" s="9" t="s">
        <v>54</v>
      </c>
      <c r="J78" s="9" t="s">
        <v>51</v>
      </c>
      <c r="K78" s="6">
        <v>114809</v>
      </c>
      <c r="L78" s="6">
        <v>3040</v>
      </c>
      <c r="M78" s="6">
        <v>2964</v>
      </c>
      <c r="N78" s="6">
        <v>1258</v>
      </c>
      <c r="O78" s="6">
        <v>1256</v>
      </c>
      <c r="P78" s="6">
        <v>2</v>
      </c>
      <c r="Q78" s="6">
        <v>448</v>
      </c>
      <c r="R78" s="6">
        <v>76</v>
      </c>
      <c r="S78" s="6">
        <v>106286</v>
      </c>
      <c r="T78" s="6">
        <v>18649</v>
      </c>
      <c r="U78" s="6">
        <v>19</v>
      </c>
      <c r="V78" s="6">
        <v>87618</v>
      </c>
      <c r="W78" s="6">
        <v>5483</v>
      </c>
      <c r="X78" s="6">
        <v>1066</v>
      </c>
      <c r="Y78" s="6">
        <v>554</v>
      </c>
      <c r="Z78" s="6">
        <v>420</v>
      </c>
      <c r="AA78" s="6">
        <v>1</v>
      </c>
      <c r="AB78" s="6">
        <v>91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102</v>
      </c>
      <c r="I79" s="9" t="s">
        <v>54</v>
      </c>
      <c r="J79" s="9" t="s">
        <v>52</v>
      </c>
      <c r="K79" s="6">
        <v>2709709</v>
      </c>
      <c r="L79" s="6">
        <v>2246193</v>
      </c>
      <c r="M79" s="6">
        <v>2136777</v>
      </c>
      <c r="N79" s="6">
        <v>1867424</v>
      </c>
      <c r="O79" s="6">
        <v>222304</v>
      </c>
      <c r="P79" s="6">
        <v>2804</v>
      </c>
      <c r="Q79" s="6">
        <v>44245</v>
      </c>
      <c r="R79" s="6">
        <v>109416</v>
      </c>
      <c r="S79" s="6">
        <v>384099</v>
      </c>
      <c r="T79" s="6">
        <v>234281</v>
      </c>
      <c r="U79" s="6">
        <v>4737</v>
      </c>
      <c r="V79" s="6">
        <v>145081</v>
      </c>
      <c r="W79" s="6">
        <v>79417</v>
      </c>
      <c r="X79" s="6">
        <v>1982882</v>
      </c>
      <c r="Y79" s="6">
        <v>1752421</v>
      </c>
      <c r="Z79" s="6">
        <v>191536</v>
      </c>
      <c r="AA79" s="6">
        <v>2627</v>
      </c>
      <c r="AB79" s="6">
        <v>36298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102</v>
      </c>
      <c r="I80" s="9" t="s">
        <v>6</v>
      </c>
      <c r="J80" s="9" t="s">
        <v>30</v>
      </c>
      <c r="K80" s="6">
        <v>95940</v>
      </c>
      <c r="L80" s="6">
        <v>67719</v>
      </c>
      <c r="M80" s="6">
        <v>63760</v>
      </c>
      <c r="N80" s="6">
        <v>57336</v>
      </c>
      <c r="O80" s="6">
        <v>4463</v>
      </c>
      <c r="P80" s="6">
        <v>82</v>
      </c>
      <c r="Q80" s="6">
        <v>1879</v>
      </c>
      <c r="R80" s="6">
        <v>3959</v>
      </c>
      <c r="S80" s="6">
        <v>25959</v>
      </c>
      <c r="T80" s="6">
        <v>8337</v>
      </c>
      <c r="U80" s="6">
        <v>109</v>
      </c>
      <c r="V80" s="6">
        <v>17513</v>
      </c>
      <c r="W80" s="6">
        <v>2262</v>
      </c>
      <c r="X80" s="6">
        <v>55423</v>
      </c>
      <c r="Y80" s="6">
        <v>50647</v>
      </c>
      <c r="Z80" s="6">
        <v>3457</v>
      </c>
      <c r="AA80" s="6">
        <v>78</v>
      </c>
      <c r="AB80" s="6">
        <v>1241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102</v>
      </c>
      <c r="I81" s="9" t="s">
        <v>6</v>
      </c>
      <c r="J81" s="9" t="s">
        <v>31</v>
      </c>
      <c r="K81" s="6">
        <v>23</v>
      </c>
      <c r="L81" s="6">
        <v>12</v>
      </c>
      <c r="M81" s="6">
        <v>9</v>
      </c>
      <c r="N81" s="6">
        <v>5</v>
      </c>
      <c r="O81" s="6">
        <v>1</v>
      </c>
      <c r="P81" s="6">
        <v>2</v>
      </c>
      <c r="Q81" s="6">
        <v>1</v>
      </c>
      <c r="R81" s="6">
        <v>3</v>
      </c>
      <c r="S81" s="6">
        <v>8</v>
      </c>
      <c r="T81" s="10" t="s">
        <v>55</v>
      </c>
      <c r="U81" s="6">
        <v>8</v>
      </c>
      <c r="V81" s="10" t="s">
        <v>55</v>
      </c>
      <c r="W81" s="6">
        <v>3</v>
      </c>
      <c r="X81" s="6">
        <v>9</v>
      </c>
      <c r="Y81" s="6">
        <v>5</v>
      </c>
      <c r="Z81" s="6">
        <v>1</v>
      </c>
      <c r="AA81" s="6">
        <v>2</v>
      </c>
      <c r="AB81" s="6">
        <v>1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102</v>
      </c>
      <c r="I82" s="9" t="s">
        <v>6</v>
      </c>
      <c r="J82" s="9" t="s">
        <v>32</v>
      </c>
      <c r="K82" s="6">
        <v>402</v>
      </c>
      <c r="L82" s="6">
        <v>336</v>
      </c>
      <c r="M82" s="6">
        <v>297</v>
      </c>
      <c r="N82" s="6">
        <v>260</v>
      </c>
      <c r="O82" s="6">
        <v>21</v>
      </c>
      <c r="P82" s="6">
        <v>4</v>
      </c>
      <c r="Q82" s="6">
        <v>12</v>
      </c>
      <c r="R82" s="6">
        <v>39</v>
      </c>
      <c r="S82" s="6">
        <v>43</v>
      </c>
      <c r="T82" s="6">
        <v>22</v>
      </c>
      <c r="U82" s="6">
        <v>6</v>
      </c>
      <c r="V82" s="6">
        <v>15</v>
      </c>
      <c r="W82" s="6">
        <v>23</v>
      </c>
      <c r="X82" s="6">
        <v>280</v>
      </c>
      <c r="Y82" s="6">
        <v>250</v>
      </c>
      <c r="Z82" s="6">
        <v>18</v>
      </c>
      <c r="AA82" s="6">
        <v>3</v>
      </c>
      <c r="AB82" s="6">
        <v>9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102</v>
      </c>
      <c r="I83" s="9" t="s">
        <v>6</v>
      </c>
      <c r="J83" s="9" t="s">
        <v>33</v>
      </c>
      <c r="K83" s="6">
        <v>1585</v>
      </c>
      <c r="L83" s="6">
        <v>1448</v>
      </c>
      <c r="M83" s="6">
        <v>1341</v>
      </c>
      <c r="N83" s="6">
        <v>1222</v>
      </c>
      <c r="O83" s="6">
        <v>77</v>
      </c>
      <c r="P83" s="6">
        <v>14</v>
      </c>
      <c r="Q83" s="6">
        <v>28</v>
      </c>
      <c r="R83" s="6">
        <v>107</v>
      </c>
      <c r="S83" s="6">
        <v>81</v>
      </c>
      <c r="T83" s="6">
        <v>47</v>
      </c>
      <c r="U83" s="6">
        <v>16</v>
      </c>
      <c r="V83" s="6">
        <v>18</v>
      </c>
      <c r="W83" s="6">
        <v>56</v>
      </c>
      <c r="X83" s="6">
        <v>1255</v>
      </c>
      <c r="Y83" s="6">
        <v>1153</v>
      </c>
      <c r="Z83" s="6">
        <v>67</v>
      </c>
      <c r="AA83" s="6">
        <v>11</v>
      </c>
      <c r="AB83" s="6">
        <v>24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102</v>
      </c>
      <c r="I84" s="9" t="s">
        <v>6</v>
      </c>
      <c r="J84" s="9" t="s">
        <v>34</v>
      </c>
      <c r="K84" s="6">
        <v>3526</v>
      </c>
      <c r="L84" s="6">
        <v>3251</v>
      </c>
      <c r="M84" s="6">
        <v>3071</v>
      </c>
      <c r="N84" s="6">
        <v>2834</v>
      </c>
      <c r="O84" s="6">
        <v>159</v>
      </c>
      <c r="P84" s="6">
        <v>19</v>
      </c>
      <c r="Q84" s="6">
        <v>59</v>
      </c>
      <c r="R84" s="6">
        <v>180</v>
      </c>
      <c r="S84" s="6">
        <v>177</v>
      </c>
      <c r="T84" s="6">
        <v>105</v>
      </c>
      <c r="U84" s="6">
        <v>24</v>
      </c>
      <c r="V84" s="6">
        <v>48</v>
      </c>
      <c r="W84" s="6">
        <v>98</v>
      </c>
      <c r="X84" s="6">
        <v>2856</v>
      </c>
      <c r="Y84" s="6">
        <v>2651</v>
      </c>
      <c r="Z84" s="6">
        <v>137</v>
      </c>
      <c r="AA84" s="6">
        <v>19</v>
      </c>
      <c r="AB84" s="6">
        <v>49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102</v>
      </c>
      <c r="I85" s="9" t="s">
        <v>6</v>
      </c>
      <c r="J85" s="9" t="s">
        <v>35</v>
      </c>
      <c r="K85" s="6">
        <v>5849</v>
      </c>
      <c r="L85" s="6">
        <v>5456</v>
      </c>
      <c r="M85" s="6">
        <v>5172</v>
      </c>
      <c r="N85" s="6">
        <v>4812</v>
      </c>
      <c r="O85" s="6">
        <v>237</v>
      </c>
      <c r="P85" s="6">
        <v>15</v>
      </c>
      <c r="Q85" s="6">
        <v>108</v>
      </c>
      <c r="R85" s="6">
        <v>284</v>
      </c>
      <c r="S85" s="6">
        <v>260</v>
      </c>
      <c r="T85" s="6">
        <v>133</v>
      </c>
      <c r="U85" s="6">
        <v>28</v>
      </c>
      <c r="V85" s="6">
        <v>99</v>
      </c>
      <c r="W85" s="6">
        <v>133</v>
      </c>
      <c r="X85" s="6">
        <v>4728</v>
      </c>
      <c r="Y85" s="6">
        <v>4437</v>
      </c>
      <c r="Z85" s="6">
        <v>189</v>
      </c>
      <c r="AA85" s="6">
        <v>15</v>
      </c>
      <c r="AB85" s="6">
        <v>87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102</v>
      </c>
      <c r="I86" s="9" t="s">
        <v>6</v>
      </c>
      <c r="J86" s="9" t="s">
        <v>36</v>
      </c>
      <c r="K86" s="6">
        <v>8216</v>
      </c>
      <c r="L86" s="6">
        <v>7676</v>
      </c>
      <c r="M86" s="6">
        <v>7289</v>
      </c>
      <c r="N86" s="6">
        <v>6846</v>
      </c>
      <c r="O86" s="6">
        <v>306</v>
      </c>
      <c r="P86" s="6">
        <v>18</v>
      </c>
      <c r="Q86" s="6">
        <v>119</v>
      </c>
      <c r="R86" s="6">
        <v>387</v>
      </c>
      <c r="S86" s="6">
        <v>376</v>
      </c>
      <c r="T86" s="6">
        <v>191</v>
      </c>
      <c r="U86" s="6">
        <v>9</v>
      </c>
      <c r="V86" s="6">
        <v>176</v>
      </c>
      <c r="W86" s="6">
        <v>164</v>
      </c>
      <c r="X86" s="6">
        <v>6591</v>
      </c>
      <c r="Y86" s="6">
        <v>6218</v>
      </c>
      <c r="Z86" s="6">
        <v>259</v>
      </c>
      <c r="AA86" s="6">
        <v>18</v>
      </c>
      <c r="AB86" s="6">
        <v>96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102</v>
      </c>
      <c r="I87" s="9" t="s">
        <v>6</v>
      </c>
      <c r="J87" s="9" t="s">
        <v>37</v>
      </c>
      <c r="K87" s="6">
        <v>10478</v>
      </c>
      <c r="L87" s="6">
        <v>9713</v>
      </c>
      <c r="M87" s="6">
        <v>9162</v>
      </c>
      <c r="N87" s="6">
        <v>8609</v>
      </c>
      <c r="O87" s="6">
        <v>361</v>
      </c>
      <c r="P87" s="6">
        <v>3</v>
      </c>
      <c r="Q87" s="6">
        <v>189</v>
      </c>
      <c r="R87" s="6">
        <v>551</v>
      </c>
      <c r="S87" s="6">
        <v>589</v>
      </c>
      <c r="T87" s="6">
        <v>315</v>
      </c>
      <c r="U87" s="6">
        <v>12</v>
      </c>
      <c r="V87" s="6">
        <v>262</v>
      </c>
      <c r="W87" s="6">
        <v>176</v>
      </c>
      <c r="X87" s="6">
        <v>8205</v>
      </c>
      <c r="Y87" s="6">
        <v>7765</v>
      </c>
      <c r="Z87" s="6">
        <v>293</v>
      </c>
      <c r="AA87" s="6">
        <v>3</v>
      </c>
      <c r="AB87" s="6">
        <v>144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102</v>
      </c>
      <c r="I88" s="9" t="s">
        <v>6</v>
      </c>
      <c r="J88" s="9" t="s">
        <v>38</v>
      </c>
      <c r="K88" s="6">
        <v>10759</v>
      </c>
      <c r="L88" s="6">
        <v>9752</v>
      </c>
      <c r="M88" s="6">
        <v>9165</v>
      </c>
      <c r="N88" s="6">
        <v>8586</v>
      </c>
      <c r="O88" s="6">
        <v>364</v>
      </c>
      <c r="P88" s="6">
        <v>3</v>
      </c>
      <c r="Q88" s="6">
        <v>212</v>
      </c>
      <c r="R88" s="6">
        <v>587</v>
      </c>
      <c r="S88" s="6">
        <v>816</v>
      </c>
      <c r="T88" s="6">
        <v>414</v>
      </c>
      <c r="U88" s="6">
        <v>1</v>
      </c>
      <c r="V88" s="6">
        <v>401</v>
      </c>
      <c r="W88" s="6">
        <v>191</v>
      </c>
      <c r="X88" s="6">
        <v>8146</v>
      </c>
      <c r="Y88" s="6">
        <v>7691</v>
      </c>
      <c r="Z88" s="6">
        <v>297</v>
      </c>
      <c r="AA88" s="6">
        <v>3</v>
      </c>
      <c r="AB88" s="6">
        <v>155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102</v>
      </c>
      <c r="I89" s="9" t="s">
        <v>6</v>
      </c>
      <c r="J89" s="9" t="s">
        <v>39</v>
      </c>
      <c r="K89" s="6">
        <v>11196</v>
      </c>
      <c r="L89" s="6">
        <v>9879</v>
      </c>
      <c r="M89" s="6">
        <v>9290</v>
      </c>
      <c r="N89" s="6">
        <v>8576</v>
      </c>
      <c r="O89" s="6">
        <v>488</v>
      </c>
      <c r="P89" s="6">
        <v>3</v>
      </c>
      <c r="Q89" s="6">
        <v>223</v>
      </c>
      <c r="R89" s="6">
        <v>589</v>
      </c>
      <c r="S89" s="6">
        <v>1169</v>
      </c>
      <c r="T89" s="6">
        <v>572</v>
      </c>
      <c r="U89" s="6">
        <v>3</v>
      </c>
      <c r="V89" s="6">
        <v>594</v>
      </c>
      <c r="W89" s="6">
        <v>148</v>
      </c>
      <c r="X89" s="6">
        <v>8167</v>
      </c>
      <c r="Y89" s="6">
        <v>7651</v>
      </c>
      <c r="Z89" s="6">
        <v>369</v>
      </c>
      <c r="AA89" s="6">
        <v>3</v>
      </c>
      <c r="AB89" s="6">
        <v>144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102</v>
      </c>
      <c r="I90" s="9" t="s">
        <v>6</v>
      </c>
      <c r="J90" s="9" t="s">
        <v>40</v>
      </c>
      <c r="K90" s="6">
        <v>11484</v>
      </c>
      <c r="L90" s="6">
        <v>9035</v>
      </c>
      <c r="M90" s="6">
        <v>8409</v>
      </c>
      <c r="N90" s="6">
        <v>7577</v>
      </c>
      <c r="O90" s="6">
        <v>576</v>
      </c>
      <c r="P90" s="6">
        <v>1</v>
      </c>
      <c r="Q90" s="6">
        <v>255</v>
      </c>
      <c r="R90" s="6">
        <v>626</v>
      </c>
      <c r="S90" s="6">
        <v>2305</v>
      </c>
      <c r="T90" s="6">
        <v>1039</v>
      </c>
      <c r="U90" s="6">
        <v>1</v>
      </c>
      <c r="V90" s="6">
        <v>1265</v>
      </c>
      <c r="W90" s="6">
        <v>144</v>
      </c>
      <c r="X90" s="6">
        <v>7231</v>
      </c>
      <c r="Y90" s="6">
        <v>6608</v>
      </c>
      <c r="Z90" s="6">
        <v>449</v>
      </c>
      <c r="AA90" s="6">
        <v>1</v>
      </c>
      <c r="AB90" s="6">
        <v>173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102</v>
      </c>
      <c r="I91" s="9" t="s">
        <v>6</v>
      </c>
      <c r="J91" s="9" t="s">
        <v>41</v>
      </c>
      <c r="K91" s="6">
        <v>11710</v>
      </c>
      <c r="L91" s="6">
        <v>6508</v>
      </c>
      <c r="M91" s="6">
        <v>6107</v>
      </c>
      <c r="N91" s="6">
        <v>4914</v>
      </c>
      <c r="O91" s="6">
        <v>857</v>
      </c>
      <c r="P91" s="10" t="s">
        <v>55</v>
      </c>
      <c r="Q91" s="6">
        <v>336</v>
      </c>
      <c r="R91" s="6">
        <v>401</v>
      </c>
      <c r="S91" s="6">
        <v>4965</v>
      </c>
      <c r="T91" s="6">
        <v>1755</v>
      </c>
      <c r="U91" s="10" t="s">
        <v>55</v>
      </c>
      <c r="V91" s="6">
        <v>3210</v>
      </c>
      <c r="W91" s="6">
        <v>237</v>
      </c>
      <c r="X91" s="6">
        <v>4907</v>
      </c>
      <c r="Y91" s="6">
        <v>4031</v>
      </c>
      <c r="Z91" s="6">
        <v>685</v>
      </c>
      <c r="AA91" s="10" t="s">
        <v>55</v>
      </c>
      <c r="AB91" s="6">
        <v>191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102</v>
      </c>
      <c r="I92" s="9" t="s">
        <v>6</v>
      </c>
      <c r="J92" s="9" t="s">
        <v>42</v>
      </c>
      <c r="K92" s="6">
        <v>10040</v>
      </c>
      <c r="L92" s="6">
        <v>3481</v>
      </c>
      <c r="M92" s="6">
        <v>3311</v>
      </c>
      <c r="N92" s="6">
        <v>2345</v>
      </c>
      <c r="O92" s="6">
        <v>716</v>
      </c>
      <c r="P92" s="10" t="s">
        <v>55</v>
      </c>
      <c r="Q92" s="6">
        <v>250</v>
      </c>
      <c r="R92" s="6">
        <v>170</v>
      </c>
      <c r="S92" s="6">
        <v>6209</v>
      </c>
      <c r="T92" s="6">
        <v>1907</v>
      </c>
      <c r="U92" s="6">
        <v>1</v>
      </c>
      <c r="V92" s="6">
        <v>4301</v>
      </c>
      <c r="W92" s="6">
        <v>350</v>
      </c>
      <c r="X92" s="6">
        <v>2397</v>
      </c>
      <c r="Y92" s="6">
        <v>1739</v>
      </c>
      <c r="Z92" s="6">
        <v>521</v>
      </c>
      <c r="AA92" s="10" t="s">
        <v>55</v>
      </c>
      <c r="AB92" s="6">
        <v>137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102</v>
      </c>
      <c r="I93" s="9" t="s">
        <v>6</v>
      </c>
      <c r="J93" s="9" t="s">
        <v>43</v>
      </c>
      <c r="K93" s="6">
        <v>5144</v>
      </c>
      <c r="L93" s="6">
        <v>902</v>
      </c>
      <c r="M93" s="6">
        <v>874</v>
      </c>
      <c r="N93" s="6">
        <v>588</v>
      </c>
      <c r="O93" s="6">
        <v>230</v>
      </c>
      <c r="P93" s="10" t="s">
        <v>55</v>
      </c>
      <c r="Q93" s="6">
        <v>56</v>
      </c>
      <c r="R93" s="6">
        <v>28</v>
      </c>
      <c r="S93" s="6">
        <v>3956</v>
      </c>
      <c r="T93" s="6">
        <v>973</v>
      </c>
      <c r="U93" s="10" t="s">
        <v>55</v>
      </c>
      <c r="V93" s="6">
        <v>2983</v>
      </c>
      <c r="W93" s="6">
        <v>286</v>
      </c>
      <c r="X93" s="6">
        <v>538</v>
      </c>
      <c r="Y93" s="6">
        <v>367</v>
      </c>
      <c r="Z93" s="6">
        <v>145</v>
      </c>
      <c r="AA93" s="10" t="s">
        <v>55</v>
      </c>
      <c r="AB93" s="6">
        <v>26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102</v>
      </c>
      <c r="I94" s="9" t="s">
        <v>6</v>
      </c>
      <c r="J94" s="9" t="s">
        <v>44</v>
      </c>
      <c r="K94" s="6">
        <v>2979</v>
      </c>
      <c r="L94" s="6">
        <v>196</v>
      </c>
      <c r="M94" s="6">
        <v>189</v>
      </c>
      <c r="N94" s="6">
        <v>120</v>
      </c>
      <c r="O94" s="6">
        <v>48</v>
      </c>
      <c r="P94" s="10" t="s">
        <v>55</v>
      </c>
      <c r="Q94" s="6">
        <v>21</v>
      </c>
      <c r="R94" s="6">
        <v>7</v>
      </c>
      <c r="S94" s="6">
        <v>2612</v>
      </c>
      <c r="T94" s="6">
        <v>538</v>
      </c>
      <c r="U94" s="10" t="s">
        <v>55</v>
      </c>
      <c r="V94" s="6">
        <v>2074</v>
      </c>
      <c r="W94" s="6">
        <v>171</v>
      </c>
      <c r="X94" s="6">
        <v>82</v>
      </c>
      <c r="Y94" s="6">
        <v>58</v>
      </c>
      <c r="Z94" s="6">
        <v>20</v>
      </c>
      <c r="AA94" s="10" t="s">
        <v>55</v>
      </c>
      <c r="AB94" s="6">
        <v>4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102</v>
      </c>
      <c r="I95" s="9" t="s">
        <v>6</v>
      </c>
      <c r="J95" s="9" t="s">
        <v>45</v>
      </c>
      <c r="K95" s="6">
        <v>1614</v>
      </c>
      <c r="L95" s="6">
        <v>58</v>
      </c>
      <c r="M95" s="6">
        <v>58</v>
      </c>
      <c r="N95" s="6">
        <v>33</v>
      </c>
      <c r="O95" s="6">
        <v>16</v>
      </c>
      <c r="P95" s="10" t="s">
        <v>55</v>
      </c>
      <c r="Q95" s="6">
        <v>9</v>
      </c>
      <c r="R95" s="10" t="s">
        <v>55</v>
      </c>
      <c r="S95" s="6">
        <v>1491</v>
      </c>
      <c r="T95" s="6">
        <v>253</v>
      </c>
      <c r="U95" s="10" t="s">
        <v>55</v>
      </c>
      <c r="V95" s="6">
        <v>1238</v>
      </c>
      <c r="W95" s="6">
        <v>65</v>
      </c>
      <c r="X95" s="6">
        <v>26</v>
      </c>
      <c r="Y95" s="6">
        <v>19</v>
      </c>
      <c r="Z95" s="6">
        <v>6</v>
      </c>
      <c r="AA95" s="10" t="s">
        <v>55</v>
      </c>
      <c r="AB95" s="6">
        <v>1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102</v>
      </c>
      <c r="I96" s="9" t="s">
        <v>6</v>
      </c>
      <c r="J96" s="9" t="s">
        <v>46</v>
      </c>
      <c r="K96" s="6">
        <v>723</v>
      </c>
      <c r="L96" s="6">
        <v>16</v>
      </c>
      <c r="M96" s="6">
        <v>16</v>
      </c>
      <c r="N96" s="6">
        <v>9</v>
      </c>
      <c r="O96" s="6">
        <v>6</v>
      </c>
      <c r="P96" s="10" t="s">
        <v>55</v>
      </c>
      <c r="Q96" s="6">
        <v>1</v>
      </c>
      <c r="R96" s="10" t="s">
        <v>55</v>
      </c>
      <c r="S96" s="6">
        <v>694</v>
      </c>
      <c r="T96" s="6">
        <v>61</v>
      </c>
      <c r="U96" s="10" t="s">
        <v>55</v>
      </c>
      <c r="V96" s="6">
        <v>633</v>
      </c>
      <c r="W96" s="6">
        <v>13</v>
      </c>
      <c r="X96" s="6">
        <v>5</v>
      </c>
      <c r="Y96" s="6">
        <v>4</v>
      </c>
      <c r="Z96" s="6">
        <v>1</v>
      </c>
      <c r="AA96" s="10" t="s">
        <v>55</v>
      </c>
      <c r="AB96" s="10" t="s">
        <v>55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102</v>
      </c>
      <c r="I97" s="9" t="s">
        <v>6</v>
      </c>
      <c r="J97" s="9" t="s">
        <v>47</v>
      </c>
      <c r="K97" s="6">
        <v>212</v>
      </c>
      <c r="L97" s="10" t="s">
        <v>55</v>
      </c>
      <c r="M97" s="10" t="s">
        <v>55</v>
      </c>
      <c r="N97" s="10" t="s">
        <v>55</v>
      </c>
      <c r="O97" s="10" t="s">
        <v>55</v>
      </c>
      <c r="P97" s="10" t="s">
        <v>55</v>
      </c>
      <c r="Q97" s="10" t="s">
        <v>55</v>
      </c>
      <c r="R97" s="10" t="s">
        <v>55</v>
      </c>
      <c r="S97" s="6">
        <v>208</v>
      </c>
      <c r="T97" s="6">
        <v>12</v>
      </c>
      <c r="U97" s="10" t="s">
        <v>55</v>
      </c>
      <c r="V97" s="6">
        <v>196</v>
      </c>
      <c r="W97" s="6">
        <v>4</v>
      </c>
      <c r="X97" s="10" t="s">
        <v>55</v>
      </c>
      <c r="Y97" s="10" t="s">
        <v>55</v>
      </c>
      <c r="Z97" s="10" t="s">
        <v>55</v>
      </c>
      <c r="AA97" s="10" t="s">
        <v>55</v>
      </c>
      <c r="AB97" s="10" t="s">
        <v>55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102</v>
      </c>
      <c r="I98" s="9" t="s">
        <v>6</v>
      </c>
      <c r="J98" s="9" t="s">
        <v>48</v>
      </c>
      <c r="K98" s="6">
        <v>63518</v>
      </c>
      <c r="L98" s="6">
        <v>56558</v>
      </c>
      <c r="M98" s="6">
        <v>53205</v>
      </c>
      <c r="N98" s="6">
        <v>49327</v>
      </c>
      <c r="O98" s="6">
        <v>2590</v>
      </c>
      <c r="P98" s="6">
        <v>82</v>
      </c>
      <c r="Q98" s="6">
        <v>1206</v>
      </c>
      <c r="R98" s="6">
        <v>3353</v>
      </c>
      <c r="S98" s="6">
        <v>5824</v>
      </c>
      <c r="T98" s="6">
        <v>2838</v>
      </c>
      <c r="U98" s="6">
        <v>108</v>
      </c>
      <c r="V98" s="6">
        <v>2878</v>
      </c>
      <c r="W98" s="6">
        <v>1136</v>
      </c>
      <c r="X98" s="6">
        <v>47468</v>
      </c>
      <c r="Y98" s="6">
        <v>44429</v>
      </c>
      <c r="Z98" s="6">
        <v>2079</v>
      </c>
      <c r="AA98" s="6">
        <v>78</v>
      </c>
      <c r="AB98" s="6">
        <v>882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102</v>
      </c>
      <c r="I99" s="9" t="s">
        <v>6</v>
      </c>
      <c r="J99" s="9" t="s">
        <v>49</v>
      </c>
      <c r="K99" s="6">
        <v>32422</v>
      </c>
      <c r="L99" s="6">
        <v>11161</v>
      </c>
      <c r="M99" s="6">
        <v>10555</v>
      </c>
      <c r="N99" s="6">
        <v>8009</v>
      </c>
      <c r="O99" s="6">
        <v>1873</v>
      </c>
      <c r="P99" s="10" t="s">
        <v>55</v>
      </c>
      <c r="Q99" s="6">
        <v>673</v>
      </c>
      <c r="R99" s="6">
        <v>606</v>
      </c>
      <c r="S99" s="6">
        <v>20135</v>
      </c>
      <c r="T99" s="6">
        <v>5499</v>
      </c>
      <c r="U99" s="6">
        <v>1</v>
      </c>
      <c r="V99" s="6">
        <v>14635</v>
      </c>
      <c r="W99" s="6">
        <v>1126</v>
      </c>
      <c r="X99" s="6">
        <v>7955</v>
      </c>
      <c r="Y99" s="6">
        <v>6218</v>
      </c>
      <c r="Z99" s="6">
        <v>1378</v>
      </c>
      <c r="AA99" s="10" t="s">
        <v>55</v>
      </c>
      <c r="AB99" s="6">
        <v>359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102</v>
      </c>
      <c r="I100" s="9" t="s">
        <v>6</v>
      </c>
      <c r="J100" s="9" t="s">
        <v>50</v>
      </c>
      <c r="K100" s="6">
        <v>10672</v>
      </c>
      <c r="L100" s="6">
        <v>1172</v>
      </c>
      <c r="M100" s="6">
        <v>1137</v>
      </c>
      <c r="N100" s="6">
        <v>750</v>
      </c>
      <c r="O100" s="6">
        <v>300</v>
      </c>
      <c r="P100" s="10" t="s">
        <v>55</v>
      </c>
      <c r="Q100" s="6">
        <v>87</v>
      </c>
      <c r="R100" s="6">
        <v>35</v>
      </c>
      <c r="S100" s="6">
        <v>8961</v>
      </c>
      <c r="T100" s="6">
        <v>1837</v>
      </c>
      <c r="U100" s="10" t="s">
        <v>55</v>
      </c>
      <c r="V100" s="6">
        <v>7124</v>
      </c>
      <c r="W100" s="6">
        <v>539</v>
      </c>
      <c r="X100" s="6">
        <v>651</v>
      </c>
      <c r="Y100" s="6">
        <v>448</v>
      </c>
      <c r="Z100" s="6">
        <v>172</v>
      </c>
      <c r="AA100" s="10" t="s">
        <v>55</v>
      </c>
      <c r="AB100" s="6">
        <v>31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102</v>
      </c>
      <c r="I101" s="9" t="s">
        <v>6</v>
      </c>
      <c r="J101" s="9" t="s">
        <v>51</v>
      </c>
      <c r="K101" s="6">
        <v>2549</v>
      </c>
      <c r="L101" s="6">
        <v>74</v>
      </c>
      <c r="M101" s="6">
        <v>74</v>
      </c>
      <c r="N101" s="6">
        <v>42</v>
      </c>
      <c r="O101" s="6">
        <v>22</v>
      </c>
      <c r="P101" s="10" t="s">
        <v>55</v>
      </c>
      <c r="Q101" s="6">
        <v>10</v>
      </c>
      <c r="R101" s="10" t="s">
        <v>55</v>
      </c>
      <c r="S101" s="6">
        <v>2393</v>
      </c>
      <c r="T101" s="6">
        <v>326</v>
      </c>
      <c r="U101" s="10" t="s">
        <v>55</v>
      </c>
      <c r="V101" s="6">
        <v>2067</v>
      </c>
      <c r="W101" s="6">
        <v>82</v>
      </c>
      <c r="X101" s="6">
        <v>31</v>
      </c>
      <c r="Y101" s="6">
        <v>23</v>
      </c>
      <c r="Z101" s="6">
        <v>7</v>
      </c>
      <c r="AA101" s="10" t="s">
        <v>55</v>
      </c>
      <c r="AB101" s="6">
        <v>1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102</v>
      </c>
      <c r="I102" s="9" t="s">
        <v>6</v>
      </c>
      <c r="J102" s="9" t="s">
        <v>52</v>
      </c>
      <c r="K102" s="6">
        <v>75205</v>
      </c>
      <c r="L102" s="6">
        <v>63054</v>
      </c>
      <c r="M102" s="6">
        <v>59303</v>
      </c>
      <c r="N102" s="6">
        <v>54236</v>
      </c>
      <c r="O102" s="6">
        <v>3446</v>
      </c>
      <c r="P102" s="6">
        <v>80</v>
      </c>
      <c r="Q102" s="6">
        <v>1541</v>
      </c>
      <c r="R102" s="6">
        <v>3751</v>
      </c>
      <c r="S102" s="6">
        <v>10781</v>
      </c>
      <c r="T102" s="6">
        <v>4593</v>
      </c>
      <c r="U102" s="6">
        <v>100</v>
      </c>
      <c r="V102" s="6">
        <v>6088</v>
      </c>
      <c r="W102" s="6">
        <v>1370</v>
      </c>
      <c r="X102" s="6">
        <v>52366</v>
      </c>
      <c r="Y102" s="6">
        <v>48455</v>
      </c>
      <c r="Z102" s="6">
        <v>2763</v>
      </c>
      <c r="AA102" s="6">
        <v>76</v>
      </c>
      <c r="AB102" s="6">
        <v>1072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102</v>
      </c>
      <c r="I103" s="9" t="s">
        <v>53</v>
      </c>
      <c r="J103" s="9" t="s">
        <v>30</v>
      </c>
      <c r="K103" s="6">
        <v>34999</v>
      </c>
      <c r="L103" s="6">
        <v>25096</v>
      </c>
      <c r="M103" s="6">
        <v>23174</v>
      </c>
      <c r="N103" s="6">
        <v>21664</v>
      </c>
      <c r="O103" s="6">
        <v>597</v>
      </c>
      <c r="P103" s="6">
        <v>5</v>
      </c>
      <c r="Q103" s="6">
        <v>908</v>
      </c>
      <c r="R103" s="6">
        <v>1922</v>
      </c>
      <c r="S103" s="6">
        <v>9101</v>
      </c>
      <c r="T103" s="6">
        <v>1179</v>
      </c>
      <c r="U103" s="6">
        <v>18</v>
      </c>
      <c r="V103" s="6">
        <v>7904</v>
      </c>
      <c r="W103" s="6">
        <v>802</v>
      </c>
      <c r="X103" s="6">
        <v>18348</v>
      </c>
      <c r="Y103" s="6">
        <v>17552</v>
      </c>
      <c r="Z103" s="6">
        <v>310</v>
      </c>
      <c r="AA103" s="6">
        <v>4</v>
      </c>
      <c r="AB103" s="6">
        <v>482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102</v>
      </c>
      <c r="I104" s="9" t="s">
        <v>53</v>
      </c>
      <c r="J104" s="9" t="s">
        <v>31</v>
      </c>
      <c r="K104" s="6">
        <v>6</v>
      </c>
      <c r="L104" s="6">
        <v>1</v>
      </c>
      <c r="M104" s="6">
        <v>1</v>
      </c>
      <c r="N104" s="6">
        <v>1</v>
      </c>
      <c r="O104" s="10" t="s">
        <v>55</v>
      </c>
      <c r="P104" s="10" t="s">
        <v>55</v>
      </c>
      <c r="Q104" s="10" t="s">
        <v>55</v>
      </c>
      <c r="R104" s="10" t="s">
        <v>55</v>
      </c>
      <c r="S104" s="6">
        <v>5</v>
      </c>
      <c r="T104" s="10" t="s">
        <v>55</v>
      </c>
      <c r="U104" s="6">
        <v>5</v>
      </c>
      <c r="V104" s="10" t="s">
        <v>55</v>
      </c>
      <c r="W104" s="10" t="s">
        <v>55</v>
      </c>
      <c r="X104" s="6">
        <v>1</v>
      </c>
      <c r="Y104" s="6">
        <v>1</v>
      </c>
      <c r="Z104" s="10" t="s">
        <v>55</v>
      </c>
      <c r="AA104" s="10" t="s">
        <v>55</v>
      </c>
      <c r="AB104" s="10" t="s">
        <v>55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102</v>
      </c>
      <c r="I105" s="9" t="s">
        <v>53</v>
      </c>
      <c r="J105" s="9" t="s">
        <v>32</v>
      </c>
      <c r="K105" s="6">
        <v>98</v>
      </c>
      <c r="L105" s="6">
        <v>85</v>
      </c>
      <c r="M105" s="6">
        <v>77</v>
      </c>
      <c r="N105" s="6">
        <v>76</v>
      </c>
      <c r="O105" s="10" t="s">
        <v>55</v>
      </c>
      <c r="P105" s="10" t="s">
        <v>55</v>
      </c>
      <c r="Q105" s="6">
        <v>1</v>
      </c>
      <c r="R105" s="6">
        <v>8</v>
      </c>
      <c r="S105" s="6">
        <v>8</v>
      </c>
      <c r="T105" s="10" t="s">
        <v>55</v>
      </c>
      <c r="U105" s="6">
        <v>2</v>
      </c>
      <c r="V105" s="6">
        <v>6</v>
      </c>
      <c r="W105" s="6">
        <v>5</v>
      </c>
      <c r="X105" s="6">
        <v>72</v>
      </c>
      <c r="Y105" s="6">
        <v>72</v>
      </c>
      <c r="Z105" s="10" t="s">
        <v>55</v>
      </c>
      <c r="AA105" s="10" t="s">
        <v>55</v>
      </c>
      <c r="AB105" s="10" t="s">
        <v>55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102</v>
      </c>
      <c r="I106" s="9" t="s">
        <v>53</v>
      </c>
      <c r="J106" s="9" t="s">
        <v>33</v>
      </c>
      <c r="K106" s="6">
        <v>428</v>
      </c>
      <c r="L106" s="6">
        <v>409</v>
      </c>
      <c r="M106" s="6">
        <v>371</v>
      </c>
      <c r="N106" s="6">
        <v>360</v>
      </c>
      <c r="O106" s="6">
        <v>2</v>
      </c>
      <c r="P106" s="6">
        <v>2</v>
      </c>
      <c r="Q106" s="6">
        <v>7</v>
      </c>
      <c r="R106" s="6">
        <v>38</v>
      </c>
      <c r="S106" s="6">
        <v>9</v>
      </c>
      <c r="T106" s="6">
        <v>1</v>
      </c>
      <c r="U106" s="6">
        <v>1</v>
      </c>
      <c r="V106" s="6">
        <v>7</v>
      </c>
      <c r="W106" s="6">
        <v>10</v>
      </c>
      <c r="X106" s="6">
        <v>334</v>
      </c>
      <c r="Y106" s="6">
        <v>326</v>
      </c>
      <c r="Z106" s="6">
        <v>2</v>
      </c>
      <c r="AA106" s="6">
        <v>1</v>
      </c>
      <c r="AB106" s="6">
        <v>5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102</v>
      </c>
      <c r="I107" s="9" t="s">
        <v>53</v>
      </c>
      <c r="J107" s="9" t="s">
        <v>34</v>
      </c>
      <c r="K107" s="6">
        <v>1084</v>
      </c>
      <c r="L107" s="6">
        <v>1044</v>
      </c>
      <c r="M107" s="6">
        <v>978</v>
      </c>
      <c r="N107" s="6">
        <v>954</v>
      </c>
      <c r="O107" s="6">
        <v>6</v>
      </c>
      <c r="P107" s="10" t="s">
        <v>55</v>
      </c>
      <c r="Q107" s="6">
        <v>18</v>
      </c>
      <c r="R107" s="6">
        <v>66</v>
      </c>
      <c r="S107" s="6">
        <v>18</v>
      </c>
      <c r="T107" s="6">
        <v>2</v>
      </c>
      <c r="U107" s="6">
        <v>2</v>
      </c>
      <c r="V107" s="6">
        <v>14</v>
      </c>
      <c r="W107" s="6">
        <v>22</v>
      </c>
      <c r="X107" s="6">
        <v>862</v>
      </c>
      <c r="Y107" s="6">
        <v>847</v>
      </c>
      <c r="Z107" s="6">
        <v>5</v>
      </c>
      <c r="AA107" s="10" t="s">
        <v>55</v>
      </c>
      <c r="AB107" s="6">
        <v>10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102</v>
      </c>
      <c r="I108" s="9" t="s">
        <v>53</v>
      </c>
      <c r="J108" s="9" t="s">
        <v>35</v>
      </c>
      <c r="K108" s="6">
        <v>1892</v>
      </c>
      <c r="L108" s="6">
        <v>1802</v>
      </c>
      <c r="M108" s="6">
        <v>1686</v>
      </c>
      <c r="N108" s="6">
        <v>1633</v>
      </c>
      <c r="O108" s="6">
        <v>17</v>
      </c>
      <c r="P108" s="10" t="s">
        <v>55</v>
      </c>
      <c r="Q108" s="6">
        <v>36</v>
      </c>
      <c r="R108" s="6">
        <v>116</v>
      </c>
      <c r="S108" s="6">
        <v>59</v>
      </c>
      <c r="T108" s="6">
        <v>8</v>
      </c>
      <c r="U108" s="6">
        <v>4</v>
      </c>
      <c r="V108" s="6">
        <v>47</v>
      </c>
      <c r="W108" s="6">
        <v>31</v>
      </c>
      <c r="X108" s="6">
        <v>1444</v>
      </c>
      <c r="Y108" s="6">
        <v>1414</v>
      </c>
      <c r="Z108" s="6">
        <v>8</v>
      </c>
      <c r="AA108" s="10" t="s">
        <v>55</v>
      </c>
      <c r="AB108" s="6">
        <v>22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102</v>
      </c>
      <c r="I109" s="9" t="s">
        <v>53</v>
      </c>
      <c r="J109" s="9" t="s">
        <v>36</v>
      </c>
      <c r="K109" s="6">
        <v>2776</v>
      </c>
      <c r="L109" s="6">
        <v>2625</v>
      </c>
      <c r="M109" s="6">
        <v>2458</v>
      </c>
      <c r="N109" s="6">
        <v>2399</v>
      </c>
      <c r="O109" s="6">
        <v>15</v>
      </c>
      <c r="P109" s="6">
        <v>2</v>
      </c>
      <c r="Q109" s="6">
        <v>42</v>
      </c>
      <c r="R109" s="6">
        <v>167</v>
      </c>
      <c r="S109" s="6">
        <v>96</v>
      </c>
      <c r="T109" s="6">
        <v>17</v>
      </c>
      <c r="U109" s="6">
        <v>1</v>
      </c>
      <c r="V109" s="6">
        <v>78</v>
      </c>
      <c r="W109" s="6">
        <v>55</v>
      </c>
      <c r="X109" s="6">
        <v>2057</v>
      </c>
      <c r="Y109" s="6">
        <v>2019</v>
      </c>
      <c r="Z109" s="6">
        <v>11</v>
      </c>
      <c r="AA109" s="6">
        <v>2</v>
      </c>
      <c r="AB109" s="6">
        <v>25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102</v>
      </c>
      <c r="I110" s="9" t="s">
        <v>53</v>
      </c>
      <c r="J110" s="9" t="s">
        <v>37</v>
      </c>
      <c r="K110" s="6">
        <v>3567</v>
      </c>
      <c r="L110" s="6">
        <v>3355</v>
      </c>
      <c r="M110" s="6">
        <v>3139</v>
      </c>
      <c r="N110" s="6">
        <v>3024</v>
      </c>
      <c r="O110" s="6">
        <v>28</v>
      </c>
      <c r="P110" s="10" t="s">
        <v>55</v>
      </c>
      <c r="Q110" s="6">
        <v>87</v>
      </c>
      <c r="R110" s="6">
        <v>216</v>
      </c>
      <c r="S110" s="6">
        <v>162</v>
      </c>
      <c r="T110" s="6">
        <v>36</v>
      </c>
      <c r="U110" s="6">
        <v>2</v>
      </c>
      <c r="V110" s="6">
        <v>124</v>
      </c>
      <c r="W110" s="6">
        <v>50</v>
      </c>
      <c r="X110" s="6">
        <v>2602</v>
      </c>
      <c r="Y110" s="6">
        <v>2530</v>
      </c>
      <c r="Z110" s="6">
        <v>15</v>
      </c>
      <c r="AA110" s="10" t="s">
        <v>55</v>
      </c>
      <c r="AB110" s="6">
        <v>57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102</v>
      </c>
      <c r="I111" s="9" t="s">
        <v>53</v>
      </c>
      <c r="J111" s="9" t="s">
        <v>38</v>
      </c>
      <c r="K111" s="6">
        <v>3982</v>
      </c>
      <c r="L111" s="6">
        <v>3636</v>
      </c>
      <c r="M111" s="6">
        <v>3358</v>
      </c>
      <c r="N111" s="6">
        <v>3229</v>
      </c>
      <c r="O111" s="6">
        <v>36</v>
      </c>
      <c r="P111" s="10" t="s">
        <v>55</v>
      </c>
      <c r="Q111" s="6">
        <v>93</v>
      </c>
      <c r="R111" s="6">
        <v>278</v>
      </c>
      <c r="S111" s="6">
        <v>280</v>
      </c>
      <c r="T111" s="6">
        <v>56</v>
      </c>
      <c r="U111" s="10" t="s">
        <v>55</v>
      </c>
      <c r="V111" s="6">
        <v>224</v>
      </c>
      <c r="W111" s="6">
        <v>66</v>
      </c>
      <c r="X111" s="6">
        <v>2761</v>
      </c>
      <c r="Y111" s="6">
        <v>2686</v>
      </c>
      <c r="Z111" s="6">
        <v>18</v>
      </c>
      <c r="AA111" s="10" t="s">
        <v>55</v>
      </c>
      <c r="AB111" s="6">
        <v>57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102</v>
      </c>
      <c r="I112" s="9" t="s">
        <v>53</v>
      </c>
      <c r="J112" s="9" t="s">
        <v>39</v>
      </c>
      <c r="K112" s="6">
        <v>4374</v>
      </c>
      <c r="L112" s="6">
        <v>3892</v>
      </c>
      <c r="M112" s="6">
        <v>3571</v>
      </c>
      <c r="N112" s="6">
        <v>3395</v>
      </c>
      <c r="O112" s="6">
        <v>64</v>
      </c>
      <c r="P112" s="10" t="s">
        <v>55</v>
      </c>
      <c r="Q112" s="6">
        <v>112</v>
      </c>
      <c r="R112" s="6">
        <v>321</v>
      </c>
      <c r="S112" s="6">
        <v>423</v>
      </c>
      <c r="T112" s="6">
        <v>86</v>
      </c>
      <c r="U112" s="6">
        <v>1</v>
      </c>
      <c r="V112" s="6">
        <v>336</v>
      </c>
      <c r="W112" s="6">
        <v>59</v>
      </c>
      <c r="X112" s="6">
        <v>2902</v>
      </c>
      <c r="Y112" s="6">
        <v>2812</v>
      </c>
      <c r="Z112" s="6">
        <v>33</v>
      </c>
      <c r="AA112" s="10" t="s">
        <v>55</v>
      </c>
      <c r="AB112" s="6">
        <v>57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102</v>
      </c>
      <c r="I113" s="9" t="s">
        <v>53</v>
      </c>
      <c r="J113" s="9" t="s">
        <v>40</v>
      </c>
      <c r="K113" s="6">
        <v>4623</v>
      </c>
      <c r="L113" s="6">
        <v>3647</v>
      </c>
      <c r="M113" s="6">
        <v>3303</v>
      </c>
      <c r="N113" s="6">
        <v>3083</v>
      </c>
      <c r="O113" s="6">
        <v>83</v>
      </c>
      <c r="P113" s="6">
        <v>1</v>
      </c>
      <c r="Q113" s="6">
        <v>136</v>
      </c>
      <c r="R113" s="6">
        <v>344</v>
      </c>
      <c r="S113" s="6">
        <v>901</v>
      </c>
      <c r="T113" s="6">
        <v>175</v>
      </c>
      <c r="U113" s="10" t="s">
        <v>55</v>
      </c>
      <c r="V113" s="6">
        <v>726</v>
      </c>
      <c r="W113" s="6">
        <v>75</v>
      </c>
      <c r="X113" s="6">
        <v>2581</v>
      </c>
      <c r="Y113" s="6">
        <v>2456</v>
      </c>
      <c r="Z113" s="6">
        <v>42</v>
      </c>
      <c r="AA113" s="6">
        <v>1</v>
      </c>
      <c r="AB113" s="6">
        <v>82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102</v>
      </c>
      <c r="I114" s="9" t="s">
        <v>53</v>
      </c>
      <c r="J114" s="9" t="s">
        <v>41</v>
      </c>
      <c r="K114" s="6">
        <v>4944</v>
      </c>
      <c r="L114" s="6">
        <v>2692</v>
      </c>
      <c r="M114" s="6">
        <v>2452</v>
      </c>
      <c r="N114" s="6">
        <v>2099</v>
      </c>
      <c r="O114" s="6">
        <v>155</v>
      </c>
      <c r="P114" s="10" t="s">
        <v>55</v>
      </c>
      <c r="Q114" s="6">
        <v>198</v>
      </c>
      <c r="R114" s="6">
        <v>240</v>
      </c>
      <c r="S114" s="6">
        <v>2119</v>
      </c>
      <c r="T114" s="6">
        <v>312</v>
      </c>
      <c r="U114" s="10" t="s">
        <v>55</v>
      </c>
      <c r="V114" s="6">
        <v>1807</v>
      </c>
      <c r="W114" s="6">
        <v>133</v>
      </c>
      <c r="X114" s="6">
        <v>1702</v>
      </c>
      <c r="Y114" s="6">
        <v>1516</v>
      </c>
      <c r="Z114" s="6">
        <v>91</v>
      </c>
      <c r="AA114" s="10" t="s">
        <v>55</v>
      </c>
      <c r="AB114" s="6">
        <v>95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102</v>
      </c>
      <c r="I115" s="9" t="s">
        <v>53</v>
      </c>
      <c r="J115" s="9" t="s">
        <v>42</v>
      </c>
      <c r="K115" s="6">
        <v>3955</v>
      </c>
      <c r="L115" s="6">
        <v>1405</v>
      </c>
      <c r="M115" s="6">
        <v>1295</v>
      </c>
      <c r="N115" s="6">
        <v>1038</v>
      </c>
      <c r="O115" s="6">
        <v>119</v>
      </c>
      <c r="P115" s="10" t="s">
        <v>55</v>
      </c>
      <c r="Q115" s="6">
        <v>138</v>
      </c>
      <c r="R115" s="6">
        <v>110</v>
      </c>
      <c r="S115" s="6">
        <v>2418</v>
      </c>
      <c r="T115" s="6">
        <v>276</v>
      </c>
      <c r="U115" s="10" t="s">
        <v>55</v>
      </c>
      <c r="V115" s="6">
        <v>2142</v>
      </c>
      <c r="W115" s="6">
        <v>132</v>
      </c>
      <c r="X115" s="6">
        <v>787</v>
      </c>
      <c r="Y115" s="6">
        <v>668</v>
      </c>
      <c r="Z115" s="6">
        <v>60</v>
      </c>
      <c r="AA115" s="10" t="s">
        <v>55</v>
      </c>
      <c r="AB115" s="6">
        <v>59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102</v>
      </c>
      <c r="I116" s="9" t="s">
        <v>53</v>
      </c>
      <c r="J116" s="9" t="s">
        <v>43</v>
      </c>
      <c r="K116" s="6">
        <v>1843</v>
      </c>
      <c r="L116" s="6">
        <v>381</v>
      </c>
      <c r="M116" s="6">
        <v>365</v>
      </c>
      <c r="N116" s="6">
        <v>287</v>
      </c>
      <c r="O116" s="6">
        <v>53</v>
      </c>
      <c r="P116" s="10" t="s">
        <v>55</v>
      </c>
      <c r="Q116" s="6">
        <v>25</v>
      </c>
      <c r="R116" s="6">
        <v>16</v>
      </c>
      <c r="S116" s="6">
        <v>1366</v>
      </c>
      <c r="T116" s="6">
        <v>120</v>
      </c>
      <c r="U116" s="10" t="s">
        <v>55</v>
      </c>
      <c r="V116" s="6">
        <v>1246</v>
      </c>
      <c r="W116" s="6">
        <v>96</v>
      </c>
      <c r="X116" s="6">
        <v>195</v>
      </c>
      <c r="Y116" s="6">
        <v>166</v>
      </c>
      <c r="Z116" s="6">
        <v>19</v>
      </c>
      <c r="AA116" s="10" t="s">
        <v>55</v>
      </c>
      <c r="AB116" s="6">
        <v>10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102</v>
      </c>
      <c r="I117" s="9" t="s">
        <v>53</v>
      </c>
      <c r="J117" s="9" t="s">
        <v>44</v>
      </c>
      <c r="K117" s="6">
        <v>944</v>
      </c>
      <c r="L117" s="6">
        <v>88</v>
      </c>
      <c r="M117" s="6">
        <v>86</v>
      </c>
      <c r="N117" s="6">
        <v>62</v>
      </c>
      <c r="O117" s="6">
        <v>15</v>
      </c>
      <c r="P117" s="10" t="s">
        <v>55</v>
      </c>
      <c r="Q117" s="6">
        <v>9</v>
      </c>
      <c r="R117" s="6">
        <v>2</v>
      </c>
      <c r="S117" s="6">
        <v>803</v>
      </c>
      <c r="T117" s="6">
        <v>61</v>
      </c>
      <c r="U117" s="10" t="s">
        <v>55</v>
      </c>
      <c r="V117" s="6">
        <v>742</v>
      </c>
      <c r="W117" s="6">
        <v>53</v>
      </c>
      <c r="X117" s="6">
        <v>31</v>
      </c>
      <c r="Y117" s="6">
        <v>24</v>
      </c>
      <c r="Z117" s="6">
        <v>5</v>
      </c>
      <c r="AA117" s="10" t="s">
        <v>55</v>
      </c>
      <c r="AB117" s="6">
        <v>2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102</v>
      </c>
      <c r="I118" s="9" t="s">
        <v>53</v>
      </c>
      <c r="J118" s="9" t="s">
        <v>45</v>
      </c>
      <c r="K118" s="6">
        <v>374</v>
      </c>
      <c r="L118" s="6">
        <v>29</v>
      </c>
      <c r="M118" s="6">
        <v>29</v>
      </c>
      <c r="N118" s="6">
        <v>20</v>
      </c>
      <c r="O118" s="6">
        <v>3</v>
      </c>
      <c r="P118" s="10" t="s">
        <v>55</v>
      </c>
      <c r="Q118" s="6">
        <v>6</v>
      </c>
      <c r="R118" s="10" t="s">
        <v>55</v>
      </c>
      <c r="S118" s="6">
        <v>335</v>
      </c>
      <c r="T118" s="6">
        <v>23</v>
      </c>
      <c r="U118" s="10" t="s">
        <v>55</v>
      </c>
      <c r="V118" s="6">
        <v>312</v>
      </c>
      <c r="W118" s="6">
        <v>10</v>
      </c>
      <c r="X118" s="6">
        <v>15</v>
      </c>
      <c r="Y118" s="6">
        <v>13</v>
      </c>
      <c r="Z118" s="6">
        <v>1</v>
      </c>
      <c r="AA118" s="10" t="s">
        <v>55</v>
      </c>
      <c r="AB118" s="6">
        <v>1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102</v>
      </c>
      <c r="I119" s="9" t="s">
        <v>53</v>
      </c>
      <c r="J119" s="9" t="s">
        <v>46</v>
      </c>
      <c r="K119" s="6">
        <v>98</v>
      </c>
      <c r="L119" s="6">
        <v>5</v>
      </c>
      <c r="M119" s="6">
        <v>5</v>
      </c>
      <c r="N119" s="6">
        <v>4</v>
      </c>
      <c r="O119" s="6">
        <v>1</v>
      </c>
      <c r="P119" s="10" t="s">
        <v>55</v>
      </c>
      <c r="Q119" s="10" t="s">
        <v>55</v>
      </c>
      <c r="R119" s="10" t="s">
        <v>55</v>
      </c>
      <c r="S119" s="6">
        <v>89</v>
      </c>
      <c r="T119" s="6">
        <v>6</v>
      </c>
      <c r="U119" s="10" t="s">
        <v>55</v>
      </c>
      <c r="V119" s="6">
        <v>83</v>
      </c>
      <c r="W119" s="6">
        <v>4</v>
      </c>
      <c r="X119" s="6">
        <v>2</v>
      </c>
      <c r="Y119" s="6">
        <v>2</v>
      </c>
      <c r="Z119" s="10" t="s">
        <v>55</v>
      </c>
      <c r="AA119" s="10" t="s">
        <v>55</v>
      </c>
      <c r="AB119" s="10" t="s">
        <v>55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102</v>
      </c>
      <c r="I120" s="9" t="s">
        <v>53</v>
      </c>
      <c r="J120" s="9" t="s">
        <v>47</v>
      </c>
      <c r="K120" s="6">
        <v>11</v>
      </c>
      <c r="L120" s="10" t="s">
        <v>55</v>
      </c>
      <c r="M120" s="10" t="s">
        <v>55</v>
      </c>
      <c r="N120" s="10" t="s">
        <v>55</v>
      </c>
      <c r="O120" s="10" t="s">
        <v>55</v>
      </c>
      <c r="P120" s="10" t="s">
        <v>55</v>
      </c>
      <c r="Q120" s="10" t="s">
        <v>55</v>
      </c>
      <c r="R120" s="10" t="s">
        <v>55</v>
      </c>
      <c r="S120" s="6">
        <v>10</v>
      </c>
      <c r="T120" s="10" t="s">
        <v>55</v>
      </c>
      <c r="U120" s="10" t="s">
        <v>55</v>
      </c>
      <c r="V120" s="6">
        <v>10</v>
      </c>
      <c r="W120" s="6">
        <v>1</v>
      </c>
      <c r="X120" s="10" t="s">
        <v>55</v>
      </c>
      <c r="Y120" s="10" t="s">
        <v>55</v>
      </c>
      <c r="Z120" s="10" t="s">
        <v>55</v>
      </c>
      <c r="AA120" s="10" t="s">
        <v>55</v>
      </c>
      <c r="AB120" s="10" t="s">
        <v>55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102</v>
      </c>
      <c r="I121" s="9" t="s">
        <v>53</v>
      </c>
      <c r="J121" s="9" t="s">
        <v>48</v>
      </c>
      <c r="K121" s="6">
        <v>22830</v>
      </c>
      <c r="L121" s="6">
        <v>20496</v>
      </c>
      <c r="M121" s="6">
        <v>18942</v>
      </c>
      <c r="N121" s="6">
        <v>18154</v>
      </c>
      <c r="O121" s="6">
        <v>251</v>
      </c>
      <c r="P121" s="6">
        <v>5</v>
      </c>
      <c r="Q121" s="6">
        <v>532</v>
      </c>
      <c r="R121" s="6">
        <v>1554</v>
      </c>
      <c r="S121" s="6">
        <v>1961</v>
      </c>
      <c r="T121" s="6">
        <v>381</v>
      </c>
      <c r="U121" s="6">
        <v>18</v>
      </c>
      <c r="V121" s="6">
        <v>1562</v>
      </c>
      <c r="W121" s="6">
        <v>373</v>
      </c>
      <c r="X121" s="6">
        <v>15616</v>
      </c>
      <c r="Y121" s="6">
        <v>15163</v>
      </c>
      <c r="Z121" s="6">
        <v>134</v>
      </c>
      <c r="AA121" s="6">
        <v>4</v>
      </c>
      <c r="AB121" s="6">
        <v>315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102</v>
      </c>
      <c r="I122" s="9" t="s">
        <v>53</v>
      </c>
      <c r="J122" s="9" t="s">
        <v>49</v>
      </c>
      <c r="K122" s="6">
        <v>12169</v>
      </c>
      <c r="L122" s="6">
        <v>4600</v>
      </c>
      <c r="M122" s="6">
        <v>4232</v>
      </c>
      <c r="N122" s="6">
        <v>3510</v>
      </c>
      <c r="O122" s="6">
        <v>346</v>
      </c>
      <c r="P122" s="10" t="s">
        <v>55</v>
      </c>
      <c r="Q122" s="6">
        <v>376</v>
      </c>
      <c r="R122" s="6">
        <v>368</v>
      </c>
      <c r="S122" s="6">
        <v>7140</v>
      </c>
      <c r="T122" s="6">
        <v>798</v>
      </c>
      <c r="U122" s="10" t="s">
        <v>55</v>
      </c>
      <c r="V122" s="6">
        <v>6342</v>
      </c>
      <c r="W122" s="6">
        <v>429</v>
      </c>
      <c r="X122" s="6">
        <v>2732</v>
      </c>
      <c r="Y122" s="6">
        <v>2389</v>
      </c>
      <c r="Z122" s="6">
        <v>176</v>
      </c>
      <c r="AA122" s="10" t="s">
        <v>55</v>
      </c>
      <c r="AB122" s="6">
        <v>167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102</v>
      </c>
      <c r="I123" s="9" t="s">
        <v>53</v>
      </c>
      <c r="J123" s="9" t="s">
        <v>50</v>
      </c>
      <c r="K123" s="6">
        <v>3270</v>
      </c>
      <c r="L123" s="6">
        <v>503</v>
      </c>
      <c r="M123" s="6">
        <v>485</v>
      </c>
      <c r="N123" s="6">
        <v>373</v>
      </c>
      <c r="O123" s="6">
        <v>72</v>
      </c>
      <c r="P123" s="10" t="s">
        <v>55</v>
      </c>
      <c r="Q123" s="6">
        <v>40</v>
      </c>
      <c r="R123" s="6">
        <v>18</v>
      </c>
      <c r="S123" s="6">
        <v>2603</v>
      </c>
      <c r="T123" s="6">
        <v>210</v>
      </c>
      <c r="U123" s="10" t="s">
        <v>55</v>
      </c>
      <c r="V123" s="6">
        <v>2393</v>
      </c>
      <c r="W123" s="6">
        <v>164</v>
      </c>
      <c r="X123" s="6">
        <v>243</v>
      </c>
      <c r="Y123" s="6">
        <v>205</v>
      </c>
      <c r="Z123" s="6">
        <v>25</v>
      </c>
      <c r="AA123" s="10" t="s">
        <v>55</v>
      </c>
      <c r="AB123" s="6">
        <v>13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102</v>
      </c>
      <c r="I124" s="9" t="s">
        <v>53</v>
      </c>
      <c r="J124" s="9" t="s">
        <v>51</v>
      </c>
      <c r="K124" s="6">
        <v>483</v>
      </c>
      <c r="L124" s="6">
        <v>34</v>
      </c>
      <c r="M124" s="6">
        <v>34</v>
      </c>
      <c r="N124" s="6">
        <v>24</v>
      </c>
      <c r="O124" s="6">
        <v>4</v>
      </c>
      <c r="P124" s="10" t="s">
        <v>55</v>
      </c>
      <c r="Q124" s="6">
        <v>6</v>
      </c>
      <c r="R124" s="10" t="s">
        <v>55</v>
      </c>
      <c r="S124" s="6">
        <v>434</v>
      </c>
      <c r="T124" s="6">
        <v>29</v>
      </c>
      <c r="U124" s="10" t="s">
        <v>55</v>
      </c>
      <c r="V124" s="6">
        <v>405</v>
      </c>
      <c r="W124" s="6">
        <v>15</v>
      </c>
      <c r="X124" s="6">
        <v>17</v>
      </c>
      <c r="Y124" s="6">
        <v>15</v>
      </c>
      <c r="Z124" s="6">
        <v>1</v>
      </c>
      <c r="AA124" s="10" t="s">
        <v>55</v>
      </c>
      <c r="AB124" s="6">
        <v>1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102</v>
      </c>
      <c r="I125" s="9" t="s">
        <v>53</v>
      </c>
      <c r="J125" s="9" t="s">
        <v>52</v>
      </c>
      <c r="K125" s="6">
        <v>27768</v>
      </c>
      <c r="L125" s="6">
        <v>23187</v>
      </c>
      <c r="M125" s="6">
        <v>21393</v>
      </c>
      <c r="N125" s="6">
        <v>20252</v>
      </c>
      <c r="O125" s="6">
        <v>406</v>
      </c>
      <c r="P125" s="6">
        <v>5</v>
      </c>
      <c r="Q125" s="6">
        <v>730</v>
      </c>
      <c r="R125" s="6">
        <v>1794</v>
      </c>
      <c r="S125" s="6">
        <v>4075</v>
      </c>
      <c r="T125" s="6">
        <v>693</v>
      </c>
      <c r="U125" s="6">
        <v>13</v>
      </c>
      <c r="V125" s="6">
        <v>3369</v>
      </c>
      <c r="W125" s="6">
        <v>506</v>
      </c>
      <c r="X125" s="6">
        <v>17317</v>
      </c>
      <c r="Y125" s="6">
        <v>16678</v>
      </c>
      <c r="Z125" s="6">
        <v>225</v>
      </c>
      <c r="AA125" s="6">
        <v>4</v>
      </c>
      <c r="AB125" s="6">
        <v>410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102</v>
      </c>
      <c r="I126" s="9" t="s">
        <v>54</v>
      </c>
      <c r="J126" s="9" t="s">
        <v>30</v>
      </c>
      <c r="K126" s="6">
        <v>60941</v>
      </c>
      <c r="L126" s="6">
        <v>42623</v>
      </c>
      <c r="M126" s="6">
        <v>40586</v>
      </c>
      <c r="N126" s="6">
        <v>35672</v>
      </c>
      <c r="O126" s="6">
        <v>3866</v>
      </c>
      <c r="P126" s="6">
        <v>77</v>
      </c>
      <c r="Q126" s="6">
        <v>971</v>
      </c>
      <c r="R126" s="6">
        <v>2037</v>
      </c>
      <c r="S126" s="6">
        <v>16858</v>
      </c>
      <c r="T126" s="6">
        <v>7158</v>
      </c>
      <c r="U126" s="6">
        <v>91</v>
      </c>
      <c r="V126" s="6">
        <v>9609</v>
      </c>
      <c r="W126" s="6">
        <v>1460</v>
      </c>
      <c r="X126" s="6">
        <v>37075</v>
      </c>
      <c r="Y126" s="6">
        <v>33095</v>
      </c>
      <c r="Z126" s="6">
        <v>3147</v>
      </c>
      <c r="AA126" s="6">
        <v>74</v>
      </c>
      <c r="AB126" s="6">
        <v>759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102</v>
      </c>
      <c r="I127" s="9" t="s">
        <v>54</v>
      </c>
      <c r="J127" s="9" t="s">
        <v>31</v>
      </c>
      <c r="K127" s="6">
        <v>17</v>
      </c>
      <c r="L127" s="6">
        <v>11</v>
      </c>
      <c r="M127" s="6">
        <v>8</v>
      </c>
      <c r="N127" s="6">
        <v>4</v>
      </c>
      <c r="O127" s="6">
        <v>1</v>
      </c>
      <c r="P127" s="6">
        <v>2</v>
      </c>
      <c r="Q127" s="6">
        <v>1</v>
      </c>
      <c r="R127" s="6">
        <v>3</v>
      </c>
      <c r="S127" s="6">
        <v>3</v>
      </c>
      <c r="T127" s="10" t="s">
        <v>55</v>
      </c>
      <c r="U127" s="6">
        <v>3</v>
      </c>
      <c r="V127" s="10" t="s">
        <v>55</v>
      </c>
      <c r="W127" s="6">
        <v>3</v>
      </c>
      <c r="X127" s="6">
        <v>8</v>
      </c>
      <c r="Y127" s="6">
        <v>4</v>
      </c>
      <c r="Z127" s="6">
        <v>1</v>
      </c>
      <c r="AA127" s="6">
        <v>2</v>
      </c>
      <c r="AB127" s="6">
        <v>1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102</v>
      </c>
      <c r="I128" s="9" t="s">
        <v>54</v>
      </c>
      <c r="J128" s="9" t="s">
        <v>32</v>
      </c>
      <c r="K128" s="6">
        <v>304</v>
      </c>
      <c r="L128" s="6">
        <v>251</v>
      </c>
      <c r="M128" s="6">
        <v>220</v>
      </c>
      <c r="N128" s="6">
        <v>184</v>
      </c>
      <c r="O128" s="6">
        <v>21</v>
      </c>
      <c r="P128" s="6">
        <v>4</v>
      </c>
      <c r="Q128" s="6">
        <v>11</v>
      </c>
      <c r="R128" s="6">
        <v>31</v>
      </c>
      <c r="S128" s="6">
        <v>35</v>
      </c>
      <c r="T128" s="6">
        <v>22</v>
      </c>
      <c r="U128" s="6">
        <v>4</v>
      </c>
      <c r="V128" s="6">
        <v>9</v>
      </c>
      <c r="W128" s="6">
        <v>18</v>
      </c>
      <c r="X128" s="6">
        <v>208</v>
      </c>
      <c r="Y128" s="6">
        <v>178</v>
      </c>
      <c r="Z128" s="6">
        <v>18</v>
      </c>
      <c r="AA128" s="6">
        <v>3</v>
      </c>
      <c r="AB128" s="6">
        <v>9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102</v>
      </c>
      <c r="I129" s="9" t="s">
        <v>54</v>
      </c>
      <c r="J129" s="9" t="s">
        <v>33</v>
      </c>
      <c r="K129" s="6">
        <v>1157</v>
      </c>
      <c r="L129" s="6">
        <v>1039</v>
      </c>
      <c r="M129" s="6">
        <v>970</v>
      </c>
      <c r="N129" s="6">
        <v>862</v>
      </c>
      <c r="O129" s="6">
        <v>75</v>
      </c>
      <c r="P129" s="6">
        <v>12</v>
      </c>
      <c r="Q129" s="6">
        <v>21</v>
      </c>
      <c r="R129" s="6">
        <v>69</v>
      </c>
      <c r="S129" s="6">
        <v>72</v>
      </c>
      <c r="T129" s="6">
        <v>46</v>
      </c>
      <c r="U129" s="6">
        <v>15</v>
      </c>
      <c r="V129" s="6">
        <v>11</v>
      </c>
      <c r="W129" s="6">
        <v>46</v>
      </c>
      <c r="X129" s="6">
        <v>921</v>
      </c>
      <c r="Y129" s="6">
        <v>827</v>
      </c>
      <c r="Z129" s="6">
        <v>65</v>
      </c>
      <c r="AA129" s="6">
        <v>10</v>
      </c>
      <c r="AB129" s="6">
        <v>19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102</v>
      </c>
      <c r="I130" s="9" t="s">
        <v>54</v>
      </c>
      <c r="J130" s="9" t="s">
        <v>34</v>
      </c>
      <c r="K130" s="6">
        <v>2442</v>
      </c>
      <c r="L130" s="6">
        <v>2207</v>
      </c>
      <c r="M130" s="6">
        <v>2093</v>
      </c>
      <c r="N130" s="6">
        <v>1880</v>
      </c>
      <c r="O130" s="6">
        <v>153</v>
      </c>
      <c r="P130" s="6">
        <v>19</v>
      </c>
      <c r="Q130" s="6">
        <v>41</v>
      </c>
      <c r="R130" s="6">
        <v>114</v>
      </c>
      <c r="S130" s="6">
        <v>159</v>
      </c>
      <c r="T130" s="6">
        <v>103</v>
      </c>
      <c r="U130" s="6">
        <v>22</v>
      </c>
      <c r="V130" s="6">
        <v>34</v>
      </c>
      <c r="W130" s="6">
        <v>76</v>
      </c>
      <c r="X130" s="6">
        <v>1994</v>
      </c>
      <c r="Y130" s="6">
        <v>1804</v>
      </c>
      <c r="Z130" s="6">
        <v>132</v>
      </c>
      <c r="AA130" s="6">
        <v>19</v>
      </c>
      <c r="AB130" s="6">
        <v>39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102</v>
      </c>
      <c r="I131" s="9" t="s">
        <v>54</v>
      </c>
      <c r="J131" s="9" t="s">
        <v>35</v>
      </c>
      <c r="K131" s="6">
        <v>3957</v>
      </c>
      <c r="L131" s="6">
        <v>3654</v>
      </c>
      <c r="M131" s="6">
        <v>3486</v>
      </c>
      <c r="N131" s="6">
        <v>3179</v>
      </c>
      <c r="O131" s="6">
        <v>220</v>
      </c>
      <c r="P131" s="6">
        <v>15</v>
      </c>
      <c r="Q131" s="6">
        <v>72</v>
      </c>
      <c r="R131" s="6">
        <v>168</v>
      </c>
      <c r="S131" s="6">
        <v>201</v>
      </c>
      <c r="T131" s="6">
        <v>125</v>
      </c>
      <c r="U131" s="6">
        <v>24</v>
      </c>
      <c r="V131" s="6">
        <v>52</v>
      </c>
      <c r="W131" s="6">
        <v>102</v>
      </c>
      <c r="X131" s="6">
        <v>3284</v>
      </c>
      <c r="Y131" s="6">
        <v>3023</v>
      </c>
      <c r="Z131" s="6">
        <v>181</v>
      </c>
      <c r="AA131" s="6">
        <v>15</v>
      </c>
      <c r="AB131" s="6">
        <v>65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102</v>
      </c>
      <c r="I132" s="9" t="s">
        <v>54</v>
      </c>
      <c r="J132" s="9" t="s">
        <v>36</v>
      </c>
      <c r="K132" s="6">
        <v>5440</v>
      </c>
      <c r="L132" s="6">
        <v>5051</v>
      </c>
      <c r="M132" s="6">
        <v>4831</v>
      </c>
      <c r="N132" s="6">
        <v>4447</v>
      </c>
      <c r="O132" s="6">
        <v>291</v>
      </c>
      <c r="P132" s="6">
        <v>16</v>
      </c>
      <c r="Q132" s="6">
        <v>77</v>
      </c>
      <c r="R132" s="6">
        <v>220</v>
      </c>
      <c r="S132" s="6">
        <v>280</v>
      </c>
      <c r="T132" s="6">
        <v>174</v>
      </c>
      <c r="U132" s="6">
        <v>8</v>
      </c>
      <c r="V132" s="6">
        <v>98</v>
      </c>
      <c r="W132" s="6">
        <v>109</v>
      </c>
      <c r="X132" s="6">
        <v>4534</v>
      </c>
      <c r="Y132" s="6">
        <v>4199</v>
      </c>
      <c r="Z132" s="6">
        <v>248</v>
      </c>
      <c r="AA132" s="6">
        <v>16</v>
      </c>
      <c r="AB132" s="6">
        <v>71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102</v>
      </c>
      <c r="I133" s="9" t="s">
        <v>54</v>
      </c>
      <c r="J133" s="9" t="s">
        <v>37</v>
      </c>
      <c r="K133" s="6">
        <v>6911</v>
      </c>
      <c r="L133" s="6">
        <v>6358</v>
      </c>
      <c r="M133" s="6">
        <v>6023</v>
      </c>
      <c r="N133" s="6">
        <v>5585</v>
      </c>
      <c r="O133" s="6">
        <v>333</v>
      </c>
      <c r="P133" s="6">
        <v>3</v>
      </c>
      <c r="Q133" s="6">
        <v>102</v>
      </c>
      <c r="R133" s="6">
        <v>335</v>
      </c>
      <c r="S133" s="6">
        <v>427</v>
      </c>
      <c r="T133" s="6">
        <v>279</v>
      </c>
      <c r="U133" s="6">
        <v>10</v>
      </c>
      <c r="V133" s="6">
        <v>138</v>
      </c>
      <c r="W133" s="6">
        <v>126</v>
      </c>
      <c r="X133" s="6">
        <v>5603</v>
      </c>
      <c r="Y133" s="6">
        <v>5235</v>
      </c>
      <c r="Z133" s="6">
        <v>278</v>
      </c>
      <c r="AA133" s="6">
        <v>3</v>
      </c>
      <c r="AB133" s="6">
        <v>87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102</v>
      </c>
      <c r="I134" s="9" t="s">
        <v>54</v>
      </c>
      <c r="J134" s="9" t="s">
        <v>38</v>
      </c>
      <c r="K134" s="6">
        <v>6777</v>
      </c>
      <c r="L134" s="6">
        <v>6116</v>
      </c>
      <c r="M134" s="6">
        <v>5807</v>
      </c>
      <c r="N134" s="6">
        <v>5357</v>
      </c>
      <c r="O134" s="6">
        <v>328</v>
      </c>
      <c r="P134" s="6">
        <v>3</v>
      </c>
      <c r="Q134" s="6">
        <v>119</v>
      </c>
      <c r="R134" s="6">
        <v>309</v>
      </c>
      <c r="S134" s="6">
        <v>536</v>
      </c>
      <c r="T134" s="6">
        <v>358</v>
      </c>
      <c r="U134" s="6">
        <v>1</v>
      </c>
      <c r="V134" s="6">
        <v>177</v>
      </c>
      <c r="W134" s="6">
        <v>125</v>
      </c>
      <c r="X134" s="6">
        <v>5385</v>
      </c>
      <c r="Y134" s="6">
        <v>5005</v>
      </c>
      <c r="Z134" s="6">
        <v>279</v>
      </c>
      <c r="AA134" s="6">
        <v>3</v>
      </c>
      <c r="AB134" s="6">
        <v>98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102</v>
      </c>
      <c r="I135" s="9" t="s">
        <v>54</v>
      </c>
      <c r="J135" s="9" t="s">
        <v>39</v>
      </c>
      <c r="K135" s="6">
        <v>6822</v>
      </c>
      <c r="L135" s="6">
        <v>5987</v>
      </c>
      <c r="M135" s="6">
        <v>5719</v>
      </c>
      <c r="N135" s="6">
        <v>5181</v>
      </c>
      <c r="O135" s="6">
        <v>424</v>
      </c>
      <c r="P135" s="6">
        <v>3</v>
      </c>
      <c r="Q135" s="6">
        <v>111</v>
      </c>
      <c r="R135" s="6">
        <v>268</v>
      </c>
      <c r="S135" s="6">
        <v>746</v>
      </c>
      <c r="T135" s="6">
        <v>486</v>
      </c>
      <c r="U135" s="6">
        <v>2</v>
      </c>
      <c r="V135" s="6">
        <v>258</v>
      </c>
      <c r="W135" s="6">
        <v>89</v>
      </c>
      <c r="X135" s="6">
        <v>5265</v>
      </c>
      <c r="Y135" s="6">
        <v>4839</v>
      </c>
      <c r="Z135" s="6">
        <v>336</v>
      </c>
      <c r="AA135" s="6">
        <v>3</v>
      </c>
      <c r="AB135" s="6">
        <v>87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102</v>
      </c>
      <c r="I136" s="9" t="s">
        <v>54</v>
      </c>
      <c r="J136" s="9" t="s">
        <v>40</v>
      </c>
      <c r="K136" s="6">
        <v>6861</v>
      </c>
      <c r="L136" s="6">
        <v>5388</v>
      </c>
      <c r="M136" s="6">
        <v>5106</v>
      </c>
      <c r="N136" s="6">
        <v>4494</v>
      </c>
      <c r="O136" s="6">
        <v>493</v>
      </c>
      <c r="P136" s="10" t="s">
        <v>55</v>
      </c>
      <c r="Q136" s="6">
        <v>119</v>
      </c>
      <c r="R136" s="6">
        <v>282</v>
      </c>
      <c r="S136" s="6">
        <v>1404</v>
      </c>
      <c r="T136" s="6">
        <v>864</v>
      </c>
      <c r="U136" s="6">
        <v>1</v>
      </c>
      <c r="V136" s="6">
        <v>539</v>
      </c>
      <c r="W136" s="6">
        <v>69</v>
      </c>
      <c r="X136" s="6">
        <v>4650</v>
      </c>
      <c r="Y136" s="6">
        <v>4152</v>
      </c>
      <c r="Z136" s="6">
        <v>407</v>
      </c>
      <c r="AA136" s="10" t="s">
        <v>55</v>
      </c>
      <c r="AB136" s="6">
        <v>91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102</v>
      </c>
      <c r="I137" s="9" t="s">
        <v>54</v>
      </c>
      <c r="J137" s="9" t="s">
        <v>41</v>
      </c>
      <c r="K137" s="6">
        <v>6766</v>
      </c>
      <c r="L137" s="6">
        <v>3816</v>
      </c>
      <c r="M137" s="6">
        <v>3655</v>
      </c>
      <c r="N137" s="6">
        <v>2815</v>
      </c>
      <c r="O137" s="6">
        <v>702</v>
      </c>
      <c r="P137" s="10" t="s">
        <v>55</v>
      </c>
      <c r="Q137" s="6">
        <v>138</v>
      </c>
      <c r="R137" s="6">
        <v>161</v>
      </c>
      <c r="S137" s="6">
        <v>2846</v>
      </c>
      <c r="T137" s="6">
        <v>1443</v>
      </c>
      <c r="U137" s="10" t="s">
        <v>55</v>
      </c>
      <c r="V137" s="6">
        <v>1403</v>
      </c>
      <c r="W137" s="6">
        <v>104</v>
      </c>
      <c r="X137" s="6">
        <v>3205</v>
      </c>
      <c r="Y137" s="6">
        <v>2515</v>
      </c>
      <c r="Z137" s="6">
        <v>594</v>
      </c>
      <c r="AA137" s="10" t="s">
        <v>55</v>
      </c>
      <c r="AB137" s="6">
        <v>96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102</v>
      </c>
      <c r="I138" s="9" t="s">
        <v>54</v>
      </c>
      <c r="J138" s="9" t="s">
        <v>42</v>
      </c>
      <c r="K138" s="6">
        <v>6085</v>
      </c>
      <c r="L138" s="6">
        <v>2076</v>
      </c>
      <c r="M138" s="6">
        <v>2016</v>
      </c>
      <c r="N138" s="6">
        <v>1307</v>
      </c>
      <c r="O138" s="6">
        <v>597</v>
      </c>
      <c r="P138" s="10" t="s">
        <v>55</v>
      </c>
      <c r="Q138" s="6">
        <v>112</v>
      </c>
      <c r="R138" s="6">
        <v>60</v>
      </c>
      <c r="S138" s="6">
        <v>3791</v>
      </c>
      <c r="T138" s="6">
        <v>1631</v>
      </c>
      <c r="U138" s="6">
        <v>1</v>
      </c>
      <c r="V138" s="6">
        <v>2159</v>
      </c>
      <c r="W138" s="6">
        <v>218</v>
      </c>
      <c r="X138" s="6">
        <v>1610</v>
      </c>
      <c r="Y138" s="6">
        <v>1071</v>
      </c>
      <c r="Z138" s="6">
        <v>461</v>
      </c>
      <c r="AA138" s="10" t="s">
        <v>55</v>
      </c>
      <c r="AB138" s="6">
        <v>78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102</v>
      </c>
      <c r="I139" s="9" t="s">
        <v>54</v>
      </c>
      <c r="J139" s="9" t="s">
        <v>43</v>
      </c>
      <c r="K139" s="6">
        <v>3301</v>
      </c>
      <c r="L139" s="6">
        <v>521</v>
      </c>
      <c r="M139" s="6">
        <v>509</v>
      </c>
      <c r="N139" s="6">
        <v>301</v>
      </c>
      <c r="O139" s="6">
        <v>177</v>
      </c>
      <c r="P139" s="10" t="s">
        <v>55</v>
      </c>
      <c r="Q139" s="6">
        <v>31</v>
      </c>
      <c r="R139" s="6">
        <v>12</v>
      </c>
      <c r="S139" s="6">
        <v>2590</v>
      </c>
      <c r="T139" s="6">
        <v>853</v>
      </c>
      <c r="U139" s="10" t="s">
        <v>55</v>
      </c>
      <c r="V139" s="6">
        <v>1737</v>
      </c>
      <c r="W139" s="6">
        <v>190</v>
      </c>
      <c r="X139" s="6">
        <v>343</v>
      </c>
      <c r="Y139" s="6">
        <v>201</v>
      </c>
      <c r="Z139" s="6">
        <v>126</v>
      </c>
      <c r="AA139" s="10" t="s">
        <v>55</v>
      </c>
      <c r="AB139" s="6">
        <v>16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102</v>
      </c>
      <c r="I140" s="9" t="s">
        <v>54</v>
      </c>
      <c r="J140" s="9" t="s">
        <v>44</v>
      </c>
      <c r="K140" s="6">
        <v>2035</v>
      </c>
      <c r="L140" s="6">
        <v>108</v>
      </c>
      <c r="M140" s="6">
        <v>103</v>
      </c>
      <c r="N140" s="6">
        <v>58</v>
      </c>
      <c r="O140" s="6">
        <v>33</v>
      </c>
      <c r="P140" s="10" t="s">
        <v>55</v>
      </c>
      <c r="Q140" s="6">
        <v>12</v>
      </c>
      <c r="R140" s="6">
        <v>5</v>
      </c>
      <c r="S140" s="6">
        <v>1809</v>
      </c>
      <c r="T140" s="6">
        <v>477</v>
      </c>
      <c r="U140" s="10" t="s">
        <v>55</v>
      </c>
      <c r="V140" s="6">
        <v>1332</v>
      </c>
      <c r="W140" s="6">
        <v>118</v>
      </c>
      <c r="X140" s="6">
        <v>51</v>
      </c>
      <c r="Y140" s="6">
        <v>34</v>
      </c>
      <c r="Z140" s="6">
        <v>15</v>
      </c>
      <c r="AA140" s="10" t="s">
        <v>55</v>
      </c>
      <c r="AB140" s="6">
        <v>2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102</v>
      </c>
      <c r="I141" s="9" t="s">
        <v>54</v>
      </c>
      <c r="J141" s="9" t="s">
        <v>45</v>
      </c>
      <c r="K141" s="6">
        <v>1240</v>
      </c>
      <c r="L141" s="6">
        <v>29</v>
      </c>
      <c r="M141" s="6">
        <v>29</v>
      </c>
      <c r="N141" s="6">
        <v>13</v>
      </c>
      <c r="O141" s="6">
        <v>13</v>
      </c>
      <c r="P141" s="10" t="s">
        <v>55</v>
      </c>
      <c r="Q141" s="6">
        <v>3</v>
      </c>
      <c r="R141" s="10" t="s">
        <v>55</v>
      </c>
      <c r="S141" s="6">
        <v>1156</v>
      </c>
      <c r="T141" s="6">
        <v>230</v>
      </c>
      <c r="U141" s="10" t="s">
        <v>55</v>
      </c>
      <c r="V141" s="6">
        <v>926</v>
      </c>
      <c r="W141" s="6">
        <v>55</v>
      </c>
      <c r="X141" s="6">
        <v>11</v>
      </c>
      <c r="Y141" s="6">
        <v>6</v>
      </c>
      <c r="Z141" s="6">
        <v>5</v>
      </c>
      <c r="AA141" s="10" t="s">
        <v>55</v>
      </c>
      <c r="AB141" s="10" t="s">
        <v>55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102</v>
      </c>
      <c r="I142" s="9" t="s">
        <v>54</v>
      </c>
      <c r="J142" s="9" t="s">
        <v>46</v>
      </c>
      <c r="K142" s="6">
        <v>625</v>
      </c>
      <c r="L142" s="6">
        <v>11</v>
      </c>
      <c r="M142" s="6">
        <v>11</v>
      </c>
      <c r="N142" s="6">
        <v>5</v>
      </c>
      <c r="O142" s="6">
        <v>5</v>
      </c>
      <c r="P142" s="10" t="s">
        <v>55</v>
      </c>
      <c r="Q142" s="6">
        <v>1</v>
      </c>
      <c r="R142" s="10" t="s">
        <v>55</v>
      </c>
      <c r="S142" s="6">
        <v>605</v>
      </c>
      <c r="T142" s="6">
        <v>55</v>
      </c>
      <c r="U142" s="10" t="s">
        <v>55</v>
      </c>
      <c r="V142" s="6">
        <v>550</v>
      </c>
      <c r="W142" s="6">
        <v>9</v>
      </c>
      <c r="X142" s="6">
        <v>3</v>
      </c>
      <c r="Y142" s="6">
        <v>2</v>
      </c>
      <c r="Z142" s="6">
        <v>1</v>
      </c>
      <c r="AA142" s="10" t="s">
        <v>55</v>
      </c>
      <c r="AB142" s="10" t="s">
        <v>55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102</v>
      </c>
      <c r="I143" s="9" t="s">
        <v>54</v>
      </c>
      <c r="J143" s="9" t="s">
        <v>47</v>
      </c>
      <c r="K143" s="6">
        <v>201</v>
      </c>
      <c r="L143" s="10" t="s">
        <v>55</v>
      </c>
      <c r="M143" s="10" t="s">
        <v>55</v>
      </c>
      <c r="N143" s="10" t="s">
        <v>55</v>
      </c>
      <c r="O143" s="10" t="s">
        <v>55</v>
      </c>
      <c r="P143" s="10" t="s">
        <v>55</v>
      </c>
      <c r="Q143" s="10" t="s">
        <v>55</v>
      </c>
      <c r="R143" s="10" t="s">
        <v>55</v>
      </c>
      <c r="S143" s="6">
        <v>198</v>
      </c>
      <c r="T143" s="6">
        <v>12</v>
      </c>
      <c r="U143" s="10" t="s">
        <v>55</v>
      </c>
      <c r="V143" s="6">
        <v>186</v>
      </c>
      <c r="W143" s="6">
        <v>3</v>
      </c>
      <c r="X143" s="10" t="s">
        <v>55</v>
      </c>
      <c r="Y143" s="10" t="s">
        <v>55</v>
      </c>
      <c r="Z143" s="10" t="s">
        <v>55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102</v>
      </c>
      <c r="I144" s="9" t="s">
        <v>54</v>
      </c>
      <c r="J144" s="9" t="s">
        <v>48</v>
      </c>
      <c r="K144" s="6">
        <v>40688</v>
      </c>
      <c r="L144" s="6">
        <v>36062</v>
      </c>
      <c r="M144" s="6">
        <v>34263</v>
      </c>
      <c r="N144" s="6">
        <v>31173</v>
      </c>
      <c r="O144" s="6">
        <v>2339</v>
      </c>
      <c r="P144" s="6">
        <v>77</v>
      </c>
      <c r="Q144" s="6">
        <v>674</v>
      </c>
      <c r="R144" s="6">
        <v>1799</v>
      </c>
      <c r="S144" s="6">
        <v>3863</v>
      </c>
      <c r="T144" s="6">
        <v>2457</v>
      </c>
      <c r="U144" s="6">
        <v>90</v>
      </c>
      <c r="V144" s="6">
        <v>1316</v>
      </c>
      <c r="W144" s="6">
        <v>763</v>
      </c>
      <c r="X144" s="6">
        <v>31852</v>
      </c>
      <c r="Y144" s="6">
        <v>29266</v>
      </c>
      <c r="Z144" s="6">
        <v>1945</v>
      </c>
      <c r="AA144" s="6">
        <v>74</v>
      </c>
      <c r="AB144" s="6">
        <v>567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102</v>
      </c>
      <c r="I145" s="9" t="s">
        <v>54</v>
      </c>
      <c r="J145" s="9" t="s">
        <v>49</v>
      </c>
      <c r="K145" s="6">
        <v>20253</v>
      </c>
      <c r="L145" s="6">
        <v>6561</v>
      </c>
      <c r="M145" s="6">
        <v>6323</v>
      </c>
      <c r="N145" s="6">
        <v>4499</v>
      </c>
      <c r="O145" s="6">
        <v>1527</v>
      </c>
      <c r="P145" s="10" t="s">
        <v>55</v>
      </c>
      <c r="Q145" s="6">
        <v>297</v>
      </c>
      <c r="R145" s="6">
        <v>238</v>
      </c>
      <c r="S145" s="6">
        <v>12995</v>
      </c>
      <c r="T145" s="6">
        <v>4701</v>
      </c>
      <c r="U145" s="6">
        <v>1</v>
      </c>
      <c r="V145" s="6">
        <v>8293</v>
      </c>
      <c r="W145" s="6">
        <v>697</v>
      </c>
      <c r="X145" s="6">
        <v>5223</v>
      </c>
      <c r="Y145" s="6">
        <v>3829</v>
      </c>
      <c r="Z145" s="6">
        <v>1202</v>
      </c>
      <c r="AA145" s="10" t="s">
        <v>55</v>
      </c>
      <c r="AB145" s="6">
        <v>192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102</v>
      </c>
      <c r="I146" s="9" t="s">
        <v>54</v>
      </c>
      <c r="J146" s="9" t="s">
        <v>50</v>
      </c>
      <c r="K146" s="6">
        <v>7402</v>
      </c>
      <c r="L146" s="6">
        <v>669</v>
      </c>
      <c r="M146" s="6">
        <v>652</v>
      </c>
      <c r="N146" s="6">
        <v>377</v>
      </c>
      <c r="O146" s="6">
        <v>228</v>
      </c>
      <c r="P146" s="10" t="s">
        <v>55</v>
      </c>
      <c r="Q146" s="6">
        <v>47</v>
      </c>
      <c r="R146" s="6">
        <v>17</v>
      </c>
      <c r="S146" s="6">
        <v>6358</v>
      </c>
      <c r="T146" s="6">
        <v>1627</v>
      </c>
      <c r="U146" s="10" t="s">
        <v>55</v>
      </c>
      <c r="V146" s="6">
        <v>4731</v>
      </c>
      <c r="W146" s="6">
        <v>375</v>
      </c>
      <c r="X146" s="6">
        <v>408</v>
      </c>
      <c r="Y146" s="6">
        <v>243</v>
      </c>
      <c r="Z146" s="6">
        <v>147</v>
      </c>
      <c r="AA146" s="10" t="s">
        <v>55</v>
      </c>
      <c r="AB146" s="6">
        <v>18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102</v>
      </c>
      <c r="I147" s="9" t="s">
        <v>54</v>
      </c>
      <c r="J147" s="9" t="s">
        <v>51</v>
      </c>
      <c r="K147" s="6">
        <v>2066</v>
      </c>
      <c r="L147" s="6">
        <v>40</v>
      </c>
      <c r="M147" s="6">
        <v>40</v>
      </c>
      <c r="N147" s="6">
        <v>18</v>
      </c>
      <c r="O147" s="6">
        <v>18</v>
      </c>
      <c r="P147" s="10" t="s">
        <v>55</v>
      </c>
      <c r="Q147" s="6">
        <v>4</v>
      </c>
      <c r="R147" s="10" t="s">
        <v>55</v>
      </c>
      <c r="S147" s="6">
        <v>1959</v>
      </c>
      <c r="T147" s="6">
        <v>297</v>
      </c>
      <c r="U147" s="10" t="s">
        <v>55</v>
      </c>
      <c r="V147" s="6">
        <v>1662</v>
      </c>
      <c r="W147" s="6">
        <v>67</v>
      </c>
      <c r="X147" s="6">
        <v>14</v>
      </c>
      <c r="Y147" s="6">
        <v>8</v>
      </c>
      <c r="Z147" s="6">
        <v>6</v>
      </c>
      <c r="AA147" s="10" t="s">
        <v>55</v>
      </c>
      <c r="AB147" s="10" t="s">
        <v>55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102</v>
      </c>
      <c r="I148" s="9" t="s">
        <v>54</v>
      </c>
      <c r="J148" s="9" t="s">
        <v>52</v>
      </c>
      <c r="K148" s="6">
        <v>47437</v>
      </c>
      <c r="L148" s="6">
        <v>39867</v>
      </c>
      <c r="M148" s="6">
        <v>37910</v>
      </c>
      <c r="N148" s="6">
        <v>33984</v>
      </c>
      <c r="O148" s="6">
        <v>3040</v>
      </c>
      <c r="P148" s="6">
        <v>75</v>
      </c>
      <c r="Q148" s="6">
        <v>811</v>
      </c>
      <c r="R148" s="6">
        <v>1957</v>
      </c>
      <c r="S148" s="6">
        <v>6706</v>
      </c>
      <c r="T148" s="6">
        <v>3900</v>
      </c>
      <c r="U148" s="6">
        <v>87</v>
      </c>
      <c r="V148" s="6">
        <v>2719</v>
      </c>
      <c r="W148" s="6">
        <v>864</v>
      </c>
      <c r="X148" s="6">
        <v>35049</v>
      </c>
      <c r="Y148" s="6">
        <v>31777</v>
      </c>
      <c r="Z148" s="6">
        <v>2538</v>
      </c>
      <c r="AA148" s="6">
        <v>72</v>
      </c>
      <c r="AB148" s="6">
        <v>662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102</v>
      </c>
      <c r="I149" s="9" t="s">
        <v>6</v>
      </c>
      <c r="J149" s="9" t="s">
        <v>30</v>
      </c>
      <c r="K149" s="6">
        <v>7847</v>
      </c>
      <c r="L149" s="6">
        <v>5513</v>
      </c>
      <c r="M149" s="6">
        <v>5160</v>
      </c>
      <c r="N149" s="6">
        <v>4682</v>
      </c>
      <c r="O149" s="6">
        <v>326</v>
      </c>
      <c r="P149" s="6">
        <v>8</v>
      </c>
      <c r="Q149" s="6">
        <v>144</v>
      </c>
      <c r="R149" s="6">
        <v>353</v>
      </c>
      <c r="S149" s="6">
        <v>2168</v>
      </c>
      <c r="T149" s="6">
        <v>661</v>
      </c>
      <c r="U149" s="6">
        <v>12</v>
      </c>
      <c r="V149" s="6">
        <v>1495</v>
      </c>
      <c r="W149" s="6">
        <v>166</v>
      </c>
      <c r="X149" s="6">
        <v>4526</v>
      </c>
      <c r="Y149" s="6">
        <v>4152</v>
      </c>
      <c r="Z149" s="6">
        <v>253</v>
      </c>
      <c r="AA149" s="6">
        <v>8</v>
      </c>
      <c r="AB149" s="6">
        <v>113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102</v>
      </c>
      <c r="I150" s="9" t="s">
        <v>6</v>
      </c>
      <c r="J150" s="9" t="s">
        <v>31</v>
      </c>
      <c r="K150" s="6">
        <v>4</v>
      </c>
      <c r="L150" s="6">
        <v>2</v>
      </c>
      <c r="M150" s="6">
        <v>1</v>
      </c>
      <c r="N150" s="6">
        <v>1</v>
      </c>
      <c r="O150" s="10" t="s">
        <v>55</v>
      </c>
      <c r="P150" s="10" t="s">
        <v>55</v>
      </c>
      <c r="Q150" s="10" t="s">
        <v>55</v>
      </c>
      <c r="R150" s="6">
        <v>1</v>
      </c>
      <c r="S150" s="10" t="s">
        <v>55</v>
      </c>
      <c r="T150" s="10" t="s">
        <v>55</v>
      </c>
      <c r="U150" s="10" t="s">
        <v>55</v>
      </c>
      <c r="V150" s="10" t="s">
        <v>55</v>
      </c>
      <c r="W150" s="6">
        <v>2</v>
      </c>
      <c r="X150" s="6">
        <v>1</v>
      </c>
      <c r="Y150" s="6">
        <v>1</v>
      </c>
      <c r="Z150" s="10" t="s">
        <v>55</v>
      </c>
      <c r="AA150" s="10" t="s">
        <v>55</v>
      </c>
      <c r="AB150" s="10" t="s">
        <v>55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102</v>
      </c>
      <c r="I151" s="9" t="s">
        <v>6</v>
      </c>
      <c r="J151" s="9" t="s">
        <v>32</v>
      </c>
      <c r="K151" s="6">
        <v>39</v>
      </c>
      <c r="L151" s="6">
        <v>31</v>
      </c>
      <c r="M151" s="6">
        <v>30</v>
      </c>
      <c r="N151" s="6">
        <v>28</v>
      </c>
      <c r="O151" s="6">
        <v>1</v>
      </c>
      <c r="P151" s="10" t="s">
        <v>55</v>
      </c>
      <c r="Q151" s="6">
        <v>1</v>
      </c>
      <c r="R151" s="6">
        <v>1</v>
      </c>
      <c r="S151" s="6">
        <v>2</v>
      </c>
      <c r="T151" s="6">
        <v>1</v>
      </c>
      <c r="U151" s="6">
        <v>1</v>
      </c>
      <c r="V151" s="10" t="s">
        <v>55</v>
      </c>
      <c r="W151" s="6">
        <v>6</v>
      </c>
      <c r="X151" s="6">
        <v>28</v>
      </c>
      <c r="Y151" s="6">
        <v>26</v>
      </c>
      <c r="Z151" s="6">
        <v>1</v>
      </c>
      <c r="AA151" s="10" t="s">
        <v>55</v>
      </c>
      <c r="AB151" s="6">
        <v>1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102</v>
      </c>
      <c r="I152" s="9" t="s">
        <v>6</v>
      </c>
      <c r="J152" s="9" t="s">
        <v>33</v>
      </c>
      <c r="K152" s="6">
        <v>151</v>
      </c>
      <c r="L152" s="6">
        <v>136</v>
      </c>
      <c r="M152" s="6">
        <v>127</v>
      </c>
      <c r="N152" s="6">
        <v>118</v>
      </c>
      <c r="O152" s="6">
        <v>3</v>
      </c>
      <c r="P152" s="6">
        <v>1</v>
      </c>
      <c r="Q152" s="6">
        <v>5</v>
      </c>
      <c r="R152" s="6">
        <v>9</v>
      </c>
      <c r="S152" s="6">
        <v>7</v>
      </c>
      <c r="T152" s="6">
        <v>1</v>
      </c>
      <c r="U152" s="6">
        <v>3</v>
      </c>
      <c r="V152" s="6">
        <v>3</v>
      </c>
      <c r="W152" s="6">
        <v>8</v>
      </c>
      <c r="X152" s="6">
        <v>119</v>
      </c>
      <c r="Y152" s="6">
        <v>113</v>
      </c>
      <c r="Z152" s="6">
        <v>1</v>
      </c>
      <c r="AA152" s="6">
        <v>1</v>
      </c>
      <c r="AB152" s="6">
        <v>4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102</v>
      </c>
      <c r="I153" s="9" t="s">
        <v>6</v>
      </c>
      <c r="J153" s="9" t="s">
        <v>34</v>
      </c>
      <c r="K153" s="6">
        <v>310</v>
      </c>
      <c r="L153" s="6">
        <v>290</v>
      </c>
      <c r="M153" s="6">
        <v>279</v>
      </c>
      <c r="N153" s="6">
        <v>255</v>
      </c>
      <c r="O153" s="6">
        <v>13</v>
      </c>
      <c r="P153" s="6">
        <v>4</v>
      </c>
      <c r="Q153" s="6">
        <v>7</v>
      </c>
      <c r="R153" s="6">
        <v>11</v>
      </c>
      <c r="S153" s="6">
        <v>11</v>
      </c>
      <c r="T153" s="6">
        <v>6</v>
      </c>
      <c r="U153" s="6">
        <v>1</v>
      </c>
      <c r="V153" s="6">
        <v>4</v>
      </c>
      <c r="W153" s="6">
        <v>9</v>
      </c>
      <c r="X153" s="6">
        <v>265</v>
      </c>
      <c r="Y153" s="6">
        <v>243</v>
      </c>
      <c r="Z153" s="6">
        <v>12</v>
      </c>
      <c r="AA153" s="6">
        <v>4</v>
      </c>
      <c r="AB153" s="6">
        <v>6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102</v>
      </c>
      <c r="I154" s="9" t="s">
        <v>6</v>
      </c>
      <c r="J154" s="9" t="s">
        <v>35</v>
      </c>
      <c r="K154" s="6">
        <v>498</v>
      </c>
      <c r="L154" s="6">
        <v>461</v>
      </c>
      <c r="M154" s="6">
        <v>433</v>
      </c>
      <c r="N154" s="6">
        <v>407</v>
      </c>
      <c r="O154" s="6">
        <v>16</v>
      </c>
      <c r="P154" s="10" t="s">
        <v>55</v>
      </c>
      <c r="Q154" s="6">
        <v>10</v>
      </c>
      <c r="R154" s="6">
        <v>28</v>
      </c>
      <c r="S154" s="6">
        <v>18</v>
      </c>
      <c r="T154" s="6">
        <v>7</v>
      </c>
      <c r="U154" s="6">
        <v>4</v>
      </c>
      <c r="V154" s="6">
        <v>7</v>
      </c>
      <c r="W154" s="6">
        <v>19</v>
      </c>
      <c r="X154" s="6">
        <v>397</v>
      </c>
      <c r="Y154" s="6">
        <v>376</v>
      </c>
      <c r="Z154" s="6">
        <v>13</v>
      </c>
      <c r="AA154" s="10" t="s">
        <v>55</v>
      </c>
      <c r="AB154" s="6">
        <v>8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102</v>
      </c>
      <c r="I155" s="9" t="s">
        <v>6</v>
      </c>
      <c r="J155" s="9" t="s">
        <v>36</v>
      </c>
      <c r="K155" s="6">
        <v>650</v>
      </c>
      <c r="L155" s="6">
        <v>604</v>
      </c>
      <c r="M155" s="6">
        <v>573</v>
      </c>
      <c r="N155" s="6">
        <v>538</v>
      </c>
      <c r="O155" s="6">
        <v>25</v>
      </c>
      <c r="P155" s="6">
        <v>3</v>
      </c>
      <c r="Q155" s="6">
        <v>7</v>
      </c>
      <c r="R155" s="6">
        <v>31</v>
      </c>
      <c r="S155" s="6">
        <v>24</v>
      </c>
      <c r="T155" s="6">
        <v>12</v>
      </c>
      <c r="U155" s="6">
        <v>1</v>
      </c>
      <c r="V155" s="6">
        <v>11</v>
      </c>
      <c r="W155" s="6">
        <v>22</v>
      </c>
      <c r="X155" s="6">
        <v>523</v>
      </c>
      <c r="Y155" s="6">
        <v>492</v>
      </c>
      <c r="Z155" s="6">
        <v>21</v>
      </c>
      <c r="AA155" s="6">
        <v>3</v>
      </c>
      <c r="AB155" s="6">
        <v>7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102</v>
      </c>
      <c r="I156" s="9" t="s">
        <v>6</v>
      </c>
      <c r="J156" s="9" t="s">
        <v>37</v>
      </c>
      <c r="K156" s="6">
        <v>855</v>
      </c>
      <c r="L156" s="6">
        <v>797</v>
      </c>
      <c r="M156" s="6">
        <v>741</v>
      </c>
      <c r="N156" s="6">
        <v>704</v>
      </c>
      <c r="O156" s="6">
        <v>25</v>
      </c>
      <c r="P156" s="10" t="s">
        <v>55</v>
      </c>
      <c r="Q156" s="6">
        <v>12</v>
      </c>
      <c r="R156" s="6">
        <v>56</v>
      </c>
      <c r="S156" s="6">
        <v>39</v>
      </c>
      <c r="T156" s="6">
        <v>23</v>
      </c>
      <c r="U156" s="6">
        <v>1</v>
      </c>
      <c r="V156" s="6">
        <v>15</v>
      </c>
      <c r="W156" s="6">
        <v>19</v>
      </c>
      <c r="X156" s="6">
        <v>670</v>
      </c>
      <c r="Y156" s="6">
        <v>638</v>
      </c>
      <c r="Z156" s="6">
        <v>22</v>
      </c>
      <c r="AA156" s="10" t="s">
        <v>55</v>
      </c>
      <c r="AB156" s="6">
        <v>10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102</v>
      </c>
      <c r="I157" s="9" t="s">
        <v>6</v>
      </c>
      <c r="J157" s="9" t="s">
        <v>38</v>
      </c>
      <c r="K157" s="6">
        <v>903</v>
      </c>
      <c r="L157" s="6">
        <v>818</v>
      </c>
      <c r="M157" s="6">
        <v>768</v>
      </c>
      <c r="N157" s="6">
        <v>727</v>
      </c>
      <c r="O157" s="6">
        <v>27</v>
      </c>
      <c r="P157" s="10" t="s">
        <v>55</v>
      </c>
      <c r="Q157" s="6">
        <v>14</v>
      </c>
      <c r="R157" s="6">
        <v>50</v>
      </c>
      <c r="S157" s="6">
        <v>68</v>
      </c>
      <c r="T157" s="6">
        <v>31</v>
      </c>
      <c r="U157" s="10" t="s">
        <v>55</v>
      </c>
      <c r="V157" s="6">
        <v>37</v>
      </c>
      <c r="W157" s="6">
        <v>17</v>
      </c>
      <c r="X157" s="6">
        <v>683</v>
      </c>
      <c r="Y157" s="6">
        <v>648</v>
      </c>
      <c r="Z157" s="6">
        <v>21</v>
      </c>
      <c r="AA157" s="10" t="s">
        <v>55</v>
      </c>
      <c r="AB157" s="6">
        <v>14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102</v>
      </c>
      <c r="I158" s="9" t="s">
        <v>6</v>
      </c>
      <c r="J158" s="9" t="s">
        <v>39</v>
      </c>
      <c r="K158" s="6">
        <v>913</v>
      </c>
      <c r="L158" s="6">
        <v>789</v>
      </c>
      <c r="M158" s="6">
        <v>746</v>
      </c>
      <c r="N158" s="6">
        <v>692</v>
      </c>
      <c r="O158" s="6">
        <v>39</v>
      </c>
      <c r="P158" s="10" t="s">
        <v>55</v>
      </c>
      <c r="Q158" s="6">
        <v>15</v>
      </c>
      <c r="R158" s="6">
        <v>43</v>
      </c>
      <c r="S158" s="6">
        <v>103</v>
      </c>
      <c r="T158" s="6">
        <v>56</v>
      </c>
      <c r="U158" s="10" t="s">
        <v>55</v>
      </c>
      <c r="V158" s="6">
        <v>47</v>
      </c>
      <c r="W158" s="6">
        <v>21</v>
      </c>
      <c r="X158" s="6">
        <v>659</v>
      </c>
      <c r="Y158" s="6">
        <v>619</v>
      </c>
      <c r="Z158" s="6">
        <v>31</v>
      </c>
      <c r="AA158" s="10" t="s">
        <v>55</v>
      </c>
      <c r="AB158" s="6">
        <v>9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102</v>
      </c>
      <c r="I159" s="9" t="s">
        <v>6</v>
      </c>
      <c r="J159" s="9" t="s">
        <v>40</v>
      </c>
      <c r="K159" s="6">
        <v>922</v>
      </c>
      <c r="L159" s="6">
        <v>713</v>
      </c>
      <c r="M159" s="6">
        <v>652</v>
      </c>
      <c r="N159" s="6">
        <v>584</v>
      </c>
      <c r="O159" s="6">
        <v>45</v>
      </c>
      <c r="P159" s="10" t="s">
        <v>55</v>
      </c>
      <c r="Q159" s="6">
        <v>23</v>
      </c>
      <c r="R159" s="6">
        <v>61</v>
      </c>
      <c r="S159" s="6">
        <v>194</v>
      </c>
      <c r="T159" s="6">
        <v>80</v>
      </c>
      <c r="U159" s="10" t="s">
        <v>55</v>
      </c>
      <c r="V159" s="6">
        <v>114</v>
      </c>
      <c r="W159" s="6">
        <v>15</v>
      </c>
      <c r="X159" s="6">
        <v>565</v>
      </c>
      <c r="Y159" s="6">
        <v>512</v>
      </c>
      <c r="Z159" s="6">
        <v>34</v>
      </c>
      <c r="AA159" s="10" t="s">
        <v>55</v>
      </c>
      <c r="AB159" s="6">
        <v>19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102</v>
      </c>
      <c r="I160" s="9" t="s">
        <v>6</v>
      </c>
      <c r="J160" s="9" t="s">
        <v>41</v>
      </c>
      <c r="K160" s="6">
        <v>933</v>
      </c>
      <c r="L160" s="6">
        <v>504</v>
      </c>
      <c r="M160" s="6">
        <v>470</v>
      </c>
      <c r="N160" s="6">
        <v>382</v>
      </c>
      <c r="O160" s="6">
        <v>65</v>
      </c>
      <c r="P160" s="10" t="s">
        <v>55</v>
      </c>
      <c r="Q160" s="6">
        <v>23</v>
      </c>
      <c r="R160" s="6">
        <v>34</v>
      </c>
      <c r="S160" s="6">
        <v>417</v>
      </c>
      <c r="T160" s="6">
        <v>145</v>
      </c>
      <c r="U160" s="10" t="s">
        <v>55</v>
      </c>
      <c r="V160" s="6">
        <v>272</v>
      </c>
      <c r="W160" s="6">
        <v>12</v>
      </c>
      <c r="X160" s="6">
        <v>388</v>
      </c>
      <c r="Y160" s="6">
        <v>317</v>
      </c>
      <c r="Z160" s="6">
        <v>54</v>
      </c>
      <c r="AA160" s="10" t="s">
        <v>55</v>
      </c>
      <c r="AB160" s="6">
        <v>17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102</v>
      </c>
      <c r="I161" s="9" t="s">
        <v>6</v>
      </c>
      <c r="J161" s="9" t="s">
        <v>42</v>
      </c>
      <c r="K161" s="6">
        <v>842</v>
      </c>
      <c r="L161" s="6">
        <v>288</v>
      </c>
      <c r="M161" s="6">
        <v>264</v>
      </c>
      <c r="N161" s="6">
        <v>192</v>
      </c>
      <c r="O161" s="6">
        <v>49</v>
      </c>
      <c r="P161" s="10" t="s">
        <v>55</v>
      </c>
      <c r="Q161" s="6">
        <v>23</v>
      </c>
      <c r="R161" s="6">
        <v>24</v>
      </c>
      <c r="S161" s="6">
        <v>545</v>
      </c>
      <c r="T161" s="6">
        <v>153</v>
      </c>
      <c r="U161" s="6">
        <v>1</v>
      </c>
      <c r="V161" s="6">
        <v>391</v>
      </c>
      <c r="W161" s="6">
        <v>9</v>
      </c>
      <c r="X161" s="6">
        <v>192</v>
      </c>
      <c r="Y161" s="6">
        <v>142</v>
      </c>
      <c r="Z161" s="6">
        <v>33</v>
      </c>
      <c r="AA161" s="10" t="s">
        <v>55</v>
      </c>
      <c r="AB161" s="6">
        <v>17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102</v>
      </c>
      <c r="I162" s="9" t="s">
        <v>6</v>
      </c>
      <c r="J162" s="9" t="s">
        <v>43</v>
      </c>
      <c r="K162" s="6">
        <v>381</v>
      </c>
      <c r="L162" s="6">
        <v>61</v>
      </c>
      <c r="M162" s="6">
        <v>57</v>
      </c>
      <c r="N162" s="6">
        <v>39</v>
      </c>
      <c r="O162" s="6">
        <v>16</v>
      </c>
      <c r="P162" s="10" t="s">
        <v>55</v>
      </c>
      <c r="Q162" s="6">
        <v>2</v>
      </c>
      <c r="R162" s="6">
        <v>4</v>
      </c>
      <c r="S162" s="6">
        <v>316</v>
      </c>
      <c r="T162" s="6">
        <v>81</v>
      </c>
      <c r="U162" s="10" t="s">
        <v>55</v>
      </c>
      <c r="V162" s="6">
        <v>235</v>
      </c>
      <c r="W162" s="6">
        <v>4</v>
      </c>
      <c r="X162" s="6">
        <v>30</v>
      </c>
      <c r="Y162" s="6">
        <v>19</v>
      </c>
      <c r="Z162" s="6">
        <v>10</v>
      </c>
      <c r="AA162" s="10" t="s">
        <v>55</v>
      </c>
      <c r="AB162" s="6">
        <v>1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102</v>
      </c>
      <c r="I163" s="9" t="s">
        <v>6</v>
      </c>
      <c r="J163" s="9" t="s">
        <v>44</v>
      </c>
      <c r="K163" s="6">
        <v>256</v>
      </c>
      <c r="L163" s="6">
        <v>17</v>
      </c>
      <c r="M163" s="6">
        <v>17</v>
      </c>
      <c r="N163" s="6">
        <v>14</v>
      </c>
      <c r="O163" s="6">
        <v>2</v>
      </c>
      <c r="P163" s="10" t="s">
        <v>55</v>
      </c>
      <c r="Q163" s="6">
        <v>1</v>
      </c>
      <c r="R163" s="10" t="s">
        <v>55</v>
      </c>
      <c r="S163" s="6">
        <v>237</v>
      </c>
      <c r="T163" s="6">
        <v>40</v>
      </c>
      <c r="U163" s="10" t="s">
        <v>55</v>
      </c>
      <c r="V163" s="6">
        <v>197</v>
      </c>
      <c r="W163" s="6">
        <v>2</v>
      </c>
      <c r="X163" s="6">
        <v>6</v>
      </c>
      <c r="Y163" s="6">
        <v>6</v>
      </c>
      <c r="Z163" s="10" t="s">
        <v>55</v>
      </c>
      <c r="AA163" s="10" t="s">
        <v>55</v>
      </c>
      <c r="AB163" s="10" t="s">
        <v>55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102</v>
      </c>
      <c r="I164" s="9" t="s">
        <v>6</v>
      </c>
      <c r="J164" s="9" t="s">
        <v>45</v>
      </c>
      <c r="K164" s="6">
        <v>127</v>
      </c>
      <c r="L164" s="6">
        <v>2</v>
      </c>
      <c r="M164" s="6">
        <v>2</v>
      </c>
      <c r="N164" s="6">
        <v>1</v>
      </c>
      <c r="O164" s="10" t="s">
        <v>55</v>
      </c>
      <c r="P164" s="10" t="s">
        <v>55</v>
      </c>
      <c r="Q164" s="6">
        <v>1</v>
      </c>
      <c r="R164" s="10" t="s">
        <v>55</v>
      </c>
      <c r="S164" s="6">
        <v>124</v>
      </c>
      <c r="T164" s="6">
        <v>21</v>
      </c>
      <c r="U164" s="10" t="s">
        <v>55</v>
      </c>
      <c r="V164" s="6">
        <v>103</v>
      </c>
      <c r="W164" s="6">
        <v>1</v>
      </c>
      <c r="X164" s="10" t="s">
        <v>55</v>
      </c>
      <c r="Y164" s="10" t="s">
        <v>55</v>
      </c>
      <c r="Z164" s="10" t="s">
        <v>55</v>
      </c>
      <c r="AA164" s="10" t="s">
        <v>55</v>
      </c>
      <c r="AB164" s="10" t="s">
        <v>55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102</v>
      </c>
      <c r="I165" s="9" t="s">
        <v>6</v>
      </c>
      <c r="J165" s="9" t="s">
        <v>46</v>
      </c>
      <c r="K165" s="6">
        <v>48</v>
      </c>
      <c r="L165" s="10" t="s">
        <v>55</v>
      </c>
      <c r="M165" s="10" t="s">
        <v>55</v>
      </c>
      <c r="N165" s="10" t="s">
        <v>55</v>
      </c>
      <c r="O165" s="10" t="s">
        <v>55</v>
      </c>
      <c r="P165" s="10" t="s">
        <v>55</v>
      </c>
      <c r="Q165" s="10" t="s">
        <v>55</v>
      </c>
      <c r="R165" s="10" t="s">
        <v>55</v>
      </c>
      <c r="S165" s="6">
        <v>48</v>
      </c>
      <c r="T165" s="6">
        <v>4</v>
      </c>
      <c r="U165" s="10" t="s">
        <v>55</v>
      </c>
      <c r="V165" s="6">
        <v>44</v>
      </c>
      <c r="W165" s="10" t="s">
        <v>55</v>
      </c>
      <c r="X165" s="10" t="s">
        <v>55</v>
      </c>
      <c r="Y165" s="10" t="s">
        <v>55</v>
      </c>
      <c r="Z165" s="10" t="s">
        <v>55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102</v>
      </c>
      <c r="I166" s="9" t="s">
        <v>6</v>
      </c>
      <c r="J166" s="9" t="s">
        <v>47</v>
      </c>
      <c r="K166" s="6">
        <v>15</v>
      </c>
      <c r="L166" s="10" t="s">
        <v>55</v>
      </c>
      <c r="M166" s="10" t="s">
        <v>55</v>
      </c>
      <c r="N166" s="10" t="s">
        <v>55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15</v>
      </c>
      <c r="T166" s="10" t="s">
        <v>55</v>
      </c>
      <c r="U166" s="10" t="s">
        <v>55</v>
      </c>
      <c r="V166" s="6">
        <v>15</v>
      </c>
      <c r="W166" s="10" t="s">
        <v>55</v>
      </c>
      <c r="X166" s="10" t="s">
        <v>55</v>
      </c>
      <c r="Y166" s="10" t="s">
        <v>55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102</v>
      </c>
      <c r="I167" s="9" t="s">
        <v>6</v>
      </c>
      <c r="J167" s="9" t="s">
        <v>48</v>
      </c>
      <c r="K167" s="6">
        <v>5245</v>
      </c>
      <c r="L167" s="6">
        <v>4641</v>
      </c>
      <c r="M167" s="6">
        <v>4350</v>
      </c>
      <c r="N167" s="6">
        <v>4054</v>
      </c>
      <c r="O167" s="6">
        <v>194</v>
      </c>
      <c r="P167" s="6">
        <v>8</v>
      </c>
      <c r="Q167" s="6">
        <v>94</v>
      </c>
      <c r="R167" s="6">
        <v>291</v>
      </c>
      <c r="S167" s="6">
        <v>466</v>
      </c>
      <c r="T167" s="6">
        <v>217</v>
      </c>
      <c r="U167" s="6">
        <v>11</v>
      </c>
      <c r="V167" s="6">
        <v>238</v>
      </c>
      <c r="W167" s="6">
        <v>138</v>
      </c>
      <c r="X167" s="6">
        <v>3910</v>
      </c>
      <c r="Y167" s="6">
        <v>3668</v>
      </c>
      <c r="Z167" s="6">
        <v>156</v>
      </c>
      <c r="AA167" s="6">
        <v>8</v>
      </c>
      <c r="AB167" s="6">
        <v>78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102</v>
      </c>
      <c r="I168" s="9" t="s">
        <v>6</v>
      </c>
      <c r="J168" s="9" t="s">
        <v>49</v>
      </c>
      <c r="K168" s="6">
        <v>2602</v>
      </c>
      <c r="L168" s="6">
        <v>872</v>
      </c>
      <c r="M168" s="6">
        <v>810</v>
      </c>
      <c r="N168" s="6">
        <v>628</v>
      </c>
      <c r="O168" s="6">
        <v>132</v>
      </c>
      <c r="P168" s="10" t="s">
        <v>55</v>
      </c>
      <c r="Q168" s="6">
        <v>50</v>
      </c>
      <c r="R168" s="6">
        <v>62</v>
      </c>
      <c r="S168" s="6">
        <v>1702</v>
      </c>
      <c r="T168" s="6">
        <v>444</v>
      </c>
      <c r="U168" s="6">
        <v>1</v>
      </c>
      <c r="V168" s="6">
        <v>1257</v>
      </c>
      <c r="W168" s="6">
        <v>28</v>
      </c>
      <c r="X168" s="6">
        <v>616</v>
      </c>
      <c r="Y168" s="6">
        <v>484</v>
      </c>
      <c r="Z168" s="6">
        <v>97</v>
      </c>
      <c r="AA168" s="10" t="s">
        <v>55</v>
      </c>
      <c r="AB168" s="6">
        <v>35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102</v>
      </c>
      <c r="I169" s="9" t="s">
        <v>6</v>
      </c>
      <c r="J169" s="9" t="s">
        <v>50</v>
      </c>
      <c r="K169" s="6">
        <v>827</v>
      </c>
      <c r="L169" s="6">
        <v>80</v>
      </c>
      <c r="M169" s="6">
        <v>76</v>
      </c>
      <c r="N169" s="6">
        <v>54</v>
      </c>
      <c r="O169" s="6">
        <v>18</v>
      </c>
      <c r="P169" s="10" t="s">
        <v>55</v>
      </c>
      <c r="Q169" s="6">
        <v>4</v>
      </c>
      <c r="R169" s="6">
        <v>4</v>
      </c>
      <c r="S169" s="6">
        <v>740</v>
      </c>
      <c r="T169" s="6">
        <v>146</v>
      </c>
      <c r="U169" s="10" t="s">
        <v>55</v>
      </c>
      <c r="V169" s="6">
        <v>594</v>
      </c>
      <c r="W169" s="6">
        <v>7</v>
      </c>
      <c r="X169" s="6">
        <v>36</v>
      </c>
      <c r="Y169" s="6">
        <v>25</v>
      </c>
      <c r="Z169" s="6">
        <v>10</v>
      </c>
      <c r="AA169" s="10" t="s">
        <v>55</v>
      </c>
      <c r="AB169" s="6">
        <v>1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102</v>
      </c>
      <c r="I170" s="9" t="s">
        <v>6</v>
      </c>
      <c r="J170" s="9" t="s">
        <v>51</v>
      </c>
      <c r="K170" s="6">
        <v>190</v>
      </c>
      <c r="L170" s="6">
        <v>2</v>
      </c>
      <c r="M170" s="6">
        <v>2</v>
      </c>
      <c r="N170" s="6">
        <v>1</v>
      </c>
      <c r="O170" s="10" t="s">
        <v>55</v>
      </c>
      <c r="P170" s="10" t="s">
        <v>55</v>
      </c>
      <c r="Q170" s="6">
        <v>1</v>
      </c>
      <c r="R170" s="10" t="s">
        <v>55</v>
      </c>
      <c r="S170" s="6">
        <v>187</v>
      </c>
      <c r="T170" s="6">
        <v>25</v>
      </c>
      <c r="U170" s="10" t="s">
        <v>55</v>
      </c>
      <c r="V170" s="6">
        <v>162</v>
      </c>
      <c r="W170" s="6">
        <v>1</v>
      </c>
      <c r="X170" s="10" t="s">
        <v>55</v>
      </c>
      <c r="Y170" s="10" t="s">
        <v>55</v>
      </c>
      <c r="Z170" s="10" t="s">
        <v>55</v>
      </c>
      <c r="AA170" s="10" t="s">
        <v>55</v>
      </c>
      <c r="AB170" s="10" t="s">
        <v>55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102</v>
      </c>
      <c r="I171" s="9" t="s">
        <v>6</v>
      </c>
      <c r="J171" s="9" t="s">
        <v>52</v>
      </c>
      <c r="K171" s="6">
        <v>6174</v>
      </c>
      <c r="L171" s="6">
        <v>5143</v>
      </c>
      <c r="M171" s="6">
        <v>4819</v>
      </c>
      <c r="N171" s="6">
        <v>4435</v>
      </c>
      <c r="O171" s="6">
        <v>259</v>
      </c>
      <c r="P171" s="6">
        <v>8</v>
      </c>
      <c r="Q171" s="6">
        <v>117</v>
      </c>
      <c r="R171" s="6">
        <v>324</v>
      </c>
      <c r="S171" s="6">
        <v>883</v>
      </c>
      <c r="T171" s="6">
        <v>362</v>
      </c>
      <c r="U171" s="6">
        <v>11</v>
      </c>
      <c r="V171" s="6">
        <v>510</v>
      </c>
      <c r="W171" s="6">
        <v>148</v>
      </c>
      <c r="X171" s="6">
        <v>4297</v>
      </c>
      <c r="Y171" s="6">
        <v>3984</v>
      </c>
      <c r="Z171" s="6">
        <v>210</v>
      </c>
      <c r="AA171" s="6">
        <v>8</v>
      </c>
      <c r="AB171" s="6">
        <v>95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102</v>
      </c>
      <c r="I172" s="9" t="s">
        <v>53</v>
      </c>
      <c r="J172" s="9" t="s">
        <v>30</v>
      </c>
      <c r="K172" s="6">
        <v>2851</v>
      </c>
      <c r="L172" s="6">
        <v>2011</v>
      </c>
      <c r="M172" s="6">
        <v>1816</v>
      </c>
      <c r="N172" s="6">
        <v>1704</v>
      </c>
      <c r="O172" s="6">
        <v>41</v>
      </c>
      <c r="P172" s="10" t="s">
        <v>55</v>
      </c>
      <c r="Q172" s="6">
        <v>71</v>
      </c>
      <c r="R172" s="6">
        <v>195</v>
      </c>
      <c r="S172" s="6">
        <v>779</v>
      </c>
      <c r="T172" s="6">
        <v>108</v>
      </c>
      <c r="U172" s="10" t="s">
        <v>55</v>
      </c>
      <c r="V172" s="6">
        <v>671</v>
      </c>
      <c r="W172" s="6">
        <v>61</v>
      </c>
      <c r="X172" s="6">
        <v>1482</v>
      </c>
      <c r="Y172" s="6">
        <v>1415</v>
      </c>
      <c r="Z172" s="6">
        <v>19</v>
      </c>
      <c r="AA172" s="10" t="s">
        <v>55</v>
      </c>
      <c r="AB172" s="6">
        <v>48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102</v>
      </c>
      <c r="I173" s="9" t="s">
        <v>53</v>
      </c>
      <c r="J173" s="9" t="s">
        <v>31</v>
      </c>
      <c r="K173" s="10" t="s">
        <v>55</v>
      </c>
      <c r="L173" s="10" t="s">
        <v>55</v>
      </c>
      <c r="M173" s="10" t="s">
        <v>55</v>
      </c>
      <c r="N173" s="10" t="s">
        <v>55</v>
      </c>
      <c r="O173" s="10" t="s">
        <v>55</v>
      </c>
      <c r="P173" s="10" t="s">
        <v>55</v>
      </c>
      <c r="Q173" s="10" t="s">
        <v>55</v>
      </c>
      <c r="R173" s="10" t="s">
        <v>55</v>
      </c>
      <c r="S173" s="10" t="s">
        <v>55</v>
      </c>
      <c r="T173" s="10" t="s">
        <v>55</v>
      </c>
      <c r="U173" s="10" t="s">
        <v>55</v>
      </c>
      <c r="V173" s="10" t="s">
        <v>55</v>
      </c>
      <c r="W173" s="10" t="s">
        <v>55</v>
      </c>
      <c r="X173" s="10" t="s">
        <v>55</v>
      </c>
      <c r="Y173" s="10" t="s">
        <v>55</v>
      </c>
      <c r="Z173" s="10" t="s">
        <v>55</v>
      </c>
      <c r="AA173" s="10" t="s">
        <v>55</v>
      </c>
      <c r="AB173" s="10" t="s">
        <v>55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102</v>
      </c>
      <c r="I174" s="9" t="s">
        <v>53</v>
      </c>
      <c r="J174" s="9" t="s">
        <v>32</v>
      </c>
      <c r="K174" s="6">
        <v>8</v>
      </c>
      <c r="L174" s="6">
        <v>6</v>
      </c>
      <c r="M174" s="6">
        <v>6</v>
      </c>
      <c r="N174" s="6">
        <v>6</v>
      </c>
      <c r="O174" s="10" t="s">
        <v>55</v>
      </c>
      <c r="P174" s="10" t="s">
        <v>55</v>
      </c>
      <c r="Q174" s="10" t="s">
        <v>55</v>
      </c>
      <c r="R174" s="10" t="s">
        <v>55</v>
      </c>
      <c r="S174" s="10" t="s">
        <v>55</v>
      </c>
      <c r="T174" s="10" t="s">
        <v>55</v>
      </c>
      <c r="U174" s="10" t="s">
        <v>55</v>
      </c>
      <c r="V174" s="10" t="s">
        <v>55</v>
      </c>
      <c r="W174" s="6">
        <v>2</v>
      </c>
      <c r="X174" s="6">
        <v>6</v>
      </c>
      <c r="Y174" s="6">
        <v>6</v>
      </c>
      <c r="Z174" s="10" t="s">
        <v>55</v>
      </c>
      <c r="AA174" s="10" t="s">
        <v>55</v>
      </c>
      <c r="AB174" s="10" t="s">
        <v>55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102</v>
      </c>
      <c r="I175" s="9" t="s">
        <v>53</v>
      </c>
      <c r="J175" s="9" t="s">
        <v>33</v>
      </c>
      <c r="K175" s="6">
        <v>34</v>
      </c>
      <c r="L175" s="6">
        <v>32</v>
      </c>
      <c r="M175" s="6">
        <v>27</v>
      </c>
      <c r="N175" s="6">
        <v>25</v>
      </c>
      <c r="O175" s="10" t="s">
        <v>55</v>
      </c>
      <c r="P175" s="10" t="s">
        <v>55</v>
      </c>
      <c r="Q175" s="6">
        <v>2</v>
      </c>
      <c r="R175" s="6">
        <v>5</v>
      </c>
      <c r="S175" s="6">
        <v>2</v>
      </c>
      <c r="T175" s="10" t="s">
        <v>55</v>
      </c>
      <c r="U175" s="10" t="s">
        <v>55</v>
      </c>
      <c r="V175" s="6">
        <v>2</v>
      </c>
      <c r="W175" s="10" t="s">
        <v>55</v>
      </c>
      <c r="X175" s="6">
        <v>24</v>
      </c>
      <c r="Y175" s="6">
        <v>23</v>
      </c>
      <c r="Z175" s="10" t="s">
        <v>55</v>
      </c>
      <c r="AA175" s="10" t="s">
        <v>55</v>
      </c>
      <c r="AB175" s="6">
        <v>1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102</v>
      </c>
      <c r="I176" s="9" t="s">
        <v>53</v>
      </c>
      <c r="J176" s="9" t="s">
        <v>34</v>
      </c>
      <c r="K176" s="6">
        <v>98</v>
      </c>
      <c r="L176" s="6">
        <v>94</v>
      </c>
      <c r="M176" s="6">
        <v>89</v>
      </c>
      <c r="N176" s="6">
        <v>85</v>
      </c>
      <c r="O176" s="6">
        <v>1</v>
      </c>
      <c r="P176" s="10" t="s">
        <v>55</v>
      </c>
      <c r="Q176" s="6">
        <v>3</v>
      </c>
      <c r="R176" s="6">
        <v>5</v>
      </c>
      <c r="S176" s="6">
        <v>1</v>
      </c>
      <c r="T176" s="10" t="s">
        <v>55</v>
      </c>
      <c r="U176" s="10" t="s">
        <v>55</v>
      </c>
      <c r="V176" s="6">
        <v>1</v>
      </c>
      <c r="W176" s="6">
        <v>3</v>
      </c>
      <c r="X176" s="6">
        <v>81</v>
      </c>
      <c r="Y176" s="6">
        <v>78</v>
      </c>
      <c r="Z176" s="6">
        <v>1</v>
      </c>
      <c r="AA176" s="10" t="s">
        <v>55</v>
      </c>
      <c r="AB176" s="6">
        <v>2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102</v>
      </c>
      <c r="I177" s="9" t="s">
        <v>53</v>
      </c>
      <c r="J177" s="9" t="s">
        <v>35</v>
      </c>
      <c r="K177" s="6">
        <v>156</v>
      </c>
      <c r="L177" s="6">
        <v>150</v>
      </c>
      <c r="M177" s="6">
        <v>133</v>
      </c>
      <c r="N177" s="6">
        <v>124</v>
      </c>
      <c r="O177" s="6">
        <v>3</v>
      </c>
      <c r="P177" s="10" t="s">
        <v>55</v>
      </c>
      <c r="Q177" s="6">
        <v>6</v>
      </c>
      <c r="R177" s="6">
        <v>17</v>
      </c>
      <c r="S177" s="6">
        <v>3</v>
      </c>
      <c r="T177" s="10" t="s">
        <v>55</v>
      </c>
      <c r="U177" s="10" t="s">
        <v>55</v>
      </c>
      <c r="V177" s="6">
        <v>3</v>
      </c>
      <c r="W177" s="6">
        <v>3</v>
      </c>
      <c r="X177" s="6">
        <v>113</v>
      </c>
      <c r="Y177" s="6">
        <v>107</v>
      </c>
      <c r="Z177" s="6">
        <v>2</v>
      </c>
      <c r="AA177" s="10" t="s">
        <v>55</v>
      </c>
      <c r="AB177" s="6">
        <v>4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102</v>
      </c>
      <c r="I178" s="9" t="s">
        <v>53</v>
      </c>
      <c r="J178" s="9" t="s">
        <v>36</v>
      </c>
      <c r="K178" s="6">
        <v>189</v>
      </c>
      <c r="L178" s="6">
        <v>179</v>
      </c>
      <c r="M178" s="6">
        <v>166</v>
      </c>
      <c r="N178" s="6">
        <v>160</v>
      </c>
      <c r="O178" s="6">
        <v>2</v>
      </c>
      <c r="P178" s="10" t="s">
        <v>55</v>
      </c>
      <c r="Q178" s="6">
        <v>4</v>
      </c>
      <c r="R178" s="6">
        <v>13</v>
      </c>
      <c r="S178" s="6">
        <v>3</v>
      </c>
      <c r="T178" s="10" t="s">
        <v>55</v>
      </c>
      <c r="U178" s="10" t="s">
        <v>55</v>
      </c>
      <c r="V178" s="6">
        <v>3</v>
      </c>
      <c r="W178" s="6">
        <v>7</v>
      </c>
      <c r="X178" s="6">
        <v>142</v>
      </c>
      <c r="Y178" s="6">
        <v>138</v>
      </c>
      <c r="Z178" s="10" t="s">
        <v>55</v>
      </c>
      <c r="AA178" s="10" t="s">
        <v>55</v>
      </c>
      <c r="AB178" s="6">
        <v>4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102</v>
      </c>
      <c r="I179" s="9" t="s">
        <v>53</v>
      </c>
      <c r="J179" s="9" t="s">
        <v>37</v>
      </c>
      <c r="K179" s="6">
        <v>314</v>
      </c>
      <c r="L179" s="6">
        <v>299</v>
      </c>
      <c r="M179" s="6">
        <v>270</v>
      </c>
      <c r="N179" s="6">
        <v>261</v>
      </c>
      <c r="O179" s="6">
        <v>3</v>
      </c>
      <c r="P179" s="10" t="s">
        <v>55</v>
      </c>
      <c r="Q179" s="6">
        <v>6</v>
      </c>
      <c r="R179" s="6">
        <v>29</v>
      </c>
      <c r="S179" s="6">
        <v>8</v>
      </c>
      <c r="T179" s="10" t="s">
        <v>55</v>
      </c>
      <c r="U179" s="10" t="s">
        <v>55</v>
      </c>
      <c r="V179" s="6">
        <v>8</v>
      </c>
      <c r="W179" s="6">
        <v>7</v>
      </c>
      <c r="X179" s="6">
        <v>233</v>
      </c>
      <c r="Y179" s="6">
        <v>226</v>
      </c>
      <c r="Z179" s="6">
        <v>3</v>
      </c>
      <c r="AA179" s="10" t="s">
        <v>55</v>
      </c>
      <c r="AB179" s="6">
        <v>4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102</v>
      </c>
      <c r="I180" s="9" t="s">
        <v>53</v>
      </c>
      <c r="J180" s="9" t="s">
        <v>38</v>
      </c>
      <c r="K180" s="6">
        <v>353</v>
      </c>
      <c r="L180" s="6">
        <v>319</v>
      </c>
      <c r="M180" s="6">
        <v>289</v>
      </c>
      <c r="N180" s="6">
        <v>280</v>
      </c>
      <c r="O180" s="6">
        <v>6</v>
      </c>
      <c r="P180" s="10" t="s">
        <v>55</v>
      </c>
      <c r="Q180" s="6">
        <v>3</v>
      </c>
      <c r="R180" s="6">
        <v>30</v>
      </c>
      <c r="S180" s="6">
        <v>26</v>
      </c>
      <c r="T180" s="6">
        <v>7</v>
      </c>
      <c r="U180" s="10" t="s">
        <v>55</v>
      </c>
      <c r="V180" s="6">
        <v>19</v>
      </c>
      <c r="W180" s="6">
        <v>8</v>
      </c>
      <c r="X180" s="6">
        <v>238</v>
      </c>
      <c r="Y180" s="6">
        <v>233</v>
      </c>
      <c r="Z180" s="6">
        <v>2</v>
      </c>
      <c r="AA180" s="10" t="s">
        <v>55</v>
      </c>
      <c r="AB180" s="6">
        <v>3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102</v>
      </c>
      <c r="I181" s="9" t="s">
        <v>53</v>
      </c>
      <c r="J181" s="9" t="s">
        <v>39</v>
      </c>
      <c r="K181" s="6">
        <v>363</v>
      </c>
      <c r="L181" s="6">
        <v>308</v>
      </c>
      <c r="M181" s="6">
        <v>281</v>
      </c>
      <c r="N181" s="6">
        <v>267</v>
      </c>
      <c r="O181" s="6">
        <v>4</v>
      </c>
      <c r="P181" s="10" t="s">
        <v>55</v>
      </c>
      <c r="Q181" s="6">
        <v>10</v>
      </c>
      <c r="R181" s="6">
        <v>27</v>
      </c>
      <c r="S181" s="6">
        <v>45</v>
      </c>
      <c r="T181" s="6">
        <v>9</v>
      </c>
      <c r="U181" s="10" t="s">
        <v>55</v>
      </c>
      <c r="V181" s="6">
        <v>36</v>
      </c>
      <c r="W181" s="6">
        <v>10</v>
      </c>
      <c r="X181" s="6">
        <v>233</v>
      </c>
      <c r="Y181" s="6">
        <v>227</v>
      </c>
      <c r="Z181" s="6">
        <v>1</v>
      </c>
      <c r="AA181" s="10" t="s">
        <v>55</v>
      </c>
      <c r="AB181" s="6">
        <v>5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102</v>
      </c>
      <c r="I182" s="9" t="s">
        <v>53</v>
      </c>
      <c r="J182" s="9" t="s">
        <v>40</v>
      </c>
      <c r="K182" s="6">
        <v>384</v>
      </c>
      <c r="L182" s="6">
        <v>293</v>
      </c>
      <c r="M182" s="6">
        <v>260</v>
      </c>
      <c r="N182" s="6">
        <v>245</v>
      </c>
      <c r="O182" s="6">
        <v>3</v>
      </c>
      <c r="P182" s="10" t="s">
        <v>55</v>
      </c>
      <c r="Q182" s="6">
        <v>12</v>
      </c>
      <c r="R182" s="6">
        <v>33</v>
      </c>
      <c r="S182" s="6">
        <v>84</v>
      </c>
      <c r="T182" s="6">
        <v>15</v>
      </c>
      <c r="U182" s="10" t="s">
        <v>55</v>
      </c>
      <c r="V182" s="6">
        <v>69</v>
      </c>
      <c r="W182" s="6">
        <v>7</v>
      </c>
      <c r="X182" s="6">
        <v>213</v>
      </c>
      <c r="Y182" s="6">
        <v>202</v>
      </c>
      <c r="Z182" s="6">
        <v>2</v>
      </c>
      <c r="AA182" s="10" t="s">
        <v>55</v>
      </c>
      <c r="AB182" s="6">
        <v>9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102</v>
      </c>
      <c r="I183" s="9" t="s">
        <v>53</v>
      </c>
      <c r="J183" s="9" t="s">
        <v>41</v>
      </c>
      <c r="K183" s="6">
        <v>395</v>
      </c>
      <c r="L183" s="6">
        <v>192</v>
      </c>
      <c r="M183" s="6">
        <v>174</v>
      </c>
      <c r="N183" s="6">
        <v>155</v>
      </c>
      <c r="O183" s="6">
        <v>7</v>
      </c>
      <c r="P183" s="10" t="s">
        <v>55</v>
      </c>
      <c r="Q183" s="6">
        <v>12</v>
      </c>
      <c r="R183" s="6">
        <v>18</v>
      </c>
      <c r="S183" s="6">
        <v>194</v>
      </c>
      <c r="T183" s="6">
        <v>41</v>
      </c>
      <c r="U183" s="10" t="s">
        <v>55</v>
      </c>
      <c r="V183" s="6">
        <v>153</v>
      </c>
      <c r="W183" s="6">
        <v>9</v>
      </c>
      <c r="X183" s="6">
        <v>125</v>
      </c>
      <c r="Y183" s="6">
        <v>114</v>
      </c>
      <c r="Z183" s="6">
        <v>3</v>
      </c>
      <c r="AA183" s="10" t="s">
        <v>55</v>
      </c>
      <c r="AB183" s="6">
        <v>8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102</v>
      </c>
      <c r="I184" s="9" t="s">
        <v>53</v>
      </c>
      <c r="J184" s="9" t="s">
        <v>42</v>
      </c>
      <c r="K184" s="6">
        <v>320</v>
      </c>
      <c r="L184" s="6">
        <v>111</v>
      </c>
      <c r="M184" s="6">
        <v>95</v>
      </c>
      <c r="N184" s="6">
        <v>77</v>
      </c>
      <c r="O184" s="6">
        <v>7</v>
      </c>
      <c r="P184" s="10" t="s">
        <v>55</v>
      </c>
      <c r="Q184" s="6">
        <v>11</v>
      </c>
      <c r="R184" s="6">
        <v>16</v>
      </c>
      <c r="S184" s="6">
        <v>206</v>
      </c>
      <c r="T184" s="6">
        <v>18</v>
      </c>
      <c r="U184" s="10" t="s">
        <v>55</v>
      </c>
      <c r="V184" s="6">
        <v>188</v>
      </c>
      <c r="W184" s="6">
        <v>3</v>
      </c>
      <c r="X184" s="6">
        <v>64</v>
      </c>
      <c r="Y184" s="6">
        <v>54</v>
      </c>
      <c r="Z184" s="6">
        <v>3</v>
      </c>
      <c r="AA184" s="10" t="s">
        <v>55</v>
      </c>
      <c r="AB184" s="6">
        <v>7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102</v>
      </c>
      <c r="I185" s="9" t="s">
        <v>53</v>
      </c>
      <c r="J185" s="9" t="s">
        <v>43</v>
      </c>
      <c r="K185" s="6">
        <v>128</v>
      </c>
      <c r="L185" s="6">
        <v>22</v>
      </c>
      <c r="M185" s="6">
        <v>20</v>
      </c>
      <c r="N185" s="6">
        <v>15</v>
      </c>
      <c r="O185" s="6">
        <v>4</v>
      </c>
      <c r="P185" s="10" t="s">
        <v>55</v>
      </c>
      <c r="Q185" s="6">
        <v>1</v>
      </c>
      <c r="R185" s="6">
        <v>2</v>
      </c>
      <c r="S185" s="6">
        <v>104</v>
      </c>
      <c r="T185" s="6">
        <v>8</v>
      </c>
      <c r="U185" s="10" t="s">
        <v>55</v>
      </c>
      <c r="V185" s="6">
        <v>96</v>
      </c>
      <c r="W185" s="6">
        <v>2</v>
      </c>
      <c r="X185" s="6">
        <v>8</v>
      </c>
      <c r="Y185" s="6">
        <v>5</v>
      </c>
      <c r="Z185" s="6">
        <v>2</v>
      </c>
      <c r="AA185" s="10" t="s">
        <v>55</v>
      </c>
      <c r="AB185" s="6">
        <v>1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102</v>
      </c>
      <c r="I186" s="9" t="s">
        <v>53</v>
      </c>
      <c r="J186" s="9" t="s">
        <v>44</v>
      </c>
      <c r="K186" s="6">
        <v>76</v>
      </c>
      <c r="L186" s="6">
        <v>5</v>
      </c>
      <c r="M186" s="6">
        <v>5</v>
      </c>
      <c r="N186" s="6">
        <v>4</v>
      </c>
      <c r="O186" s="6">
        <v>1</v>
      </c>
      <c r="P186" s="10" t="s">
        <v>55</v>
      </c>
      <c r="Q186" s="10" t="s">
        <v>55</v>
      </c>
      <c r="R186" s="10" t="s">
        <v>55</v>
      </c>
      <c r="S186" s="6">
        <v>71</v>
      </c>
      <c r="T186" s="6">
        <v>7</v>
      </c>
      <c r="U186" s="10" t="s">
        <v>55</v>
      </c>
      <c r="V186" s="6">
        <v>64</v>
      </c>
      <c r="W186" s="10" t="s">
        <v>55</v>
      </c>
      <c r="X186" s="6">
        <v>2</v>
      </c>
      <c r="Y186" s="6">
        <v>2</v>
      </c>
      <c r="Z186" s="10" t="s">
        <v>55</v>
      </c>
      <c r="AA186" s="10" t="s">
        <v>55</v>
      </c>
      <c r="AB186" s="10" t="s">
        <v>55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102</v>
      </c>
      <c r="I187" s="9" t="s">
        <v>53</v>
      </c>
      <c r="J187" s="9" t="s">
        <v>45</v>
      </c>
      <c r="K187" s="6">
        <v>27</v>
      </c>
      <c r="L187" s="6">
        <v>1</v>
      </c>
      <c r="M187" s="6">
        <v>1</v>
      </c>
      <c r="N187" s="10" t="s">
        <v>55</v>
      </c>
      <c r="O187" s="10" t="s">
        <v>55</v>
      </c>
      <c r="P187" s="10" t="s">
        <v>55</v>
      </c>
      <c r="Q187" s="6">
        <v>1</v>
      </c>
      <c r="R187" s="10" t="s">
        <v>55</v>
      </c>
      <c r="S187" s="6">
        <v>26</v>
      </c>
      <c r="T187" s="6">
        <v>2</v>
      </c>
      <c r="U187" s="10" t="s">
        <v>55</v>
      </c>
      <c r="V187" s="6">
        <v>24</v>
      </c>
      <c r="W187" s="10" t="s">
        <v>55</v>
      </c>
      <c r="X187" s="10" t="s">
        <v>55</v>
      </c>
      <c r="Y187" s="10" t="s">
        <v>55</v>
      </c>
      <c r="Z187" s="10" t="s">
        <v>55</v>
      </c>
      <c r="AA187" s="10" t="s">
        <v>55</v>
      </c>
      <c r="AB187" s="10" t="s">
        <v>55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102</v>
      </c>
      <c r="I188" s="9" t="s">
        <v>53</v>
      </c>
      <c r="J188" s="9" t="s">
        <v>46</v>
      </c>
      <c r="K188" s="6">
        <v>5</v>
      </c>
      <c r="L188" s="10" t="s">
        <v>55</v>
      </c>
      <c r="M188" s="10" t="s">
        <v>55</v>
      </c>
      <c r="N188" s="10" t="s">
        <v>55</v>
      </c>
      <c r="O188" s="10" t="s">
        <v>55</v>
      </c>
      <c r="P188" s="10" t="s">
        <v>55</v>
      </c>
      <c r="Q188" s="10" t="s">
        <v>55</v>
      </c>
      <c r="R188" s="10" t="s">
        <v>55</v>
      </c>
      <c r="S188" s="6">
        <v>5</v>
      </c>
      <c r="T188" s="6">
        <v>1</v>
      </c>
      <c r="U188" s="10" t="s">
        <v>55</v>
      </c>
      <c r="V188" s="6">
        <v>4</v>
      </c>
      <c r="W188" s="10" t="s">
        <v>55</v>
      </c>
      <c r="X188" s="10" t="s">
        <v>55</v>
      </c>
      <c r="Y188" s="10" t="s">
        <v>55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102</v>
      </c>
      <c r="I189" s="9" t="s">
        <v>53</v>
      </c>
      <c r="J189" s="9" t="s">
        <v>47</v>
      </c>
      <c r="K189" s="6">
        <v>1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6">
        <v>1</v>
      </c>
      <c r="T189" s="10" t="s">
        <v>55</v>
      </c>
      <c r="U189" s="10" t="s">
        <v>55</v>
      </c>
      <c r="V189" s="6">
        <v>1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102</v>
      </c>
      <c r="I190" s="9" t="s">
        <v>53</v>
      </c>
      <c r="J190" s="9" t="s">
        <v>48</v>
      </c>
      <c r="K190" s="6">
        <v>1899</v>
      </c>
      <c r="L190" s="6">
        <v>1680</v>
      </c>
      <c r="M190" s="6">
        <v>1521</v>
      </c>
      <c r="N190" s="6">
        <v>1453</v>
      </c>
      <c r="O190" s="6">
        <v>22</v>
      </c>
      <c r="P190" s="10" t="s">
        <v>55</v>
      </c>
      <c r="Q190" s="6">
        <v>46</v>
      </c>
      <c r="R190" s="6">
        <v>159</v>
      </c>
      <c r="S190" s="6">
        <v>172</v>
      </c>
      <c r="T190" s="6">
        <v>31</v>
      </c>
      <c r="U190" s="10" t="s">
        <v>55</v>
      </c>
      <c r="V190" s="6">
        <v>141</v>
      </c>
      <c r="W190" s="6">
        <v>47</v>
      </c>
      <c r="X190" s="6">
        <v>1283</v>
      </c>
      <c r="Y190" s="6">
        <v>1240</v>
      </c>
      <c r="Z190" s="6">
        <v>11</v>
      </c>
      <c r="AA190" s="10" t="s">
        <v>55</v>
      </c>
      <c r="AB190" s="6">
        <v>32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102</v>
      </c>
      <c r="I191" s="9" t="s">
        <v>53</v>
      </c>
      <c r="J191" s="9" t="s">
        <v>49</v>
      </c>
      <c r="K191" s="6">
        <v>952</v>
      </c>
      <c r="L191" s="6">
        <v>331</v>
      </c>
      <c r="M191" s="6">
        <v>295</v>
      </c>
      <c r="N191" s="6">
        <v>251</v>
      </c>
      <c r="O191" s="6">
        <v>19</v>
      </c>
      <c r="P191" s="10" t="s">
        <v>55</v>
      </c>
      <c r="Q191" s="6">
        <v>25</v>
      </c>
      <c r="R191" s="6">
        <v>36</v>
      </c>
      <c r="S191" s="6">
        <v>607</v>
      </c>
      <c r="T191" s="6">
        <v>77</v>
      </c>
      <c r="U191" s="10" t="s">
        <v>55</v>
      </c>
      <c r="V191" s="6">
        <v>530</v>
      </c>
      <c r="W191" s="6">
        <v>14</v>
      </c>
      <c r="X191" s="6">
        <v>199</v>
      </c>
      <c r="Y191" s="6">
        <v>175</v>
      </c>
      <c r="Z191" s="6">
        <v>8</v>
      </c>
      <c r="AA191" s="10" t="s">
        <v>55</v>
      </c>
      <c r="AB191" s="6">
        <v>16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102</v>
      </c>
      <c r="I192" s="9" t="s">
        <v>53</v>
      </c>
      <c r="J192" s="9" t="s">
        <v>50</v>
      </c>
      <c r="K192" s="6">
        <v>237</v>
      </c>
      <c r="L192" s="6">
        <v>28</v>
      </c>
      <c r="M192" s="6">
        <v>26</v>
      </c>
      <c r="N192" s="6">
        <v>19</v>
      </c>
      <c r="O192" s="6">
        <v>5</v>
      </c>
      <c r="P192" s="10" t="s">
        <v>55</v>
      </c>
      <c r="Q192" s="6">
        <v>2</v>
      </c>
      <c r="R192" s="6">
        <v>2</v>
      </c>
      <c r="S192" s="6">
        <v>207</v>
      </c>
      <c r="T192" s="6">
        <v>18</v>
      </c>
      <c r="U192" s="10" t="s">
        <v>55</v>
      </c>
      <c r="V192" s="6">
        <v>189</v>
      </c>
      <c r="W192" s="6">
        <v>2</v>
      </c>
      <c r="X192" s="6">
        <v>10</v>
      </c>
      <c r="Y192" s="6">
        <v>7</v>
      </c>
      <c r="Z192" s="6">
        <v>2</v>
      </c>
      <c r="AA192" s="10" t="s">
        <v>55</v>
      </c>
      <c r="AB192" s="6">
        <v>1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102</v>
      </c>
      <c r="I193" s="9" t="s">
        <v>53</v>
      </c>
      <c r="J193" s="9" t="s">
        <v>51</v>
      </c>
      <c r="K193" s="6">
        <v>33</v>
      </c>
      <c r="L193" s="6">
        <v>1</v>
      </c>
      <c r="M193" s="6">
        <v>1</v>
      </c>
      <c r="N193" s="10" t="s">
        <v>55</v>
      </c>
      <c r="O193" s="10" t="s">
        <v>55</v>
      </c>
      <c r="P193" s="10" t="s">
        <v>55</v>
      </c>
      <c r="Q193" s="6">
        <v>1</v>
      </c>
      <c r="R193" s="10" t="s">
        <v>55</v>
      </c>
      <c r="S193" s="6">
        <v>32</v>
      </c>
      <c r="T193" s="6">
        <v>3</v>
      </c>
      <c r="U193" s="10" t="s">
        <v>55</v>
      </c>
      <c r="V193" s="6">
        <v>29</v>
      </c>
      <c r="W193" s="10" t="s">
        <v>55</v>
      </c>
      <c r="X193" s="10" t="s">
        <v>55</v>
      </c>
      <c r="Y193" s="10" t="s">
        <v>55</v>
      </c>
      <c r="Z193" s="10" t="s">
        <v>55</v>
      </c>
      <c r="AA193" s="10" t="s">
        <v>55</v>
      </c>
      <c r="AB193" s="10" t="s">
        <v>55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102</v>
      </c>
      <c r="I194" s="9" t="s">
        <v>53</v>
      </c>
      <c r="J194" s="9" t="s">
        <v>52</v>
      </c>
      <c r="K194" s="6">
        <v>2294</v>
      </c>
      <c r="L194" s="6">
        <v>1872</v>
      </c>
      <c r="M194" s="6">
        <v>1695</v>
      </c>
      <c r="N194" s="6">
        <v>1608</v>
      </c>
      <c r="O194" s="6">
        <v>29</v>
      </c>
      <c r="P194" s="10" t="s">
        <v>55</v>
      </c>
      <c r="Q194" s="6">
        <v>58</v>
      </c>
      <c r="R194" s="6">
        <v>177</v>
      </c>
      <c r="S194" s="6">
        <v>366</v>
      </c>
      <c r="T194" s="6">
        <v>72</v>
      </c>
      <c r="U194" s="10" t="s">
        <v>55</v>
      </c>
      <c r="V194" s="6">
        <v>294</v>
      </c>
      <c r="W194" s="6">
        <v>56</v>
      </c>
      <c r="X194" s="6">
        <v>1408</v>
      </c>
      <c r="Y194" s="6">
        <v>1354</v>
      </c>
      <c r="Z194" s="6">
        <v>14</v>
      </c>
      <c r="AA194" s="10" t="s">
        <v>55</v>
      </c>
      <c r="AB194" s="6">
        <v>40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102</v>
      </c>
      <c r="I195" s="9" t="s">
        <v>54</v>
      </c>
      <c r="J195" s="9" t="s">
        <v>30</v>
      </c>
      <c r="K195" s="6">
        <v>4996</v>
      </c>
      <c r="L195" s="6">
        <v>3502</v>
      </c>
      <c r="M195" s="6">
        <v>3344</v>
      </c>
      <c r="N195" s="6">
        <v>2978</v>
      </c>
      <c r="O195" s="6">
        <v>285</v>
      </c>
      <c r="P195" s="6">
        <v>8</v>
      </c>
      <c r="Q195" s="6">
        <v>73</v>
      </c>
      <c r="R195" s="6">
        <v>158</v>
      </c>
      <c r="S195" s="6">
        <v>1389</v>
      </c>
      <c r="T195" s="6">
        <v>553</v>
      </c>
      <c r="U195" s="6">
        <v>12</v>
      </c>
      <c r="V195" s="6">
        <v>824</v>
      </c>
      <c r="W195" s="6">
        <v>105</v>
      </c>
      <c r="X195" s="6">
        <v>3044</v>
      </c>
      <c r="Y195" s="6">
        <v>2737</v>
      </c>
      <c r="Z195" s="6">
        <v>234</v>
      </c>
      <c r="AA195" s="6">
        <v>8</v>
      </c>
      <c r="AB195" s="6">
        <v>65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102</v>
      </c>
      <c r="I196" s="9" t="s">
        <v>54</v>
      </c>
      <c r="J196" s="9" t="s">
        <v>31</v>
      </c>
      <c r="K196" s="6">
        <v>4</v>
      </c>
      <c r="L196" s="6">
        <v>2</v>
      </c>
      <c r="M196" s="6">
        <v>1</v>
      </c>
      <c r="N196" s="6">
        <v>1</v>
      </c>
      <c r="O196" s="10" t="s">
        <v>55</v>
      </c>
      <c r="P196" s="10" t="s">
        <v>55</v>
      </c>
      <c r="Q196" s="10" t="s">
        <v>55</v>
      </c>
      <c r="R196" s="6">
        <v>1</v>
      </c>
      <c r="S196" s="10" t="s">
        <v>55</v>
      </c>
      <c r="T196" s="10" t="s">
        <v>55</v>
      </c>
      <c r="U196" s="10" t="s">
        <v>55</v>
      </c>
      <c r="V196" s="10" t="s">
        <v>55</v>
      </c>
      <c r="W196" s="6">
        <v>2</v>
      </c>
      <c r="X196" s="6">
        <v>1</v>
      </c>
      <c r="Y196" s="6">
        <v>1</v>
      </c>
      <c r="Z196" s="10" t="s">
        <v>55</v>
      </c>
      <c r="AA196" s="10" t="s">
        <v>55</v>
      </c>
      <c r="AB196" s="10" t="s">
        <v>55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102</v>
      </c>
      <c r="I197" s="9" t="s">
        <v>54</v>
      </c>
      <c r="J197" s="9" t="s">
        <v>32</v>
      </c>
      <c r="K197" s="6">
        <v>31</v>
      </c>
      <c r="L197" s="6">
        <v>25</v>
      </c>
      <c r="M197" s="6">
        <v>24</v>
      </c>
      <c r="N197" s="6">
        <v>22</v>
      </c>
      <c r="O197" s="6">
        <v>1</v>
      </c>
      <c r="P197" s="10" t="s">
        <v>55</v>
      </c>
      <c r="Q197" s="6">
        <v>1</v>
      </c>
      <c r="R197" s="6">
        <v>1</v>
      </c>
      <c r="S197" s="6">
        <v>2</v>
      </c>
      <c r="T197" s="6">
        <v>1</v>
      </c>
      <c r="U197" s="6">
        <v>1</v>
      </c>
      <c r="V197" s="10" t="s">
        <v>55</v>
      </c>
      <c r="W197" s="6">
        <v>4</v>
      </c>
      <c r="X197" s="6">
        <v>22</v>
      </c>
      <c r="Y197" s="6">
        <v>20</v>
      </c>
      <c r="Z197" s="6">
        <v>1</v>
      </c>
      <c r="AA197" s="10" t="s">
        <v>55</v>
      </c>
      <c r="AB197" s="6">
        <v>1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102</v>
      </c>
      <c r="I198" s="9" t="s">
        <v>54</v>
      </c>
      <c r="J198" s="9" t="s">
        <v>33</v>
      </c>
      <c r="K198" s="6">
        <v>117</v>
      </c>
      <c r="L198" s="6">
        <v>104</v>
      </c>
      <c r="M198" s="6">
        <v>100</v>
      </c>
      <c r="N198" s="6">
        <v>93</v>
      </c>
      <c r="O198" s="6">
        <v>3</v>
      </c>
      <c r="P198" s="6">
        <v>1</v>
      </c>
      <c r="Q198" s="6">
        <v>3</v>
      </c>
      <c r="R198" s="6">
        <v>4</v>
      </c>
      <c r="S198" s="6">
        <v>5</v>
      </c>
      <c r="T198" s="6">
        <v>1</v>
      </c>
      <c r="U198" s="6">
        <v>3</v>
      </c>
      <c r="V198" s="6">
        <v>1</v>
      </c>
      <c r="W198" s="6">
        <v>8</v>
      </c>
      <c r="X198" s="6">
        <v>95</v>
      </c>
      <c r="Y198" s="6">
        <v>90</v>
      </c>
      <c r="Z198" s="6">
        <v>1</v>
      </c>
      <c r="AA198" s="6">
        <v>1</v>
      </c>
      <c r="AB198" s="6">
        <v>3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102</v>
      </c>
      <c r="I199" s="9" t="s">
        <v>54</v>
      </c>
      <c r="J199" s="9" t="s">
        <v>34</v>
      </c>
      <c r="K199" s="6">
        <v>212</v>
      </c>
      <c r="L199" s="6">
        <v>196</v>
      </c>
      <c r="M199" s="6">
        <v>190</v>
      </c>
      <c r="N199" s="6">
        <v>170</v>
      </c>
      <c r="O199" s="6">
        <v>12</v>
      </c>
      <c r="P199" s="6">
        <v>4</v>
      </c>
      <c r="Q199" s="6">
        <v>4</v>
      </c>
      <c r="R199" s="6">
        <v>6</v>
      </c>
      <c r="S199" s="6">
        <v>10</v>
      </c>
      <c r="T199" s="6">
        <v>6</v>
      </c>
      <c r="U199" s="6">
        <v>1</v>
      </c>
      <c r="V199" s="6">
        <v>3</v>
      </c>
      <c r="W199" s="6">
        <v>6</v>
      </c>
      <c r="X199" s="6">
        <v>184</v>
      </c>
      <c r="Y199" s="6">
        <v>165</v>
      </c>
      <c r="Z199" s="6">
        <v>11</v>
      </c>
      <c r="AA199" s="6">
        <v>4</v>
      </c>
      <c r="AB199" s="6">
        <v>4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102</v>
      </c>
      <c r="I200" s="9" t="s">
        <v>54</v>
      </c>
      <c r="J200" s="9" t="s">
        <v>35</v>
      </c>
      <c r="K200" s="6">
        <v>342</v>
      </c>
      <c r="L200" s="6">
        <v>311</v>
      </c>
      <c r="M200" s="6">
        <v>300</v>
      </c>
      <c r="N200" s="6">
        <v>283</v>
      </c>
      <c r="O200" s="6">
        <v>13</v>
      </c>
      <c r="P200" s="10" t="s">
        <v>55</v>
      </c>
      <c r="Q200" s="6">
        <v>4</v>
      </c>
      <c r="R200" s="6">
        <v>11</v>
      </c>
      <c r="S200" s="6">
        <v>15</v>
      </c>
      <c r="T200" s="6">
        <v>7</v>
      </c>
      <c r="U200" s="6">
        <v>4</v>
      </c>
      <c r="V200" s="6">
        <v>4</v>
      </c>
      <c r="W200" s="6">
        <v>16</v>
      </c>
      <c r="X200" s="6">
        <v>284</v>
      </c>
      <c r="Y200" s="6">
        <v>269</v>
      </c>
      <c r="Z200" s="6">
        <v>11</v>
      </c>
      <c r="AA200" s="10" t="s">
        <v>55</v>
      </c>
      <c r="AB200" s="6">
        <v>4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102</v>
      </c>
      <c r="I201" s="9" t="s">
        <v>54</v>
      </c>
      <c r="J201" s="9" t="s">
        <v>36</v>
      </c>
      <c r="K201" s="6">
        <v>461</v>
      </c>
      <c r="L201" s="6">
        <v>425</v>
      </c>
      <c r="M201" s="6">
        <v>407</v>
      </c>
      <c r="N201" s="6">
        <v>378</v>
      </c>
      <c r="O201" s="6">
        <v>23</v>
      </c>
      <c r="P201" s="6">
        <v>3</v>
      </c>
      <c r="Q201" s="6">
        <v>3</v>
      </c>
      <c r="R201" s="6">
        <v>18</v>
      </c>
      <c r="S201" s="6">
        <v>21</v>
      </c>
      <c r="T201" s="6">
        <v>12</v>
      </c>
      <c r="U201" s="6">
        <v>1</v>
      </c>
      <c r="V201" s="6">
        <v>8</v>
      </c>
      <c r="W201" s="6">
        <v>15</v>
      </c>
      <c r="X201" s="6">
        <v>381</v>
      </c>
      <c r="Y201" s="6">
        <v>354</v>
      </c>
      <c r="Z201" s="6">
        <v>21</v>
      </c>
      <c r="AA201" s="6">
        <v>3</v>
      </c>
      <c r="AB201" s="6">
        <v>3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102</v>
      </c>
      <c r="I202" s="9" t="s">
        <v>54</v>
      </c>
      <c r="J202" s="9" t="s">
        <v>37</v>
      </c>
      <c r="K202" s="6">
        <v>541</v>
      </c>
      <c r="L202" s="6">
        <v>498</v>
      </c>
      <c r="M202" s="6">
        <v>471</v>
      </c>
      <c r="N202" s="6">
        <v>443</v>
      </c>
      <c r="O202" s="6">
        <v>22</v>
      </c>
      <c r="P202" s="10" t="s">
        <v>55</v>
      </c>
      <c r="Q202" s="6">
        <v>6</v>
      </c>
      <c r="R202" s="6">
        <v>27</v>
      </c>
      <c r="S202" s="6">
        <v>31</v>
      </c>
      <c r="T202" s="6">
        <v>23</v>
      </c>
      <c r="U202" s="6">
        <v>1</v>
      </c>
      <c r="V202" s="6">
        <v>7</v>
      </c>
      <c r="W202" s="6">
        <v>12</v>
      </c>
      <c r="X202" s="6">
        <v>437</v>
      </c>
      <c r="Y202" s="6">
        <v>412</v>
      </c>
      <c r="Z202" s="6">
        <v>19</v>
      </c>
      <c r="AA202" s="10" t="s">
        <v>55</v>
      </c>
      <c r="AB202" s="6">
        <v>6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102</v>
      </c>
      <c r="I203" s="9" t="s">
        <v>54</v>
      </c>
      <c r="J203" s="9" t="s">
        <v>38</v>
      </c>
      <c r="K203" s="6">
        <v>550</v>
      </c>
      <c r="L203" s="6">
        <v>499</v>
      </c>
      <c r="M203" s="6">
        <v>479</v>
      </c>
      <c r="N203" s="6">
        <v>447</v>
      </c>
      <c r="O203" s="6">
        <v>21</v>
      </c>
      <c r="P203" s="10" t="s">
        <v>55</v>
      </c>
      <c r="Q203" s="6">
        <v>11</v>
      </c>
      <c r="R203" s="6">
        <v>20</v>
      </c>
      <c r="S203" s="6">
        <v>42</v>
      </c>
      <c r="T203" s="6">
        <v>24</v>
      </c>
      <c r="U203" s="10" t="s">
        <v>55</v>
      </c>
      <c r="V203" s="6">
        <v>18</v>
      </c>
      <c r="W203" s="6">
        <v>9</v>
      </c>
      <c r="X203" s="6">
        <v>445</v>
      </c>
      <c r="Y203" s="6">
        <v>415</v>
      </c>
      <c r="Z203" s="6">
        <v>19</v>
      </c>
      <c r="AA203" s="10" t="s">
        <v>55</v>
      </c>
      <c r="AB203" s="6">
        <v>11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102</v>
      </c>
      <c r="I204" s="9" t="s">
        <v>54</v>
      </c>
      <c r="J204" s="9" t="s">
        <v>39</v>
      </c>
      <c r="K204" s="6">
        <v>550</v>
      </c>
      <c r="L204" s="6">
        <v>481</v>
      </c>
      <c r="M204" s="6">
        <v>465</v>
      </c>
      <c r="N204" s="6">
        <v>425</v>
      </c>
      <c r="O204" s="6">
        <v>35</v>
      </c>
      <c r="P204" s="10" t="s">
        <v>55</v>
      </c>
      <c r="Q204" s="6">
        <v>5</v>
      </c>
      <c r="R204" s="6">
        <v>16</v>
      </c>
      <c r="S204" s="6">
        <v>58</v>
      </c>
      <c r="T204" s="6">
        <v>47</v>
      </c>
      <c r="U204" s="10" t="s">
        <v>55</v>
      </c>
      <c r="V204" s="6">
        <v>11</v>
      </c>
      <c r="W204" s="6">
        <v>11</v>
      </c>
      <c r="X204" s="6">
        <v>426</v>
      </c>
      <c r="Y204" s="6">
        <v>392</v>
      </c>
      <c r="Z204" s="6">
        <v>30</v>
      </c>
      <c r="AA204" s="10" t="s">
        <v>55</v>
      </c>
      <c r="AB204" s="6">
        <v>4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102</v>
      </c>
      <c r="I205" s="9" t="s">
        <v>54</v>
      </c>
      <c r="J205" s="9" t="s">
        <v>40</v>
      </c>
      <c r="K205" s="6">
        <v>538</v>
      </c>
      <c r="L205" s="6">
        <v>420</v>
      </c>
      <c r="M205" s="6">
        <v>392</v>
      </c>
      <c r="N205" s="6">
        <v>339</v>
      </c>
      <c r="O205" s="6">
        <v>42</v>
      </c>
      <c r="P205" s="10" t="s">
        <v>55</v>
      </c>
      <c r="Q205" s="6">
        <v>11</v>
      </c>
      <c r="R205" s="6">
        <v>28</v>
      </c>
      <c r="S205" s="6">
        <v>110</v>
      </c>
      <c r="T205" s="6">
        <v>65</v>
      </c>
      <c r="U205" s="10" t="s">
        <v>55</v>
      </c>
      <c r="V205" s="6">
        <v>45</v>
      </c>
      <c r="W205" s="6">
        <v>8</v>
      </c>
      <c r="X205" s="6">
        <v>352</v>
      </c>
      <c r="Y205" s="6">
        <v>310</v>
      </c>
      <c r="Z205" s="6">
        <v>32</v>
      </c>
      <c r="AA205" s="10" t="s">
        <v>55</v>
      </c>
      <c r="AB205" s="6">
        <v>10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102</v>
      </c>
      <c r="I206" s="9" t="s">
        <v>54</v>
      </c>
      <c r="J206" s="9" t="s">
        <v>41</v>
      </c>
      <c r="K206" s="6">
        <v>538</v>
      </c>
      <c r="L206" s="6">
        <v>312</v>
      </c>
      <c r="M206" s="6">
        <v>296</v>
      </c>
      <c r="N206" s="6">
        <v>227</v>
      </c>
      <c r="O206" s="6">
        <v>58</v>
      </c>
      <c r="P206" s="10" t="s">
        <v>55</v>
      </c>
      <c r="Q206" s="6">
        <v>11</v>
      </c>
      <c r="R206" s="6">
        <v>16</v>
      </c>
      <c r="S206" s="6">
        <v>223</v>
      </c>
      <c r="T206" s="6">
        <v>104</v>
      </c>
      <c r="U206" s="10" t="s">
        <v>55</v>
      </c>
      <c r="V206" s="6">
        <v>119</v>
      </c>
      <c r="W206" s="6">
        <v>3</v>
      </c>
      <c r="X206" s="6">
        <v>263</v>
      </c>
      <c r="Y206" s="6">
        <v>203</v>
      </c>
      <c r="Z206" s="6">
        <v>51</v>
      </c>
      <c r="AA206" s="10" t="s">
        <v>55</v>
      </c>
      <c r="AB206" s="6">
        <v>9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102</v>
      </c>
      <c r="I207" s="9" t="s">
        <v>54</v>
      </c>
      <c r="J207" s="9" t="s">
        <v>42</v>
      </c>
      <c r="K207" s="6">
        <v>522</v>
      </c>
      <c r="L207" s="6">
        <v>177</v>
      </c>
      <c r="M207" s="6">
        <v>169</v>
      </c>
      <c r="N207" s="6">
        <v>115</v>
      </c>
      <c r="O207" s="6">
        <v>42</v>
      </c>
      <c r="P207" s="10" t="s">
        <v>55</v>
      </c>
      <c r="Q207" s="6">
        <v>12</v>
      </c>
      <c r="R207" s="6">
        <v>8</v>
      </c>
      <c r="S207" s="6">
        <v>339</v>
      </c>
      <c r="T207" s="6">
        <v>135</v>
      </c>
      <c r="U207" s="6">
        <v>1</v>
      </c>
      <c r="V207" s="6">
        <v>203</v>
      </c>
      <c r="W207" s="6">
        <v>6</v>
      </c>
      <c r="X207" s="6">
        <v>128</v>
      </c>
      <c r="Y207" s="6">
        <v>88</v>
      </c>
      <c r="Z207" s="6">
        <v>30</v>
      </c>
      <c r="AA207" s="10" t="s">
        <v>55</v>
      </c>
      <c r="AB207" s="6">
        <v>10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102</v>
      </c>
      <c r="I208" s="9" t="s">
        <v>54</v>
      </c>
      <c r="J208" s="9" t="s">
        <v>43</v>
      </c>
      <c r="K208" s="6">
        <v>253</v>
      </c>
      <c r="L208" s="6">
        <v>39</v>
      </c>
      <c r="M208" s="6">
        <v>37</v>
      </c>
      <c r="N208" s="6">
        <v>24</v>
      </c>
      <c r="O208" s="6">
        <v>12</v>
      </c>
      <c r="P208" s="10" t="s">
        <v>55</v>
      </c>
      <c r="Q208" s="6">
        <v>1</v>
      </c>
      <c r="R208" s="6">
        <v>2</v>
      </c>
      <c r="S208" s="6">
        <v>212</v>
      </c>
      <c r="T208" s="6">
        <v>73</v>
      </c>
      <c r="U208" s="10" t="s">
        <v>55</v>
      </c>
      <c r="V208" s="6">
        <v>139</v>
      </c>
      <c r="W208" s="6">
        <v>2</v>
      </c>
      <c r="X208" s="6">
        <v>22</v>
      </c>
      <c r="Y208" s="6">
        <v>14</v>
      </c>
      <c r="Z208" s="6">
        <v>8</v>
      </c>
      <c r="AA208" s="10" t="s">
        <v>55</v>
      </c>
      <c r="AB208" s="10" t="s">
        <v>55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102</v>
      </c>
      <c r="I209" s="9" t="s">
        <v>54</v>
      </c>
      <c r="J209" s="9" t="s">
        <v>44</v>
      </c>
      <c r="K209" s="6">
        <v>180</v>
      </c>
      <c r="L209" s="6">
        <v>12</v>
      </c>
      <c r="M209" s="6">
        <v>12</v>
      </c>
      <c r="N209" s="6">
        <v>10</v>
      </c>
      <c r="O209" s="6">
        <v>1</v>
      </c>
      <c r="P209" s="10" t="s">
        <v>55</v>
      </c>
      <c r="Q209" s="6">
        <v>1</v>
      </c>
      <c r="R209" s="10" t="s">
        <v>55</v>
      </c>
      <c r="S209" s="6">
        <v>166</v>
      </c>
      <c r="T209" s="6">
        <v>33</v>
      </c>
      <c r="U209" s="10" t="s">
        <v>55</v>
      </c>
      <c r="V209" s="6">
        <v>133</v>
      </c>
      <c r="W209" s="6">
        <v>2</v>
      </c>
      <c r="X209" s="6">
        <v>4</v>
      </c>
      <c r="Y209" s="6">
        <v>4</v>
      </c>
      <c r="Z209" s="10" t="s">
        <v>55</v>
      </c>
      <c r="AA209" s="10" t="s">
        <v>55</v>
      </c>
      <c r="AB209" s="10" t="s">
        <v>55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102</v>
      </c>
      <c r="I210" s="9" t="s">
        <v>54</v>
      </c>
      <c r="J210" s="9" t="s">
        <v>45</v>
      </c>
      <c r="K210" s="6">
        <v>100</v>
      </c>
      <c r="L210" s="6">
        <v>1</v>
      </c>
      <c r="M210" s="6">
        <v>1</v>
      </c>
      <c r="N210" s="6">
        <v>1</v>
      </c>
      <c r="O210" s="10" t="s">
        <v>55</v>
      </c>
      <c r="P210" s="10" t="s">
        <v>55</v>
      </c>
      <c r="Q210" s="10" t="s">
        <v>55</v>
      </c>
      <c r="R210" s="10" t="s">
        <v>55</v>
      </c>
      <c r="S210" s="6">
        <v>98</v>
      </c>
      <c r="T210" s="6">
        <v>19</v>
      </c>
      <c r="U210" s="10" t="s">
        <v>55</v>
      </c>
      <c r="V210" s="6">
        <v>79</v>
      </c>
      <c r="W210" s="6">
        <v>1</v>
      </c>
      <c r="X210" s="10" t="s">
        <v>55</v>
      </c>
      <c r="Y210" s="10" t="s">
        <v>55</v>
      </c>
      <c r="Z210" s="10" t="s">
        <v>55</v>
      </c>
      <c r="AA210" s="10" t="s">
        <v>55</v>
      </c>
      <c r="AB210" s="10" t="s">
        <v>55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102</v>
      </c>
      <c r="I211" s="9" t="s">
        <v>54</v>
      </c>
      <c r="J211" s="9" t="s">
        <v>46</v>
      </c>
      <c r="K211" s="6">
        <v>43</v>
      </c>
      <c r="L211" s="10" t="s">
        <v>55</v>
      </c>
      <c r="M211" s="10" t="s">
        <v>55</v>
      </c>
      <c r="N211" s="10" t="s">
        <v>55</v>
      </c>
      <c r="O211" s="10" t="s">
        <v>55</v>
      </c>
      <c r="P211" s="10" t="s">
        <v>55</v>
      </c>
      <c r="Q211" s="10" t="s">
        <v>55</v>
      </c>
      <c r="R211" s="10" t="s">
        <v>55</v>
      </c>
      <c r="S211" s="6">
        <v>43</v>
      </c>
      <c r="T211" s="6">
        <v>3</v>
      </c>
      <c r="U211" s="10" t="s">
        <v>55</v>
      </c>
      <c r="V211" s="6">
        <v>40</v>
      </c>
      <c r="W211" s="10" t="s">
        <v>55</v>
      </c>
      <c r="X211" s="10" t="s">
        <v>55</v>
      </c>
      <c r="Y211" s="10" t="s">
        <v>55</v>
      </c>
      <c r="Z211" s="10" t="s">
        <v>55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102</v>
      </c>
      <c r="I212" s="9" t="s">
        <v>54</v>
      </c>
      <c r="J212" s="9" t="s">
        <v>47</v>
      </c>
      <c r="K212" s="6">
        <v>14</v>
      </c>
      <c r="L212" s="10" t="s">
        <v>55</v>
      </c>
      <c r="M212" s="10" t="s">
        <v>55</v>
      </c>
      <c r="N212" s="10" t="s">
        <v>55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14</v>
      </c>
      <c r="T212" s="10" t="s">
        <v>55</v>
      </c>
      <c r="U212" s="10" t="s">
        <v>55</v>
      </c>
      <c r="V212" s="6">
        <v>14</v>
      </c>
      <c r="W212" s="10" t="s">
        <v>55</v>
      </c>
      <c r="X212" s="10" t="s">
        <v>55</v>
      </c>
      <c r="Y212" s="10" t="s">
        <v>55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102</v>
      </c>
      <c r="I213" s="9" t="s">
        <v>54</v>
      </c>
      <c r="J213" s="9" t="s">
        <v>48</v>
      </c>
      <c r="K213" s="6">
        <v>3346</v>
      </c>
      <c r="L213" s="6">
        <v>2961</v>
      </c>
      <c r="M213" s="6">
        <v>2829</v>
      </c>
      <c r="N213" s="6">
        <v>2601</v>
      </c>
      <c r="O213" s="6">
        <v>172</v>
      </c>
      <c r="P213" s="6">
        <v>8</v>
      </c>
      <c r="Q213" s="6">
        <v>48</v>
      </c>
      <c r="R213" s="6">
        <v>132</v>
      </c>
      <c r="S213" s="6">
        <v>294</v>
      </c>
      <c r="T213" s="6">
        <v>186</v>
      </c>
      <c r="U213" s="6">
        <v>11</v>
      </c>
      <c r="V213" s="6">
        <v>97</v>
      </c>
      <c r="W213" s="6">
        <v>91</v>
      </c>
      <c r="X213" s="6">
        <v>2627</v>
      </c>
      <c r="Y213" s="6">
        <v>2428</v>
      </c>
      <c r="Z213" s="6">
        <v>145</v>
      </c>
      <c r="AA213" s="6">
        <v>8</v>
      </c>
      <c r="AB213" s="6">
        <v>46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102</v>
      </c>
      <c r="I214" s="9" t="s">
        <v>54</v>
      </c>
      <c r="J214" s="9" t="s">
        <v>49</v>
      </c>
      <c r="K214" s="6">
        <v>1650</v>
      </c>
      <c r="L214" s="6">
        <v>541</v>
      </c>
      <c r="M214" s="6">
        <v>515</v>
      </c>
      <c r="N214" s="6">
        <v>377</v>
      </c>
      <c r="O214" s="6">
        <v>113</v>
      </c>
      <c r="P214" s="10" t="s">
        <v>55</v>
      </c>
      <c r="Q214" s="6">
        <v>25</v>
      </c>
      <c r="R214" s="6">
        <v>26</v>
      </c>
      <c r="S214" s="6">
        <v>1095</v>
      </c>
      <c r="T214" s="6">
        <v>367</v>
      </c>
      <c r="U214" s="6">
        <v>1</v>
      </c>
      <c r="V214" s="6">
        <v>727</v>
      </c>
      <c r="W214" s="6">
        <v>14</v>
      </c>
      <c r="X214" s="6">
        <v>417</v>
      </c>
      <c r="Y214" s="6">
        <v>309</v>
      </c>
      <c r="Z214" s="6">
        <v>89</v>
      </c>
      <c r="AA214" s="10" t="s">
        <v>55</v>
      </c>
      <c r="AB214" s="6">
        <v>19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102</v>
      </c>
      <c r="I215" s="9" t="s">
        <v>54</v>
      </c>
      <c r="J215" s="9" t="s">
        <v>50</v>
      </c>
      <c r="K215" s="6">
        <v>590</v>
      </c>
      <c r="L215" s="6">
        <v>52</v>
      </c>
      <c r="M215" s="6">
        <v>50</v>
      </c>
      <c r="N215" s="6">
        <v>35</v>
      </c>
      <c r="O215" s="6">
        <v>13</v>
      </c>
      <c r="P215" s="10" t="s">
        <v>55</v>
      </c>
      <c r="Q215" s="6">
        <v>2</v>
      </c>
      <c r="R215" s="6">
        <v>2</v>
      </c>
      <c r="S215" s="6">
        <v>533</v>
      </c>
      <c r="T215" s="6">
        <v>128</v>
      </c>
      <c r="U215" s="10" t="s">
        <v>55</v>
      </c>
      <c r="V215" s="6">
        <v>405</v>
      </c>
      <c r="W215" s="6">
        <v>5</v>
      </c>
      <c r="X215" s="6">
        <v>26</v>
      </c>
      <c r="Y215" s="6">
        <v>18</v>
      </c>
      <c r="Z215" s="6">
        <v>8</v>
      </c>
      <c r="AA215" s="10" t="s">
        <v>55</v>
      </c>
      <c r="AB215" s="10" t="s">
        <v>55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102</v>
      </c>
      <c r="I216" s="9" t="s">
        <v>54</v>
      </c>
      <c r="J216" s="9" t="s">
        <v>51</v>
      </c>
      <c r="K216" s="6">
        <v>157</v>
      </c>
      <c r="L216" s="6">
        <v>1</v>
      </c>
      <c r="M216" s="6">
        <v>1</v>
      </c>
      <c r="N216" s="6">
        <v>1</v>
      </c>
      <c r="O216" s="10" t="s">
        <v>55</v>
      </c>
      <c r="P216" s="10" t="s">
        <v>55</v>
      </c>
      <c r="Q216" s="10" t="s">
        <v>55</v>
      </c>
      <c r="R216" s="10" t="s">
        <v>55</v>
      </c>
      <c r="S216" s="6">
        <v>155</v>
      </c>
      <c r="T216" s="6">
        <v>22</v>
      </c>
      <c r="U216" s="10" t="s">
        <v>55</v>
      </c>
      <c r="V216" s="6">
        <v>133</v>
      </c>
      <c r="W216" s="6">
        <v>1</v>
      </c>
      <c r="X216" s="10" t="s">
        <v>55</v>
      </c>
      <c r="Y216" s="10" t="s">
        <v>55</v>
      </c>
      <c r="Z216" s="10" t="s">
        <v>55</v>
      </c>
      <c r="AA216" s="10" t="s">
        <v>55</v>
      </c>
      <c r="AB216" s="10" t="s">
        <v>55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102</v>
      </c>
      <c r="I217" s="9" t="s">
        <v>54</v>
      </c>
      <c r="J217" s="9" t="s">
        <v>52</v>
      </c>
      <c r="K217" s="6">
        <v>3880</v>
      </c>
      <c r="L217" s="6">
        <v>3271</v>
      </c>
      <c r="M217" s="6">
        <v>3124</v>
      </c>
      <c r="N217" s="6">
        <v>2827</v>
      </c>
      <c r="O217" s="6">
        <v>230</v>
      </c>
      <c r="P217" s="6">
        <v>8</v>
      </c>
      <c r="Q217" s="6">
        <v>59</v>
      </c>
      <c r="R217" s="6">
        <v>147</v>
      </c>
      <c r="S217" s="6">
        <v>517</v>
      </c>
      <c r="T217" s="6">
        <v>290</v>
      </c>
      <c r="U217" s="6">
        <v>11</v>
      </c>
      <c r="V217" s="6">
        <v>216</v>
      </c>
      <c r="W217" s="6">
        <v>92</v>
      </c>
      <c r="X217" s="6">
        <v>2889</v>
      </c>
      <c r="Y217" s="6">
        <v>2630</v>
      </c>
      <c r="Z217" s="6">
        <v>196</v>
      </c>
      <c r="AA217" s="6">
        <v>8</v>
      </c>
      <c r="AB217" s="6">
        <v>55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102</v>
      </c>
      <c r="I218" s="9" t="s">
        <v>6</v>
      </c>
      <c r="J218" s="9" t="s">
        <v>30</v>
      </c>
      <c r="K218" s="6">
        <v>6344</v>
      </c>
      <c r="L218" s="6">
        <v>4444</v>
      </c>
      <c r="M218" s="6">
        <v>4163</v>
      </c>
      <c r="N218" s="6">
        <v>3781</v>
      </c>
      <c r="O218" s="6">
        <v>258</v>
      </c>
      <c r="P218" s="6">
        <v>8</v>
      </c>
      <c r="Q218" s="6">
        <v>116</v>
      </c>
      <c r="R218" s="6">
        <v>281</v>
      </c>
      <c r="S218" s="6">
        <v>1789</v>
      </c>
      <c r="T218" s="6">
        <v>541</v>
      </c>
      <c r="U218" s="6">
        <v>12</v>
      </c>
      <c r="V218" s="6">
        <v>1236</v>
      </c>
      <c r="W218" s="6">
        <v>111</v>
      </c>
      <c r="X218" s="6">
        <v>3673</v>
      </c>
      <c r="Y218" s="6">
        <v>3373</v>
      </c>
      <c r="Z218" s="6">
        <v>202</v>
      </c>
      <c r="AA218" s="6">
        <v>8</v>
      </c>
      <c r="AB218" s="6">
        <v>90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102</v>
      </c>
      <c r="I219" s="9" t="s">
        <v>6</v>
      </c>
      <c r="J219" s="9" t="s">
        <v>31</v>
      </c>
      <c r="K219" s="6">
        <v>4</v>
      </c>
      <c r="L219" s="6">
        <v>2</v>
      </c>
      <c r="M219" s="6">
        <v>1</v>
      </c>
      <c r="N219" s="6">
        <v>1</v>
      </c>
      <c r="O219" s="10" t="s">
        <v>55</v>
      </c>
      <c r="P219" s="10" t="s">
        <v>55</v>
      </c>
      <c r="Q219" s="10" t="s">
        <v>55</v>
      </c>
      <c r="R219" s="6">
        <v>1</v>
      </c>
      <c r="S219" s="10" t="s">
        <v>55</v>
      </c>
      <c r="T219" s="10" t="s">
        <v>55</v>
      </c>
      <c r="U219" s="10" t="s">
        <v>55</v>
      </c>
      <c r="V219" s="10" t="s">
        <v>55</v>
      </c>
      <c r="W219" s="6">
        <v>2</v>
      </c>
      <c r="X219" s="6">
        <v>1</v>
      </c>
      <c r="Y219" s="6">
        <v>1</v>
      </c>
      <c r="Z219" s="10" t="s">
        <v>55</v>
      </c>
      <c r="AA219" s="10" t="s">
        <v>55</v>
      </c>
      <c r="AB219" s="10" t="s">
        <v>55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102</v>
      </c>
      <c r="I220" s="9" t="s">
        <v>6</v>
      </c>
      <c r="J220" s="9" t="s">
        <v>32</v>
      </c>
      <c r="K220" s="6">
        <v>32</v>
      </c>
      <c r="L220" s="6">
        <v>25</v>
      </c>
      <c r="M220" s="6">
        <v>24</v>
      </c>
      <c r="N220" s="6">
        <v>24</v>
      </c>
      <c r="O220" s="10" t="s">
        <v>55</v>
      </c>
      <c r="P220" s="10" t="s">
        <v>55</v>
      </c>
      <c r="Q220" s="10" t="s">
        <v>55</v>
      </c>
      <c r="R220" s="6">
        <v>1</v>
      </c>
      <c r="S220" s="6">
        <v>2</v>
      </c>
      <c r="T220" s="6">
        <v>1</v>
      </c>
      <c r="U220" s="6">
        <v>1</v>
      </c>
      <c r="V220" s="10" t="s">
        <v>55</v>
      </c>
      <c r="W220" s="6">
        <v>5</v>
      </c>
      <c r="X220" s="6">
        <v>22</v>
      </c>
      <c r="Y220" s="6">
        <v>22</v>
      </c>
      <c r="Z220" s="10" t="s">
        <v>55</v>
      </c>
      <c r="AA220" s="10" t="s">
        <v>55</v>
      </c>
      <c r="AB220" s="10" t="s">
        <v>55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102</v>
      </c>
      <c r="I221" s="9" t="s">
        <v>6</v>
      </c>
      <c r="J221" s="9" t="s">
        <v>33</v>
      </c>
      <c r="K221" s="6">
        <v>129</v>
      </c>
      <c r="L221" s="6">
        <v>115</v>
      </c>
      <c r="M221" s="6">
        <v>107</v>
      </c>
      <c r="N221" s="6">
        <v>100</v>
      </c>
      <c r="O221" s="6">
        <v>2</v>
      </c>
      <c r="P221" s="6">
        <v>1</v>
      </c>
      <c r="Q221" s="6">
        <v>4</v>
      </c>
      <c r="R221" s="6">
        <v>8</v>
      </c>
      <c r="S221" s="6">
        <v>7</v>
      </c>
      <c r="T221" s="6">
        <v>1</v>
      </c>
      <c r="U221" s="6">
        <v>3</v>
      </c>
      <c r="V221" s="6">
        <v>3</v>
      </c>
      <c r="W221" s="6">
        <v>7</v>
      </c>
      <c r="X221" s="6">
        <v>100</v>
      </c>
      <c r="Y221" s="6">
        <v>95</v>
      </c>
      <c r="Z221" s="6">
        <v>1</v>
      </c>
      <c r="AA221" s="6">
        <v>1</v>
      </c>
      <c r="AB221" s="6">
        <v>3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102</v>
      </c>
      <c r="I222" s="9" t="s">
        <v>6</v>
      </c>
      <c r="J222" s="9" t="s">
        <v>34</v>
      </c>
      <c r="K222" s="6">
        <v>250</v>
      </c>
      <c r="L222" s="6">
        <v>233</v>
      </c>
      <c r="M222" s="6">
        <v>224</v>
      </c>
      <c r="N222" s="6">
        <v>208</v>
      </c>
      <c r="O222" s="6">
        <v>7</v>
      </c>
      <c r="P222" s="6">
        <v>4</v>
      </c>
      <c r="Q222" s="6">
        <v>5</v>
      </c>
      <c r="R222" s="6">
        <v>9</v>
      </c>
      <c r="S222" s="6">
        <v>10</v>
      </c>
      <c r="T222" s="6">
        <v>6</v>
      </c>
      <c r="U222" s="6">
        <v>1</v>
      </c>
      <c r="V222" s="6">
        <v>3</v>
      </c>
      <c r="W222" s="6">
        <v>7</v>
      </c>
      <c r="X222" s="6">
        <v>211</v>
      </c>
      <c r="Y222" s="6">
        <v>197</v>
      </c>
      <c r="Z222" s="6">
        <v>6</v>
      </c>
      <c r="AA222" s="6">
        <v>4</v>
      </c>
      <c r="AB222" s="6">
        <v>4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102</v>
      </c>
      <c r="I223" s="9" t="s">
        <v>6</v>
      </c>
      <c r="J223" s="9" t="s">
        <v>35</v>
      </c>
      <c r="K223" s="6">
        <v>417</v>
      </c>
      <c r="L223" s="6">
        <v>391</v>
      </c>
      <c r="M223" s="6">
        <v>367</v>
      </c>
      <c r="N223" s="6">
        <v>342</v>
      </c>
      <c r="O223" s="6">
        <v>15</v>
      </c>
      <c r="P223" s="10" t="s">
        <v>55</v>
      </c>
      <c r="Q223" s="6">
        <v>10</v>
      </c>
      <c r="R223" s="6">
        <v>24</v>
      </c>
      <c r="S223" s="6">
        <v>14</v>
      </c>
      <c r="T223" s="6">
        <v>4</v>
      </c>
      <c r="U223" s="6">
        <v>4</v>
      </c>
      <c r="V223" s="6">
        <v>6</v>
      </c>
      <c r="W223" s="6">
        <v>12</v>
      </c>
      <c r="X223" s="6">
        <v>339</v>
      </c>
      <c r="Y223" s="6">
        <v>319</v>
      </c>
      <c r="Z223" s="6">
        <v>12</v>
      </c>
      <c r="AA223" s="10" t="s">
        <v>55</v>
      </c>
      <c r="AB223" s="6">
        <v>8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102</v>
      </c>
      <c r="I224" s="9" t="s">
        <v>6</v>
      </c>
      <c r="J224" s="9" t="s">
        <v>36</v>
      </c>
      <c r="K224" s="6">
        <v>533</v>
      </c>
      <c r="L224" s="6">
        <v>500</v>
      </c>
      <c r="M224" s="6">
        <v>476</v>
      </c>
      <c r="N224" s="6">
        <v>447</v>
      </c>
      <c r="O224" s="6">
        <v>20</v>
      </c>
      <c r="P224" s="6">
        <v>3</v>
      </c>
      <c r="Q224" s="6">
        <v>6</v>
      </c>
      <c r="R224" s="6">
        <v>24</v>
      </c>
      <c r="S224" s="6">
        <v>20</v>
      </c>
      <c r="T224" s="6">
        <v>10</v>
      </c>
      <c r="U224" s="6">
        <v>1</v>
      </c>
      <c r="V224" s="6">
        <v>9</v>
      </c>
      <c r="W224" s="6">
        <v>13</v>
      </c>
      <c r="X224" s="6">
        <v>436</v>
      </c>
      <c r="Y224" s="6">
        <v>411</v>
      </c>
      <c r="Z224" s="6">
        <v>16</v>
      </c>
      <c r="AA224" s="6">
        <v>3</v>
      </c>
      <c r="AB224" s="6">
        <v>6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102</v>
      </c>
      <c r="I225" s="9" t="s">
        <v>6</v>
      </c>
      <c r="J225" s="9" t="s">
        <v>37</v>
      </c>
      <c r="K225" s="6">
        <v>704</v>
      </c>
      <c r="L225" s="6">
        <v>656</v>
      </c>
      <c r="M225" s="6">
        <v>609</v>
      </c>
      <c r="N225" s="6">
        <v>579</v>
      </c>
      <c r="O225" s="6">
        <v>21</v>
      </c>
      <c r="P225" s="10" t="s">
        <v>55</v>
      </c>
      <c r="Q225" s="6">
        <v>9</v>
      </c>
      <c r="R225" s="6">
        <v>47</v>
      </c>
      <c r="S225" s="6">
        <v>35</v>
      </c>
      <c r="T225" s="6">
        <v>20</v>
      </c>
      <c r="U225" s="6">
        <v>1</v>
      </c>
      <c r="V225" s="6">
        <v>14</v>
      </c>
      <c r="W225" s="6">
        <v>13</v>
      </c>
      <c r="X225" s="6">
        <v>551</v>
      </c>
      <c r="Y225" s="6">
        <v>526</v>
      </c>
      <c r="Z225" s="6">
        <v>18</v>
      </c>
      <c r="AA225" s="10" t="s">
        <v>55</v>
      </c>
      <c r="AB225" s="6">
        <v>7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102</v>
      </c>
      <c r="I226" s="9" t="s">
        <v>6</v>
      </c>
      <c r="J226" s="9" t="s">
        <v>38</v>
      </c>
      <c r="K226" s="6">
        <v>723</v>
      </c>
      <c r="L226" s="6">
        <v>650</v>
      </c>
      <c r="M226" s="6">
        <v>609</v>
      </c>
      <c r="N226" s="6">
        <v>575</v>
      </c>
      <c r="O226" s="6">
        <v>22</v>
      </c>
      <c r="P226" s="10" t="s">
        <v>55</v>
      </c>
      <c r="Q226" s="6">
        <v>12</v>
      </c>
      <c r="R226" s="6">
        <v>41</v>
      </c>
      <c r="S226" s="6">
        <v>60</v>
      </c>
      <c r="T226" s="6">
        <v>28</v>
      </c>
      <c r="U226" s="10" t="s">
        <v>55</v>
      </c>
      <c r="V226" s="6">
        <v>32</v>
      </c>
      <c r="W226" s="6">
        <v>13</v>
      </c>
      <c r="X226" s="6">
        <v>539</v>
      </c>
      <c r="Y226" s="6">
        <v>511</v>
      </c>
      <c r="Z226" s="6">
        <v>16</v>
      </c>
      <c r="AA226" s="10" t="s">
        <v>55</v>
      </c>
      <c r="AB226" s="6">
        <v>12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102</v>
      </c>
      <c r="I227" s="9" t="s">
        <v>6</v>
      </c>
      <c r="J227" s="9" t="s">
        <v>39</v>
      </c>
      <c r="K227" s="6">
        <v>719</v>
      </c>
      <c r="L227" s="6">
        <v>628</v>
      </c>
      <c r="M227" s="6">
        <v>595</v>
      </c>
      <c r="N227" s="6">
        <v>546</v>
      </c>
      <c r="O227" s="6">
        <v>34</v>
      </c>
      <c r="P227" s="10" t="s">
        <v>55</v>
      </c>
      <c r="Q227" s="6">
        <v>15</v>
      </c>
      <c r="R227" s="6">
        <v>33</v>
      </c>
      <c r="S227" s="6">
        <v>80</v>
      </c>
      <c r="T227" s="6">
        <v>40</v>
      </c>
      <c r="U227" s="10" t="s">
        <v>55</v>
      </c>
      <c r="V227" s="6">
        <v>40</v>
      </c>
      <c r="W227" s="6">
        <v>11</v>
      </c>
      <c r="X227" s="6">
        <v>531</v>
      </c>
      <c r="Y227" s="6">
        <v>494</v>
      </c>
      <c r="Z227" s="6">
        <v>28</v>
      </c>
      <c r="AA227" s="10" t="s">
        <v>55</v>
      </c>
      <c r="AB227" s="6">
        <v>9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102</v>
      </c>
      <c r="I228" s="9" t="s">
        <v>6</v>
      </c>
      <c r="J228" s="9" t="s">
        <v>40</v>
      </c>
      <c r="K228" s="6">
        <v>719</v>
      </c>
      <c r="L228" s="6">
        <v>548</v>
      </c>
      <c r="M228" s="6">
        <v>502</v>
      </c>
      <c r="N228" s="6">
        <v>452</v>
      </c>
      <c r="O228" s="6">
        <v>32</v>
      </c>
      <c r="P228" s="10" t="s">
        <v>55</v>
      </c>
      <c r="Q228" s="6">
        <v>18</v>
      </c>
      <c r="R228" s="6">
        <v>46</v>
      </c>
      <c r="S228" s="6">
        <v>161</v>
      </c>
      <c r="T228" s="6">
        <v>64</v>
      </c>
      <c r="U228" s="10" t="s">
        <v>55</v>
      </c>
      <c r="V228" s="6">
        <v>97</v>
      </c>
      <c r="W228" s="6">
        <v>10</v>
      </c>
      <c r="X228" s="6">
        <v>441</v>
      </c>
      <c r="Y228" s="6">
        <v>402</v>
      </c>
      <c r="Z228" s="6">
        <v>24</v>
      </c>
      <c r="AA228" s="10" t="s">
        <v>55</v>
      </c>
      <c r="AB228" s="6">
        <v>15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102</v>
      </c>
      <c r="I229" s="9" t="s">
        <v>6</v>
      </c>
      <c r="J229" s="9" t="s">
        <v>41</v>
      </c>
      <c r="K229" s="6">
        <v>752</v>
      </c>
      <c r="L229" s="6">
        <v>398</v>
      </c>
      <c r="M229" s="6">
        <v>372</v>
      </c>
      <c r="N229" s="6">
        <v>307</v>
      </c>
      <c r="O229" s="6">
        <v>50</v>
      </c>
      <c r="P229" s="10" t="s">
        <v>55</v>
      </c>
      <c r="Q229" s="6">
        <v>15</v>
      </c>
      <c r="R229" s="6">
        <v>26</v>
      </c>
      <c r="S229" s="6">
        <v>345</v>
      </c>
      <c r="T229" s="6">
        <v>118</v>
      </c>
      <c r="U229" s="10" t="s">
        <v>55</v>
      </c>
      <c r="V229" s="6">
        <v>227</v>
      </c>
      <c r="W229" s="6">
        <v>9</v>
      </c>
      <c r="X229" s="6">
        <v>317</v>
      </c>
      <c r="Y229" s="6">
        <v>261</v>
      </c>
      <c r="Z229" s="6">
        <v>44</v>
      </c>
      <c r="AA229" s="10" t="s">
        <v>55</v>
      </c>
      <c r="AB229" s="6">
        <v>12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102</v>
      </c>
      <c r="I230" s="9" t="s">
        <v>6</v>
      </c>
      <c r="J230" s="9" t="s">
        <v>42</v>
      </c>
      <c r="K230" s="6">
        <v>685</v>
      </c>
      <c r="L230" s="6">
        <v>229</v>
      </c>
      <c r="M230" s="6">
        <v>211</v>
      </c>
      <c r="N230" s="6">
        <v>154</v>
      </c>
      <c r="O230" s="6">
        <v>39</v>
      </c>
      <c r="P230" s="10" t="s">
        <v>55</v>
      </c>
      <c r="Q230" s="6">
        <v>18</v>
      </c>
      <c r="R230" s="6">
        <v>18</v>
      </c>
      <c r="S230" s="6">
        <v>450</v>
      </c>
      <c r="T230" s="6">
        <v>125</v>
      </c>
      <c r="U230" s="6">
        <v>1</v>
      </c>
      <c r="V230" s="6">
        <v>324</v>
      </c>
      <c r="W230" s="6">
        <v>6</v>
      </c>
      <c r="X230" s="6">
        <v>153</v>
      </c>
      <c r="Y230" s="6">
        <v>113</v>
      </c>
      <c r="Z230" s="6">
        <v>27</v>
      </c>
      <c r="AA230" s="10" t="s">
        <v>55</v>
      </c>
      <c r="AB230" s="6">
        <v>13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102</v>
      </c>
      <c r="I231" s="9" t="s">
        <v>6</v>
      </c>
      <c r="J231" s="9" t="s">
        <v>43</v>
      </c>
      <c r="K231" s="6">
        <v>316</v>
      </c>
      <c r="L231" s="6">
        <v>54</v>
      </c>
      <c r="M231" s="6">
        <v>51</v>
      </c>
      <c r="N231" s="6">
        <v>35</v>
      </c>
      <c r="O231" s="6">
        <v>14</v>
      </c>
      <c r="P231" s="10" t="s">
        <v>55</v>
      </c>
      <c r="Q231" s="6">
        <v>2</v>
      </c>
      <c r="R231" s="6">
        <v>3</v>
      </c>
      <c r="S231" s="6">
        <v>260</v>
      </c>
      <c r="T231" s="6">
        <v>67</v>
      </c>
      <c r="U231" s="10" t="s">
        <v>55</v>
      </c>
      <c r="V231" s="6">
        <v>193</v>
      </c>
      <c r="W231" s="6">
        <v>2</v>
      </c>
      <c r="X231" s="6">
        <v>28</v>
      </c>
      <c r="Y231" s="6">
        <v>17</v>
      </c>
      <c r="Z231" s="6">
        <v>10</v>
      </c>
      <c r="AA231" s="10" t="s">
        <v>55</v>
      </c>
      <c r="AB231" s="6">
        <v>1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102</v>
      </c>
      <c r="I232" s="9" t="s">
        <v>6</v>
      </c>
      <c r="J232" s="9" t="s">
        <v>44</v>
      </c>
      <c r="K232" s="6">
        <v>205</v>
      </c>
      <c r="L232" s="6">
        <v>13</v>
      </c>
      <c r="M232" s="6">
        <v>13</v>
      </c>
      <c r="N232" s="6">
        <v>10</v>
      </c>
      <c r="O232" s="6">
        <v>2</v>
      </c>
      <c r="P232" s="10" t="s">
        <v>55</v>
      </c>
      <c r="Q232" s="6">
        <v>1</v>
      </c>
      <c r="R232" s="10" t="s">
        <v>55</v>
      </c>
      <c r="S232" s="6">
        <v>191</v>
      </c>
      <c r="T232" s="6">
        <v>34</v>
      </c>
      <c r="U232" s="10" t="s">
        <v>55</v>
      </c>
      <c r="V232" s="6">
        <v>157</v>
      </c>
      <c r="W232" s="6">
        <v>1</v>
      </c>
      <c r="X232" s="6">
        <v>4</v>
      </c>
      <c r="Y232" s="6">
        <v>4</v>
      </c>
      <c r="Z232" s="10" t="s">
        <v>55</v>
      </c>
      <c r="AA232" s="10" t="s">
        <v>55</v>
      </c>
      <c r="AB232" s="10" t="s">
        <v>55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102</v>
      </c>
      <c r="I233" s="9" t="s">
        <v>6</v>
      </c>
      <c r="J233" s="9" t="s">
        <v>45</v>
      </c>
      <c r="K233" s="6">
        <v>105</v>
      </c>
      <c r="L233" s="6">
        <v>2</v>
      </c>
      <c r="M233" s="6">
        <v>2</v>
      </c>
      <c r="N233" s="6">
        <v>1</v>
      </c>
      <c r="O233" s="10" t="s">
        <v>55</v>
      </c>
      <c r="P233" s="10" t="s">
        <v>55</v>
      </c>
      <c r="Q233" s="6">
        <v>1</v>
      </c>
      <c r="R233" s="10" t="s">
        <v>55</v>
      </c>
      <c r="S233" s="6">
        <v>103</v>
      </c>
      <c r="T233" s="6">
        <v>19</v>
      </c>
      <c r="U233" s="10" t="s">
        <v>55</v>
      </c>
      <c r="V233" s="6">
        <v>84</v>
      </c>
      <c r="W233" s="10" t="s">
        <v>55</v>
      </c>
      <c r="X233" s="10" t="s">
        <v>55</v>
      </c>
      <c r="Y233" s="10" t="s">
        <v>55</v>
      </c>
      <c r="Z233" s="10" t="s">
        <v>55</v>
      </c>
      <c r="AA233" s="10" t="s">
        <v>55</v>
      </c>
      <c r="AB233" s="10" t="s">
        <v>55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102</v>
      </c>
      <c r="I234" s="9" t="s">
        <v>6</v>
      </c>
      <c r="J234" s="9" t="s">
        <v>46</v>
      </c>
      <c r="K234" s="6">
        <v>38</v>
      </c>
      <c r="L234" s="10" t="s">
        <v>55</v>
      </c>
      <c r="M234" s="10" t="s">
        <v>55</v>
      </c>
      <c r="N234" s="10" t="s">
        <v>55</v>
      </c>
      <c r="O234" s="10" t="s">
        <v>55</v>
      </c>
      <c r="P234" s="10" t="s">
        <v>55</v>
      </c>
      <c r="Q234" s="10" t="s">
        <v>55</v>
      </c>
      <c r="R234" s="10" t="s">
        <v>55</v>
      </c>
      <c r="S234" s="6">
        <v>38</v>
      </c>
      <c r="T234" s="6">
        <v>4</v>
      </c>
      <c r="U234" s="10" t="s">
        <v>55</v>
      </c>
      <c r="V234" s="6">
        <v>34</v>
      </c>
      <c r="W234" s="10" t="s">
        <v>55</v>
      </c>
      <c r="X234" s="10" t="s">
        <v>55</v>
      </c>
      <c r="Y234" s="10" t="s">
        <v>55</v>
      </c>
      <c r="Z234" s="10" t="s">
        <v>55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102</v>
      </c>
      <c r="I235" s="9" t="s">
        <v>6</v>
      </c>
      <c r="J235" s="9" t="s">
        <v>47</v>
      </c>
      <c r="K235" s="6">
        <v>13</v>
      </c>
      <c r="L235" s="10" t="s">
        <v>55</v>
      </c>
      <c r="M235" s="10" t="s">
        <v>55</v>
      </c>
      <c r="N235" s="10" t="s">
        <v>55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13</v>
      </c>
      <c r="T235" s="10" t="s">
        <v>55</v>
      </c>
      <c r="U235" s="10" t="s">
        <v>55</v>
      </c>
      <c r="V235" s="6">
        <v>13</v>
      </c>
      <c r="W235" s="10" t="s">
        <v>55</v>
      </c>
      <c r="X235" s="10" t="s">
        <v>55</v>
      </c>
      <c r="Y235" s="10" t="s">
        <v>55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102</v>
      </c>
      <c r="I236" s="9" t="s">
        <v>6</v>
      </c>
      <c r="J236" s="9" t="s">
        <v>48</v>
      </c>
      <c r="K236" s="6">
        <v>4230</v>
      </c>
      <c r="L236" s="6">
        <v>3748</v>
      </c>
      <c r="M236" s="6">
        <v>3514</v>
      </c>
      <c r="N236" s="6">
        <v>3274</v>
      </c>
      <c r="O236" s="6">
        <v>153</v>
      </c>
      <c r="P236" s="6">
        <v>8</v>
      </c>
      <c r="Q236" s="6">
        <v>79</v>
      </c>
      <c r="R236" s="6">
        <v>234</v>
      </c>
      <c r="S236" s="6">
        <v>389</v>
      </c>
      <c r="T236" s="6">
        <v>174</v>
      </c>
      <c r="U236" s="6">
        <v>11</v>
      </c>
      <c r="V236" s="6">
        <v>204</v>
      </c>
      <c r="W236" s="6">
        <v>93</v>
      </c>
      <c r="X236" s="6">
        <v>3171</v>
      </c>
      <c r="Y236" s="6">
        <v>2978</v>
      </c>
      <c r="Z236" s="6">
        <v>121</v>
      </c>
      <c r="AA236" s="6">
        <v>8</v>
      </c>
      <c r="AB236" s="6">
        <v>64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102</v>
      </c>
      <c r="I237" s="9" t="s">
        <v>6</v>
      </c>
      <c r="J237" s="9" t="s">
        <v>49</v>
      </c>
      <c r="K237" s="6">
        <v>2114</v>
      </c>
      <c r="L237" s="6">
        <v>696</v>
      </c>
      <c r="M237" s="6">
        <v>649</v>
      </c>
      <c r="N237" s="6">
        <v>507</v>
      </c>
      <c r="O237" s="6">
        <v>105</v>
      </c>
      <c r="P237" s="10" t="s">
        <v>55</v>
      </c>
      <c r="Q237" s="6">
        <v>37</v>
      </c>
      <c r="R237" s="6">
        <v>47</v>
      </c>
      <c r="S237" s="6">
        <v>1400</v>
      </c>
      <c r="T237" s="6">
        <v>367</v>
      </c>
      <c r="U237" s="6">
        <v>1</v>
      </c>
      <c r="V237" s="6">
        <v>1032</v>
      </c>
      <c r="W237" s="6">
        <v>18</v>
      </c>
      <c r="X237" s="6">
        <v>502</v>
      </c>
      <c r="Y237" s="6">
        <v>395</v>
      </c>
      <c r="Z237" s="6">
        <v>81</v>
      </c>
      <c r="AA237" s="10" t="s">
        <v>55</v>
      </c>
      <c r="AB237" s="6">
        <v>26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102</v>
      </c>
      <c r="I238" s="9" t="s">
        <v>6</v>
      </c>
      <c r="J238" s="9" t="s">
        <v>50</v>
      </c>
      <c r="K238" s="6">
        <v>677</v>
      </c>
      <c r="L238" s="6">
        <v>69</v>
      </c>
      <c r="M238" s="6">
        <v>66</v>
      </c>
      <c r="N238" s="6">
        <v>46</v>
      </c>
      <c r="O238" s="6">
        <v>16</v>
      </c>
      <c r="P238" s="10" t="s">
        <v>55</v>
      </c>
      <c r="Q238" s="6">
        <v>4</v>
      </c>
      <c r="R238" s="6">
        <v>3</v>
      </c>
      <c r="S238" s="6">
        <v>605</v>
      </c>
      <c r="T238" s="6">
        <v>124</v>
      </c>
      <c r="U238" s="10" t="s">
        <v>55</v>
      </c>
      <c r="V238" s="6">
        <v>481</v>
      </c>
      <c r="W238" s="6">
        <v>3</v>
      </c>
      <c r="X238" s="6">
        <v>32</v>
      </c>
      <c r="Y238" s="6">
        <v>21</v>
      </c>
      <c r="Z238" s="6">
        <v>10</v>
      </c>
      <c r="AA238" s="10" t="s">
        <v>55</v>
      </c>
      <c r="AB238" s="6">
        <v>1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102</v>
      </c>
      <c r="I239" s="9" t="s">
        <v>6</v>
      </c>
      <c r="J239" s="9" t="s">
        <v>51</v>
      </c>
      <c r="K239" s="6">
        <v>156</v>
      </c>
      <c r="L239" s="6">
        <v>2</v>
      </c>
      <c r="M239" s="6">
        <v>2</v>
      </c>
      <c r="N239" s="6">
        <v>1</v>
      </c>
      <c r="O239" s="10" t="s">
        <v>55</v>
      </c>
      <c r="P239" s="10" t="s">
        <v>55</v>
      </c>
      <c r="Q239" s="6">
        <v>1</v>
      </c>
      <c r="R239" s="10" t="s">
        <v>55</v>
      </c>
      <c r="S239" s="6">
        <v>154</v>
      </c>
      <c r="T239" s="6">
        <v>23</v>
      </c>
      <c r="U239" s="10" t="s">
        <v>55</v>
      </c>
      <c r="V239" s="6">
        <v>131</v>
      </c>
      <c r="W239" s="10" t="s">
        <v>55</v>
      </c>
      <c r="X239" s="10" t="s">
        <v>55</v>
      </c>
      <c r="Y239" s="10" t="s">
        <v>55</v>
      </c>
      <c r="Z239" s="10" t="s">
        <v>55</v>
      </c>
      <c r="AA239" s="10" t="s">
        <v>55</v>
      </c>
      <c r="AB239" s="10" t="s">
        <v>55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102</v>
      </c>
      <c r="I240" s="9" t="s">
        <v>6</v>
      </c>
      <c r="J240" s="9" t="s">
        <v>52</v>
      </c>
      <c r="K240" s="6">
        <v>4978</v>
      </c>
      <c r="L240" s="6">
        <v>4144</v>
      </c>
      <c r="M240" s="6">
        <v>3885</v>
      </c>
      <c r="N240" s="6">
        <v>3580</v>
      </c>
      <c r="O240" s="6">
        <v>203</v>
      </c>
      <c r="P240" s="6">
        <v>8</v>
      </c>
      <c r="Q240" s="6">
        <v>94</v>
      </c>
      <c r="R240" s="6">
        <v>259</v>
      </c>
      <c r="S240" s="6">
        <v>734</v>
      </c>
      <c r="T240" s="6">
        <v>292</v>
      </c>
      <c r="U240" s="6">
        <v>11</v>
      </c>
      <c r="V240" s="6">
        <v>431</v>
      </c>
      <c r="W240" s="6">
        <v>100</v>
      </c>
      <c r="X240" s="6">
        <v>3487</v>
      </c>
      <c r="Y240" s="6">
        <v>3238</v>
      </c>
      <c r="Z240" s="6">
        <v>165</v>
      </c>
      <c r="AA240" s="6">
        <v>8</v>
      </c>
      <c r="AB240" s="6">
        <v>76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102</v>
      </c>
      <c r="I241" s="9" t="s">
        <v>53</v>
      </c>
      <c r="J241" s="9" t="s">
        <v>30</v>
      </c>
      <c r="K241" s="6">
        <v>2199</v>
      </c>
      <c r="L241" s="6">
        <v>1542</v>
      </c>
      <c r="M241" s="6">
        <v>1392</v>
      </c>
      <c r="N241" s="6">
        <v>1307</v>
      </c>
      <c r="O241" s="6">
        <v>30</v>
      </c>
      <c r="P241" s="10" t="s">
        <v>55</v>
      </c>
      <c r="Q241" s="6">
        <v>55</v>
      </c>
      <c r="R241" s="6">
        <v>150</v>
      </c>
      <c r="S241" s="6">
        <v>617</v>
      </c>
      <c r="T241" s="6">
        <v>85</v>
      </c>
      <c r="U241" s="10" t="s">
        <v>55</v>
      </c>
      <c r="V241" s="6">
        <v>532</v>
      </c>
      <c r="W241" s="6">
        <v>40</v>
      </c>
      <c r="X241" s="6">
        <v>1146</v>
      </c>
      <c r="Y241" s="6">
        <v>1095</v>
      </c>
      <c r="Z241" s="6">
        <v>14</v>
      </c>
      <c r="AA241" s="10" t="s">
        <v>55</v>
      </c>
      <c r="AB241" s="6">
        <v>37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102</v>
      </c>
      <c r="I242" s="9" t="s">
        <v>53</v>
      </c>
      <c r="J242" s="9" t="s">
        <v>31</v>
      </c>
      <c r="K242" s="10" t="s">
        <v>55</v>
      </c>
      <c r="L242" s="10" t="s">
        <v>55</v>
      </c>
      <c r="M242" s="10" t="s">
        <v>55</v>
      </c>
      <c r="N242" s="10" t="s">
        <v>55</v>
      </c>
      <c r="O242" s="10" t="s">
        <v>55</v>
      </c>
      <c r="P242" s="10" t="s">
        <v>55</v>
      </c>
      <c r="Q242" s="10" t="s">
        <v>55</v>
      </c>
      <c r="R242" s="10" t="s">
        <v>55</v>
      </c>
      <c r="S242" s="10" t="s">
        <v>55</v>
      </c>
      <c r="T242" s="10" t="s">
        <v>55</v>
      </c>
      <c r="U242" s="10" t="s">
        <v>55</v>
      </c>
      <c r="V242" s="10" t="s">
        <v>55</v>
      </c>
      <c r="W242" s="10" t="s">
        <v>55</v>
      </c>
      <c r="X242" s="10" t="s">
        <v>55</v>
      </c>
      <c r="Y242" s="10" t="s">
        <v>55</v>
      </c>
      <c r="Z242" s="10" t="s">
        <v>55</v>
      </c>
      <c r="AA242" s="10" t="s">
        <v>55</v>
      </c>
      <c r="AB242" s="10" t="s">
        <v>55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102</v>
      </c>
      <c r="I243" s="9" t="s">
        <v>53</v>
      </c>
      <c r="J243" s="9" t="s">
        <v>32</v>
      </c>
      <c r="K243" s="6">
        <v>6</v>
      </c>
      <c r="L243" s="6">
        <v>4</v>
      </c>
      <c r="M243" s="6">
        <v>4</v>
      </c>
      <c r="N243" s="6">
        <v>4</v>
      </c>
      <c r="O243" s="10" t="s">
        <v>55</v>
      </c>
      <c r="P243" s="10" t="s">
        <v>55</v>
      </c>
      <c r="Q243" s="10" t="s">
        <v>55</v>
      </c>
      <c r="R243" s="10" t="s">
        <v>55</v>
      </c>
      <c r="S243" s="10" t="s">
        <v>55</v>
      </c>
      <c r="T243" s="10" t="s">
        <v>55</v>
      </c>
      <c r="U243" s="10" t="s">
        <v>55</v>
      </c>
      <c r="V243" s="10" t="s">
        <v>55</v>
      </c>
      <c r="W243" s="6">
        <v>2</v>
      </c>
      <c r="X243" s="6">
        <v>4</v>
      </c>
      <c r="Y243" s="6">
        <v>4</v>
      </c>
      <c r="Z243" s="10" t="s">
        <v>55</v>
      </c>
      <c r="AA243" s="10" t="s">
        <v>55</v>
      </c>
      <c r="AB243" s="10" t="s">
        <v>55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102</v>
      </c>
      <c r="I244" s="9" t="s">
        <v>53</v>
      </c>
      <c r="J244" s="9" t="s">
        <v>33</v>
      </c>
      <c r="K244" s="6">
        <v>31</v>
      </c>
      <c r="L244" s="6">
        <v>29</v>
      </c>
      <c r="M244" s="6">
        <v>25</v>
      </c>
      <c r="N244" s="6">
        <v>23</v>
      </c>
      <c r="O244" s="10" t="s">
        <v>55</v>
      </c>
      <c r="P244" s="10" t="s">
        <v>55</v>
      </c>
      <c r="Q244" s="6">
        <v>2</v>
      </c>
      <c r="R244" s="6">
        <v>4</v>
      </c>
      <c r="S244" s="6">
        <v>2</v>
      </c>
      <c r="T244" s="10" t="s">
        <v>55</v>
      </c>
      <c r="U244" s="10" t="s">
        <v>55</v>
      </c>
      <c r="V244" s="6">
        <v>2</v>
      </c>
      <c r="W244" s="10" t="s">
        <v>55</v>
      </c>
      <c r="X244" s="6">
        <v>22</v>
      </c>
      <c r="Y244" s="6">
        <v>21</v>
      </c>
      <c r="Z244" s="10" t="s">
        <v>55</v>
      </c>
      <c r="AA244" s="10" t="s">
        <v>55</v>
      </c>
      <c r="AB244" s="6">
        <v>1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102</v>
      </c>
      <c r="I245" s="9" t="s">
        <v>53</v>
      </c>
      <c r="J245" s="9" t="s">
        <v>34</v>
      </c>
      <c r="K245" s="6">
        <v>71</v>
      </c>
      <c r="L245" s="6">
        <v>68</v>
      </c>
      <c r="M245" s="6">
        <v>65</v>
      </c>
      <c r="N245" s="6">
        <v>62</v>
      </c>
      <c r="O245" s="6">
        <v>1</v>
      </c>
      <c r="P245" s="10" t="s">
        <v>55</v>
      </c>
      <c r="Q245" s="6">
        <v>2</v>
      </c>
      <c r="R245" s="6">
        <v>3</v>
      </c>
      <c r="S245" s="6">
        <v>1</v>
      </c>
      <c r="T245" s="10" t="s">
        <v>55</v>
      </c>
      <c r="U245" s="10" t="s">
        <v>55</v>
      </c>
      <c r="V245" s="6">
        <v>1</v>
      </c>
      <c r="W245" s="6">
        <v>2</v>
      </c>
      <c r="X245" s="6">
        <v>58</v>
      </c>
      <c r="Y245" s="6">
        <v>56</v>
      </c>
      <c r="Z245" s="6">
        <v>1</v>
      </c>
      <c r="AA245" s="10" t="s">
        <v>55</v>
      </c>
      <c r="AB245" s="6">
        <v>1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102</v>
      </c>
      <c r="I246" s="9" t="s">
        <v>53</v>
      </c>
      <c r="J246" s="9" t="s">
        <v>35</v>
      </c>
      <c r="K246" s="6">
        <v>135</v>
      </c>
      <c r="L246" s="6">
        <v>130</v>
      </c>
      <c r="M246" s="6">
        <v>116</v>
      </c>
      <c r="N246" s="6">
        <v>107</v>
      </c>
      <c r="O246" s="6">
        <v>3</v>
      </c>
      <c r="P246" s="10" t="s">
        <v>55</v>
      </c>
      <c r="Q246" s="6">
        <v>6</v>
      </c>
      <c r="R246" s="6">
        <v>14</v>
      </c>
      <c r="S246" s="6">
        <v>3</v>
      </c>
      <c r="T246" s="10" t="s">
        <v>55</v>
      </c>
      <c r="U246" s="10" t="s">
        <v>55</v>
      </c>
      <c r="V246" s="6">
        <v>3</v>
      </c>
      <c r="W246" s="6">
        <v>2</v>
      </c>
      <c r="X246" s="6">
        <v>99</v>
      </c>
      <c r="Y246" s="6">
        <v>93</v>
      </c>
      <c r="Z246" s="6">
        <v>2</v>
      </c>
      <c r="AA246" s="10" t="s">
        <v>55</v>
      </c>
      <c r="AB246" s="6">
        <v>4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102</v>
      </c>
      <c r="I247" s="9" t="s">
        <v>53</v>
      </c>
      <c r="J247" s="9" t="s">
        <v>36</v>
      </c>
      <c r="K247" s="6">
        <v>150</v>
      </c>
      <c r="L247" s="6">
        <v>142</v>
      </c>
      <c r="M247" s="6">
        <v>134</v>
      </c>
      <c r="N247" s="6">
        <v>129</v>
      </c>
      <c r="O247" s="6">
        <v>2</v>
      </c>
      <c r="P247" s="10" t="s">
        <v>55</v>
      </c>
      <c r="Q247" s="6">
        <v>3</v>
      </c>
      <c r="R247" s="6">
        <v>8</v>
      </c>
      <c r="S247" s="6">
        <v>3</v>
      </c>
      <c r="T247" s="10" t="s">
        <v>55</v>
      </c>
      <c r="U247" s="10" t="s">
        <v>55</v>
      </c>
      <c r="V247" s="6">
        <v>3</v>
      </c>
      <c r="W247" s="6">
        <v>5</v>
      </c>
      <c r="X247" s="6">
        <v>114</v>
      </c>
      <c r="Y247" s="6">
        <v>111</v>
      </c>
      <c r="Z247" s="10" t="s">
        <v>55</v>
      </c>
      <c r="AA247" s="10" t="s">
        <v>55</v>
      </c>
      <c r="AB247" s="6">
        <v>3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102</v>
      </c>
      <c r="I248" s="9" t="s">
        <v>53</v>
      </c>
      <c r="J248" s="9" t="s">
        <v>37</v>
      </c>
      <c r="K248" s="6">
        <v>251</v>
      </c>
      <c r="L248" s="6">
        <v>240</v>
      </c>
      <c r="M248" s="6">
        <v>214</v>
      </c>
      <c r="N248" s="6">
        <v>207</v>
      </c>
      <c r="O248" s="6">
        <v>2</v>
      </c>
      <c r="P248" s="10" t="s">
        <v>55</v>
      </c>
      <c r="Q248" s="6">
        <v>5</v>
      </c>
      <c r="R248" s="6">
        <v>26</v>
      </c>
      <c r="S248" s="6">
        <v>8</v>
      </c>
      <c r="T248" s="10" t="s">
        <v>55</v>
      </c>
      <c r="U248" s="10" t="s">
        <v>55</v>
      </c>
      <c r="V248" s="6">
        <v>8</v>
      </c>
      <c r="W248" s="6">
        <v>3</v>
      </c>
      <c r="X248" s="6">
        <v>187</v>
      </c>
      <c r="Y248" s="6">
        <v>182</v>
      </c>
      <c r="Z248" s="6">
        <v>2</v>
      </c>
      <c r="AA248" s="10" t="s">
        <v>55</v>
      </c>
      <c r="AB248" s="6">
        <v>3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102</v>
      </c>
      <c r="I249" s="9" t="s">
        <v>53</v>
      </c>
      <c r="J249" s="9" t="s">
        <v>38</v>
      </c>
      <c r="K249" s="6">
        <v>266</v>
      </c>
      <c r="L249" s="6">
        <v>237</v>
      </c>
      <c r="M249" s="6">
        <v>212</v>
      </c>
      <c r="N249" s="6">
        <v>204</v>
      </c>
      <c r="O249" s="6">
        <v>6</v>
      </c>
      <c r="P249" s="10" t="s">
        <v>55</v>
      </c>
      <c r="Q249" s="6">
        <v>2</v>
      </c>
      <c r="R249" s="6">
        <v>25</v>
      </c>
      <c r="S249" s="6">
        <v>22</v>
      </c>
      <c r="T249" s="6">
        <v>6</v>
      </c>
      <c r="U249" s="10" t="s">
        <v>55</v>
      </c>
      <c r="V249" s="6">
        <v>16</v>
      </c>
      <c r="W249" s="6">
        <v>7</v>
      </c>
      <c r="X249" s="6">
        <v>172</v>
      </c>
      <c r="Y249" s="6">
        <v>168</v>
      </c>
      <c r="Z249" s="6">
        <v>2</v>
      </c>
      <c r="AA249" s="10" t="s">
        <v>55</v>
      </c>
      <c r="AB249" s="6">
        <v>2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102</v>
      </c>
      <c r="I250" s="9" t="s">
        <v>53</v>
      </c>
      <c r="J250" s="9" t="s">
        <v>39</v>
      </c>
      <c r="K250" s="6">
        <v>276</v>
      </c>
      <c r="L250" s="6">
        <v>236</v>
      </c>
      <c r="M250" s="6">
        <v>216</v>
      </c>
      <c r="N250" s="6">
        <v>203</v>
      </c>
      <c r="O250" s="6">
        <v>3</v>
      </c>
      <c r="P250" s="10" t="s">
        <v>55</v>
      </c>
      <c r="Q250" s="6">
        <v>10</v>
      </c>
      <c r="R250" s="6">
        <v>20</v>
      </c>
      <c r="S250" s="6">
        <v>35</v>
      </c>
      <c r="T250" s="6">
        <v>6</v>
      </c>
      <c r="U250" s="10" t="s">
        <v>55</v>
      </c>
      <c r="V250" s="6">
        <v>29</v>
      </c>
      <c r="W250" s="6">
        <v>5</v>
      </c>
      <c r="X250" s="6">
        <v>184</v>
      </c>
      <c r="Y250" s="6">
        <v>178</v>
      </c>
      <c r="Z250" s="6">
        <v>1</v>
      </c>
      <c r="AA250" s="10" t="s">
        <v>55</v>
      </c>
      <c r="AB250" s="6">
        <v>5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102</v>
      </c>
      <c r="I251" s="9" t="s">
        <v>53</v>
      </c>
      <c r="J251" s="9" t="s">
        <v>40</v>
      </c>
      <c r="K251" s="6">
        <v>279</v>
      </c>
      <c r="L251" s="6">
        <v>207</v>
      </c>
      <c r="M251" s="6">
        <v>182</v>
      </c>
      <c r="N251" s="6">
        <v>173</v>
      </c>
      <c r="O251" s="10" t="s">
        <v>55</v>
      </c>
      <c r="P251" s="10" t="s">
        <v>55</v>
      </c>
      <c r="Q251" s="6">
        <v>9</v>
      </c>
      <c r="R251" s="6">
        <v>25</v>
      </c>
      <c r="S251" s="6">
        <v>68</v>
      </c>
      <c r="T251" s="6">
        <v>13</v>
      </c>
      <c r="U251" s="10" t="s">
        <v>55</v>
      </c>
      <c r="V251" s="6">
        <v>55</v>
      </c>
      <c r="W251" s="6">
        <v>4</v>
      </c>
      <c r="X251" s="6">
        <v>150</v>
      </c>
      <c r="Y251" s="6">
        <v>143</v>
      </c>
      <c r="Z251" s="10" t="s">
        <v>55</v>
      </c>
      <c r="AA251" s="10" t="s">
        <v>55</v>
      </c>
      <c r="AB251" s="6">
        <v>7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102</v>
      </c>
      <c r="I252" s="9" t="s">
        <v>53</v>
      </c>
      <c r="J252" s="9" t="s">
        <v>41</v>
      </c>
      <c r="K252" s="6">
        <v>295</v>
      </c>
      <c r="L252" s="6">
        <v>140</v>
      </c>
      <c r="M252" s="6">
        <v>129</v>
      </c>
      <c r="N252" s="6">
        <v>120</v>
      </c>
      <c r="O252" s="6">
        <v>2</v>
      </c>
      <c r="P252" s="10" t="s">
        <v>55</v>
      </c>
      <c r="Q252" s="6">
        <v>7</v>
      </c>
      <c r="R252" s="6">
        <v>11</v>
      </c>
      <c r="S252" s="6">
        <v>149</v>
      </c>
      <c r="T252" s="6">
        <v>28</v>
      </c>
      <c r="U252" s="10" t="s">
        <v>55</v>
      </c>
      <c r="V252" s="6">
        <v>121</v>
      </c>
      <c r="W252" s="6">
        <v>6</v>
      </c>
      <c r="X252" s="6">
        <v>100</v>
      </c>
      <c r="Y252" s="6">
        <v>93</v>
      </c>
      <c r="Z252" s="6">
        <v>1</v>
      </c>
      <c r="AA252" s="10" t="s">
        <v>55</v>
      </c>
      <c r="AB252" s="6">
        <v>6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102</v>
      </c>
      <c r="I253" s="9" t="s">
        <v>53</v>
      </c>
      <c r="J253" s="9" t="s">
        <v>42</v>
      </c>
      <c r="K253" s="6">
        <v>250</v>
      </c>
      <c r="L253" s="6">
        <v>88</v>
      </c>
      <c r="M253" s="6">
        <v>75</v>
      </c>
      <c r="N253" s="6">
        <v>61</v>
      </c>
      <c r="O253" s="6">
        <v>7</v>
      </c>
      <c r="P253" s="10" t="s">
        <v>55</v>
      </c>
      <c r="Q253" s="6">
        <v>7</v>
      </c>
      <c r="R253" s="6">
        <v>13</v>
      </c>
      <c r="S253" s="6">
        <v>159</v>
      </c>
      <c r="T253" s="6">
        <v>15</v>
      </c>
      <c r="U253" s="10" t="s">
        <v>55</v>
      </c>
      <c r="V253" s="6">
        <v>144</v>
      </c>
      <c r="W253" s="6">
        <v>3</v>
      </c>
      <c r="X253" s="6">
        <v>48</v>
      </c>
      <c r="Y253" s="6">
        <v>41</v>
      </c>
      <c r="Z253" s="6">
        <v>3</v>
      </c>
      <c r="AA253" s="10" t="s">
        <v>55</v>
      </c>
      <c r="AB253" s="6">
        <v>4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102</v>
      </c>
      <c r="I254" s="9" t="s">
        <v>53</v>
      </c>
      <c r="J254" s="9" t="s">
        <v>43</v>
      </c>
      <c r="K254" s="6">
        <v>101</v>
      </c>
      <c r="L254" s="6">
        <v>18</v>
      </c>
      <c r="M254" s="6">
        <v>17</v>
      </c>
      <c r="N254" s="6">
        <v>13</v>
      </c>
      <c r="O254" s="6">
        <v>3</v>
      </c>
      <c r="P254" s="10" t="s">
        <v>55</v>
      </c>
      <c r="Q254" s="6">
        <v>1</v>
      </c>
      <c r="R254" s="6">
        <v>1</v>
      </c>
      <c r="S254" s="6">
        <v>82</v>
      </c>
      <c r="T254" s="6">
        <v>7</v>
      </c>
      <c r="U254" s="10" t="s">
        <v>55</v>
      </c>
      <c r="V254" s="6">
        <v>75</v>
      </c>
      <c r="W254" s="6">
        <v>1</v>
      </c>
      <c r="X254" s="6">
        <v>8</v>
      </c>
      <c r="Y254" s="6">
        <v>5</v>
      </c>
      <c r="Z254" s="6">
        <v>2</v>
      </c>
      <c r="AA254" s="10" t="s">
        <v>55</v>
      </c>
      <c r="AB254" s="6">
        <v>1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102</v>
      </c>
      <c r="I255" s="9" t="s">
        <v>53</v>
      </c>
      <c r="J255" s="9" t="s">
        <v>44</v>
      </c>
      <c r="K255" s="6">
        <v>61</v>
      </c>
      <c r="L255" s="6">
        <v>2</v>
      </c>
      <c r="M255" s="6">
        <v>2</v>
      </c>
      <c r="N255" s="6">
        <v>1</v>
      </c>
      <c r="O255" s="6">
        <v>1</v>
      </c>
      <c r="P255" s="10" t="s">
        <v>55</v>
      </c>
      <c r="Q255" s="10" t="s">
        <v>55</v>
      </c>
      <c r="R255" s="10" t="s">
        <v>55</v>
      </c>
      <c r="S255" s="6">
        <v>59</v>
      </c>
      <c r="T255" s="6">
        <v>7</v>
      </c>
      <c r="U255" s="10" t="s">
        <v>55</v>
      </c>
      <c r="V255" s="6">
        <v>52</v>
      </c>
      <c r="W255" s="10" t="s">
        <v>55</v>
      </c>
      <c r="X255" s="10" t="s">
        <v>55</v>
      </c>
      <c r="Y255" s="10" t="s">
        <v>55</v>
      </c>
      <c r="Z255" s="10" t="s">
        <v>55</v>
      </c>
      <c r="AA255" s="10" t="s">
        <v>55</v>
      </c>
      <c r="AB255" s="10" t="s">
        <v>5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102</v>
      </c>
      <c r="I256" s="9" t="s">
        <v>53</v>
      </c>
      <c r="J256" s="9" t="s">
        <v>45</v>
      </c>
      <c r="K256" s="6">
        <v>23</v>
      </c>
      <c r="L256" s="6">
        <v>1</v>
      </c>
      <c r="M256" s="6">
        <v>1</v>
      </c>
      <c r="N256" s="10" t="s">
        <v>55</v>
      </c>
      <c r="O256" s="10" t="s">
        <v>55</v>
      </c>
      <c r="P256" s="10" t="s">
        <v>55</v>
      </c>
      <c r="Q256" s="6">
        <v>1</v>
      </c>
      <c r="R256" s="10" t="s">
        <v>55</v>
      </c>
      <c r="S256" s="6">
        <v>22</v>
      </c>
      <c r="T256" s="6">
        <v>2</v>
      </c>
      <c r="U256" s="10" t="s">
        <v>55</v>
      </c>
      <c r="V256" s="6">
        <v>20</v>
      </c>
      <c r="W256" s="10" t="s">
        <v>55</v>
      </c>
      <c r="X256" s="10" t="s">
        <v>55</v>
      </c>
      <c r="Y256" s="10" t="s">
        <v>55</v>
      </c>
      <c r="Z256" s="10" t="s">
        <v>55</v>
      </c>
      <c r="AA256" s="10" t="s">
        <v>55</v>
      </c>
      <c r="AB256" s="10" t="s">
        <v>55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102</v>
      </c>
      <c r="I257" s="9" t="s">
        <v>53</v>
      </c>
      <c r="J257" s="9" t="s">
        <v>46</v>
      </c>
      <c r="K257" s="6">
        <v>4</v>
      </c>
      <c r="L257" s="10" t="s">
        <v>55</v>
      </c>
      <c r="M257" s="10" t="s">
        <v>55</v>
      </c>
      <c r="N257" s="10" t="s">
        <v>55</v>
      </c>
      <c r="O257" s="10" t="s">
        <v>55</v>
      </c>
      <c r="P257" s="10" t="s">
        <v>55</v>
      </c>
      <c r="Q257" s="10" t="s">
        <v>55</v>
      </c>
      <c r="R257" s="10" t="s">
        <v>55</v>
      </c>
      <c r="S257" s="6">
        <v>4</v>
      </c>
      <c r="T257" s="6">
        <v>1</v>
      </c>
      <c r="U257" s="10" t="s">
        <v>55</v>
      </c>
      <c r="V257" s="6">
        <v>3</v>
      </c>
      <c r="W257" s="10" t="s">
        <v>55</v>
      </c>
      <c r="X257" s="10" t="s">
        <v>55</v>
      </c>
      <c r="Y257" s="10" t="s">
        <v>55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102</v>
      </c>
      <c r="I258" s="9" t="s">
        <v>53</v>
      </c>
      <c r="J258" s="9" t="s">
        <v>47</v>
      </c>
      <c r="K258" s="10" t="s">
        <v>55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10" t="s">
        <v>55</v>
      </c>
      <c r="T258" s="10" t="s">
        <v>55</v>
      </c>
      <c r="U258" s="10" t="s">
        <v>55</v>
      </c>
      <c r="V258" s="10" t="s">
        <v>55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102</v>
      </c>
      <c r="I259" s="9" t="s">
        <v>53</v>
      </c>
      <c r="J259" s="9" t="s">
        <v>48</v>
      </c>
      <c r="K259" s="6">
        <v>1465</v>
      </c>
      <c r="L259" s="6">
        <v>1293</v>
      </c>
      <c r="M259" s="6">
        <v>1168</v>
      </c>
      <c r="N259" s="6">
        <v>1112</v>
      </c>
      <c r="O259" s="6">
        <v>17</v>
      </c>
      <c r="P259" s="10" t="s">
        <v>55</v>
      </c>
      <c r="Q259" s="6">
        <v>39</v>
      </c>
      <c r="R259" s="6">
        <v>125</v>
      </c>
      <c r="S259" s="6">
        <v>142</v>
      </c>
      <c r="T259" s="6">
        <v>25</v>
      </c>
      <c r="U259" s="10" t="s">
        <v>55</v>
      </c>
      <c r="V259" s="6">
        <v>117</v>
      </c>
      <c r="W259" s="6">
        <v>30</v>
      </c>
      <c r="X259" s="6">
        <v>990</v>
      </c>
      <c r="Y259" s="6">
        <v>956</v>
      </c>
      <c r="Z259" s="6">
        <v>8</v>
      </c>
      <c r="AA259" s="10" t="s">
        <v>55</v>
      </c>
      <c r="AB259" s="6">
        <v>26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102</v>
      </c>
      <c r="I260" s="9" t="s">
        <v>53</v>
      </c>
      <c r="J260" s="9" t="s">
        <v>49</v>
      </c>
      <c r="K260" s="6">
        <v>734</v>
      </c>
      <c r="L260" s="6">
        <v>249</v>
      </c>
      <c r="M260" s="6">
        <v>224</v>
      </c>
      <c r="N260" s="6">
        <v>195</v>
      </c>
      <c r="O260" s="6">
        <v>13</v>
      </c>
      <c r="P260" s="10" t="s">
        <v>55</v>
      </c>
      <c r="Q260" s="6">
        <v>16</v>
      </c>
      <c r="R260" s="6">
        <v>25</v>
      </c>
      <c r="S260" s="6">
        <v>475</v>
      </c>
      <c r="T260" s="6">
        <v>60</v>
      </c>
      <c r="U260" s="10" t="s">
        <v>55</v>
      </c>
      <c r="V260" s="6">
        <v>415</v>
      </c>
      <c r="W260" s="6">
        <v>10</v>
      </c>
      <c r="X260" s="6">
        <v>156</v>
      </c>
      <c r="Y260" s="6">
        <v>139</v>
      </c>
      <c r="Z260" s="6">
        <v>6</v>
      </c>
      <c r="AA260" s="10" t="s">
        <v>55</v>
      </c>
      <c r="AB260" s="6">
        <v>11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102</v>
      </c>
      <c r="I261" s="9" t="s">
        <v>53</v>
      </c>
      <c r="J261" s="9" t="s">
        <v>50</v>
      </c>
      <c r="K261" s="6">
        <v>189</v>
      </c>
      <c r="L261" s="6">
        <v>21</v>
      </c>
      <c r="M261" s="6">
        <v>20</v>
      </c>
      <c r="N261" s="6">
        <v>14</v>
      </c>
      <c r="O261" s="6">
        <v>4</v>
      </c>
      <c r="P261" s="10" t="s">
        <v>55</v>
      </c>
      <c r="Q261" s="6">
        <v>2</v>
      </c>
      <c r="R261" s="6">
        <v>1</v>
      </c>
      <c r="S261" s="6">
        <v>167</v>
      </c>
      <c r="T261" s="6">
        <v>17</v>
      </c>
      <c r="U261" s="10" t="s">
        <v>55</v>
      </c>
      <c r="V261" s="6">
        <v>150</v>
      </c>
      <c r="W261" s="6">
        <v>1</v>
      </c>
      <c r="X261" s="6">
        <v>8</v>
      </c>
      <c r="Y261" s="6">
        <v>5</v>
      </c>
      <c r="Z261" s="6">
        <v>2</v>
      </c>
      <c r="AA261" s="10" t="s">
        <v>55</v>
      </c>
      <c r="AB261" s="6">
        <v>1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102</v>
      </c>
      <c r="I262" s="9" t="s">
        <v>53</v>
      </c>
      <c r="J262" s="9" t="s">
        <v>51</v>
      </c>
      <c r="K262" s="6">
        <v>27</v>
      </c>
      <c r="L262" s="6">
        <v>1</v>
      </c>
      <c r="M262" s="6">
        <v>1</v>
      </c>
      <c r="N262" s="10" t="s">
        <v>55</v>
      </c>
      <c r="O262" s="10" t="s">
        <v>55</v>
      </c>
      <c r="P262" s="10" t="s">
        <v>55</v>
      </c>
      <c r="Q262" s="6">
        <v>1</v>
      </c>
      <c r="R262" s="10" t="s">
        <v>55</v>
      </c>
      <c r="S262" s="6">
        <v>26</v>
      </c>
      <c r="T262" s="6">
        <v>3</v>
      </c>
      <c r="U262" s="10" t="s">
        <v>55</v>
      </c>
      <c r="V262" s="6">
        <v>23</v>
      </c>
      <c r="W262" s="10" t="s">
        <v>55</v>
      </c>
      <c r="X262" s="10" t="s">
        <v>55</v>
      </c>
      <c r="Y262" s="10" t="s">
        <v>55</v>
      </c>
      <c r="Z262" s="10" t="s">
        <v>55</v>
      </c>
      <c r="AA262" s="10" t="s">
        <v>55</v>
      </c>
      <c r="AB262" s="10" t="s">
        <v>55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102</v>
      </c>
      <c r="I263" s="9" t="s">
        <v>53</v>
      </c>
      <c r="J263" s="9" t="s">
        <v>52</v>
      </c>
      <c r="K263" s="6">
        <v>1760</v>
      </c>
      <c r="L263" s="6">
        <v>1433</v>
      </c>
      <c r="M263" s="6">
        <v>1297</v>
      </c>
      <c r="N263" s="6">
        <v>1232</v>
      </c>
      <c r="O263" s="6">
        <v>19</v>
      </c>
      <c r="P263" s="10" t="s">
        <v>55</v>
      </c>
      <c r="Q263" s="6">
        <v>46</v>
      </c>
      <c r="R263" s="6">
        <v>136</v>
      </c>
      <c r="S263" s="6">
        <v>291</v>
      </c>
      <c r="T263" s="6">
        <v>53</v>
      </c>
      <c r="U263" s="10" t="s">
        <v>55</v>
      </c>
      <c r="V263" s="6">
        <v>238</v>
      </c>
      <c r="W263" s="6">
        <v>36</v>
      </c>
      <c r="X263" s="6">
        <v>1090</v>
      </c>
      <c r="Y263" s="6">
        <v>1049</v>
      </c>
      <c r="Z263" s="6">
        <v>9</v>
      </c>
      <c r="AA263" s="10" t="s">
        <v>55</v>
      </c>
      <c r="AB263" s="6">
        <v>32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102</v>
      </c>
      <c r="I264" s="9" t="s">
        <v>54</v>
      </c>
      <c r="J264" s="9" t="s">
        <v>30</v>
      </c>
      <c r="K264" s="6">
        <v>4145</v>
      </c>
      <c r="L264" s="6">
        <v>2902</v>
      </c>
      <c r="M264" s="6">
        <v>2771</v>
      </c>
      <c r="N264" s="6">
        <v>2474</v>
      </c>
      <c r="O264" s="6">
        <v>228</v>
      </c>
      <c r="P264" s="6">
        <v>8</v>
      </c>
      <c r="Q264" s="6">
        <v>61</v>
      </c>
      <c r="R264" s="6">
        <v>131</v>
      </c>
      <c r="S264" s="6">
        <v>1172</v>
      </c>
      <c r="T264" s="6">
        <v>456</v>
      </c>
      <c r="U264" s="6">
        <v>12</v>
      </c>
      <c r="V264" s="6">
        <v>704</v>
      </c>
      <c r="W264" s="6">
        <v>71</v>
      </c>
      <c r="X264" s="6">
        <v>2527</v>
      </c>
      <c r="Y264" s="6">
        <v>2278</v>
      </c>
      <c r="Z264" s="6">
        <v>188</v>
      </c>
      <c r="AA264" s="6">
        <v>8</v>
      </c>
      <c r="AB264" s="6">
        <v>53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102</v>
      </c>
      <c r="I265" s="9" t="s">
        <v>54</v>
      </c>
      <c r="J265" s="9" t="s">
        <v>31</v>
      </c>
      <c r="K265" s="6">
        <v>4</v>
      </c>
      <c r="L265" s="6">
        <v>2</v>
      </c>
      <c r="M265" s="6">
        <v>1</v>
      </c>
      <c r="N265" s="6">
        <v>1</v>
      </c>
      <c r="O265" s="10" t="s">
        <v>55</v>
      </c>
      <c r="P265" s="10" t="s">
        <v>55</v>
      </c>
      <c r="Q265" s="10" t="s">
        <v>55</v>
      </c>
      <c r="R265" s="6">
        <v>1</v>
      </c>
      <c r="S265" s="10" t="s">
        <v>55</v>
      </c>
      <c r="T265" s="10" t="s">
        <v>55</v>
      </c>
      <c r="U265" s="10" t="s">
        <v>55</v>
      </c>
      <c r="V265" s="10" t="s">
        <v>55</v>
      </c>
      <c r="W265" s="6">
        <v>2</v>
      </c>
      <c r="X265" s="6">
        <v>1</v>
      </c>
      <c r="Y265" s="6">
        <v>1</v>
      </c>
      <c r="Z265" s="10" t="s">
        <v>55</v>
      </c>
      <c r="AA265" s="10" t="s">
        <v>55</v>
      </c>
      <c r="AB265" s="10" t="s">
        <v>55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102</v>
      </c>
      <c r="I266" s="9" t="s">
        <v>54</v>
      </c>
      <c r="J266" s="9" t="s">
        <v>32</v>
      </c>
      <c r="K266" s="6">
        <v>26</v>
      </c>
      <c r="L266" s="6">
        <v>21</v>
      </c>
      <c r="M266" s="6">
        <v>20</v>
      </c>
      <c r="N266" s="6">
        <v>20</v>
      </c>
      <c r="O266" s="10" t="s">
        <v>55</v>
      </c>
      <c r="P266" s="10" t="s">
        <v>55</v>
      </c>
      <c r="Q266" s="10" t="s">
        <v>55</v>
      </c>
      <c r="R266" s="6">
        <v>1</v>
      </c>
      <c r="S266" s="6">
        <v>2</v>
      </c>
      <c r="T266" s="6">
        <v>1</v>
      </c>
      <c r="U266" s="6">
        <v>1</v>
      </c>
      <c r="V266" s="10" t="s">
        <v>55</v>
      </c>
      <c r="W266" s="6">
        <v>3</v>
      </c>
      <c r="X266" s="6">
        <v>18</v>
      </c>
      <c r="Y266" s="6">
        <v>18</v>
      </c>
      <c r="Z266" s="10" t="s">
        <v>55</v>
      </c>
      <c r="AA266" s="10" t="s">
        <v>55</v>
      </c>
      <c r="AB266" s="10" t="s">
        <v>55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102</v>
      </c>
      <c r="I267" s="9" t="s">
        <v>54</v>
      </c>
      <c r="J267" s="9" t="s">
        <v>33</v>
      </c>
      <c r="K267" s="6">
        <v>98</v>
      </c>
      <c r="L267" s="6">
        <v>86</v>
      </c>
      <c r="M267" s="6">
        <v>82</v>
      </c>
      <c r="N267" s="6">
        <v>77</v>
      </c>
      <c r="O267" s="6">
        <v>2</v>
      </c>
      <c r="P267" s="6">
        <v>1</v>
      </c>
      <c r="Q267" s="6">
        <v>2</v>
      </c>
      <c r="R267" s="6">
        <v>4</v>
      </c>
      <c r="S267" s="6">
        <v>5</v>
      </c>
      <c r="T267" s="6">
        <v>1</v>
      </c>
      <c r="U267" s="6">
        <v>3</v>
      </c>
      <c r="V267" s="6">
        <v>1</v>
      </c>
      <c r="W267" s="6">
        <v>7</v>
      </c>
      <c r="X267" s="6">
        <v>78</v>
      </c>
      <c r="Y267" s="6">
        <v>74</v>
      </c>
      <c r="Z267" s="6">
        <v>1</v>
      </c>
      <c r="AA267" s="6">
        <v>1</v>
      </c>
      <c r="AB267" s="6">
        <v>2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102</v>
      </c>
      <c r="I268" s="9" t="s">
        <v>54</v>
      </c>
      <c r="J268" s="9" t="s">
        <v>34</v>
      </c>
      <c r="K268" s="6">
        <v>179</v>
      </c>
      <c r="L268" s="6">
        <v>165</v>
      </c>
      <c r="M268" s="6">
        <v>159</v>
      </c>
      <c r="N268" s="6">
        <v>146</v>
      </c>
      <c r="O268" s="6">
        <v>6</v>
      </c>
      <c r="P268" s="6">
        <v>4</v>
      </c>
      <c r="Q268" s="6">
        <v>3</v>
      </c>
      <c r="R268" s="6">
        <v>6</v>
      </c>
      <c r="S268" s="6">
        <v>9</v>
      </c>
      <c r="T268" s="6">
        <v>6</v>
      </c>
      <c r="U268" s="6">
        <v>1</v>
      </c>
      <c r="V268" s="6">
        <v>2</v>
      </c>
      <c r="W268" s="6">
        <v>5</v>
      </c>
      <c r="X268" s="6">
        <v>153</v>
      </c>
      <c r="Y268" s="6">
        <v>141</v>
      </c>
      <c r="Z268" s="6">
        <v>5</v>
      </c>
      <c r="AA268" s="6">
        <v>4</v>
      </c>
      <c r="AB268" s="6">
        <v>3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102</v>
      </c>
      <c r="I269" s="9" t="s">
        <v>54</v>
      </c>
      <c r="J269" s="9" t="s">
        <v>35</v>
      </c>
      <c r="K269" s="6">
        <v>282</v>
      </c>
      <c r="L269" s="6">
        <v>261</v>
      </c>
      <c r="M269" s="6">
        <v>251</v>
      </c>
      <c r="N269" s="6">
        <v>235</v>
      </c>
      <c r="O269" s="6">
        <v>12</v>
      </c>
      <c r="P269" s="10" t="s">
        <v>55</v>
      </c>
      <c r="Q269" s="6">
        <v>4</v>
      </c>
      <c r="R269" s="6">
        <v>10</v>
      </c>
      <c r="S269" s="6">
        <v>11</v>
      </c>
      <c r="T269" s="6">
        <v>4</v>
      </c>
      <c r="U269" s="6">
        <v>4</v>
      </c>
      <c r="V269" s="6">
        <v>3</v>
      </c>
      <c r="W269" s="6">
        <v>10</v>
      </c>
      <c r="X269" s="6">
        <v>240</v>
      </c>
      <c r="Y269" s="6">
        <v>226</v>
      </c>
      <c r="Z269" s="6">
        <v>10</v>
      </c>
      <c r="AA269" s="10" t="s">
        <v>55</v>
      </c>
      <c r="AB269" s="6">
        <v>4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102</v>
      </c>
      <c r="I270" s="9" t="s">
        <v>54</v>
      </c>
      <c r="J270" s="9" t="s">
        <v>36</v>
      </c>
      <c r="K270" s="6">
        <v>383</v>
      </c>
      <c r="L270" s="6">
        <v>358</v>
      </c>
      <c r="M270" s="6">
        <v>342</v>
      </c>
      <c r="N270" s="6">
        <v>318</v>
      </c>
      <c r="O270" s="6">
        <v>18</v>
      </c>
      <c r="P270" s="6">
        <v>3</v>
      </c>
      <c r="Q270" s="6">
        <v>3</v>
      </c>
      <c r="R270" s="6">
        <v>16</v>
      </c>
      <c r="S270" s="6">
        <v>17</v>
      </c>
      <c r="T270" s="6">
        <v>10</v>
      </c>
      <c r="U270" s="6">
        <v>1</v>
      </c>
      <c r="V270" s="6">
        <v>6</v>
      </c>
      <c r="W270" s="6">
        <v>8</v>
      </c>
      <c r="X270" s="6">
        <v>322</v>
      </c>
      <c r="Y270" s="6">
        <v>300</v>
      </c>
      <c r="Z270" s="6">
        <v>16</v>
      </c>
      <c r="AA270" s="6">
        <v>3</v>
      </c>
      <c r="AB270" s="6">
        <v>3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102</v>
      </c>
      <c r="I271" s="9" t="s">
        <v>54</v>
      </c>
      <c r="J271" s="9" t="s">
        <v>37</v>
      </c>
      <c r="K271" s="6">
        <v>453</v>
      </c>
      <c r="L271" s="6">
        <v>416</v>
      </c>
      <c r="M271" s="6">
        <v>395</v>
      </c>
      <c r="N271" s="6">
        <v>372</v>
      </c>
      <c r="O271" s="6">
        <v>19</v>
      </c>
      <c r="P271" s="10" t="s">
        <v>55</v>
      </c>
      <c r="Q271" s="6">
        <v>4</v>
      </c>
      <c r="R271" s="6">
        <v>21</v>
      </c>
      <c r="S271" s="6">
        <v>27</v>
      </c>
      <c r="T271" s="6">
        <v>20</v>
      </c>
      <c r="U271" s="6">
        <v>1</v>
      </c>
      <c r="V271" s="6">
        <v>6</v>
      </c>
      <c r="W271" s="6">
        <v>10</v>
      </c>
      <c r="X271" s="6">
        <v>364</v>
      </c>
      <c r="Y271" s="6">
        <v>344</v>
      </c>
      <c r="Z271" s="6">
        <v>16</v>
      </c>
      <c r="AA271" s="10" t="s">
        <v>55</v>
      </c>
      <c r="AB271" s="6">
        <v>4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102</v>
      </c>
      <c r="I272" s="9" t="s">
        <v>54</v>
      </c>
      <c r="J272" s="9" t="s">
        <v>38</v>
      </c>
      <c r="K272" s="6">
        <v>457</v>
      </c>
      <c r="L272" s="6">
        <v>413</v>
      </c>
      <c r="M272" s="6">
        <v>397</v>
      </c>
      <c r="N272" s="6">
        <v>371</v>
      </c>
      <c r="O272" s="6">
        <v>16</v>
      </c>
      <c r="P272" s="10" t="s">
        <v>55</v>
      </c>
      <c r="Q272" s="6">
        <v>10</v>
      </c>
      <c r="R272" s="6">
        <v>16</v>
      </c>
      <c r="S272" s="6">
        <v>38</v>
      </c>
      <c r="T272" s="6">
        <v>22</v>
      </c>
      <c r="U272" s="10" t="s">
        <v>55</v>
      </c>
      <c r="V272" s="6">
        <v>16</v>
      </c>
      <c r="W272" s="6">
        <v>6</v>
      </c>
      <c r="X272" s="6">
        <v>367</v>
      </c>
      <c r="Y272" s="6">
        <v>343</v>
      </c>
      <c r="Z272" s="6">
        <v>14</v>
      </c>
      <c r="AA272" s="10" t="s">
        <v>55</v>
      </c>
      <c r="AB272" s="6">
        <v>10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102</v>
      </c>
      <c r="I273" s="9" t="s">
        <v>54</v>
      </c>
      <c r="J273" s="9" t="s">
        <v>39</v>
      </c>
      <c r="K273" s="6">
        <v>443</v>
      </c>
      <c r="L273" s="6">
        <v>392</v>
      </c>
      <c r="M273" s="6">
        <v>379</v>
      </c>
      <c r="N273" s="6">
        <v>343</v>
      </c>
      <c r="O273" s="6">
        <v>31</v>
      </c>
      <c r="P273" s="10" t="s">
        <v>55</v>
      </c>
      <c r="Q273" s="6">
        <v>5</v>
      </c>
      <c r="R273" s="6">
        <v>13</v>
      </c>
      <c r="S273" s="6">
        <v>45</v>
      </c>
      <c r="T273" s="6">
        <v>34</v>
      </c>
      <c r="U273" s="10" t="s">
        <v>55</v>
      </c>
      <c r="V273" s="6">
        <v>11</v>
      </c>
      <c r="W273" s="6">
        <v>6</v>
      </c>
      <c r="X273" s="6">
        <v>347</v>
      </c>
      <c r="Y273" s="6">
        <v>316</v>
      </c>
      <c r="Z273" s="6">
        <v>27</v>
      </c>
      <c r="AA273" s="10" t="s">
        <v>55</v>
      </c>
      <c r="AB273" s="6">
        <v>4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102</v>
      </c>
      <c r="I274" s="9" t="s">
        <v>54</v>
      </c>
      <c r="J274" s="9" t="s">
        <v>40</v>
      </c>
      <c r="K274" s="6">
        <v>440</v>
      </c>
      <c r="L274" s="6">
        <v>341</v>
      </c>
      <c r="M274" s="6">
        <v>320</v>
      </c>
      <c r="N274" s="6">
        <v>279</v>
      </c>
      <c r="O274" s="6">
        <v>32</v>
      </c>
      <c r="P274" s="10" t="s">
        <v>55</v>
      </c>
      <c r="Q274" s="6">
        <v>9</v>
      </c>
      <c r="R274" s="6">
        <v>21</v>
      </c>
      <c r="S274" s="6">
        <v>93</v>
      </c>
      <c r="T274" s="6">
        <v>51</v>
      </c>
      <c r="U274" s="10" t="s">
        <v>55</v>
      </c>
      <c r="V274" s="6">
        <v>42</v>
      </c>
      <c r="W274" s="6">
        <v>6</v>
      </c>
      <c r="X274" s="6">
        <v>291</v>
      </c>
      <c r="Y274" s="6">
        <v>259</v>
      </c>
      <c r="Z274" s="6">
        <v>24</v>
      </c>
      <c r="AA274" s="10" t="s">
        <v>55</v>
      </c>
      <c r="AB274" s="6">
        <v>8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102</v>
      </c>
      <c r="I275" s="9" t="s">
        <v>54</v>
      </c>
      <c r="J275" s="9" t="s">
        <v>41</v>
      </c>
      <c r="K275" s="6">
        <v>457</v>
      </c>
      <c r="L275" s="6">
        <v>258</v>
      </c>
      <c r="M275" s="6">
        <v>243</v>
      </c>
      <c r="N275" s="6">
        <v>187</v>
      </c>
      <c r="O275" s="6">
        <v>48</v>
      </c>
      <c r="P275" s="10" t="s">
        <v>55</v>
      </c>
      <c r="Q275" s="6">
        <v>8</v>
      </c>
      <c r="R275" s="6">
        <v>15</v>
      </c>
      <c r="S275" s="6">
        <v>196</v>
      </c>
      <c r="T275" s="6">
        <v>90</v>
      </c>
      <c r="U275" s="10" t="s">
        <v>55</v>
      </c>
      <c r="V275" s="6">
        <v>106</v>
      </c>
      <c r="W275" s="6">
        <v>3</v>
      </c>
      <c r="X275" s="6">
        <v>217</v>
      </c>
      <c r="Y275" s="6">
        <v>168</v>
      </c>
      <c r="Z275" s="6">
        <v>43</v>
      </c>
      <c r="AA275" s="10" t="s">
        <v>55</v>
      </c>
      <c r="AB275" s="6">
        <v>6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102</v>
      </c>
      <c r="I276" s="9" t="s">
        <v>54</v>
      </c>
      <c r="J276" s="9" t="s">
        <v>42</v>
      </c>
      <c r="K276" s="6">
        <v>435</v>
      </c>
      <c r="L276" s="6">
        <v>141</v>
      </c>
      <c r="M276" s="6">
        <v>136</v>
      </c>
      <c r="N276" s="6">
        <v>93</v>
      </c>
      <c r="O276" s="6">
        <v>32</v>
      </c>
      <c r="P276" s="10" t="s">
        <v>55</v>
      </c>
      <c r="Q276" s="6">
        <v>11</v>
      </c>
      <c r="R276" s="6">
        <v>5</v>
      </c>
      <c r="S276" s="6">
        <v>291</v>
      </c>
      <c r="T276" s="6">
        <v>110</v>
      </c>
      <c r="U276" s="6">
        <v>1</v>
      </c>
      <c r="V276" s="6">
        <v>180</v>
      </c>
      <c r="W276" s="6">
        <v>3</v>
      </c>
      <c r="X276" s="6">
        <v>105</v>
      </c>
      <c r="Y276" s="6">
        <v>72</v>
      </c>
      <c r="Z276" s="6">
        <v>24</v>
      </c>
      <c r="AA276" s="10" t="s">
        <v>55</v>
      </c>
      <c r="AB276" s="6">
        <v>9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102</v>
      </c>
      <c r="I277" s="9" t="s">
        <v>54</v>
      </c>
      <c r="J277" s="9" t="s">
        <v>43</v>
      </c>
      <c r="K277" s="6">
        <v>215</v>
      </c>
      <c r="L277" s="6">
        <v>36</v>
      </c>
      <c r="M277" s="6">
        <v>34</v>
      </c>
      <c r="N277" s="6">
        <v>22</v>
      </c>
      <c r="O277" s="6">
        <v>11</v>
      </c>
      <c r="P277" s="10" t="s">
        <v>55</v>
      </c>
      <c r="Q277" s="6">
        <v>1</v>
      </c>
      <c r="R277" s="6">
        <v>2</v>
      </c>
      <c r="S277" s="6">
        <v>178</v>
      </c>
      <c r="T277" s="6">
        <v>60</v>
      </c>
      <c r="U277" s="10" t="s">
        <v>55</v>
      </c>
      <c r="V277" s="6">
        <v>118</v>
      </c>
      <c r="W277" s="6">
        <v>1</v>
      </c>
      <c r="X277" s="6">
        <v>20</v>
      </c>
      <c r="Y277" s="6">
        <v>12</v>
      </c>
      <c r="Z277" s="6">
        <v>8</v>
      </c>
      <c r="AA277" s="10" t="s">
        <v>55</v>
      </c>
      <c r="AB277" s="10" t="s">
        <v>55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102</v>
      </c>
      <c r="I278" s="9" t="s">
        <v>54</v>
      </c>
      <c r="J278" s="9" t="s">
        <v>44</v>
      </c>
      <c r="K278" s="6">
        <v>144</v>
      </c>
      <c r="L278" s="6">
        <v>11</v>
      </c>
      <c r="M278" s="6">
        <v>11</v>
      </c>
      <c r="N278" s="6">
        <v>9</v>
      </c>
      <c r="O278" s="6">
        <v>1</v>
      </c>
      <c r="P278" s="10" t="s">
        <v>55</v>
      </c>
      <c r="Q278" s="6">
        <v>1</v>
      </c>
      <c r="R278" s="10" t="s">
        <v>55</v>
      </c>
      <c r="S278" s="6">
        <v>132</v>
      </c>
      <c r="T278" s="6">
        <v>27</v>
      </c>
      <c r="U278" s="10" t="s">
        <v>55</v>
      </c>
      <c r="V278" s="6">
        <v>105</v>
      </c>
      <c r="W278" s="6">
        <v>1</v>
      </c>
      <c r="X278" s="6">
        <v>4</v>
      </c>
      <c r="Y278" s="6">
        <v>4</v>
      </c>
      <c r="Z278" s="10" t="s">
        <v>55</v>
      </c>
      <c r="AA278" s="10" t="s">
        <v>55</v>
      </c>
      <c r="AB278" s="10" t="s">
        <v>55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102</v>
      </c>
      <c r="I279" s="9" t="s">
        <v>54</v>
      </c>
      <c r="J279" s="9" t="s">
        <v>45</v>
      </c>
      <c r="K279" s="6">
        <v>82</v>
      </c>
      <c r="L279" s="6">
        <v>1</v>
      </c>
      <c r="M279" s="6">
        <v>1</v>
      </c>
      <c r="N279" s="6">
        <v>1</v>
      </c>
      <c r="O279" s="10" t="s">
        <v>55</v>
      </c>
      <c r="P279" s="10" t="s">
        <v>55</v>
      </c>
      <c r="Q279" s="10" t="s">
        <v>55</v>
      </c>
      <c r="R279" s="10" t="s">
        <v>55</v>
      </c>
      <c r="S279" s="6">
        <v>81</v>
      </c>
      <c r="T279" s="6">
        <v>17</v>
      </c>
      <c r="U279" s="10" t="s">
        <v>55</v>
      </c>
      <c r="V279" s="6">
        <v>64</v>
      </c>
      <c r="W279" s="10" t="s">
        <v>55</v>
      </c>
      <c r="X279" s="10" t="s">
        <v>55</v>
      </c>
      <c r="Y279" s="10" t="s">
        <v>55</v>
      </c>
      <c r="Z279" s="10" t="s">
        <v>55</v>
      </c>
      <c r="AA279" s="10" t="s">
        <v>55</v>
      </c>
      <c r="AB279" s="10" t="s">
        <v>55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102</v>
      </c>
      <c r="I280" s="9" t="s">
        <v>54</v>
      </c>
      <c r="J280" s="9" t="s">
        <v>46</v>
      </c>
      <c r="K280" s="6">
        <v>34</v>
      </c>
      <c r="L280" s="10" t="s">
        <v>55</v>
      </c>
      <c r="M280" s="10" t="s">
        <v>55</v>
      </c>
      <c r="N280" s="10" t="s">
        <v>55</v>
      </c>
      <c r="O280" s="10" t="s">
        <v>55</v>
      </c>
      <c r="P280" s="10" t="s">
        <v>55</v>
      </c>
      <c r="Q280" s="10" t="s">
        <v>55</v>
      </c>
      <c r="R280" s="10" t="s">
        <v>55</v>
      </c>
      <c r="S280" s="6">
        <v>34</v>
      </c>
      <c r="T280" s="6">
        <v>3</v>
      </c>
      <c r="U280" s="10" t="s">
        <v>55</v>
      </c>
      <c r="V280" s="6">
        <v>31</v>
      </c>
      <c r="W280" s="10" t="s">
        <v>55</v>
      </c>
      <c r="X280" s="10" t="s">
        <v>55</v>
      </c>
      <c r="Y280" s="10" t="s">
        <v>55</v>
      </c>
      <c r="Z280" s="10" t="s">
        <v>55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102</v>
      </c>
      <c r="I281" s="9" t="s">
        <v>54</v>
      </c>
      <c r="J281" s="9" t="s">
        <v>47</v>
      </c>
      <c r="K281" s="6">
        <v>13</v>
      </c>
      <c r="L281" s="10" t="s">
        <v>55</v>
      </c>
      <c r="M281" s="10" t="s">
        <v>55</v>
      </c>
      <c r="N281" s="10" t="s">
        <v>55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13</v>
      </c>
      <c r="T281" s="10" t="s">
        <v>55</v>
      </c>
      <c r="U281" s="10" t="s">
        <v>55</v>
      </c>
      <c r="V281" s="6">
        <v>13</v>
      </c>
      <c r="W281" s="10" t="s">
        <v>55</v>
      </c>
      <c r="X281" s="10" t="s">
        <v>55</v>
      </c>
      <c r="Y281" s="10" t="s">
        <v>55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102</v>
      </c>
      <c r="I282" s="9" t="s">
        <v>54</v>
      </c>
      <c r="J282" s="9" t="s">
        <v>48</v>
      </c>
      <c r="K282" s="6">
        <v>2765</v>
      </c>
      <c r="L282" s="6">
        <v>2455</v>
      </c>
      <c r="M282" s="6">
        <v>2346</v>
      </c>
      <c r="N282" s="6">
        <v>2162</v>
      </c>
      <c r="O282" s="6">
        <v>136</v>
      </c>
      <c r="P282" s="6">
        <v>8</v>
      </c>
      <c r="Q282" s="6">
        <v>40</v>
      </c>
      <c r="R282" s="6">
        <v>109</v>
      </c>
      <c r="S282" s="6">
        <v>247</v>
      </c>
      <c r="T282" s="6">
        <v>149</v>
      </c>
      <c r="U282" s="6">
        <v>11</v>
      </c>
      <c r="V282" s="6">
        <v>87</v>
      </c>
      <c r="W282" s="6">
        <v>63</v>
      </c>
      <c r="X282" s="6">
        <v>2181</v>
      </c>
      <c r="Y282" s="6">
        <v>2022</v>
      </c>
      <c r="Z282" s="6">
        <v>113</v>
      </c>
      <c r="AA282" s="6">
        <v>8</v>
      </c>
      <c r="AB282" s="6">
        <v>38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102</v>
      </c>
      <c r="I283" s="9" t="s">
        <v>54</v>
      </c>
      <c r="J283" s="9" t="s">
        <v>49</v>
      </c>
      <c r="K283" s="6">
        <v>1380</v>
      </c>
      <c r="L283" s="6">
        <v>447</v>
      </c>
      <c r="M283" s="6">
        <v>425</v>
      </c>
      <c r="N283" s="6">
        <v>312</v>
      </c>
      <c r="O283" s="6">
        <v>92</v>
      </c>
      <c r="P283" s="10" t="s">
        <v>55</v>
      </c>
      <c r="Q283" s="6">
        <v>21</v>
      </c>
      <c r="R283" s="6">
        <v>22</v>
      </c>
      <c r="S283" s="6">
        <v>925</v>
      </c>
      <c r="T283" s="6">
        <v>307</v>
      </c>
      <c r="U283" s="6">
        <v>1</v>
      </c>
      <c r="V283" s="6">
        <v>617</v>
      </c>
      <c r="W283" s="6">
        <v>8</v>
      </c>
      <c r="X283" s="6">
        <v>346</v>
      </c>
      <c r="Y283" s="6">
        <v>256</v>
      </c>
      <c r="Z283" s="6">
        <v>75</v>
      </c>
      <c r="AA283" s="10" t="s">
        <v>55</v>
      </c>
      <c r="AB283" s="6">
        <v>15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102</v>
      </c>
      <c r="I284" s="9" t="s">
        <v>54</v>
      </c>
      <c r="J284" s="9" t="s">
        <v>50</v>
      </c>
      <c r="K284" s="6">
        <v>488</v>
      </c>
      <c r="L284" s="6">
        <v>48</v>
      </c>
      <c r="M284" s="6">
        <v>46</v>
      </c>
      <c r="N284" s="6">
        <v>32</v>
      </c>
      <c r="O284" s="6">
        <v>12</v>
      </c>
      <c r="P284" s="10" t="s">
        <v>55</v>
      </c>
      <c r="Q284" s="6">
        <v>2</v>
      </c>
      <c r="R284" s="6">
        <v>2</v>
      </c>
      <c r="S284" s="6">
        <v>438</v>
      </c>
      <c r="T284" s="6">
        <v>107</v>
      </c>
      <c r="U284" s="10" t="s">
        <v>55</v>
      </c>
      <c r="V284" s="6">
        <v>331</v>
      </c>
      <c r="W284" s="6">
        <v>2</v>
      </c>
      <c r="X284" s="6">
        <v>24</v>
      </c>
      <c r="Y284" s="6">
        <v>16</v>
      </c>
      <c r="Z284" s="6">
        <v>8</v>
      </c>
      <c r="AA284" s="10" t="s">
        <v>55</v>
      </c>
      <c r="AB284" s="10" t="s">
        <v>55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102</v>
      </c>
      <c r="I285" s="9" t="s">
        <v>54</v>
      </c>
      <c r="J285" s="9" t="s">
        <v>51</v>
      </c>
      <c r="K285" s="6">
        <v>129</v>
      </c>
      <c r="L285" s="6">
        <v>1</v>
      </c>
      <c r="M285" s="6">
        <v>1</v>
      </c>
      <c r="N285" s="6">
        <v>1</v>
      </c>
      <c r="O285" s="10" t="s">
        <v>55</v>
      </c>
      <c r="P285" s="10" t="s">
        <v>55</v>
      </c>
      <c r="Q285" s="10" t="s">
        <v>55</v>
      </c>
      <c r="R285" s="10" t="s">
        <v>55</v>
      </c>
      <c r="S285" s="6">
        <v>128</v>
      </c>
      <c r="T285" s="6">
        <v>20</v>
      </c>
      <c r="U285" s="10" t="s">
        <v>55</v>
      </c>
      <c r="V285" s="6">
        <v>108</v>
      </c>
      <c r="W285" s="10" t="s">
        <v>55</v>
      </c>
      <c r="X285" s="10" t="s">
        <v>55</v>
      </c>
      <c r="Y285" s="10" t="s">
        <v>55</v>
      </c>
      <c r="Z285" s="10" t="s">
        <v>55</v>
      </c>
      <c r="AA285" s="10" t="s">
        <v>55</v>
      </c>
      <c r="AB285" s="10" t="s">
        <v>55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102</v>
      </c>
      <c r="I286" s="9" t="s">
        <v>54</v>
      </c>
      <c r="J286" s="9" t="s">
        <v>52</v>
      </c>
      <c r="K286" s="6">
        <v>3218</v>
      </c>
      <c r="L286" s="6">
        <v>2711</v>
      </c>
      <c r="M286" s="6">
        <v>2588</v>
      </c>
      <c r="N286" s="6">
        <v>2348</v>
      </c>
      <c r="O286" s="6">
        <v>184</v>
      </c>
      <c r="P286" s="6">
        <v>8</v>
      </c>
      <c r="Q286" s="6">
        <v>48</v>
      </c>
      <c r="R286" s="6">
        <v>123</v>
      </c>
      <c r="S286" s="6">
        <v>443</v>
      </c>
      <c r="T286" s="6">
        <v>239</v>
      </c>
      <c r="U286" s="6">
        <v>11</v>
      </c>
      <c r="V286" s="6">
        <v>193</v>
      </c>
      <c r="W286" s="6">
        <v>64</v>
      </c>
      <c r="X286" s="6">
        <v>2397</v>
      </c>
      <c r="Y286" s="6">
        <v>2189</v>
      </c>
      <c r="Z286" s="6">
        <v>156</v>
      </c>
      <c r="AA286" s="6">
        <v>8</v>
      </c>
      <c r="AB286" s="6">
        <v>44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102</v>
      </c>
      <c r="I287" s="9" t="s">
        <v>6</v>
      </c>
      <c r="J287" s="9" t="s">
        <v>30</v>
      </c>
      <c r="K287" s="6">
        <v>126</v>
      </c>
      <c r="L287" s="6">
        <v>83</v>
      </c>
      <c r="M287" s="6">
        <v>76</v>
      </c>
      <c r="N287" s="6">
        <v>65</v>
      </c>
      <c r="O287" s="6">
        <v>7</v>
      </c>
      <c r="P287" s="10" t="s">
        <v>55</v>
      </c>
      <c r="Q287" s="6">
        <v>4</v>
      </c>
      <c r="R287" s="6">
        <v>7</v>
      </c>
      <c r="S287" s="6">
        <v>41</v>
      </c>
      <c r="T287" s="6">
        <v>12</v>
      </c>
      <c r="U287" s="10" t="s">
        <v>55</v>
      </c>
      <c r="V287" s="6">
        <v>29</v>
      </c>
      <c r="W287" s="6">
        <v>2</v>
      </c>
      <c r="X287" s="6">
        <v>69</v>
      </c>
      <c r="Y287" s="6">
        <v>61</v>
      </c>
      <c r="Z287" s="6">
        <v>6</v>
      </c>
      <c r="AA287" s="10" t="s">
        <v>55</v>
      </c>
      <c r="AB287" s="6">
        <v>2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102</v>
      </c>
      <c r="I288" s="9" t="s">
        <v>6</v>
      </c>
      <c r="J288" s="9" t="s">
        <v>31</v>
      </c>
      <c r="K288" s="10" t="s">
        <v>55</v>
      </c>
      <c r="L288" s="10" t="s">
        <v>55</v>
      </c>
      <c r="M288" s="10" t="s">
        <v>55</v>
      </c>
      <c r="N288" s="10" t="s">
        <v>55</v>
      </c>
      <c r="O288" s="10" t="s">
        <v>55</v>
      </c>
      <c r="P288" s="10" t="s">
        <v>55</v>
      </c>
      <c r="Q288" s="10" t="s">
        <v>55</v>
      </c>
      <c r="R288" s="10" t="s">
        <v>55</v>
      </c>
      <c r="S288" s="10" t="s">
        <v>55</v>
      </c>
      <c r="T288" s="10" t="s">
        <v>55</v>
      </c>
      <c r="U288" s="10" t="s">
        <v>55</v>
      </c>
      <c r="V288" s="10" t="s">
        <v>55</v>
      </c>
      <c r="W288" s="10" t="s">
        <v>55</v>
      </c>
      <c r="X288" s="10" t="s">
        <v>55</v>
      </c>
      <c r="Y288" s="10" t="s">
        <v>55</v>
      </c>
      <c r="Z288" s="10" t="s">
        <v>55</v>
      </c>
      <c r="AA288" s="10" t="s">
        <v>55</v>
      </c>
      <c r="AB288" s="10" t="s">
        <v>55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102</v>
      </c>
      <c r="I289" s="9" t="s">
        <v>6</v>
      </c>
      <c r="J289" s="9" t="s">
        <v>32</v>
      </c>
      <c r="K289" s="10" t="s">
        <v>55</v>
      </c>
      <c r="L289" s="10" t="s">
        <v>55</v>
      </c>
      <c r="M289" s="10" t="s">
        <v>55</v>
      </c>
      <c r="N289" s="10" t="s">
        <v>55</v>
      </c>
      <c r="O289" s="10" t="s">
        <v>55</v>
      </c>
      <c r="P289" s="10" t="s">
        <v>55</v>
      </c>
      <c r="Q289" s="10" t="s">
        <v>55</v>
      </c>
      <c r="R289" s="10" t="s">
        <v>55</v>
      </c>
      <c r="S289" s="10" t="s">
        <v>55</v>
      </c>
      <c r="T289" s="10" t="s">
        <v>55</v>
      </c>
      <c r="U289" s="10" t="s">
        <v>55</v>
      </c>
      <c r="V289" s="10" t="s">
        <v>55</v>
      </c>
      <c r="W289" s="10" t="s">
        <v>55</v>
      </c>
      <c r="X289" s="10" t="s">
        <v>55</v>
      </c>
      <c r="Y289" s="10" t="s">
        <v>55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102</v>
      </c>
      <c r="I290" s="9" t="s">
        <v>6</v>
      </c>
      <c r="J290" s="9" t="s">
        <v>33</v>
      </c>
      <c r="K290" s="6">
        <v>2</v>
      </c>
      <c r="L290" s="6">
        <v>2</v>
      </c>
      <c r="M290" s="6">
        <v>2</v>
      </c>
      <c r="N290" s="6">
        <v>2</v>
      </c>
      <c r="O290" s="10" t="s">
        <v>55</v>
      </c>
      <c r="P290" s="10" t="s">
        <v>55</v>
      </c>
      <c r="Q290" s="10" t="s">
        <v>55</v>
      </c>
      <c r="R290" s="10" t="s">
        <v>55</v>
      </c>
      <c r="S290" s="10" t="s">
        <v>55</v>
      </c>
      <c r="T290" s="10" t="s">
        <v>55</v>
      </c>
      <c r="U290" s="10" t="s">
        <v>55</v>
      </c>
      <c r="V290" s="10" t="s">
        <v>55</v>
      </c>
      <c r="W290" s="10" t="s">
        <v>55</v>
      </c>
      <c r="X290" s="6">
        <v>2</v>
      </c>
      <c r="Y290" s="6">
        <v>2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102</v>
      </c>
      <c r="I291" s="9" t="s">
        <v>6</v>
      </c>
      <c r="J291" s="9" t="s">
        <v>34</v>
      </c>
      <c r="K291" s="6">
        <v>4</v>
      </c>
      <c r="L291" s="6">
        <v>4</v>
      </c>
      <c r="M291" s="6">
        <v>4</v>
      </c>
      <c r="N291" s="6">
        <v>2</v>
      </c>
      <c r="O291" s="6">
        <v>2</v>
      </c>
      <c r="P291" s="10" t="s">
        <v>55</v>
      </c>
      <c r="Q291" s="10" t="s">
        <v>55</v>
      </c>
      <c r="R291" s="10" t="s">
        <v>55</v>
      </c>
      <c r="S291" s="10" t="s">
        <v>55</v>
      </c>
      <c r="T291" s="10" t="s">
        <v>55</v>
      </c>
      <c r="U291" s="10" t="s">
        <v>55</v>
      </c>
      <c r="V291" s="10" t="s">
        <v>55</v>
      </c>
      <c r="W291" s="10" t="s">
        <v>55</v>
      </c>
      <c r="X291" s="6">
        <v>4</v>
      </c>
      <c r="Y291" s="6">
        <v>2</v>
      </c>
      <c r="Z291" s="6">
        <v>2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102</v>
      </c>
      <c r="I292" s="9" t="s">
        <v>6</v>
      </c>
      <c r="J292" s="9" t="s">
        <v>35</v>
      </c>
      <c r="K292" s="6">
        <v>2</v>
      </c>
      <c r="L292" s="6">
        <v>2</v>
      </c>
      <c r="M292" s="6">
        <v>2</v>
      </c>
      <c r="N292" s="6">
        <v>2</v>
      </c>
      <c r="O292" s="10" t="s">
        <v>55</v>
      </c>
      <c r="P292" s="10" t="s">
        <v>55</v>
      </c>
      <c r="Q292" s="10" t="s">
        <v>55</v>
      </c>
      <c r="R292" s="10" t="s">
        <v>55</v>
      </c>
      <c r="S292" s="10" t="s">
        <v>55</v>
      </c>
      <c r="T292" s="10" t="s">
        <v>55</v>
      </c>
      <c r="U292" s="10" t="s">
        <v>55</v>
      </c>
      <c r="V292" s="10" t="s">
        <v>55</v>
      </c>
      <c r="W292" s="10" t="s">
        <v>55</v>
      </c>
      <c r="X292" s="6">
        <v>2</v>
      </c>
      <c r="Y292" s="6">
        <v>2</v>
      </c>
      <c r="Z292" s="10" t="s">
        <v>55</v>
      </c>
      <c r="AA292" s="10" t="s">
        <v>55</v>
      </c>
      <c r="AB292" s="10" t="s">
        <v>55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102</v>
      </c>
      <c r="I293" s="9" t="s">
        <v>6</v>
      </c>
      <c r="J293" s="9" t="s">
        <v>36</v>
      </c>
      <c r="K293" s="6">
        <v>7</v>
      </c>
      <c r="L293" s="6">
        <v>7</v>
      </c>
      <c r="M293" s="6">
        <v>6</v>
      </c>
      <c r="N293" s="6">
        <v>5</v>
      </c>
      <c r="O293" s="6">
        <v>1</v>
      </c>
      <c r="P293" s="10" t="s">
        <v>55</v>
      </c>
      <c r="Q293" s="10" t="s">
        <v>55</v>
      </c>
      <c r="R293" s="6">
        <v>1</v>
      </c>
      <c r="S293" s="10" t="s">
        <v>55</v>
      </c>
      <c r="T293" s="10" t="s">
        <v>55</v>
      </c>
      <c r="U293" s="10" t="s">
        <v>55</v>
      </c>
      <c r="V293" s="10" t="s">
        <v>55</v>
      </c>
      <c r="W293" s="10" t="s">
        <v>55</v>
      </c>
      <c r="X293" s="6">
        <v>6</v>
      </c>
      <c r="Y293" s="6">
        <v>5</v>
      </c>
      <c r="Z293" s="6">
        <v>1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102</v>
      </c>
      <c r="I294" s="9" t="s">
        <v>6</v>
      </c>
      <c r="J294" s="9" t="s">
        <v>37</v>
      </c>
      <c r="K294" s="6">
        <v>7</v>
      </c>
      <c r="L294" s="6">
        <v>7</v>
      </c>
      <c r="M294" s="6">
        <v>6</v>
      </c>
      <c r="N294" s="6">
        <v>6</v>
      </c>
      <c r="O294" s="10" t="s">
        <v>55</v>
      </c>
      <c r="P294" s="10" t="s">
        <v>55</v>
      </c>
      <c r="Q294" s="10" t="s">
        <v>55</v>
      </c>
      <c r="R294" s="6">
        <v>1</v>
      </c>
      <c r="S294" s="10" t="s">
        <v>55</v>
      </c>
      <c r="T294" s="10" t="s">
        <v>55</v>
      </c>
      <c r="U294" s="10" t="s">
        <v>55</v>
      </c>
      <c r="V294" s="10" t="s">
        <v>55</v>
      </c>
      <c r="W294" s="10" t="s">
        <v>55</v>
      </c>
      <c r="X294" s="6">
        <v>6</v>
      </c>
      <c r="Y294" s="6">
        <v>6</v>
      </c>
      <c r="Z294" s="10" t="s">
        <v>55</v>
      </c>
      <c r="AA294" s="10" t="s">
        <v>55</v>
      </c>
      <c r="AB294" s="10" t="s">
        <v>55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102</v>
      </c>
      <c r="I295" s="9" t="s">
        <v>6</v>
      </c>
      <c r="J295" s="9" t="s">
        <v>38</v>
      </c>
      <c r="K295" s="6">
        <v>15</v>
      </c>
      <c r="L295" s="6">
        <v>15</v>
      </c>
      <c r="M295" s="6">
        <v>15</v>
      </c>
      <c r="N295" s="6">
        <v>14</v>
      </c>
      <c r="O295" s="10" t="s">
        <v>55</v>
      </c>
      <c r="P295" s="10" t="s">
        <v>55</v>
      </c>
      <c r="Q295" s="6">
        <v>1</v>
      </c>
      <c r="R295" s="10" t="s">
        <v>55</v>
      </c>
      <c r="S295" s="10" t="s">
        <v>55</v>
      </c>
      <c r="T295" s="10" t="s">
        <v>55</v>
      </c>
      <c r="U295" s="10" t="s">
        <v>55</v>
      </c>
      <c r="V295" s="10" t="s">
        <v>55</v>
      </c>
      <c r="W295" s="10" t="s">
        <v>55</v>
      </c>
      <c r="X295" s="6">
        <v>15</v>
      </c>
      <c r="Y295" s="6">
        <v>14</v>
      </c>
      <c r="Z295" s="10" t="s">
        <v>55</v>
      </c>
      <c r="AA295" s="10" t="s">
        <v>55</v>
      </c>
      <c r="AB295" s="6">
        <v>1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102</v>
      </c>
      <c r="I296" s="9" t="s">
        <v>6</v>
      </c>
      <c r="J296" s="9" t="s">
        <v>39</v>
      </c>
      <c r="K296" s="6">
        <v>16</v>
      </c>
      <c r="L296" s="6">
        <v>12</v>
      </c>
      <c r="M296" s="6">
        <v>10</v>
      </c>
      <c r="N296" s="6">
        <v>9</v>
      </c>
      <c r="O296" s="6">
        <v>1</v>
      </c>
      <c r="P296" s="10" t="s">
        <v>55</v>
      </c>
      <c r="Q296" s="10" t="s">
        <v>55</v>
      </c>
      <c r="R296" s="6">
        <v>2</v>
      </c>
      <c r="S296" s="6">
        <v>4</v>
      </c>
      <c r="T296" s="6">
        <v>4</v>
      </c>
      <c r="U296" s="10" t="s">
        <v>55</v>
      </c>
      <c r="V296" s="10" t="s">
        <v>55</v>
      </c>
      <c r="W296" s="10" t="s">
        <v>55</v>
      </c>
      <c r="X296" s="6">
        <v>9</v>
      </c>
      <c r="Y296" s="6">
        <v>9</v>
      </c>
      <c r="Z296" s="10" t="s">
        <v>55</v>
      </c>
      <c r="AA296" s="10" t="s">
        <v>55</v>
      </c>
      <c r="AB296" s="10" t="s">
        <v>55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102</v>
      </c>
      <c r="I297" s="9" t="s">
        <v>6</v>
      </c>
      <c r="J297" s="9" t="s">
        <v>40</v>
      </c>
      <c r="K297" s="6">
        <v>23</v>
      </c>
      <c r="L297" s="6">
        <v>19</v>
      </c>
      <c r="M297" s="6">
        <v>18</v>
      </c>
      <c r="N297" s="6">
        <v>15</v>
      </c>
      <c r="O297" s="6">
        <v>2</v>
      </c>
      <c r="P297" s="10" t="s">
        <v>55</v>
      </c>
      <c r="Q297" s="6">
        <v>1</v>
      </c>
      <c r="R297" s="6">
        <v>1</v>
      </c>
      <c r="S297" s="6">
        <v>3</v>
      </c>
      <c r="T297" s="6">
        <v>1</v>
      </c>
      <c r="U297" s="10" t="s">
        <v>55</v>
      </c>
      <c r="V297" s="6">
        <v>2</v>
      </c>
      <c r="W297" s="6">
        <v>1</v>
      </c>
      <c r="X297" s="6">
        <v>17</v>
      </c>
      <c r="Y297" s="6">
        <v>15</v>
      </c>
      <c r="Z297" s="6">
        <v>2</v>
      </c>
      <c r="AA297" s="10" t="s">
        <v>55</v>
      </c>
      <c r="AB297" s="10" t="s">
        <v>55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102</v>
      </c>
      <c r="I298" s="9" t="s">
        <v>6</v>
      </c>
      <c r="J298" s="9" t="s">
        <v>41</v>
      </c>
      <c r="K298" s="6">
        <v>20</v>
      </c>
      <c r="L298" s="6">
        <v>9</v>
      </c>
      <c r="M298" s="6">
        <v>8</v>
      </c>
      <c r="N298" s="6">
        <v>6</v>
      </c>
      <c r="O298" s="6">
        <v>1</v>
      </c>
      <c r="P298" s="10" t="s">
        <v>55</v>
      </c>
      <c r="Q298" s="6">
        <v>1</v>
      </c>
      <c r="R298" s="6">
        <v>1</v>
      </c>
      <c r="S298" s="6">
        <v>11</v>
      </c>
      <c r="T298" s="6">
        <v>2</v>
      </c>
      <c r="U298" s="10" t="s">
        <v>55</v>
      </c>
      <c r="V298" s="6">
        <v>9</v>
      </c>
      <c r="W298" s="10" t="s">
        <v>55</v>
      </c>
      <c r="X298" s="6">
        <v>4</v>
      </c>
      <c r="Y298" s="6">
        <v>3</v>
      </c>
      <c r="Z298" s="6">
        <v>1</v>
      </c>
      <c r="AA298" s="10" t="s">
        <v>55</v>
      </c>
      <c r="AB298" s="10" t="s">
        <v>55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102</v>
      </c>
      <c r="I299" s="9" t="s">
        <v>6</v>
      </c>
      <c r="J299" s="9" t="s">
        <v>42</v>
      </c>
      <c r="K299" s="6">
        <v>15</v>
      </c>
      <c r="L299" s="6">
        <v>4</v>
      </c>
      <c r="M299" s="6">
        <v>3</v>
      </c>
      <c r="N299" s="6">
        <v>2</v>
      </c>
      <c r="O299" s="10" t="s">
        <v>55</v>
      </c>
      <c r="P299" s="10" t="s">
        <v>55</v>
      </c>
      <c r="Q299" s="6">
        <v>1</v>
      </c>
      <c r="R299" s="6">
        <v>1</v>
      </c>
      <c r="S299" s="6">
        <v>11</v>
      </c>
      <c r="T299" s="6">
        <v>1</v>
      </c>
      <c r="U299" s="10" t="s">
        <v>55</v>
      </c>
      <c r="V299" s="6">
        <v>10</v>
      </c>
      <c r="W299" s="10" t="s">
        <v>55</v>
      </c>
      <c r="X299" s="6">
        <v>3</v>
      </c>
      <c r="Y299" s="6">
        <v>2</v>
      </c>
      <c r="Z299" s="10" t="s">
        <v>55</v>
      </c>
      <c r="AA299" s="10" t="s">
        <v>55</v>
      </c>
      <c r="AB299" s="6">
        <v>1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102</v>
      </c>
      <c r="I300" s="9" t="s">
        <v>6</v>
      </c>
      <c r="J300" s="9" t="s">
        <v>43</v>
      </c>
      <c r="K300" s="6">
        <v>6</v>
      </c>
      <c r="L300" s="6">
        <v>1</v>
      </c>
      <c r="M300" s="6">
        <v>1</v>
      </c>
      <c r="N300" s="6">
        <v>1</v>
      </c>
      <c r="O300" s="10" t="s">
        <v>55</v>
      </c>
      <c r="P300" s="10" t="s">
        <v>55</v>
      </c>
      <c r="Q300" s="10" t="s">
        <v>55</v>
      </c>
      <c r="R300" s="10" t="s">
        <v>55</v>
      </c>
      <c r="S300" s="6">
        <v>4</v>
      </c>
      <c r="T300" s="6">
        <v>2</v>
      </c>
      <c r="U300" s="10" t="s">
        <v>55</v>
      </c>
      <c r="V300" s="6">
        <v>2</v>
      </c>
      <c r="W300" s="6">
        <v>1</v>
      </c>
      <c r="X300" s="6">
        <v>1</v>
      </c>
      <c r="Y300" s="6">
        <v>1</v>
      </c>
      <c r="Z300" s="10" t="s">
        <v>55</v>
      </c>
      <c r="AA300" s="10" t="s">
        <v>55</v>
      </c>
      <c r="AB300" s="10" t="s">
        <v>55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102</v>
      </c>
      <c r="I301" s="9" t="s">
        <v>6</v>
      </c>
      <c r="J301" s="9" t="s">
        <v>44</v>
      </c>
      <c r="K301" s="6">
        <v>5</v>
      </c>
      <c r="L301" s="6">
        <v>1</v>
      </c>
      <c r="M301" s="6">
        <v>1</v>
      </c>
      <c r="N301" s="6">
        <v>1</v>
      </c>
      <c r="O301" s="10" t="s">
        <v>55</v>
      </c>
      <c r="P301" s="10" t="s">
        <v>55</v>
      </c>
      <c r="Q301" s="10" t="s">
        <v>55</v>
      </c>
      <c r="R301" s="10" t="s">
        <v>55</v>
      </c>
      <c r="S301" s="6">
        <v>4</v>
      </c>
      <c r="T301" s="6">
        <v>2</v>
      </c>
      <c r="U301" s="10" t="s">
        <v>55</v>
      </c>
      <c r="V301" s="6">
        <v>2</v>
      </c>
      <c r="W301" s="10" t="s">
        <v>55</v>
      </c>
      <c r="X301" s="10" t="s">
        <v>55</v>
      </c>
      <c r="Y301" s="10" t="s">
        <v>55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102</v>
      </c>
      <c r="I302" s="9" t="s">
        <v>6</v>
      </c>
      <c r="J302" s="9" t="s">
        <v>45</v>
      </c>
      <c r="K302" s="6">
        <v>3</v>
      </c>
      <c r="L302" s="10" t="s">
        <v>55</v>
      </c>
      <c r="M302" s="10" t="s">
        <v>55</v>
      </c>
      <c r="N302" s="10" t="s">
        <v>55</v>
      </c>
      <c r="O302" s="10" t="s">
        <v>55</v>
      </c>
      <c r="P302" s="10" t="s">
        <v>55</v>
      </c>
      <c r="Q302" s="10" t="s">
        <v>55</v>
      </c>
      <c r="R302" s="10" t="s">
        <v>55</v>
      </c>
      <c r="S302" s="6">
        <v>3</v>
      </c>
      <c r="T302" s="10" t="s">
        <v>55</v>
      </c>
      <c r="U302" s="10" t="s">
        <v>55</v>
      </c>
      <c r="V302" s="6">
        <v>3</v>
      </c>
      <c r="W302" s="10" t="s">
        <v>55</v>
      </c>
      <c r="X302" s="10" t="s">
        <v>55</v>
      </c>
      <c r="Y302" s="10" t="s">
        <v>55</v>
      </c>
      <c r="Z302" s="10" t="s">
        <v>55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102</v>
      </c>
      <c r="I303" s="9" t="s">
        <v>6</v>
      </c>
      <c r="J303" s="9" t="s">
        <v>46</v>
      </c>
      <c r="K303" s="6">
        <v>1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6">
        <v>1</v>
      </c>
      <c r="T303" s="10" t="s">
        <v>55</v>
      </c>
      <c r="U303" s="10" t="s">
        <v>55</v>
      </c>
      <c r="V303" s="6">
        <v>1</v>
      </c>
      <c r="W303" s="10" t="s">
        <v>55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102</v>
      </c>
      <c r="I304" s="9" t="s">
        <v>6</v>
      </c>
      <c r="J304" s="9" t="s">
        <v>47</v>
      </c>
      <c r="K304" s="10" t="s">
        <v>55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10" t="s">
        <v>55</v>
      </c>
      <c r="T304" s="10" t="s">
        <v>55</v>
      </c>
      <c r="U304" s="10" t="s">
        <v>55</v>
      </c>
      <c r="V304" s="10" t="s">
        <v>55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102</v>
      </c>
      <c r="I305" s="9" t="s">
        <v>6</v>
      </c>
      <c r="J305" s="9" t="s">
        <v>48</v>
      </c>
      <c r="K305" s="6">
        <v>76</v>
      </c>
      <c r="L305" s="6">
        <v>68</v>
      </c>
      <c r="M305" s="6">
        <v>63</v>
      </c>
      <c r="N305" s="6">
        <v>55</v>
      </c>
      <c r="O305" s="6">
        <v>6</v>
      </c>
      <c r="P305" s="10" t="s">
        <v>55</v>
      </c>
      <c r="Q305" s="6">
        <v>2</v>
      </c>
      <c r="R305" s="6">
        <v>5</v>
      </c>
      <c r="S305" s="6">
        <v>7</v>
      </c>
      <c r="T305" s="6">
        <v>5</v>
      </c>
      <c r="U305" s="10" t="s">
        <v>55</v>
      </c>
      <c r="V305" s="6">
        <v>2</v>
      </c>
      <c r="W305" s="6">
        <v>1</v>
      </c>
      <c r="X305" s="6">
        <v>61</v>
      </c>
      <c r="Y305" s="6">
        <v>55</v>
      </c>
      <c r="Z305" s="6">
        <v>5</v>
      </c>
      <c r="AA305" s="10" t="s">
        <v>55</v>
      </c>
      <c r="AB305" s="6">
        <v>1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102</v>
      </c>
      <c r="I306" s="9" t="s">
        <v>6</v>
      </c>
      <c r="J306" s="9" t="s">
        <v>49</v>
      </c>
      <c r="K306" s="6">
        <v>50</v>
      </c>
      <c r="L306" s="6">
        <v>15</v>
      </c>
      <c r="M306" s="6">
        <v>13</v>
      </c>
      <c r="N306" s="6">
        <v>10</v>
      </c>
      <c r="O306" s="6">
        <v>1</v>
      </c>
      <c r="P306" s="10" t="s">
        <v>55</v>
      </c>
      <c r="Q306" s="6">
        <v>2</v>
      </c>
      <c r="R306" s="6">
        <v>2</v>
      </c>
      <c r="S306" s="6">
        <v>34</v>
      </c>
      <c r="T306" s="6">
        <v>7</v>
      </c>
      <c r="U306" s="10" t="s">
        <v>55</v>
      </c>
      <c r="V306" s="6">
        <v>27</v>
      </c>
      <c r="W306" s="6">
        <v>1</v>
      </c>
      <c r="X306" s="6">
        <v>8</v>
      </c>
      <c r="Y306" s="6">
        <v>6</v>
      </c>
      <c r="Z306" s="6">
        <v>1</v>
      </c>
      <c r="AA306" s="10" t="s">
        <v>55</v>
      </c>
      <c r="AB306" s="6">
        <v>1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102</v>
      </c>
      <c r="I307" s="9" t="s">
        <v>6</v>
      </c>
      <c r="J307" s="9" t="s">
        <v>50</v>
      </c>
      <c r="K307" s="6">
        <v>15</v>
      </c>
      <c r="L307" s="6">
        <v>2</v>
      </c>
      <c r="M307" s="6">
        <v>2</v>
      </c>
      <c r="N307" s="6">
        <v>2</v>
      </c>
      <c r="O307" s="10" t="s">
        <v>55</v>
      </c>
      <c r="P307" s="10" t="s">
        <v>55</v>
      </c>
      <c r="Q307" s="10" t="s">
        <v>55</v>
      </c>
      <c r="R307" s="10" t="s">
        <v>55</v>
      </c>
      <c r="S307" s="6">
        <v>12</v>
      </c>
      <c r="T307" s="6">
        <v>4</v>
      </c>
      <c r="U307" s="10" t="s">
        <v>55</v>
      </c>
      <c r="V307" s="6">
        <v>8</v>
      </c>
      <c r="W307" s="6">
        <v>1</v>
      </c>
      <c r="X307" s="6">
        <v>1</v>
      </c>
      <c r="Y307" s="6">
        <v>1</v>
      </c>
      <c r="Z307" s="10" t="s">
        <v>55</v>
      </c>
      <c r="AA307" s="10" t="s">
        <v>55</v>
      </c>
      <c r="AB307" s="10" t="s">
        <v>55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102</v>
      </c>
      <c r="I308" s="9" t="s">
        <v>6</v>
      </c>
      <c r="J308" s="9" t="s">
        <v>51</v>
      </c>
      <c r="K308" s="6">
        <v>4</v>
      </c>
      <c r="L308" s="10" t="s">
        <v>55</v>
      </c>
      <c r="M308" s="10" t="s">
        <v>55</v>
      </c>
      <c r="N308" s="10" t="s">
        <v>55</v>
      </c>
      <c r="O308" s="10" t="s">
        <v>55</v>
      </c>
      <c r="P308" s="10" t="s">
        <v>55</v>
      </c>
      <c r="Q308" s="10" t="s">
        <v>55</v>
      </c>
      <c r="R308" s="10" t="s">
        <v>55</v>
      </c>
      <c r="S308" s="6">
        <v>4</v>
      </c>
      <c r="T308" s="10" t="s">
        <v>55</v>
      </c>
      <c r="U308" s="10" t="s">
        <v>55</v>
      </c>
      <c r="V308" s="6">
        <v>4</v>
      </c>
      <c r="W308" s="10" t="s">
        <v>55</v>
      </c>
      <c r="X308" s="10" t="s">
        <v>55</v>
      </c>
      <c r="Y308" s="10" t="s">
        <v>55</v>
      </c>
      <c r="Z308" s="10" t="s">
        <v>55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102</v>
      </c>
      <c r="I309" s="9" t="s">
        <v>6</v>
      </c>
      <c r="J309" s="9" t="s">
        <v>52</v>
      </c>
      <c r="K309" s="6">
        <v>96</v>
      </c>
      <c r="L309" s="6">
        <v>77</v>
      </c>
      <c r="M309" s="6">
        <v>71</v>
      </c>
      <c r="N309" s="6">
        <v>61</v>
      </c>
      <c r="O309" s="6">
        <v>7</v>
      </c>
      <c r="P309" s="10" t="s">
        <v>55</v>
      </c>
      <c r="Q309" s="6">
        <v>3</v>
      </c>
      <c r="R309" s="6">
        <v>6</v>
      </c>
      <c r="S309" s="6">
        <v>18</v>
      </c>
      <c r="T309" s="6">
        <v>7</v>
      </c>
      <c r="U309" s="10" t="s">
        <v>55</v>
      </c>
      <c r="V309" s="6">
        <v>11</v>
      </c>
      <c r="W309" s="6">
        <v>1</v>
      </c>
      <c r="X309" s="6">
        <v>65</v>
      </c>
      <c r="Y309" s="6">
        <v>58</v>
      </c>
      <c r="Z309" s="6">
        <v>6</v>
      </c>
      <c r="AA309" s="10" t="s">
        <v>55</v>
      </c>
      <c r="AB309" s="6">
        <v>1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102</v>
      </c>
      <c r="I310" s="9" t="s">
        <v>53</v>
      </c>
      <c r="J310" s="9" t="s">
        <v>30</v>
      </c>
      <c r="K310" s="6">
        <v>70</v>
      </c>
      <c r="L310" s="6">
        <v>47</v>
      </c>
      <c r="M310" s="6">
        <v>41</v>
      </c>
      <c r="N310" s="6">
        <v>36</v>
      </c>
      <c r="O310" s="6">
        <v>3</v>
      </c>
      <c r="P310" s="10" t="s">
        <v>55</v>
      </c>
      <c r="Q310" s="6">
        <v>2</v>
      </c>
      <c r="R310" s="6">
        <v>6</v>
      </c>
      <c r="S310" s="6">
        <v>21</v>
      </c>
      <c r="T310" s="6">
        <v>2</v>
      </c>
      <c r="U310" s="10" t="s">
        <v>55</v>
      </c>
      <c r="V310" s="6">
        <v>19</v>
      </c>
      <c r="W310" s="6">
        <v>2</v>
      </c>
      <c r="X310" s="6">
        <v>35</v>
      </c>
      <c r="Y310" s="6">
        <v>32</v>
      </c>
      <c r="Z310" s="6">
        <v>3</v>
      </c>
      <c r="AA310" s="10" t="s">
        <v>55</v>
      </c>
      <c r="AB310" s="10" t="s">
        <v>55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102</v>
      </c>
      <c r="I311" s="9" t="s">
        <v>53</v>
      </c>
      <c r="J311" s="9" t="s">
        <v>31</v>
      </c>
      <c r="K311" s="10" t="s">
        <v>55</v>
      </c>
      <c r="L311" s="10" t="s">
        <v>55</v>
      </c>
      <c r="M311" s="10" t="s">
        <v>55</v>
      </c>
      <c r="N311" s="10" t="s">
        <v>55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10" t="s">
        <v>55</v>
      </c>
      <c r="T311" s="10" t="s">
        <v>55</v>
      </c>
      <c r="U311" s="10" t="s">
        <v>55</v>
      </c>
      <c r="V311" s="10" t="s">
        <v>55</v>
      </c>
      <c r="W311" s="10" t="s">
        <v>55</v>
      </c>
      <c r="X311" s="10" t="s">
        <v>55</v>
      </c>
      <c r="Y311" s="10" t="s">
        <v>55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102</v>
      </c>
      <c r="I312" s="9" t="s">
        <v>53</v>
      </c>
      <c r="J312" s="9" t="s">
        <v>32</v>
      </c>
      <c r="K312" s="10" t="s">
        <v>55</v>
      </c>
      <c r="L312" s="10" t="s">
        <v>55</v>
      </c>
      <c r="M312" s="10" t="s">
        <v>55</v>
      </c>
      <c r="N312" s="10" t="s">
        <v>55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10" t="s">
        <v>55</v>
      </c>
      <c r="T312" s="10" t="s">
        <v>55</v>
      </c>
      <c r="U312" s="10" t="s">
        <v>55</v>
      </c>
      <c r="V312" s="10" t="s">
        <v>55</v>
      </c>
      <c r="W312" s="10" t="s">
        <v>55</v>
      </c>
      <c r="X312" s="10" t="s">
        <v>55</v>
      </c>
      <c r="Y312" s="10" t="s">
        <v>55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102</v>
      </c>
      <c r="I313" s="9" t="s">
        <v>53</v>
      </c>
      <c r="J313" s="9" t="s">
        <v>33</v>
      </c>
      <c r="K313" s="10" t="s">
        <v>55</v>
      </c>
      <c r="L313" s="10" t="s">
        <v>55</v>
      </c>
      <c r="M313" s="10" t="s">
        <v>55</v>
      </c>
      <c r="N313" s="10" t="s">
        <v>55</v>
      </c>
      <c r="O313" s="10" t="s">
        <v>55</v>
      </c>
      <c r="P313" s="10" t="s">
        <v>55</v>
      </c>
      <c r="Q313" s="10" t="s">
        <v>55</v>
      </c>
      <c r="R313" s="10" t="s">
        <v>55</v>
      </c>
      <c r="S313" s="10" t="s">
        <v>55</v>
      </c>
      <c r="T313" s="10" t="s">
        <v>55</v>
      </c>
      <c r="U313" s="10" t="s">
        <v>55</v>
      </c>
      <c r="V313" s="10" t="s">
        <v>55</v>
      </c>
      <c r="W313" s="10" t="s">
        <v>55</v>
      </c>
      <c r="X313" s="10" t="s">
        <v>55</v>
      </c>
      <c r="Y313" s="10" t="s">
        <v>55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102</v>
      </c>
      <c r="I314" s="9" t="s">
        <v>53</v>
      </c>
      <c r="J314" s="9" t="s">
        <v>34</v>
      </c>
      <c r="K314" s="10" t="s">
        <v>55</v>
      </c>
      <c r="L314" s="10" t="s">
        <v>55</v>
      </c>
      <c r="M314" s="10" t="s">
        <v>55</v>
      </c>
      <c r="N314" s="10" t="s">
        <v>55</v>
      </c>
      <c r="O314" s="10" t="s">
        <v>55</v>
      </c>
      <c r="P314" s="10" t="s">
        <v>55</v>
      </c>
      <c r="Q314" s="10" t="s">
        <v>55</v>
      </c>
      <c r="R314" s="10" t="s">
        <v>55</v>
      </c>
      <c r="S314" s="10" t="s">
        <v>55</v>
      </c>
      <c r="T314" s="10" t="s">
        <v>55</v>
      </c>
      <c r="U314" s="10" t="s">
        <v>55</v>
      </c>
      <c r="V314" s="10" t="s">
        <v>55</v>
      </c>
      <c r="W314" s="10" t="s">
        <v>55</v>
      </c>
      <c r="X314" s="10" t="s">
        <v>55</v>
      </c>
      <c r="Y314" s="10" t="s">
        <v>55</v>
      </c>
      <c r="Z314" s="10" t="s">
        <v>55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102</v>
      </c>
      <c r="I315" s="9" t="s">
        <v>53</v>
      </c>
      <c r="J315" s="9" t="s">
        <v>35</v>
      </c>
      <c r="K315" s="10" t="s">
        <v>55</v>
      </c>
      <c r="L315" s="10" t="s">
        <v>55</v>
      </c>
      <c r="M315" s="10" t="s">
        <v>55</v>
      </c>
      <c r="N315" s="10" t="s">
        <v>55</v>
      </c>
      <c r="O315" s="10" t="s">
        <v>55</v>
      </c>
      <c r="P315" s="10" t="s">
        <v>55</v>
      </c>
      <c r="Q315" s="10" t="s">
        <v>55</v>
      </c>
      <c r="R315" s="10" t="s">
        <v>55</v>
      </c>
      <c r="S315" s="10" t="s">
        <v>55</v>
      </c>
      <c r="T315" s="10" t="s">
        <v>55</v>
      </c>
      <c r="U315" s="10" t="s">
        <v>55</v>
      </c>
      <c r="V315" s="10" t="s">
        <v>55</v>
      </c>
      <c r="W315" s="10" t="s">
        <v>55</v>
      </c>
      <c r="X315" s="10" t="s">
        <v>55</v>
      </c>
      <c r="Y315" s="10" t="s">
        <v>55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102</v>
      </c>
      <c r="I316" s="9" t="s">
        <v>53</v>
      </c>
      <c r="J316" s="9" t="s">
        <v>36</v>
      </c>
      <c r="K316" s="6">
        <v>2</v>
      </c>
      <c r="L316" s="6">
        <v>2</v>
      </c>
      <c r="M316" s="6">
        <v>1</v>
      </c>
      <c r="N316" s="6">
        <v>1</v>
      </c>
      <c r="O316" s="10" t="s">
        <v>55</v>
      </c>
      <c r="P316" s="10" t="s">
        <v>55</v>
      </c>
      <c r="Q316" s="10" t="s">
        <v>55</v>
      </c>
      <c r="R316" s="6">
        <v>1</v>
      </c>
      <c r="S316" s="10" t="s">
        <v>55</v>
      </c>
      <c r="T316" s="10" t="s">
        <v>55</v>
      </c>
      <c r="U316" s="10" t="s">
        <v>55</v>
      </c>
      <c r="V316" s="10" t="s">
        <v>55</v>
      </c>
      <c r="W316" s="10" t="s">
        <v>55</v>
      </c>
      <c r="X316" s="6">
        <v>1</v>
      </c>
      <c r="Y316" s="6">
        <v>1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102</v>
      </c>
      <c r="I317" s="9" t="s">
        <v>53</v>
      </c>
      <c r="J317" s="9" t="s">
        <v>37</v>
      </c>
      <c r="K317" s="6">
        <v>4</v>
      </c>
      <c r="L317" s="6">
        <v>4</v>
      </c>
      <c r="M317" s="6">
        <v>4</v>
      </c>
      <c r="N317" s="6">
        <v>4</v>
      </c>
      <c r="O317" s="10" t="s">
        <v>55</v>
      </c>
      <c r="P317" s="10" t="s">
        <v>55</v>
      </c>
      <c r="Q317" s="10" t="s">
        <v>55</v>
      </c>
      <c r="R317" s="10" t="s">
        <v>55</v>
      </c>
      <c r="S317" s="10" t="s">
        <v>55</v>
      </c>
      <c r="T317" s="10" t="s">
        <v>55</v>
      </c>
      <c r="U317" s="10" t="s">
        <v>55</v>
      </c>
      <c r="V317" s="10" t="s">
        <v>55</v>
      </c>
      <c r="W317" s="10" t="s">
        <v>55</v>
      </c>
      <c r="X317" s="6">
        <v>4</v>
      </c>
      <c r="Y317" s="6">
        <v>4</v>
      </c>
      <c r="Z317" s="10" t="s">
        <v>55</v>
      </c>
      <c r="AA317" s="10" t="s">
        <v>55</v>
      </c>
      <c r="AB317" s="10" t="s">
        <v>55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102</v>
      </c>
      <c r="I318" s="9" t="s">
        <v>53</v>
      </c>
      <c r="J318" s="9" t="s">
        <v>38</v>
      </c>
      <c r="K318" s="6">
        <v>9</v>
      </c>
      <c r="L318" s="6">
        <v>9</v>
      </c>
      <c r="M318" s="6">
        <v>9</v>
      </c>
      <c r="N318" s="6">
        <v>9</v>
      </c>
      <c r="O318" s="10" t="s">
        <v>55</v>
      </c>
      <c r="P318" s="10" t="s">
        <v>55</v>
      </c>
      <c r="Q318" s="10" t="s">
        <v>55</v>
      </c>
      <c r="R318" s="10" t="s">
        <v>55</v>
      </c>
      <c r="S318" s="10" t="s">
        <v>55</v>
      </c>
      <c r="T318" s="10" t="s">
        <v>55</v>
      </c>
      <c r="U318" s="10" t="s">
        <v>55</v>
      </c>
      <c r="V318" s="10" t="s">
        <v>55</v>
      </c>
      <c r="W318" s="10" t="s">
        <v>55</v>
      </c>
      <c r="X318" s="6">
        <v>9</v>
      </c>
      <c r="Y318" s="6">
        <v>9</v>
      </c>
      <c r="Z318" s="10" t="s">
        <v>55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102</v>
      </c>
      <c r="I319" s="9" t="s">
        <v>53</v>
      </c>
      <c r="J319" s="9" t="s">
        <v>39</v>
      </c>
      <c r="K319" s="6">
        <v>6</v>
      </c>
      <c r="L319" s="6">
        <v>6</v>
      </c>
      <c r="M319" s="6">
        <v>4</v>
      </c>
      <c r="N319" s="6">
        <v>4</v>
      </c>
      <c r="O319" s="10" t="s">
        <v>55</v>
      </c>
      <c r="P319" s="10" t="s">
        <v>55</v>
      </c>
      <c r="Q319" s="10" t="s">
        <v>55</v>
      </c>
      <c r="R319" s="6">
        <v>2</v>
      </c>
      <c r="S319" s="10" t="s">
        <v>55</v>
      </c>
      <c r="T319" s="10" t="s">
        <v>55</v>
      </c>
      <c r="U319" s="10" t="s">
        <v>55</v>
      </c>
      <c r="V319" s="10" t="s">
        <v>55</v>
      </c>
      <c r="W319" s="10" t="s">
        <v>55</v>
      </c>
      <c r="X319" s="6">
        <v>4</v>
      </c>
      <c r="Y319" s="6">
        <v>4</v>
      </c>
      <c r="Z319" s="10" t="s">
        <v>55</v>
      </c>
      <c r="AA319" s="10" t="s">
        <v>55</v>
      </c>
      <c r="AB319" s="10" t="s">
        <v>55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102</v>
      </c>
      <c r="I320" s="9" t="s">
        <v>53</v>
      </c>
      <c r="J320" s="9" t="s">
        <v>40</v>
      </c>
      <c r="K320" s="6">
        <v>18</v>
      </c>
      <c r="L320" s="6">
        <v>15</v>
      </c>
      <c r="M320" s="6">
        <v>14</v>
      </c>
      <c r="N320" s="6">
        <v>11</v>
      </c>
      <c r="O320" s="6">
        <v>2</v>
      </c>
      <c r="P320" s="10" t="s">
        <v>55</v>
      </c>
      <c r="Q320" s="6">
        <v>1</v>
      </c>
      <c r="R320" s="6">
        <v>1</v>
      </c>
      <c r="S320" s="6">
        <v>2</v>
      </c>
      <c r="T320" s="10" t="s">
        <v>55</v>
      </c>
      <c r="U320" s="10" t="s">
        <v>55</v>
      </c>
      <c r="V320" s="6">
        <v>2</v>
      </c>
      <c r="W320" s="6">
        <v>1</v>
      </c>
      <c r="X320" s="6">
        <v>13</v>
      </c>
      <c r="Y320" s="6">
        <v>11</v>
      </c>
      <c r="Z320" s="6">
        <v>2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102</v>
      </c>
      <c r="I321" s="9" t="s">
        <v>53</v>
      </c>
      <c r="J321" s="9" t="s">
        <v>41</v>
      </c>
      <c r="K321" s="6">
        <v>15</v>
      </c>
      <c r="L321" s="6">
        <v>8</v>
      </c>
      <c r="M321" s="6">
        <v>7</v>
      </c>
      <c r="N321" s="6">
        <v>5</v>
      </c>
      <c r="O321" s="6">
        <v>1</v>
      </c>
      <c r="P321" s="10" t="s">
        <v>55</v>
      </c>
      <c r="Q321" s="6">
        <v>1</v>
      </c>
      <c r="R321" s="6">
        <v>1</v>
      </c>
      <c r="S321" s="6">
        <v>7</v>
      </c>
      <c r="T321" s="6">
        <v>2</v>
      </c>
      <c r="U321" s="10" t="s">
        <v>55</v>
      </c>
      <c r="V321" s="6">
        <v>5</v>
      </c>
      <c r="W321" s="10" t="s">
        <v>55</v>
      </c>
      <c r="X321" s="6">
        <v>3</v>
      </c>
      <c r="Y321" s="6">
        <v>2</v>
      </c>
      <c r="Z321" s="6">
        <v>1</v>
      </c>
      <c r="AA321" s="10" t="s">
        <v>55</v>
      </c>
      <c r="AB321" s="10" t="s">
        <v>55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102</v>
      </c>
      <c r="I322" s="9" t="s">
        <v>53</v>
      </c>
      <c r="J322" s="9" t="s">
        <v>42</v>
      </c>
      <c r="K322" s="6">
        <v>9</v>
      </c>
      <c r="L322" s="6">
        <v>2</v>
      </c>
      <c r="M322" s="6">
        <v>1</v>
      </c>
      <c r="N322" s="6">
        <v>1</v>
      </c>
      <c r="O322" s="10" t="s">
        <v>55</v>
      </c>
      <c r="P322" s="10" t="s">
        <v>55</v>
      </c>
      <c r="Q322" s="10" t="s">
        <v>55</v>
      </c>
      <c r="R322" s="6">
        <v>1</v>
      </c>
      <c r="S322" s="6">
        <v>7</v>
      </c>
      <c r="T322" s="10" t="s">
        <v>55</v>
      </c>
      <c r="U322" s="10" t="s">
        <v>55</v>
      </c>
      <c r="V322" s="6">
        <v>7</v>
      </c>
      <c r="W322" s="10" t="s">
        <v>55</v>
      </c>
      <c r="X322" s="6">
        <v>1</v>
      </c>
      <c r="Y322" s="6">
        <v>1</v>
      </c>
      <c r="Z322" s="10" t="s">
        <v>55</v>
      </c>
      <c r="AA322" s="10" t="s">
        <v>55</v>
      </c>
      <c r="AB322" s="10" t="s">
        <v>55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102</v>
      </c>
      <c r="I323" s="9" t="s">
        <v>53</v>
      </c>
      <c r="J323" s="9" t="s">
        <v>43</v>
      </c>
      <c r="K323" s="6">
        <v>3</v>
      </c>
      <c r="L323" s="10" t="s">
        <v>55</v>
      </c>
      <c r="M323" s="10" t="s">
        <v>55</v>
      </c>
      <c r="N323" s="10" t="s">
        <v>55</v>
      </c>
      <c r="O323" s="10" t="s">
        <v>55</v>
      </c>
      <c r="P323" s="10" t="s">
        <v>55</v>
      </c>
      <c r="Q323" s="10" t="s">
        <v>55</v>
      </c>
      <c r="R323" s="10" t="s">
        <v>55</v>
      </c>
      <c r="S323" s="6">
        <v>2</v>
      </c>
      <c r="T323" s="10" t="s">
        <v>55</v>
      </c>
      <c r="U323" s="10" t="s">
        <v>55</v>
      </c>
      <c r="V323" s="6">
        <v>2</v>
      </c>
      <c r="W323" s="6">
        <v>1</v>
      </c>
      <c r="X323" s="10" t="s">
        <v>55</v>
      </c>
      <c r="Y323" s="10" t="s">
        <v>55</v>
      </c>
      <c r="Z323" s="10" t="s">
        <v>55</v>
      </c>
      <c r="AA323" s="10" t="s">
        <v>55</v>
      </c>
      <c r="AB323" s="10" t="s">
        <v>55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102</v>
      </c>
      <c r="I324" s="9" t="s">
        <v>53</v>
      </c>
      <c r="J324" s="9" t="s">
        <v>44</v>
      </c>
      <c r="K324" s="6">
        <v>3</v>
      </c>
      <c r="L324" s="6">
        <v>1</v>
      </c>
      <c r="M324" s="6">
        <v>1</v>
      </c>
      <c r="N324" s="6">
        <v>1</v>
      </c>
      <c r="O324" s="10" t="s">
        <v>55</v>
      </c>
      <c r="P324" s="10" t="s">
        <v>55</v>
      </c>
      <c r="Q324" s="10" t="s">
        <v>55</v>
      </c>
      <c r="R324" s="10" t="s">
        <v>55</v>
      </c>
      <c r="S324" s="6">
        <v>2</v>
      </c>
      <c r="T324" s="10" t="s">
        <v>55</v>
      </c>
      <c r="U324" s="10" t="s">
        <v>55</v>
      </c>
      <c r="V324" s="6">
        <v>2</v>
      </c>
      <c r="W324" s="10" t="s">
        <v>55</v>
      </c>
      <c r="X324" s="10" t="s">
        <v>55</v>
      </c>
      <c r="Y324" s="10" t="s">
        <v>55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102</v>
      </c>
      <c r="I325" s="9" t="s">
        <v>53</v>
      </c>
      <c r="J325" s="9" t="s">
        <v>45</v>
      </c>
      <c r="K325" s="6">
        <v>1</v>
      </c>
      <c r="L325" s="10" t="s">
        <v>55</v>
      </c>
      <c r="M325" s="10" t="s">
        <v>55</v>
      </c>
      <c r="N325" s="10" t="s">
        <v>55</v>
      </c>
      <c r="O325" s="10" t="s">
        <v>55</v>
      </c>
      <c r="P325" s="10" t="s">
        <v>55</v>
      </c>
      <c r="Q325" s="10" t="s">
        <v>55</v>
      </c>
      <c r="R325" s="10" t="s">
        <v>55</v>
      </c>
      <c r="S325" s="6">
        <v>1</v>
      </c>
      <c r="T325" s="10" t="s">
        <v>55</v>
      </c>
      <c r="U325" s="10" t="s">
        <v>55</v>
      </c>
      <c r="V325" s="6">
        <v>1</v>
      </c>
      <c r="W325" s="10" t="s">
        <v>55</v>
      </c>
      <c r="X325" s="10" t="s">
        <v>55</v>
      </c>
      <c r="Y325" s="10" t="s">
        <v>55</v>
      </c>
      <c r="Z325" s="10" t="s">
        <v>55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102</v>
      </c>
      <c r="I326" s="9" t="s">
        <v>53</v>
      </c>
      <c r="J326" s="9" t="s">
        <v>46</v>
      </c>
      <c r="K326" s="10" t="s">
        <v>55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10" t="s">
        <v>55</v>
      </c>
      <c r="T326" s="10" t="s">
        <v>55</v>
      </c>
      <c r="U326" s="10" t="s">
        <v>55</v>
      </c>
      <c r="V326" s="10" t="s">
        <v>55</v>
      </c>
      <c r="W326" s="10" t="s">
        <v>55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102</v>
      </c>
      <c r="I327" s="9" t="s">
        <v>53</v>
      </c>
      <c r="J327" s="9" t="s">
        <v>47</v>
      </c>
      <c r="K327" s="10" t="s">
        <v>55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10" t="s">
        <v>55</v>
      </c>
      <c r="T327" s="10" t="s">
        <v>55</v>
      </c>
      <c r="U327" s="10" t="s">
        <v>55</v>
      </c>
      <c r="V327" s="10" t="s">
        <v>55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102</v>
      </c>
      <c r="I328" s="9" t="s">
        <v>53</v>
      </c>
      <c r="J328" s="9" t="s">
        <v>48</v>
      </c>
      <c r="K328" s="6">
        <v>39</v>
      </c>
      <c r="L328" s="6">
        <v>36</v>
      </c>
      <c r="M328" s="6">
        <v>32</v>
      </c>
      <c r="N328" s="6">
        <v>29</v>
      </c>
      <c r="O328" s="6">
        <v>2</v>
      </c>
      <c r="P328" s="10" t="s">
        <v>55</v>
      </c>
      <c r="Q328" s="6">
        <v>1</v>
      </c>
      <c r="R328" s="6">
        <v>4</v>
      </c>
      <c r="S328" s="6">
        <v>2</v>
      </c>
      <c r="T328" s="10" t="s">
        <v>55</v>
      </c>
      <c r="U328" s="10" t="s">
        <v>55</v>
      </c>
      <c r="V328" s="6">
        <v>2</v>
      </c>
      <c r="W328" s="6">
        <v>1</v>
      </c>
      <c r="X328" s="6">
        <v>31</v>
      </c>
      <c r="Y328" s="6">
        <v>29</v>
      </c>
      <c r="Z328" s="6">
        <v>2</v>
      </c>
      <c r="AA328" s="10" t="s">
        <v>55</v>
      </c>
      <c r="AB328" s="10" t="s">
        <v>55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102</v>
      </c>
      <c r="I329" s="9" t="s">
        <v>53</v>
      </c>
      <c r="J329" s="9" t="s">
        <v>49</v>
      </c>
      <c r="K329" s="6">
        <v>31</v>
      </c>
      <c r="L329" s="6">
        <v>11</v>
      </c>
      <c r="M329" s="6">
        <v>9</v>
      </c>
      <c r="N329" s="6">
        <v>7</v>
      </c>
      <c r="O329" s="6">
        <v>1</v>
      </c>
      <c r="P329" s="10" t="s">
        <v>55</v>
      </c>
      <c r="Q329" s="6">
        <v>1</v>
      </c>
      <c r="R329" s="6">
        <v>2</v>
      </c>
      <c r="S329" s="6">
        <v>19</v>
      </c>
      <c r="T329" s="6">
        <v>2</v>
      </c>
      <c r="U329" s="10" t="s">
        <v>55</v>
      </c>
      <c r="V329" s="6">
        <v>17</v>
      </c>
      <c r="W329" s="6">
        <v>1</v>
      </c>
      <c r="X329" s="6">
        <v>4</v>
      </c>
      <c r="Y329" s="6">
        <v>3</v>
      </c>
      <c r="Z329" s="6">
        <v>1</v>
      </c>
      <c r="AA329" s="10" t="s">
        <v>55</v>
      </c>
      <c r="AB329" s="10" t="s">
        <v>55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102</v>
      </c>
      <c r="I330" s="9" t="s">
        <v>53</v>
      </c>
      <c r="J330" s="9" t="s">
        <v>50</v>
      </c>
      <c r="K330" s="6">
        <v>7</v>
      </c>
      <c r="L330" s="6">
        <v>1</v>
      </c>
      <c r="M330" s="6">
        <v>1</v>
      </c>
      <c r="N330" s="6">
        <v>1</v>
      </c>
      <c r="O330" s="10" t="s">
        <v>55</v>
      </c>
      <c r="P330" s="10" t="s">
        <v>55</v>
      </c>
      <c r="Q330" s="10" t="s">
        <v>55</v>
      </c>
      <c r="R330" s="10" t="s">
        <v>55</v>
      </c>
      <c r="S330" s="6">
        <v>5</v>
      </c>
      <c r="T330" s="10" t="s">
        <v>55</v>
      </c>
      <c r="U330" s="10" t="s">
        <v>55</v>
      </c>
      <c r="V330" s="6">
        <v>5</v>
      </c>
      <c r="W330" s="6">
        <v>1</v>
      </c>
      <c r="X330" s="10" t="s">
        <v>55</v>
      </c>
      <c r="Y330" s="10" t="s">
        <v>55</v>
      </c>
      <c r="Z330" s="10" t="s">
        <v>55</v>
      </c>
      <c r="AA330" s="10" t="s">
        <v>55</v>
      </c>
      <c r="AB330" s="10" t="s">
        <v>55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102</v>
      </c>
      <c r="I331" s="9" t="s">
        <v>53</v>
      </c>
      <c r="J331" s="9" t="s">
        <v>51</v>
      </c>
      <c r="K331" s="6">
        <v>1</v>
      </c>
      <c r="L331" s="10" t="s">
        <v>55</v>
      </c>
      <c r="M331" s="10" t="s">
        <v>55</v>
      </c>
      <c r="N331" s="10" t="s">
        <v>55</v>
      </c>
      <c r="O331" s="10" t="s">
        <v>55</v>
      </c>
      <c r="P331" s="10" t="s">
        <v>55</v>
      </c>
      <c r="Q331" s="10" t="s">
        <v>55</v>
      </c>
      <c r="R331" s="10" t="s">
        <v>55</v>
      </c>
      <c r="S331" s="6">
        <v>1</v>
      </c>
      <c r="T331" s="10" t="s">
        <v>55</v>
      </c>
      <c r="U331" s="10" t="s">
        <v>55</v>
      </c>
      <c r="V331" s="6">
        <v>1</v>
      </c>
      <c r="W331" s="10" t="s">
        <v>55</v>
      </c>
      <c r="X331" s="10" t="s">
        <v>55</v>
      </c>
      <c r="Y331" s="10" t="s">
        <v>55</v>
      </c>
      <c r="Z331" s="10" t="s">
        <v>55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102</v>
      </c>
      <c r="I332" s="9" t="s">
        <v>53</v>
      </c>
      <c r="J332" s="9" t="s">
        <v>52</v>
      </c>
      <c r="K332" s="6">
        <v>54</v>
      </c>
      <c r="L332" s="6">
        <v>44</v>
      </c>
      <c r="M332" s="6">
        <v>39</v>
      </c>
      <c r="N332" s="6">
        <v>34</v>
      </c>
      <c r="O332" s="6">
        <v>3</v>
      </c>
      <c r="P332" s="10" t="s">
        <v>55</v>
      </c>
      <c r="Q332" s="6">
        <v>2</v>
      </c>
      <c r="R332" s="6">
        <v>5</v>
      </c>
      <c r="S332" s="6">
        <v>9</v>
      </c>
      <c r="T332" s="6">
        <v>2</v>
      </c>
      <c r="U332" s="10" t="s">
        <v>55</v>
      </c>
      <c r="V332" s="6">
        <v>7</v>
      </c>
      <c r="W332" s="6">
        <v>1</v>
      </c>
      <c r="X332" s="6">
        <v>34</v>
      </c>
      <c r="Y332" s="6">
        <v>31</v>
      </c>
      <c r="Z332" s="6">
        <v>3</v>
      </c>
      <c r="AA332" s="10" t="s">
        <v>55</v>
      </c>
      <c r="AB332" s="10" t="s">
        <v>55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102</v>
      </c>
      <c r="I333" s="9" t="s">
        <v>54</v>
      </c>
      <c r="J333" s="9" t="s">
        <v>30</v>
      </c>
      <c r="K333" s="6">
        <v>56</v>
      </c>
      <c r="L333" s="6">
        <v>36</v>
      </c>
      <c r="M333" s="6">
        <v>35</v>
      </c>
      <c r="N333" s="6">
        <v>29</v>
      </c>
      <c r="O333" s="6">
        <v>4</v>
      </c>
      <c r="P333" s="10" t="s">
        <v>55</v>
      </c>
      <c r="Q333" s="6">
        <v>2</v>
      </c>
      <c r="R333" s="6">
        <v>1</v>
      </c>
      <c r="S333" s="6">
        <v>20</v>
      </c>
      <c r="T333" s="6">
        <v>10</v>
      </c>
      <c r="U333" s="10" t="s">
        <v>55</v>
      </c>
      <c r="V333" s="6">
        <v>10</v>
      </c>
      <c r="W333" s="10" t="s">
        <v>55</v>
      </c>
      <c r="X333" s="6">
        <v>34</v>
      </c>
      <c r="Y333" s="6">
        <v>29</v>
      </c>
      <c r="Z333" s="6">
        <v>3</v>
      </c>
      <c r="AA333" s="10" t="s">
        <v>55</v>
      </c>
      <c r="AB333" s="6">
        <v>2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102</v>
      </c>
      <c r="I334" s="9" t="s">
        <v>54</v>
      </c>
      <c r="J334" s="9" t="s">
        <v>31</v>
      </c>
      <c r="K334" s="10" t="s">
        <v>55</v>
      </c>
      <c r="L334" s="10" t="s">
        <v>55</v>
      </c>
      <c r="M334" s="10" t="s">
        <v>55</v>
      </c>
      <c r="N334" s="10" t="s">
        <v>55</v>
      </c>
      <c r="O334" s="10" t="s">
        <v>55</v>
      </c>
      <c r="P334" s="10" t="s">
        <v>55</v>
      </c>
      <c r="Q334" s="10" t="s">
        <v>55</v>
      </c>
      <c r="R334" s="10" t="s">
        <v>55</v>
      </c>
      <c r="S334" s="10" t="s">
        <v>55</v>
      </c>
      <c r="T334" s="10" t="s">
        <v>55</v>
      </c>
      <c r="U334" s="10" t="s">
        <v>55</v>
      </c>
      <c r="V334" s="10" t="s">
        <v>55</v>
      </c>
      <c r="W334" s="10" t="s">
        <v>55</v>
      </c>
      <c r="X334" s="10" t="s">
        <v>55</v>
      </c>
      <c r="Y334" s="10" t="s">
        <v>55</v>
      </c>
      <c r="Z334" s="10" t="s">
        <v>55</v>
      </c>
      <c r="AA334" s="10" t="s">
        <v>55</v>
      </c>
      <c r="AB334" s="10" t="s">
        <v>55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102</v>
      </c>
      <c r="I335" s="9" t="s">
        <v>54</v>
      </c>
      <c r="J335" s="9" t="s">
        <v>32</v>
      </c>
      <c r="K335" s="10" t="s">
        <v>55</v>
      </c>
      <c r="L335" s="10" t="s">
        <v>55</v>
      </c>
      <c r="M335" s="10" t="s">
        <v>55</v>
      </c>
      <c r="N335" s="10" t="s">
        <v>55</v>
      </c>
      <c r="O335" s="10" t="s">
        <v>55</v>
      </c>
      <c r="P335" s="10" t="s">
        <v>55</v>
      </c>
      <c r="Q335" s="10" t="s">
        <v>55</v>
      </c>
      <c r="R335" s="10" t="s">
        <v>55</v>
      </c>
      <c r="S335" s="10" t="s">
        <v>55</v>
      </c>
      <c r="T335" s="10" t="s">
        <v>55</v>
      </c>
      <c r="U335" s="10" t="s">
        <v>55</v>
      </c>
      <c r="V335" s="10" t="s">
        <v>55</v>
      </c>
      <c r="W335" s="10" t="s">
        <v>55</v>
      </c>
      <c r="X335" s="10" t="s">
        <v>55</v>
      </c>
      <c r="Y335" s="10" t="s">
        <v>55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102</v>
      </c>
      <c r="I336" s="9" t="s">
        <v>54</v>
      </c>
      <c r="J336" s="9" t="s">
        <v>33</v>
      </c>
      <c r="K336" s="6">
        <v>2</v>
      </c>
      <c r="L336" s="6">
        <v>2</v>
      </c>
      <c r="M336" s="6">
        <v>2</v>
      </c>
      <c r="N336" s="6">
        <v>2</v>
      </c>
      <c r="O336" s="10" t="s">
        <v>55</v>
      </c>
      <c r="P336" s="10" t="s">
        <v>55</v>
      </c>
      <c r="Q336" s="10" t="s">
        <v>55</v>
      </c>
      <c r="R336" s="10" t="s">
        <v>55</v>
      </c>
      <c r="S336" s="10" t="s">
        <v>55</v>
      </c>
      <c r="T336" s="10" t="s">
        <v>55</v>
      </c>
      <c r="U336" s="10" t="s">
        <v>55</v>
      </c>
      <c r="V336" s="10" t="s">
        <v>55</v>
      </c>
      <c r="W336" s="10" t="s">
        <v>55</v>
      </c>
      <c r="X336" s="6">
        <v>2</v>
      </c>
      <c r="Y336" s="6">
        <v>2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102</v>
      </c>
      <c r="I337" s="9" t="s">
        <v>54</v>
      </c>
      <c r="J337" s="9" t="s">
        <v>34</v>
      </c>
      <c r="K337" s="6">
        <v>4</v>
      </c>
      <c r="L337" s="6">
        <v>4</v>
      </c>
      <c r="M337" s="6">
        <v>4</v>
      </c>
      <c r="N337" s="6">
        <v>2</v>
      </c>
      <c r="O337" s="6">
        <v>2</v>
      </c>
      <c r="P337" s="10" t="s">
        <v>55</v>
      </c>
      <c r="Q337" s="10" t="s">
        <v>55</v>
      </c>
      <c r="R337" s="10" t="s">
        <v>55</v>
      </c>
      <c r="S337" s="10" t="s">
        <v>55</v>
      </c>
      <c r="T337" s="10" t="s">
        <v>55</v>
      </c>
      <c r="U337" s="10" t="s">
        <v>55</v>
      </c>
      <c r="V337" s="10" t="s">
        <v>55</v>
      </c>
      <c r="W337" s="10" t="s">
        <v>55</v>
      </c>
      <c r="X337" s="6">
        <v>4</v>
      </c>
      <c r="Y337" s="6">
        <v>2</v>
      </c>
      <c r="Z337" s="6">
        <v>2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102</v>
      </c>
      <c r="I338" s="9" t="s">
        <v>54</v>
      </c>
      <c r="J338" s="9" t="s">
        <v>35</v>
      </c>
      <c r="K338" s="6">
        <v>2</v>
      </c>
      <c r="L338" s="6">
        <v>2</v>
      </c>
      <c r="M338" s="6">
        <v>2</v>
      </c>
      <c r="N338" s="6">
        <v>2</v>
      </c>
      <c r="O338" s="10" t="s">
        <v>55</v>
      </c>
      <c r="P338" s="10" t="s">
        <v>55</v>
      </c>
      <c r="Q338" s="10" t="s">
        <v>55</v>
      </c>
      <c r="R338" s="10" t="s">
        <v>55</v>
      </c>
      <c r="S338" s="10" t="s">
        <v>55</v>
      </c>
      <c r="T338" s="10" t="s">
        <v>55</v>
      </c>
      <c r="U338" s="10" t="s">
        <v>55</v>
      </c>
      <c r="V338" s="10" t="s">
        <v>55</v>
      </c>
      <c r="W338" s="10" t="s">
        <v>55</v>
      </c>
      <c r="X338" s="6">
        <v>2</v>
      </c>
      <c r="Y338" s="6">
        <v>2</v>
      </c>
      <c r="Z338" s="10" t="s">
        <v>55</v>
      </c>
      <c r="AA338" s="10" t="s">
        <v>55</v>
      </c>
      <c r="AB338" s="10" t="s">
        <v>55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102</v>
      </c>
      <c r="I339" s="9" t="s">
        <v>54</v>
      </c>
      <c r="J339" s="9" t="s">
        <v>36</v>
      </c>
      <c r="K339" s="6">
        <v>5</v>
      </c>
      <c r="L339" s="6">
        <v>5</v>
      </c>
      <c r="M339" s="6">
        <v>5</v>
      </c>
      <c r="N339" s="6">
        <v>4</v>
      </c>
      <c r="O339" s="6">
        <v>1</v>
      </c>
      <c r="P339" s="10" t="s">
        <v>55</v>
      </c>
      <c r="Q339" s="10" t="s">
        <v>55</v>
      </c>
      <c r="R339" s="10" t="s">
        <v>55</v>
      </c>
      <c r="S339" s="10" t="s">
        <v>55</v>
      </c>
      <c r="T339" s="10" t="s">
        <v>55</v>
      </c>
      <c r="U339" s="10" t="s">
        <v>55</v>
      </c>
      <c r="V339" s="10" t="s">
        <v>55</v>
      </c>
      <c r="W339" s="10" t="s">
        <v>55</v>
      </c>
      <c r="X339" s="6">
        <v>5</v>
      </c>
      <c r="Y339" s="6">
        <v>4</v>
      </c>
      <c r="Z339" s="6">
        <v>1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102</v>
      </c>
      <c r="I340" s="9" t="s">
        <v>54</v>
      </c>
      <c r="J340" s="9" t="s">
        <v>37</v>
      </c>
      <c r="K340" s="6">
        <v>3</v>
      </c>
      <c r="L340" s="6">
        <v>3</v>
      </c>
      <c r="M340" s="6">
        <v>2</v>
      </c>
      <c r="N340" s="6">
        <v>2</v>
      </c>
      <c r="O340" s="10" t="s">
        <v>55</v>
      </c>
      <c r="P340" s="10" t="s">
        <v>55</v>
      </c>
      <c r="Q340" s="10" t="s">
        <v>55</v>
      </c>
      <c r="R340" s="6">
        <v>1</v>
      </c>
      <c r="S340" s="10" t="s">
        <v>55</v>
      </c>
      <c r="T340" s="10" t="s">
        <v>55</v>
      </c>
      <c r="U340" s="10" t="s">
        <v>55</v>
      </c>
      <c r="V340" s="10" t="s">
        <v>55</v>
      </c>
      <c r="W340" s="10" t="s">
        <v>55</v>
      </c>
      <c r="X340" s="6">
        <v>2</v>
      </c>
      <c r="Y340" s="6">
        <v>2</v>
      </c>
      <c r="Z340" s="10" t="s">
        <v>55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102</v>
      </c>
      <c r="I341" s="9" t="s">
        <v>54</v>
      </c>
      <c r="J341" s="9" t="s">
        <v>38</v>
      </c>
      <c r="K341" s="6">
        <v>6</v>
      </c>
      <c r="L341" s="6">
        <v>6</v>
      </c>
      <c r="M341" s="6">
        <v>6</v>
      </c>
      <c r="N341" s="6">
        <v>5</v>
      </c>
      <c r="O341" s="10" t="s">
        <v>55</v>
      </c>
      <c r="P341" s="10" t="s">
        <v>55</v>
      </c>
      <c r="Q341" s="6">
        <v>1</v>
      </c>
      <c r="R341" s="10" t="s">
        <v>55</v>
      </c>
      <c r="S341" s="10" t="s">
        <v>55</v>
      </c>
      <c r="T341" s="10" t="s">
        <v>55</v>
      </c>
      <c r="U341" s="10" t="s">
        <v>55</v>
      </c>
      <c r="V341" s="10" t="s">
        <v>55</v>
      </c>
      <c r="W341" s="10" t="s">
        <v>55</v>
      </c>
      <c r="X341" s="6">
        <v>6</v>
      </c>
      <c r="Y341" s="6">
        <v>5</v>
      </c>
      <c r="Z341" s="10" t="s">
        <v>55</v>
      </c>
      <c r="AA341" s="10" t="s">
        <v>55</v>
      </c>
      <c r="AB341" s="6">
        <v>1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102</v>
      </c>
      <c r="I342" s="9" t="s">
        <v>54</v>
      </c>
      <c r="J342" s="9" t="s">
        <v>39</v>
      </c>
      <c r="K342" s="6">
        <v>10</v>
      </c>
      <c r="L342" s="6">
        <v>6</v>
      </c>
      <c r="M342" s="6">
        <v>6</v>
      </c>
      <c r="N342" s="6">
        <v>5</v>
      </c>
      <c r="O342" s="6">
        <v>1</v>
      </c>
      <c r="P342" s="10" t="s">
        <v>55</v>
      </c>
      <c r="Q342" s="10" t="s">
        <v>55</v>
      </c>
      <c r="R342" s="10" t="s">
        <v>55</v>
      </c>
      <c r="S342" s="6">
        <v>4</v>
      </c>
      <c r="T342" s="6">
        <v>4</v>
      </c>
      <c r="U342" s="10" t="s">
        <v>55</v>
      </c>
      <c r="V342" s="10" t="s">
        <v>55</v>
      </c>
      <c r="W342" s="10" t="s">
        <v>55</v>
      </c>
      <c r="X342" s="6">
        <v>5</v>
      </c>
      <c r="Y342" s="6">
        <v>5</v>
      </c>
      <c r="Z342" s="10" t="s">
        <v>55</v>
      </c>
      <c r="AA342" s="10" t="s">
        <v>55</v>
      </c>
      <c r="AB342" s="10" t="s">
        <v>55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102</v>
      </c>
      <c r="I343" s="9" t="s">
        <v>54</v>
      </c>
      <c r="J343" s="9" t="s">
        <v>40</v>
      </c>
      <c r="K343" s="6">
        <v>5</v>
      </c>
      <c r="L343" s="6">
        <v>4</v>
      </c>
      <c r="M343" s="6">
        <v>4</v>
      </c>
      <c r="N343" s="6">
        <v>4</v>
      </c>
      <c r="O343" s="10" t="s">
        <v>55</v>
      </c>
      <c r="P343" s="10" t="s">
        <v>55</v>
      </c>
      <c r="Q343" s="10" t="s">
        <v>55</v>
      </c>
      <c r="R343" s="10" t="s">
        <v>55</v>
      </c>
      <c r="S343" s="6">
        <v>1</v>
      </c>
      <c r="T343" s="6">
        <v>1</v>
      </c>
      <c r="U343" s="10" t="s">
        <v>55</v>
      </c>
      <c r="V343" s="10" t="s">
        <v>55</v>
      </c>
      <c r="W343" s="10" t="s">
        <v>55</v>
      </c>
      <c r="X343" s="6">
        <v>4</v>
      </c>
      <c r="Y343" s="6">
        <v>4</v>
      </c>
      <c r="Z343" s="10" t="s">
        <v>55</v>
      </c>
      <c r="AA343" s="10" t="s">
        <v>55</v>
      </c>
      <c r="AB343" s="10" t="s">
        <v>55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102</v>
      </c>
      <c r="I344" s="9" t="s">
        <v>54</v>
      </c>
      <c r="J344" s="9" t="s">
        <v>41</v>
      </c>
      <c r="K344" s="6">
        <v>5</v>
      </c>
      <c r="L344" s="6">
        <v>1</v>
      </c>
      <c r="M344" s="6">
        <v>1</v>
      </c>
      <c r="N344" s="6">
        <v>1</v>
      </c>
      <c r="O344" s="10" t="s">
        <v>55</v>
      </c>
      <c r="P344" s="10" t="s">
        <v>55</v>
      </c>
      <c r="Q344" s="10" t="s">
        <v>55</v>
      </c>
      <c r="R344" s="10" t="s">
        <v>55</v>
      </c>
      <c r="S344" s="6">
        <v>4</v>
      </c>
      <c r="T344" s="10" t="s">
        <v>55</v>
      </c>
      <c r="U344" s="10" t="s">
        <v>55</v>
      </c>
      <c r="V344" s="6">
        <v>4</v>
      </c>
      <c r="W344" s="10" t="s">
        <v>55</v>
      </c>
      <c r="X344" s="6">
        <v>1</v>
      </c>
      <c r="Y344" s="6">
        <v>1</v>
      </c>
      <c r="Z344" s="10" t="s">
        <v>55</v>
      </c>
      <c r="AA344" s="10" t="s">
        <v>55</v>
      </c>
      <c r="AB344" s="10" t="s">
        <v>55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102</v>
      </c>
      <c r="I345" s="9" t="s">
        <v>54</v>
      </c>
      <c r="J345" s="9" t="s">
        <v>42</v>
      </c>
      <c r="K345" s="6">
        <v>6</v>
      </c>
      <c r="L345" s="6">
        <v>2</v>
      </c>
      <c r="M345" s="6">
        <v>2</v>
      </c>
      <c r="N345" s="6">
        <v>1</v>
      </c>
      <c r="O345" s="10" t="s">
        <v>55</v>
      </c>
      <c r="P345" s="10" t="s">
        <v>55</v>
      </c>
      <c r="Q345" s="6">
        <v>1</v>
      </c>
      <c r="R345" s="10" t="s">
        <v>55</v>
      </c>
      <c r="S345" s="6">
        <v>4</v>
      </c>
      <c r="T345" s="6">
        <v>1</v>
      </c>
      <c r="U345" s="10" t="s">
        <v>55</v>
      </c>
      <c r="V345" s="6">
        <v>3</v>
      </c>
      <c r="W345" s="10" t="s">
        <v>55</v>
      </c>
      <c r="X345" s="6">
        <v>2</v>
      </c>
      <c r="Y345" s="6">
        <v>1</v>
      </c>
      <c r="Z345" s="10" t="s">
        <v>55</v>
      </c>
      <c r="AA345" s="10" t="s">
        <v>55</v>
      </c>
      <c r="AB345" s="6">
        <v>1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102</v>
      </c>
      <c r="I346" s="9" t="s">
        <v>54</v>
      </c>
      <c r="J346" s="9" t="s">
        <v>43</v>
      </c>
      <c r="K346" s="6">
        <v>3</v>
      </c>
      <c r="L346" s="6">
        <v>1</v>
      </c>
      <c r="M346" s="6">
        <v>1</v>
      </c>
      <c r="N346" s="6">
        <v>1</v>
      </c>
      <c r="O346" s="10" t="s">
        <v>55</v>
      </c>
      <c r="P346" s="10" t="s">
        <v>55</v>
      </c>
      <c r="Q346" s="10" t="s">
        <v>55</v>
      </c>
      <c r="R346" s="10" t="s">
        <v>55</v>
      </c>
      <c r="S346" s="6">
        <v>2</v>
      </c>
      <c r="T346" s="6">
        <v>2</v>
      </c>
      <c r="U346" s="10" t="s">
        <v>55</v>
      </c>
      <c r="V346" s="10" t="s">
        <v>55</v>
      </c>
      <c r="W346" s="10" t="s">
        <v>55</v>
      </c>
      <c r="X346" s="6">
        <v>1</v>
      </c>
      <c r="Y346" s="6">
        <v>1</v>
      </c>
      <c r="Z346" s="10" t="s">
        <v>55</v>
      </c>
      <c r="AA346" s="10" t="s">
        <v>55</v>
      </c>
      <c r="AB346" s="10" t="s">
        <v>55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102</v>
      </c>
      <c r="I347" s="9" t="s">
        <v>54</v>
      </c>
      <c r="J347" s="9" t="s">
        <v>44</v>
      </c>
      <c r="K347" s="6">
        <v>2</v>
      </c>
      <c r="L347" s="10" t="s">
        <v>55</v>
      </c>
      <c r="M347" s="10" t="s">
        <v>55</v>
      </c>
      <c r="N347" s="10" t="s">
        <v>55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6">
        <v>2</v>
      </c>
      <c r="T347" s="6">
        <v>2</v>
      </c>
      <c r="U347" s="10" t="s">
        <v>55</v>
      </c>
      <c r="V347" s="10" t="s">
        <v>55</v>
      </c>
      <c r="W347" s="10" t="s">
        <v>55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102</v>
      </c>
      <c r="I348" s="9" t="s">
        <v>54</v>
      </c>
      <c r="J348" s="9" t="s">
        <v>45</v>
      </c>
      <c r="K348" s="6">
        <v>2</v>
      </c>
      <c r="L348" s="10" t="s">
        <v>55</v>
      </c>
      <c r="M348" s="10" t="s">
        <v>55</v>
      </c>
      <c r="N348" s="10" t="s">
        <v>55</v>
      </c>
      <c r="O348" s="10" t="s">
        <v>55</v>
      </c>
      <c r="P348" s="10" t="s">
        <v>55</v>
      </c>
      <c r="Q348" s="10" t="s">
        <v>55</v>
      </c>
      <c r="R348" s="10" t="s">
        <v>55</v>
      </c>
      <c r="S348" s="6">
        <v>2</v>
      </c>
      <c r="T348" s="10" t="s">
        <v>55</v>
      </c>
      <c r="U348" s="10" t="s">
        <v>55</v>
      </c>
      <c r="V348" s="6">
        <v>2</v>
      </c>
      <c r="W348" s="10" t="s">
        <v>55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102</v>
      </c>
      <c r="I349" s="9" t="s">
        <v>54</v>
      </c>
      <c r="J349" s="9" t="s">
        <v>46</v>
      </c>
      <c r="K349" s="6">
        <v>1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6">
        <v>1</v>
      </c>
      <c r="T349" s="10" t="s">
        <v>55</v>
      </c>
      <c r="U349" s="10" t="s">
        <v>55</v>
      </c>
      <c r="V349" s="6">
        <v>1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102</v>
      </c>
      <c r="I350" s="9" t="s">
        <v>54</v>
      </c>
      <c r="J350" s="9" t="s">
        <v>47</v>
      </c>
      <c r="K350" s="10" t="s">
        <v>55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10" t="s">
        <v>55</v>
      </c>
      <c r="T350" s="10" t="s">
        <v>55</v>
      </c>
      <c r="U350" s="10" t="s">
        <v>55</v>
      </c>
      <c r="V350" s="10" t="s">
        <v>55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102</v>
      </c>
      <c r="I351" s="9" t="s">
        <v>54</v>
      </c>
      <c r="J351" s="9" t="s">
        <v>48</v>
      </c>
      <c r="K351" s="6">
        <v>37</v>
      </c>
      <c r="L351" s="6">
        <v>32</v>
      </c>
      <c r="M351" s="6">
        <v>31</v>
      </c>
      <c r="N351" s="6">
        <v>26</v>
      </c>
      <c r="O351" s="6">
        <v>4</v>
      </c>
      <c r="P351" s="10" t="s">
        <v>55</v>
      </c>
      <c r="Q351" s="6">
        <v>1</v>
      </c>
      <c r="R351" s="6">
        <v>1</v>
      </c>
      <c r="S351" s="6">
        <v>5</v>
      </c>
      <c r="T351" s="6">
        <v>5</v>
      </c>
      <c r="U351" s="10" t="s">
        <v>55</v>
      </c>
      <c r="V351" s="10" t="s">
        <v>55</v>
      </c>
      <c r="W351" s="10" t="s">
        <v>55</v>
      </c>
      <c r="X351" s="6">
        <v>30</v>
      </c>
      <c r="Y351" s="6">
        <v>26</v>
      </c>
      <c r="Z351" s="6">
        <v>3</v>
      </c>
      <c r="AA351" s="10" t="s">
        <v>55</v>
      </c>
      <c r="AB351" s="6">
        <v>1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102</v>
      </c>
      <c r="I352" s="9" t="s">
        <v>54</v>
      </c>
      <c r="J352" s="9" t="s">
        <v>49</v>
      </c>
      <c r="K352" s="6">
        <v>19</v>
      </c>
      <c r="L352" s="6">
        <v>4</v>
      </c>
      <c r="M352" s="6">
        <v>4</v>
      </c>
      <c r="N352" s="6">
        <v>3</v>
      </c>
      <c r="O352" s="10" t="s">
        <v>55</v>
      </c>
      <c r="P352" s="10" t="s">
        <v>55</v>
      </c>
      <c r="Q352" s="6">
        <v>1</v>
      </c>
      <c r="R352" s="10" t="s">
        <v>55</v>
      </c>
      <c r="S352" s="6">
        <v>15</v>
      </c>
      <c r="T352" s="6">
        <v>5</v>
      </c>
      <c r="U352" s="10" t="s">
        <v>55</v>
      </c>
      <c r="V352" s="6">
        <v>10</v>
      </c>
      <c r="W352" s="10" t="s">
        <v>55</v>
      </c>
      <c r="X352" s="6">
        <v>4</v>
      </c>
      <c r="Y352" s="6">
        <v>3</v>
      </c>
      <c r="Z352" s="10" t="s">
        <v>55</v>
      </c>
      <c r="AA352" s="10" t="s">
        <v>55</v>
      </c>
      <c r="AB352" s="6">
        <v>1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102</v>
      </c>
      <c r="I353" s="9" t="s">
        <v>54</v>
      </c>
      <c r="J353" s="9" t="s">
        <v>50</v>
      </c>
      <c r="K353" s="6">
        <v>8</v>
      </c>
      <c r="L353" s="6">
        <v>1</v>
      </c>
      <c r="M353" s="6">
        <v>1</v>
      </c>
      <c r="N353" s="6">
        <v>1</v>
      </c>
      <c r="O353" s="10" t="s">
        <v>55</v>
      </c>
      <c r="P353" s="10" t="s">
        <v>55</v>
      </c>
      <c r="Q353" s="10" t="s">
        <v>55</v>
      </c>
      <c r="R353" s="10" t="s">
        <v>55</v>
      </c>
      <c r="S353" s="6">
        <v>7</v>
      </c>
      <c r="T353" s="6">
        <v>4</v>
      </c>
      <c r="U353" s="10" t="s">
        <v>55</v>
      </c>
      <c r="V353" s="6">
        <v>3</v>
      </c>
      <c r="W353" s="10" t="s">
        <v>55</v>
      </c>
      <c r="X353" s="6">
        <v>1</v>
      </c>
      <c r="Y353" s="6">
        <v>1</v>
      </c>
      <c r="Z353" s="10" t="s">
        <v>55</v>
      </c>
      <c r="AA353" s="10" t="s">
        <v>55</v>
      </c>
      <c r="AB353" s="10" t="s">
        <v>55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102</v>
      </c>
      <c r="I354" s="9" t="s">
        <v>54</v>
      </c>
      <c r="J354" s="9" t="s">
        <v>51</v>
      </c>
      <c r="K354" s="6">
        <v>3</v>
      </c>
      <c r="L354" s="10" t="s">
        <v>55</v>
      </c>
      <c r="M354" s="10" t="s">
        <v>55</v>
      </c>
      <c r="N354" s="10" t="s">
        <v>55</v>
      </c>
      <c r="O354" s="10" t="s">
        <v>55</v>
      </c>
      <c r="P354" s="10" t="s">
        <v>55</v>
      </c>
      <c r="Q354" s="10" t="s">
        <v>55</v>
      </c>
      <c r="R354" s="10" t="s">
        <v>55</v>
      </c>
      <c r="S354" s="6">
        <v>3</v>
      </c>
      <c r="T354" s="10" t="s">
        <v>55</v>
      </c>
      <c r="U354" s="10" t="s">
        <v>55</v>
      </c>
      <c r="V354" s="6">
        <v>3</v>
      </c>
      <c r="W354" s="10" t="s">
        <v>55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102</v>
      </c>
      <c r="I355" s="9" t="s">
        <v>54</v>
      </c>
      <c r="J355" s="9" t="s">
        <v>52</v>
      </c>
      <c r="K355" s="6">
        <v>42</v>
      </c>
      <c r="L355" s="6">
        <v>33</v>
      </c>
      <c r="M355" s="6">
        <v>32</v>
      </c>
      <c r="N355" s="6">
        <v>27</v>
      </c>
      <c r="O355" s="6">
        <v>4</v>
      </c>
      <c r="P355" s="10" t="s">
        <v>55</v>
      </c>
      <c r="Q355" s="6">
        <v>1</v>
      </c>
      <c r="R355" s="6">
        <v>1</v>
      </c>
      <c r="S355" s="6">
        <v>9</v>
      </c>
      <c r="T355" s="6">
        <v>5</v>
      </c>
      <c r="U355" s="10" t="s">
        <v>55</v>
      </c>
      <c r="V355" s="6">
        <v>4</v>
      </c>
      <c r="W355" s="10" t="s">
        <v>55</v>
      </c>
      <c r="X355" s="6">
        <v>31</v>
      </c>
      <c r="Y355" s="6">
        <v>27</v>
      </c>
      <c r="Z355" s="6">
        <v>3</v>
      </c>
      <c r="AA355" s="10" t="s">
        <v>55</v>
      </c>
      <c r="AB355" s="6">
        <v>1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102</v>
      </c>
      <c r="I356" s="9" t="s">
        <v>6</v>
      </c>
      <c r="J356" s="9" t="s">
        <v>30</v>
      </c>
      <c r="K356" s="6">
        <v>357</v>
      </c>
      <c r="L356" s="6">
        <v>259</v>
      </c>
      <c r="M356" s="6">
        <v>239</v>
      </c>
      <c r="N356" s="6">
        <v>216</v>
      </c>
      <c r="O356" s="6">
        <v>14</v>
      </c>
      <c r="P356" s="10" t="s">
        <v>55</v>
      </c>
      <c r="Q356" s="6">
        <v>9</v>
      </c>
      <c r="R356" s="6">
        <v>20</v>
      </c>
      <c r="S356" s="6">
        <v>88</v>
      </c>
      <c r="T356" s="6">
        <v>27</v>
      </c>
      <c r="U356" s="10" t="s">
        <v>55</v>
      </c>
      <c r="V356" s="6">
        <v>61</v>
      </c>
      <c r="W356" s="6">
        <v>10</v>
      </c>
      <c r="X356" s="6">
        <v>208</v>
      </c>
      <c r="Y356" s="6">
        <v>191</v>
      </c>
      <c r="Z356" s="6">
        <v>11</v>
      </c>
      <c r="AA356" s="10" t="s">
        <v>55</v>
      </c>
      <c r="AB356" s="6">
        <v>6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102</v>
      </c>
      <c r="I357" s="9" t="s">
        <v>6</v>
      </c>
      <c r="J357" s="9" t="s">
        <v>31</v>
      </c>
      <c r="K357" s="10" t="s">
        <v>55</v>
      </c>
      <c r="L357" s="10" t="s">
        <v>55</v>
      </c>
      <c r="M357" s="10" t="s">
        <v>55</v>
      </c>
      <c r="N357" s="10" t="s">
        <v>55</v>
      </c>
      <c r="O357" s="10" t="s">
        <v>55</v>
      </c>
      <c r="P357" s="10" t="s">
        <v>55</v>
      </c>
      <c r="Q357" s="10" t="s">
        <v>55</v>
      </c>
      <c r="R357" s="10" t="s">
        <v>55</v>
      </c>
      <c r="S357" s="10" t="s">
        <v>55</v>
      </c>
      <c r="T357" s="10" t="s">
        <v>55</v>
      </c>
      <c r="U357" s="10" t="s">
        <v>55</v>
      </c>
      <c r="V357" s="10" t="s">
        <v>55</v>
      </c>
      <c r="W357" s="10" t="s">
        <v>55</v>
      </c>
      <c r="X357" s="10" t="s">
        <v>55</v>
      </c>
      <c r="Y357" s="10" t="s">
        <v>55</v>
      </c>
      <c r="Z357" s="10" t="s">
        <v>55</v>
      </c>
      <c r="AA357" s="10" t="s">
        <v>55</v>
      </c>
      <c r="AB357" s="10" t="s">
        <v>55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102</v>
      </c>
      <c r="I358" s="9" t="s">
        <v>6</v>
      </c>
      <c r="J358" s="9" t="s">
        <v>32</v>
      </c>
      <c r="K358" s="6">
        <v>1</v>
      </c>
      <c r="L358" s="6">
        <v>1</v>
      </c>
      <c r="M358" s="6">
        <v>1</v>
      </c>
      <c r="N358" s="10" t="s">
        <v>55</v>
      </c>
      <c r="O358" s="6">
        <v>1</v>
      </c>
      <c r="P358" s="10" t="s">
        <v>55</v>
      </c>
      <c r="Q358" s="10" t="s">
        <v>55</v>
      </c>
      <c r="R358" s="10" t="s">
        <v>55</v>
      </c>
      <c r="S358" s="10" t="s">
        <v>55</v>
      </c>
      <c r="T358" s="10" t="s">
        <v>55</v>
      </c>
      <c r="U358" s="10" t="s">
        <v>55</v>
      </c>
      <c r="V358" s="10" t="s">
        <v>55</v>
      </c>
      <c r="W358" s="10" t="s">
        <v>55</v>
      </c>
      <c r="X358" s="6">
        <v>1</v>
      </c>
      <c r="Y358" s="10" t="s">
        <v>55</v>
      </c>
      <c r="Z358" s="6">
        <v>1</v>
      </c>
      <c r="AA358" s="10" t="s">
        <v>5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102</v>
      </c>
      <c r="I359" s="9" t="s">
        <v>6</v>
      </c>
      <c r="J359" s="9" t="s">
        <v>33</v>
      </c>
      <c r="K359" s="6">
        <v>7</v>
      </c>
      <c r="L359" s="6">
        <v>7</v>
      </c>
      <c r="M359" s="6">
        <v>7</v>
      </c>
      <c r="N359" s="6">
        <v>6</v>
      </c>
      <c r="O359" s="6">
        <v>1</v>
      </c>
      <c r="P359" s="10" t="s">
        <v>55</v>
      </c>
      <c r="Q359" s="10" t="s">
        <v>55</v>
      </c>
      <c r="R359" s="10" t="s">
        <v>55</v>
      </c>
      <c r="S359" s="10" t="s">
        <v>55</v>
      </c>
      <c r="T359" s="10" t="s">
        <v>55</v>
      </c>
      <c r="U359" s="10" t="s">
        <v>55</v>
      </c>
      <c r="V359" s="10" t="s">
        <v>55</v>
      </c>
      <c r="W359" s="10" t="s">
        <v>55</v>
      </c>
      <c r="X359" s="6">
        <v>6</v>
      </c>
      <c r="Y359" s="6">
        <v>6</v>
      </c>
      <c r="Z359" s="10" t="s">
        <v>55</v>
      </c>
      <c r="AA359" s="10" t="s">
        <v>55</v>
      </c>
      <c r="AB359" s="10" t="s">
        <v>55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102</v>
      </c>
      <c r="I360" s="9" t="s">
        <v>6</v>
      </c>
      <c r="J360" s="9" t="s">
        <v>34</v>
      </c>
      <c r="K360" s="6">
        <v>19</v>
      </c>
      <c r="L360" s="6">
        <v>18</v>
      </c>
      <c r="M360" s="6">
        <v>17</v>
      </c>
      <c r="N360" s="6">
        <v>15</v>
      </c>
      <c r="O360" s="6">
        <v>1</v>
      </c>
      <c r="P360" s="10" t="s">
        <v>55</v>
      </c>
      <c r="Q360" s="6">
        <v>1</v>
      </c>
      <c r="R360" s="6">
        <v>1</v>
      </c>
      <c r="S360" s="10" t="s">
        <v>55</v>
      </c>
      <c r="T360" s="10" t="s">
        <v>55</v>
      </c>
      <c r="U360" s="10" t="s">
        <v>55</v>
      </c>
      <c r="V360" s="10" t="s">
        <v>55</v>
      </c>
      <c r="W360" s="6">
        <v>1</v>
      </c>
      <c r="X360" s="6">
        <v>17</v>
      </c>
      <c r="Y360" s="6">
        <v>15</v>
      </c>
      <c r="Z360" s="6">
        <v>1</v>
      </c>
      <c r="AA360" s="10" t="s">
        <v>55</v>
      </c>
      <c r="AB360" s="6">
        <v>1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102</v>
      </c>
      <c r="I361" s="9" t="s">
        <v>6</v>
      </c>
      <c r="J361" s="9" t="s">
        <v>35</v>
      </c>
      <c r="K361" s="6">
        <v>22</v>
      </c>
      <c r="L361" s="6">
        <v>19</v>
      </c>
      <c r="M361" s="6">
        <v>17</v>
      </c>
      <c r="N361" s="6">
        <v>17</v>
      </c>
      <c r="O361" s="10" t="s">
        <v>55</v>
      </c>
      <c r="P361" s="10" t="s">
        <v>55</v>
      </c>
      <c r="Q361" s="10" t="s">
        <v>55</v>
      </c>
      <c r="R361" s="6">
        <v>2</v>
      </c>
      <c r="S361" s="6">
        <v>2</v>
      </c>
      <c r="T361" s="6">
        <v>2</v>
      </c>
      <c r="U361" s="10" t="s">
        <v>55</v>
      </c>
      <c r="V361" s="10" t="s">
        <v>55</v>
      </c>
      <c r="W361" s="6">
        <v>1</v>
      </c>
      <c r="X361" s="6">
        <v>15</v>
      </c>
      <c r="Y361" s="6">
        <v>15</v>
      </c>
      <c r="Z361" s="10" t="s">
        <v>55</v>
      </c>
      <c r="AA361" s="10" t="s">
        <v>55</v>
      </c>
      <c r="AB361" s="10" t="s">
        <v>55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102</v>
      </c>
      <c r="I362" s="9" t="s">
        <v>6</v>
      </c>
      <c r="J362" s="9" t="s">
        <v>36</v>
      </c>
      <c r="K362" s="6">
        <v>17</v>
      </c>
      <c r="L362" s="6">
        <v>14</v>
      </c>
      <c r="M362" s="6">
        <v>13</v>
      </c>
      <c r="N362" s="6">
        <v>11</v>
      </c>
      <c r="O362" s="6">
        <v>2</v>
      </c>
      <c r="P362" s="10" t="s">
        <v>55</v>
      </c>
      <c r="Q362" s="10" t="s">
        <v>55</v>
      </c>
      <c r="R362" s="6">
        <v>1</v>
      </c>
      <c r="S362" s="6">
        <v>1</v>
      </c>
      <c r="T362" s="6">
        <v>1</v>
      </c>
      <c r="U362" s="10" t="s">
        <v>55</v>
      </c>
      <c r="V362" s="10" t="s">
        <v>55</v>
      </c>
      <c r="W362" s="6">
        <v>2</v>
      </c>
      <c r="X362" s="6">
        <v>12</v>
      </c>
      <c r="Y362" s="6">
        <v>10</v>
      </c>
      <c r="Z362" s="6">
        <v>2</v>
      </c>
      <c r="AA362" s="10" t="s">
        <v>55</v>
      </c>
      <c r="AB362" s="10" t="s">
        <v>55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102</v>
      </c>
      <c r="I363" s="9" t="s">
        <v>6</v>
      </c>
      <c r="J363" s="9" t="s">
        <v>37</v>
      </c>
      <c r="K363" s="6">
        <v>48</v>
      </c>
      <c r="L363" s="6">
        <v>47</v>
      </c>
      <c r="M363" s="6">
        <v>44</v>
      </c>
      <c r="N363" s="6">
        <v>41</v>
      </c>
      <c r="O363" s="6">
        <v>1</v>
      </c>
      <c r="P363" s="10" t="s">
        <v>55</v>
      </c>
      <c r="Q363" s="6">
        <v>2</v>
      </c>
      <c r="R363" s="6">
        <v>3</v>
      </c>
      <c r="S363" s="10" t="s">
        <v>55</v>
      </c>
      <c r="T363" s="10" t="s">
        <v>55</v>
      </c>
      <c r="U363" s="10" t="s">
        <v>55</v>
      </c>
      <c r="V363" s="10" t="s">
        <v>55</v>
      </c>
      <c r="W363" s="6">
        <v>1</v>
      </c>
      <c r="X363" s="6">
        <v>39</v>
      </c>
      <c r="Y363" s="6">
        <v>36</v>
      </c>
      <c r="Z363" s="6">
        <v>1</v>
      </c>
      <c r="AA363" s="10" t="s">
        <v>55</v>
      </c>
      <c r="AB363" s="6">
        <v>2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102</v>
      </c>
      <c r="I364" s="9" t="s">
        <v>6</v>
      </c>
      <c r="J364" s="9" t="s">
        <v>38</v>
      </c>
      <c r="K364" s="6">
        <v>51</v>
      </c>
      <c r="L364" s="6">
        <v>47</v>
      </c>
      <c r="M364" s="6">
        <v>46</v>
      </c>
      <c r="N364" s="6">
        <v>46</v>
      </c>
      <c r="O364" s="10" t="s">
        <v>55</v>
      </c>
      <c r="P364" s="10" t="s">
        <v>55</v>
      </c>
      <c r="Q364" s="10" t="s">
        <v>55</v>
      </c>
      <c r="R364" s="6">
        <v>1</v>
      </c>
      <c r="S364" s="6">
        <v>1</v>
      </c>
      <c r="T364" s="10" t="s">
        <v>55</v>
      </c>
      <c r="U364" s="10" t="s">
        <v>55</v>
      </c>
      <c r="V364" s="6">
        <v>1</v>
      </c>
      <c r="W364" s="6">
        <v>3</v>
      </c>
      <c r="X364" s="6">
        <v>41</v>
      </c>
      <c r="Y364" s="6">
        <v>41</v>
      </c>
      <c r="Z364" s="10" t="s">
        <v>55</v>
      </c>
      <c r="AA364" s="10" t="s">
        <v>55</v>
      </c>
      <c r="AB364" s="10" t="s">
        <v>55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102</v>
      </c>
      <c r="I365" s="9" t="s">
        <v>6</v>
      </c>
      <c r="J365" s="9" t="s">
        <v>39</v>
      </c>
      <c r="K365" s="6">
        <v>39</v>
      </c>
      <c r="L365" s="6">
        <v>34</v>
      </c>
      <c r="M365" s="6">
        <v>32</v>
      </c>
      <c r="N365" s="6">
        <v>31</v>
      </c>
      <c r="O365" s="6">
        <v>1</v>
      </c>
      <c r="P365" s="10" t="s">
        <v>55</v>
      </c>
      <c r="Q365" s="10" t="s">
        <v>55</v>
      </c>
      <c r="R365" s="6">
        <v>2</v>
      </c>
      <c r="S365" s="6">
        <v>4</v>
      </c>
      <c r="T365" s="6">
        <v>2</v>
      </c>
      <c r="U365" s="10" t="s">
        <v>55</v>
      </c>
      <c r="V365" s="6">
        <v>2</v>
      </c>
      <c r="W365" s="6">
        <v>1</v>
      </c>
      <c r="X365" s="6">
        <v>29</v>
      </c>
      <c r="Y365" s="6">
        <v>28</v>
      </c>
      <c r="Z365" s="6">
        <v>1</v>
      </c>
      <c r="AA365" s="10" t="s">
        <v>55</v>
      </c>
      <c r="AB365" s="10" t="s">
        <v>55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102</v>
      </c>
      <c r="I366" s="9" t="s">
        <v>6</v>
      </c>
      <c r="J366" s="9" t="s">
        <v>40</v>
      </c>
      <c r="K366" s="6">
        <v>46</v>
      </c>
      <c r="L366" s="6">
        <v>34</v>
      </c>
      <c r="M366" s="6">
        <v>31</v>
      </c>
      <c r="N366" s="6">
        <v>28</v>
      </c>
      <c r="O366" s="6">
        <v>3</v>
      </c>
      <c r="P366" s="10" t="s">
        <v>55</v>
      </c>
      <c r="Q366" s="10" t="s">
        <v>55</v>
      </c>
      <c r="R366" s="6">
        <v>3</v>
      </c>
      <c r="S366" s="6">
        <v>11</v>
      </c>
      <c r="T366" s="6">
        <v>3</v>
      </c>
      <c r="U366" s="10" t="s">
        <v>55</v>
      </c>
      <c r="V366" s="6">
        <v>8</v>
      </c>
      <c r="W366" s="6">
        <v>1</v>
      </c>
      <c r="X366" s="6">
        <v>25</v>
      </c>
      <c r="Y366" s="6">
        <v>24</v>
      </c>
      <c r="Z366" s="6">
        <v>1</v>
      </c>
      <c r="AA366" s="10" t="s">
        <v>55</v>
      </c>
      <c r="AB366" s="10" t="s">
        <v>5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102</v>
      </c>
      <c r="I367" s="9" t="s">
        <v>6</v>
      </c>
      <c r="J367" s="9" t="s">
        <v>41</v>
      </c>
      <c r="K367" s="6">
        <v>39</v>
      </c>
      <c r="L367" s="6">
        <v>22</v>
      </c>
      <c r="M367" s="6">
        <v>20</v>
      </c>
      <c r="N367" s="6">
        <v>12</v>
      </c>
      <c r="O367" s="6">
        <v>4</v>
      </c>
      <c r="P367" s="10" t="s">
        <v>55</v>
      </c>
      <c r="Q367" s="6">
        <v>4</v>
      </c>
      <c r="R367" s="6">
        <v>2</v>
      </c>
      <c r="S367" s="6">
        <v>17</v>
      </c>
      <c r="T367" s="6">
        <v>8</v>
      </c>
      <c r="U367" s="10" t="s">
        <v>55</v>
      </c>
      <c r="V367" s="6">
        <v>9</v>
      </c>
      <c r="W367" s="10" t="s">
        <v>55</v>
      </c>
      <c r="X367" s="6">
        <v>16</v>
      </c>
      <c r="Y367" s="6">
        <v>10</v>
      </c>
      <c r="Z367" s="6">
        <v>4</v>
      </c>
      <c r="AA367" s="10" t="s">
        <v>55</v>
      </c>
      <c r="AB367" s="6">
        <v>2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102</v>
      </c>
      <c r="I368" s="9" t="s">
        <v>6</v>
      </c>
      <c r="J368" s="9" t="s">
        <v>42</v>
      </c>
      <c r="K368" s="6">
        <v>39</v>
      </c>
      <c r="L368" s="6">
        <v>14</v>
      </c>
      <c r="M368" s="6">
        <v>10</v>
      </c>
      <c r="N368" s="6">
        <v>8</v>
      </c>
      <c r="O368" s="10" t="s">
        <v>55</v>
      </c>
      <c r="P368" s="10" t="s">
        <v>55</v>
      </c>
      <c r="Q368" s="6">
        <v>2</v>
      </c>
      <c r="R368" s="6">
        <v>4</v>
      </c>
      <c r="S368" s="6">
        <v>25</v>
      </c>
      <c r="T368" s="6">
        <v>7</v>
      </c>
      <c r="U368" s="10" t="s">
        <v>55</v>
      </c>
      <c r="V368" s="6">
        <v>18</v>
      </c>
      <c r="W368" s="10" t="s">
        <v>55</v>
      </c>
      <c r="X368" s="6">
        <v>7</v>
      </c>
      <c r="Y368" s="6">
        <v>6</v>
      </c>
      <c r="Z368" s="10" t="s">
        <v>55</v>
      </c>
      <c r="AA368" s="10" t="s">
        <v>55</v>
      </c>
      <c r="AB368" s="6">
        <v>1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102</v>
      </c>
      <c r="I369" s="9" t="s">
        <v>6</v>
      </c>
      <c r="J369" s="9" t="s">
        <v>43</v>
      </c>
      <c r="K369" s="6">
        <v>16</v>
      </c>
      <c r="L369" s="6">
        <v>2</v>
      </c>
      <c r="M369" s="6">
        <v>1</v>
      </c>
      <c r="N369" s="6">
        <v>1</v>
      </c>
      <c r="O369" s="10" t="s">
        <v>55</v>
      </c>
      <c r="P369" s="10" t="s">
        <v>55</v>
      </c>
      <c r="Q369" s="10" t="s">
        <v>55</v>
      </c>
      <c r="R369" s="6">
        <v>1</v>
      </c>
      <c r="S369" s="6">
        <v>14</v>
      </c>
      <c r="T369" s="6">
        <v>1</v>
      </c>
      <c r="U369" s="10" t="s">
        <v>55</v>
      </c>
      <c r="V369" s="6">
        <v>13</v>
      </c>
      <c r="W369" s="10" t="s">
        <v>55</v>
      </c>
      <c r="X369" s="10" t="s">
        <v>55</v>
      </c>
      <c r="Y369" s="10" t="s">
        <v>55</v>
      </c>
      <c r="Z369" s="10" t="s">
        <v>55</v>
      </c>
      <c r="AA369" s="10" t="s">
        <v>55</v>
      </c>
      <c r="AB369" s="10" t="s">
        <v>55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102</v>
      </c>
      <c r="I370" s="9" t="s">
        <v>6</v>
      </c>
      <c r="J370" s="9" t="s">
        <v>44</v>
      </c>
      <c r="K370" s="6">
        <v>9</v>
      </c>
      <c r="L370" s="10" t="s">
        <v>55</v>
      </c>
      <c r="M370" s="10" t="s">
        <v>55</v>
      </c>
      <c r="N370" s="10" t="s">
        <v>55</v>
      </c>
      <c r="O370" s="10" t="s">
        <v>55</v>
      </c>
      <c r="P370" s="10" t="s">
        <v>55</v>
      </c>
      <c r="Q370" s="10" t="s">
        <v>55</v>
      </c>
      <c r="R370" s="10" t="s">
        <v>55</v>
      </c>
      <c r="S370" s="6">
        <v>9</v>
      </c>
      <c r="T370" s="6">
        <v>2</v>
      </c>
      <c r="U370" s="10" t="s">
        <v>55</v>
      </c>
      <c r="V370" s="6">
        <v>7</v>
      </c>
      <c r="W370" s="10" t="s">
        <v>55</v>
      </c>
      <c r="X370" s="10" t="s">
        <v>55</v>
      </c>
      <c r="Y370" s="10" t="s">
        <v>55</v>
      </c>
      <c r="Z370" s="10" t="s">
        <v>55</v>
      </c>
      <c r="AA370" s="10" t="s">
        <v>55</v>
      </c>
      <c r="AB370" s="10" t="s">
        <v>55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102</v>
      </c>
      <c r="I371" s="9" t="s">
        <v>6</v>
      </c>
      <c r="J371" s="9" t="s">
        <v>45</v>
      </c>
      <c r="K371" s="6">
        <v>4</v>
      </c>
      <c r="L371" s="10" t="s">
        <v>55</v>
      </c>
      <c r="M371" s="10" t="s">
        <v>55</v>
      </c>
      <c r="N371" s="10" t="s">
        <v>55</v>
      </c>
      <c r="O371" s="10" t="s">
        <v>55</v>
      </c>
      <c r="P371" s="10" t="s">
        <v>55</v>
      </c>
      <c r="Q371" s="10" t="s">
        <v>55</v>
      </c>
      <c r="R371" s="10" t="s">
        <v>55</v>
      </c>
      <c r="S371" s="6">
        <v>4</v>
      </c>
      <c r="T371" s="6">
        <v>1</v>
      </c>
      <c r="U371" s="10" t="s">
        <v>55</v>
      </c>
      <c r="V371" s="6">
        <v>3</v>
      </c>
      <c r="W371" s="10" t="s">
        <v>55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102</v>
      </c>
      <c r="I372" s="9" t="s">
        <v>6</v>
      </c>
      <c r="J372" s="9" t="s">
        <v>46</v>
      </c>
      <c r="K372" s="10" t="s">
        <v>55</v>
      </c>
      <c r="L372" s="10" t="s">
        <v>55</v>
      </c>
      <c r="M372" s="10" t="s">
        <v>55</v>
      </c>
      <c r="N372" s="10" t="s">
        <v>55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10" t="s">
        <v>55</v>
      </c>
      <c r="T372" s="10" t="s">
        <v>55</v>
      </c>
      <c r="U372" s="10" t="s">
        <v>55</v>
      </c>
      <c r="V372" s="10" t="s">
        <v>55</v>
      </c>
      <c r="W372" s="10" t="s">
        <v>55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102</v>
      </c>
      <c r="I373" s="9" t="s">
        <v>6</v>
      </c>
      <c r="J373" s="9" t="s">
        <v>47</v>
      </c>
      <c r="K373" s="10" t="s">
        <v>55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10" t="s">
        <v>55</v>
      </c>
      <c r="T373" s="10" t="s">
        <v>55</v>
      </c>
      <c r="U373" s="10" t="s">
        <v>55</v>
      </c>
      <c r="V373" s="10" t="s">
        <v>55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102</v>
      </c>
      <c r="I374" s="9" t="s">
        <v>6</v>
      </c>
      <c r="J374" s="9" t="s">
        <v>48</v>
      </c>
      <c r="K374" s="6">
        <v>250</v>
      </c>
      <c r="L374" s="6">
        <v>221</v>
      </c>
      <c r="M374" s="6">
        <v>208</v>
      </c>
      <c r="N374" s="6">
        <v>195</v>
      </c>
      <c r="O374" s="6">
        <v>10</v>
      </c>
      <c r="P374" s="10" t="s">
        <v>55</v>
      </c>
      <c r="Q374" s="6">
        <v>3</v>
      </c>
      <c r="R374" s="6">
        <v>13</v>
      </c>
      <c r="S374" s="6">
        <v>19</v>
      </c>
      <c r="T374" s="6">
        <v>8</v>
      </c>
      <c r="U374" s="10" t="s">
        <v>55</v>
      </c>
      <c r="V374" s="6">
        <v>11</v>
      </c>
      <c r="W374" s="6">
        <v>10</v>
      </c>
      <c r="X374" s="6">
        <v>185</v>
      </c>
      <c r="Y374" s="6">
        <v>175</v>
      </c>
      <c r="Z374" s="6">
        <v>7</v>
      </c>
      <c r="AA374" s="10" t="s">
        <v>55</v>
      </c>
      <c r="AB374" s="6">
        <v>3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102</v>
      </c>
      <c r="I375" s="9" t="s">
        <v>6</v>
      </c>
      <c r="J375" s="9" t="s">
        <v>49</v>
      </c>
      <c r="K375" s="6">
        <v>107</v>
      </c>
      <c r="L375" s="6">
        <v>38</v>
      </c>
      <c r="M375" s="6">
        <v>31</v>
      </c>
      <c r="N375" s="6">
        <v>21</v>
      </c>
      <c r="O375" s="6">
        <v>4</v>
      </c>
      <c r="P375" s="10" t="s">
        <v>55</v>
      </c>
      <c r="Q375" s="6">
        <v>6</v>
      </c>
      <c r="R375" s="6">
        <v>7</v>
      </c>
      <c r="S375" s="6">
        <v>69</v>
      </c>
      <c r="T375" s="6">
        <v>19</v>
      </c>
      <c r="U375" s="10" t="s">
        <v>55</v>
      </c>
      <c r="V375" s="6">
        <v>50</v>
      </c>
      <c r="W375" s="10" t="s">
        <v>55</v>
      </c>
      <c r="X375" s="6">
        <v>23</v>
      </c>
      <c r="Y375" s="6">
        <v>16</v>
      </c>
      <c r="Z375" s="6">
        <v>4</v>
      </c>
      <c r="AA375" s="10" t="s">
        <v>55</v>
      </c>
      <c r="AB375" s="6">
        <v>3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102</v>
      </c>
      <c r="I376" s="9" t="s">
        <v>6</v>
      </c>
      <c r="J376" s="9" t="s">
        <v>50</v>
      </c>
      <c r="K376" s="6">
        <v>29</v>
      </c>
      <c r="L376" s="6">
        <v>2</v>
      </c>
      <c r="M376" s="6">
        <v>1</v>
      </c>
      <c r="N376" s="6">
        <v>1</v>
      </c>
      <c r="O376" s="10" t="s">
        <v>55</v>
      </c>
      <c r="P376" s="10" t="s">
        <v>55</v>
      </c>
      <c r="Q376" s="10" t="s">
        <v>55</v>
      </c>
      <c r="R376" s="6">
        <v>1</v>
      </c>
      <c r="S376" s="6">
        <v>27</v>
      </c>
      <c r="T376" s="6">
        <v>4</v>
      </c>
      <c r="U376" s="10" t="s">
        <v>55</v>
      </c>
      <c r="V376" s="6">
        <v>23</v>
      </c>
      <c r="W376" s="10" t="s">
        <v>55</v>
      </c>
      <c r="X376" s="10" t="s">
        <v>55</v>
      </c>
      <c r="Y376" s="10" t="s">
        <v>55</v>
      </c>
      <c r="Z376" s="10" t="s">
        <v>55</v>
      </c>
      <c r="AA376" s="10" t="s">
        <v>55</v>
      </c>
      <c r="AB376" s="10" t="s">
        <v>55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102</v>
      </c>
      <c r="I377" s="9" t="s">
        <v>6</v>
      </c>
      <c r="J377" s="9" t="s">
        <v>51</v>
      </c>
      <c r="K377" s="6">
        <v>4</v>
      </c>
      <c r="L377" s="10" t="s">
        <v>55</v>
      </c>
      <c r="M377" s="10" t="s">
        <v>55</v>
      </c>
      <c r="N377" s="10" t="s">
        <v>55</v>
      </c>
      <c r="O377" s="10" t="s">
        <v>55</v>
      </c>
      <c r="P377" s="10" t="s">
        <v>55</v>
      </c>
      <c r="Q377" s="10" t="s">
        <v>55</v>
      </c>
      <c r="R377" s="10" t="s">
        <v>55</v>
      </c>
      <c r="S377" s="6">
        <v>4</v>
      </c>
      <c r="T377" s="6">
        <v>1</v>
      </c>
      <c r="U377" s="10" t="s">
        <v>55</v>
      </c>
      <c r="V377" s="6">
        <v>3</v>
      </c>
      <c r="W377" s="10" t="s">
        <v>5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102</v>
      </c>
      <c r="I378" s="9" t="s">
        <v>6</v>
      </c>
      <c r="J378" s="9" t="s">
        <v>52</v>
      </c>
      <c r="K378" s="6">
        <v>289</v>
      </c>
      <c r="L378" s="6">
        <v>243</v>
      </c>
      <c r="M378" s="6">
        <v>228</v>
      </c>
      <c r="N378" s="6">
        <v>207</v>
      </c>
      <c r="O378" s="6">
        <v>14</v>
      </c>
      <c r="P378" s="10" t="s">
        <v>55</v>
      </c>
      <c r="Q378" s="6">
        <v>7</v>
      </c>
      <c r="R378" s="6">
        <v>15</v>
      </c>
      <c r="S378" s="6">
        <v>36</v>
      </c>
      <c r="T378" s="6">
        <v>16</v>
      </c>
      <c r="U378" s="10" t="s">
        <v>55</v>
      </c>
      <c r="V378" s="6">
        <v>20</v>
      </c>
      <c r="W378" s="6">
        <v>10</v>
      </c>
      <c r="X378" s="6">
        <v>201</v>
      </c>
      <c r="Y378" s="6">
        <v>185</v>
      </c>
      <c r="Z378" s="6">
        <v>11</v>
      </c>
      <c r="AA378" s="10" t="s">
        <v>55</v>
      </c>
      <c r="AB378" s="6">
        <v>5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102</v>
      </c>
      <c r="I379" s="9" t="s">
        <v>53</v>
      </c>
      <c r="J379" s="9" t="s">
        <v>30</v>
      </c>
      <c r="K379" s="6">
        <v>154</v>
      </c>
      <c r="L379" s="6">
        <v>110</v>
      </c>
      <c r="M379" s="6">
        <v>99</v>
      </c>
      <c r="N379" s="6">
        <v>90</v>
      </c>
      <c r="O379" s="6">
        <v>1</v>
      </c>
      <c r="P379" s="10" t="s">
        <v>55</v>
      </c>
      <c r="Q379" s="6">
        <v>8</v>
      </c>
      <c r="R379" s="6">
        <v>11</v>
      </c>
      <c r="S379" s="6">
        <v>41</v>
      </c>
      <c r="T379" s="6">
        <v>6</v>
      </c>
      <c r="U379" s="10" t="s">
        <v>55</v>
      </c>
      <c r="V379" s="6">
        <v>35</v>
      </c>
      <c r="W379" s="6">
        <v>3</v>
      </c>
      <c r="X379" s="6">
        <v>78</v>
      </c>
      <c r="Y379" s="6">
        <v>72</v>
      </c>
      <c r="Z379" s="6">
        <v>1</v>
      </c>
      <c r="AA379" s="10" t="s">
        <v>55</v>
      </c>
      <c r="AB379" s="6">
        <v>5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102</v>
      </c>
      <c r="I380" s="9" t="s">
        <v>53</v>
      </c>
      <c r="J380" s="9" t="s">
        <v>31</v>
      </c>
      <c r="K380" s="10" t="s">
        <v>55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  <c r="R380" s="10" t="s">
        <v>55</v>
      </c>
      <c r="S380" s="10" t="s">
        <v>55</v>
      </c>
      <c r="T380" s="10" t="s">
        <v>55</v>
      </c>
      <c r="U380" s="10" t="s">
        <v>55</v>
      </c>
      <c r="V380" s="10" t="s">
        <v>55</v>
      </c>
      <c r="W380" s="10" t="s">
        <v>55</v>
      </c>
      <c r="X380" s="10" t="s">
        <v>55</v>
      </c>
      <c r="Y380" s="10" t="s">
        <v>55</v>
      </c>
      <c r="Z380" s="10" t="s">
        <v>55</v>
      </c>
      <c r="AA380" s="10" t="s">
        <v>55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102</v>
      </c>
      <c r="I381" s="9" t="s">
        <v>53</v>
      </c>
      <c r="J381" s="9" t="s">
        <v>32</v>
      </c>
      <c r="K381" s="10" t="s">
        <v>55</v>
      </c>
      <c r="L381" s="10" t="s">
        <v>55</v>
      </c>
      <c r="M381" s="10" t="s">
        <v>55</v>
      </c>
      <c r="N381" s="10" t="s">
        <v>55</v>
      </c>
      <c r="O381" s="10" t="s">
        <v>55</v>
      </c>
      <c r="P381" s="10" t="s">
        <v>55</v>
      </c>
      <c r="Q381" s="10" t="s">
        <v>55</v>
      </c>
      <c r="R381" s="10" t="s">
        <v>55</v>
      </c>
      <c r="S381" s="10" t="s">
        <v>55</v>
      </c>
      <c r="T381" s="10" t="s">
        <v>55</v>
      </c>
      <c r="U381" s="10" t="s">
        <v>55</v>
      </c>
      <c r="V381" s="10" t="s">
        <v>55</v>
      </c>
      <c r="W381" s="10" t="s">
        <v>55</v>
      </c>
      <c r="X381" s="10" t="s">
        <v>55</v>
      </c>
      <c r="Y381" s="10" t="s">
        <v>55</v>
      </c>
      <c r="Z381" s="10" t="s">
        <v>55</v>
      </c>
      <c r="AA381" s="10" t="s">
        <v>55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102</v>
      </c>
      <c r="I382" s="9" t="s">
        <v>53</v>
      </c>
      <c r="J382" s="9" t="s">
        <v>33</v>
      </c>
      <c r="K382" s="10" t="s">
        <v>55</v>
      </c>
      <c r="L382" s="10" t="s">
        <v>55</v>
      </c>
      <c r="M382" s="10" t="s">
        <v>55</v>
      </c>
      <c r="N382" s="10" t="s">
        <v>55</v>
      </c>
      <c r="O382" s="10" t="s">
        <v>55</v>
      </c>
      <c r="P382" s="10" t="s">
        <v>55</v>
      </c>
      <c r="Q382" s="10" t="s">
        <v>55</v>
      </c>
      <c r="R382" s="10" t="s">
        <v>55</v>
      </c>
      <c r="S382" s="10" t="s">
        <v>55</v>
      </c>
      <c r="T382" s="10" t="s">
        <v>55</v>
      </c>
      <c r="U382" s="10" t="s">
        <v>55</v>
      </c>
      <c r="V382" s="10" t="s">
        <v>55</v>
      </c>
      <c r="W382" s="10" t="s">
        <v>55</v>
      </c>
      <c r="X382" s="10" t="s">
        <v>55</v>
      </c>
      <c r="Y382" s="10" t="s">
        <v>55</v>
      </c>
      <c r="Z382" s="10" t="s">
        <v>55</v>
      </c>
      <c r="AA382" s="10" t="s">
        <v>55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102</v>
      </c>
      <c r="I383" s="9" t="s">
        <v>53</v>
      </c>
      <c r="J383" s="9" t="s">
        <v>34</v>
      </c>
      <c r="K383" s="6">
        <v>9</v>
      </c>
      <c r="L383" s="6">
        <v>9</v>
      </c>
      <c r="M383" s="6">
        <v>8</v>
      </c>
      <c r="N383" s="6">
        <v>7</v>
      </c>
      <c r="O383" s="10" t="s">
        <v>55</v>
      </c>
      <c r="P383" s="10" t="s">
        <v>55</v>
      </c>
      <c r="Q383" s="6">
        <v>1</v>
      </c>
      <c r="R383" s="6">
        <v>1</v>
      </c>
      <c r="S383" s="10" t="s">
        <v>55</v>
      </c>
      <c r="T383" s="10" t="s">
        <v>55</v>
      </c>
      <c r="U383" s="10" t="s">
        <v>55</v>
      </c>
      <c r="V383" s="10" t="s">
        <v>55</v>
      </c>
      <c r="W383" s="10" t="s">
        <v>55</v>
      </c>
      <c r="X383" s="6">
        <v>8</v>
      </c>
      <c r="Y383" s="6">
        <v>7</v>
      </c>
      <c r="Z383" s="10" t="s">
        <v>55</v>
      </c>
      <c r="AA383" s="10" t="s">
        <v>55</v>
      </c>
      <c r="AB383" s="6">
        <v>1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102</v>
      </c>
      <c r="I384" s="9" t="s">
        <v>53</v>
      </c>
      <c r="J384" s="9" t="s">
        <v>35</v>
      </c>
      <c r="K384" s="6">
        <v>6</v>
      </c>
      <c r="L384" s="6">
        <v>6</v>
      </c>
      <c r="M384" s="6">
        <v>5</v>
      </c>
      <c r="N384" s="6">
        <v>5</v>
      </c>
      <c r="O384" s="10" t="s">
        <v>55</v>
      </c>
      <c r="P384" s="10" t="s">
        <v>55</v>
      </c>
      <c r="Q384" s="10" t="s">
        <v>55</v>
      </c>
      <c r="R384" s="6">
        <v>1</v>
      </c>
      <c r="S384" s="10" t="s">
        <v>55</v>
      </c>
      <c r="T384" s="10" t="s">
        <v>55</v>
      </c>
      <c r="U384" s="10" t="s">
        <v>55</v>
      </c>
      <c r="V384" s="10" t="s">
        <v>55</v>
      </c>
      <c r="W384" s="10" t="s">
        <v>55</v>
      </c>
      <c r="X384" s="6">
        <v>4</v>
      </c>
      <c r="Y384" s="6">
        <v>4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102</v>
      </c>
      <c r="I385" s="9" t="s">
        <v>53</v>
      </c>
      <c r="J385" s="9" t="s">
        <v>36</v>
      </c>
      <c r="K385" s="6">
        <v>4</v>
      </c>
      <c r="L385" s="6">
        <v>4</v>
      </c>
      <c r="M385" s="6">
        <v>3</v>
      </c>
      <c r="N385" s="6">
        <v>3</v>
      </c>
      <c r="O385" s="10" t="s">
        <v>55</v>
      </c>
      <c r="P385" s="10" t="s">
        <v>55</v>
      </c>
      <c r="Q385" s="10" t="s">
        <v>55</v>
      </c>
      <c r="R385" s="6">
        <v>1</v>
      </c>
      <c r="S385" s="10" t="s">
        <v>55</v>
      </c>
      <c r="T385" s="10" t="s">
        <v>55</v>
      </c>
      <c r="U385" s="10" t="s">
        <v>55</v>
      </c>
      <c r="V385" s="10" t="s">
        <v>55</v>
      </c>
      <c r="W385" s="10" t="s">
        <v>55</v>
      </c>
      <c r="X385" s="6">
        <v>3</v>
      </c>
      <c r="Y385" s="6">
        <v>3</v>
      </c>
      <c r="Z385" s="10" t="s">
        <v>55</v>
      </c>
      <c r="AA385" s="10" t="s">
        <v>55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102</v>
      </c>
      <c r="I386" s="9" t="s">
        <v>53</v>
      </c>
      <c r="J386" s="9" t="s">
        <v>37</v>
      </c>
      <c r="K386" s="6">
        <v>20</v>
      </c>
      <c r="L386" s="6">
        <v>19</v>
      </c>
      <c r="M386" s="6">
        <v>19</v>
      </c>
      <c r="N386" s="6">
        <v>17</v>
      </c>
      <c r="O386" s="6">
        <v>1</v>
      </c>
      <c r="P386" s="10" t="s">
        <v>55</v>
      </c>
      <c r="Q386" s="6">
        <v>1</v>
      </c>
      <c r="R386" s="10" t="s">
        <v>55</v>
      </c>
      <c r="S386" s="10" t="s">
        <v>55</v>
      </c>
      <c r="T386" s="10" t="s">
        <v>55</v>
      </c>
      <c r="U386" s="10" t="s">
        <v>55</v>
      </c>
      <c r="V386" s="10" t="s">
        <v>55</v>
      </c>
      <c r="W386" s="6">
        <v>1</v>
      </c>
      <c r="X386" s="6">
        <v>15</v>
      </c>
      <c r="Y386" s="6">
        <v>13</v>
      </c>
      <c r="Z386" s="6">
        <v>1</v>
      </c>
      <c r="AA386" s="10" t="s">
        <v>55</v>
      </c>
      <c r="AB386" s="6">
        <v>1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102</v>
      </c>
      <c r="I387" s="9" t="s">
        <v>53</v>
      </c>
      <c r="J387" s="9" t="s">
        <v>38</v>
      </c>
      <c r="K387" s="6">
        <v>22</v>
      </c>
      <c r="L387" s="6">
        <v>21</v>
      </c>
      <c r="M387" s="6">
        <v>20</v>
      </c>
      <c r="N387" s="6">
        <v>20</v>
      </c>
      <c r="O387" s="10" t="s">
        <v>55</v>
      </c>
      <c r="P387" s="10" t="s">
        <v>55</v>
      </c>
      <c r="Q387" s="10" t="s">
        <v>55</v>
      </c>
      <c r="R387" s="6">
        <v>1</v>
      </c>
      <c r="S387" s="10" t="s">
        <v>55</v>
      </c>
      <c r="T387" s="10" t="s">
        <v>55</v>
      </c>
      <c r="U387" s="10" t="s">
        <v>55</v>
      </c>
      <c r="V387" s="10" t="s">
        <v>55</v>
      </c>
      <c r="W387" s="6">
        <v>1</v>
      </c>
      <c r="X387" s="6">
        <v>16</v>
      </c>
      <c r="Y387" s="6">
        <v>16</v>
      </c>
      <c r="Z387" s="10" t="s">
        <v>55</v>
      </c>
      <c r="AA387" s="10" t="s">
        <v>55</v>
      </c>
      <c r="AB387" s="10" t="s">
        <v>55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102</v>
      </c>
      <c r="I388" s="9" t="s">
        <v>53</v>
      </c>
      <c r="J388" s="9" t="s">
        <v>39</v>
      </c>
      <c r="K388" s="6">
        <v>17</v>
      </c>
      <c r="L388" s="6">
        <v>13</v>
      </c>
      <c r="M388" s="6">
        <v>12</v>
      </c>
      <c r="N388" s="6">
        <v>12</v>
      </c>
      <c r="O388" s="10" t="s">
        <v>55</v>
      </c>
      <c r="P388" s="10" t="s">
        <v>55</v>
      </c>
      <c r="Q388" s="10" t="s">
        <v>55</v>
      </c>
      <c r="R388" s="6">
        <v>1</v>
      </c>
      <c r="S388" s="6">
        <v>4</v>
      </c>
      <c r="T388" s="6">
        <v>2</v>
      </c>
      <c r="U388" s="10" t="s">
        <v>55</v>
      </c>
      <c r="V388" s="6">
        <v>2</v>
      </c>
      <c r="W388" s="10" t="s">
        <v>55</v>
      </c>
      <c r="X388" s="6">
        <v>10</v>
      </c>
      <c r="Y388" s="6">
        <v>10</v>
      </c>
      <c r="Z388" s="10" t="s">
        <v>55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102</v>
      </c>
      <c r="I389" s="9" t="s">
        <v>53</v>
      </c>
      <c r="J389" s="9" t="s">
        <v>40</v>
      </c>
      <c r="K389" s="6">
        <v>26</v>
      </c>
      <c r="L389" s="6">
        <v>18</v>
      </c>
      <c r="M389" s="6">
        <v>16</v>
      </c>
      <c r="N389" s="6">
        <v>16</v>
      </c>
      <c r="O389" s="10" t="s">
        <v>55</v>
      </c>
      <c r="P389" s="10" t="s">
        <v>55</v>
      </c>
      <c r="Q389" s="10" t="s">
        <v>55</v>
      </c>
      <c r="R389" s="6">
        <v>2</v>
      </c>
      <c r="S389" s="6">
        <v>7</v>
      </c>
      <c r="T389" s="10" t="s">
        <v>55</v>
      </c>
      <c r="U389" s="10" t="s">
        <v>55</v>
      </c>
      <c r="V389" s="6">
        <v>7</v>
      </c>
      <c r="W389" s="6">
        <v>1</v>
      </c>
      <c r="X389" s="6">
        <v>13</v>
      </c>
      <c r="Y389" s="6">
        <v>13</v>
      </c>
      <c r="Z389" s="10" t="s">
        <v>55</v>
      </c>
      <c r="AA389" s="10" t="s">
        <v>55</v>
      </c>
      <c r="AB389" s="10" t="s">
        <v>55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102</v>
      </c>
      <c r="I390" s="9" t="s">
        <v>53</v>
      </c>
      <c r="J390" s="9" t="s">
        <v>41</v>
      </c>
      <c r="K390" s="6">
        <v>20</v>
      </c>
      <c r="L390" s="6">
        <v>12</v>
      </c>
      <c r="M390" s="6">
        <v>10</v>
      </c>
      <c r="N390" s="6">
        <v>6</v>
      </c>
      <c r="O390" s="10" t="s">
        <v>55</v>
      </c>
      <c r="P390" s="10" t="s">
        <v>55</v>
      </c>
      <c r="Q390" s="6">
        <v>4</v>
      </c>
      <c r="R390" s="6">
        <v>2</v>
      </c>
      <c r="S390" s="6">
        <v>8</v>
      </c>
      <c r="T390" s="6">
        <v>3</v>
      </c>
      <c r="U390" s="10" t="s">
        <v>55</v>
      </c>
      <c r="V390" s="6">
        <v>5</v>
      </c>
      <c r="W390" s="10" t="s">
        <v>55</v>
      </c>
      <c r="X390" s="6">
        <v>6</v>
      </c>
      <c r="Y390" s="6">
        <v>4</v>
      </c>
      <c r="Z390" s="10" t="s">
        <v>55</v>
      </c>
      <c r="AA390" s="10" t="s">
        <v>55</v>
      </c>
      <c r="AB390" s="6">
        <v>2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102</v>
      </c>
      <c r="I391" s="9" t="s">
        <v>53</v>
      </c>
      <c r="J391" s="9" t="s">
        <v>42</v>
      </c>
      <c r="K391" s="6">
        <v>18</v>
      </c>
      <c r="L391" s="6">
        <v>6</v>
      </c>
      <c r="M391" s="6">
        <v>5</v>
      </c>
      <c r="N391" s="6">
        <v>3</v>
      </c>
      <c r="O391" s="10" t="s">
        <v>55</v>
      </c>
      <c r="P391" s="10" t="s">
        <v>55</v>
      </c>
      <c r="Q391" s="6">
        <v>2</v>
      </c>
      <c r="R391" s="6">
        <v>1</v>
      </c>
      <c r="S391" s="6">
        <v>12</v>
      </c>
      <c r="T391" s="6">
        <v>1</v>
      </c>
      <c r="U391" s="10" t="s">
        <v>55</v>
      </c>
      <c r="V391" s="6">
        <v>11</v>
      </c>
      <c r="W391" s="10" t="s">
        <v>55</v>
      </c>
      <c r="X391" s="6">
        <v>3</v>
      </c>
      <c r="Y391" s="6">
        <v>2</v>
      </c>
      <c r="Z391" s="10" t="s">
        <v>55</v>
      </c>
      <c r="AA391" s="10" t="s">
        <v>55</v>
      </c>
      <c r="AB391" s="6">
        <v>1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102</v>
      </c>
      <c r="I392" s="9" t="s">
        <v>53</v>
      </c>
      <c r="J392" s="9" t="s">
        <v>43</v>
      </c>
      <c r="K392" s="6">
        <v>8</v>
      </c>
      <c r="L392" s="6">
        <v>2</v>
      </c>
      <c r="M392" s="6">
        <v>1</v>
      </c>
      <c r="N392" s="6">
        <v>1</v>
      </c>
      <c r="O392" s="10" t="s">
        <v>55</v>
      </c>
      <c r="P392" s="10" t="s">
        <v>55</v>
      </c>
      <c r="Q392" s="10" t="s">
        <v>55</v>
      </c>
      <c r="R392" s="6">
        <v>1</v>
      </c>
      <c r="S392" s="6">
        <v>6</v>
      </c>
      <c r="T392" s="10" t="s">
        <v>55</v>
      </c>
      <c r="U392" s="10" t="s">
        <v>55</v>
      </c>
      <c r="V392" s="6">
        <v>6</v>
      </c>
      <c r="W392" s="10" t="s">
        <v>55</v>
      </c>
      <c r="X392" s="10" t="s">
        <v>55</v>
      </c>
      <c r="Y392" s="10" t="s">
        <v>55</v>
      </c>
      <c r="Z392" s="10" t="s">
        <v>55</v>
      </c>
      <c r="AA392" s="10" t="s">
        <v>55</v>
      </c>
      <c r="AB392" s="10" t="s">
        <v>55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102</v>
      </c>
      <c r="I393" s="9" t="s">
        <v>53</v>
      </c>
      <c r="J393" s="9" t="s">
        <v>44</v>
      </c>
      <c r="K393" s="6">
        <v>3</v>
      </c>
      <c r="L393" s="10" t="s">
        <v>55</v>
      </c>
      <c r="M393" s="10" t="s">
        <v>55</v>
      </c>
      <c r="N393" s="10" t="s">
        <v>55</v>
      </c>
      <c r="O393" s="10" t="s">
        <v>55</v>
      </c>
      <c r="P393" s="10" t="s">
        <v>55</v>
      </c>
      <c r="Q393" s="10" t="s">
        <v>55</v>
      </c>
      <c r="R393" s="10" t="s">
        <v>55</v>
      </c>
      <c r="S393" s="6">
        <v>3</v>
      </c>
      <c r="T393" s="10" t="s">
        <v>55</v>
      </c>
      <c r="U393" s="10" t="s">
        <v>55</v>
      </c>
      <c r="V393" s="6">
        <v>3</v>
      </c>
      <c r="W393" s="10" t="s">
        <v>55</v>
      </c>
      <c r="X393" s="10" t="s">
        <v>55</v>
      </c>
      <c r="Y393" s="10" t="s">
        <v>55</v>
      </c>
      <c r="Z393" s="10" t="s">
        <v>55</v>
      </c>
      <c r="AA393" s="10" t="s">
        <v>55</v>
      </c>
      <c r="AB393" s="10" t="s">
        <v>55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102</v>
      </c>
      <c r="I394" s="9" t="s">
        <v>53</v>
      </c>
      <c r="J394" s="9" t="s">
        <v>45</v>
      </c>
      <c r="K394" s="6">
        <v>1</v>
      </c>
      <c r="L394" s="10" t="s">
        <v>55</v>
      </c>
      <c r="M394" s="10" t="s">
        <v>55</v>
      </c>
      <c r="N394" s="10" t="s">
        <v>55</v>
      </c>
      <c r="O394" s="10" t="s">
        <v>55</v>
      </c>
      <c r="P394" s="10" t="s">
        <v>55</v>
      </c>
      <c r="Q394" s="10" t="s">
        <v>55</v>
      </c>
      <c r="R394" s="10" t="s">
        <v>55</v>
      </c>
      <c r="S394" s="6">
        <v>1</v>
      </c>
      <c r="T394" s="10" t="s">
        <v>55</v>
      </c>
      <c r="U394" s="10" t="s">
        <v>55</v>
      </c>
      <c r="V394" s="6">
        <v>1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102</v>
      </c>
      <c r="I395" s="9" t="s">
        <v>53</v>
      </c>
      <c r="J395" s="9" t="s">
        <v>46</v>
      </c>
      <c r="K395" s="10" t="s">
        <v>55</v>
      </c>
      <c r="L395" s="10" t="s">
        <v>55</v>
      </c>
      <c r="M395" s="10" t="s">
        <v>55</v>
      </c>
      <c r="N395" s="10" t="s">
        <v>55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10" t="s">
        <v>55</v>
      </c>
      <c r="T395" s="10" t="s">
        <v>55</v>
      </c>
      <c r="U395" s="10" t="s">
        <v>55</v>
      </c>
      <c r="V395" s="10" t="s">
        <v>55</v>
      </c>
      <c r="W395" s="10" t="s">
        <v>55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102</v>
      </c>
      <c r="I396" s="9" t="s">
        <v>53</v>
      </c>
      <c r="J396" s="9" t="s">
        <v>47</v>
      </c>
      <c r="K396" s="10" t="s">
        <v>5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10" t="s">
        <v>55</v>
      </c>
      <c r="T396" s="10" t="s">
        <v>55</v>
      </c>
      <c r="U396" s="10" t="s">
        <v>55</v>
      </c>
      <c r="V396" s="10" t="s">
        <v>55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102</v>
      </c>
      <c r="I397" s="9" t="s">
        <v>53</v>
      </c>
      <c r="J397" s="9" t="s">
        <v>48</v>
      </c>
      <c r="K397" s="6">
        <v>104</v>
      </c>
      <c r="L397" s="6">
        <v>90</v>
      </c>
      <c r="M397" s="6">
        <v>83</v>
      </c>
      <c r="N397" s="6">
        <v>80</v>
      </c>
      <c r="O397" s="6">
        <v>1</v>
      </c>
      <c r="P397" s="10" t="s">
        <v>55</v>
      </c>
      <c r="Q397" s="6">
        <v>2</v>
      </c>
      <c r="R397" s="6">
        <v>7</v>
      </c>
      <c r="S397" s="6">
        <v>11</v>
      </c>
      <c r="T397" s="6">
        <v>2</v>
      </c>
      <c r="U397" s="10" t="s">
        <v>55</v>
      </c>
      <c r="V397" s="6">
        <v>9</v>
      </c>
      <c r="W397" s="6">
        <v>3</v>
      </c>
      <c r="X397" s="6">
        <v>69</v>
      </c>
      <c r="Y397" s="6">
        <v>66</v>
      </c>
      <c r="Z397" s="6">
        <v>1</v>
      </c>
      <c r="AA397" s="10" t="s">
        <v>55</v>
      </c>
      <c r="AB397" s="6">
        <v>2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102</v>
      </c>
      <c r="I398" s="9" t="s">
        <v>53</v>
      </c>
      <c r="J398" s="9" t="s">
        <v>49</v>
      </c>
      <c r="K398" s="6">
        <v>50</v>
      </c>
      <c r="L398" s="6">
        <v>20</v>
      </c>
      <c r="M398" s="6">
        <v>16</v>
      </c>
      <c r="N398" s="6">
        <v>10</v>
      </c>
      <c r="O398" s="10" t="s">
        <v>55</v>
      </c>
      <c r="P398" s="10" t="s">
        <v>55</v>
      </c>
      <c r="Q398" s="6">
        <v>6</v>
      </c>
      <c r="R398" s="6">
        <v>4</v>
      </c>
      <c r="S398" s="6">
        <v>30</v>
      </c>
      <c r="T398" s="6">
        <v>4</v>
      </c>
      <c r="U398" s="10" t="s">
        <v>55</v>
      </c>
      <c r="V398" s="6">
        <v>26</v>
      </c>
      <c r="W398" s="10" t="s">
        <v>55</v>
      </c>
      <c r="X398" s="6">
        <v>9</v>
      </c>
      <c r="Y398" s="6">
        <v>6</v>
      </c>
      <c r="Z398" s="10" t="s">
        <v>55</v>
      </c>
      <c r="AA398" s="10" t="s">
        <v>55</v>
      </c>
      <c r="AB398" s="6">
        <v>3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102</v>
      </c>
      <c r="I399" s="9" t="s">
        <v>53</v>
      </c>
      <c r="J399" s="9" t="s">
        <v>50</v>
      </c>
      <c r="K399" s="6">
        <v>12</v>
      </c>
      <c r="L399" s="6">
        <v>2</v>
      </c>
      <c r="M399" s="6">
        <v>1</v>
      </c>
      <c r="N399" s="6">
        <v>1</v>
      </c>
      <c r="O399" s="10" t="s">
        <v>55</v>
      </c>
      <c r="P399" s="10" t="s">
        <v>55</v>
      </c>
      <c r="Q399" s="10" t="s">
        <v>55</v>
      </c>
      <c r="R399" s="6">
        <v>1</v>
      </c>
      <c r="S399" s="6">
        <v>10</v>
      </c>
      <c r="T399" s="10" t="s">
        <v>55</v>
      </c>
      <c r="U399" s="10" t="s">
        <v>55</v>
      </c>
      <c r="V399" s="6">
        <v>10</v>
      </c>
      <c r="W399" s="10" t="s">
        <v>55</v>
      </c>
      <c r="X399" s="10" t="s">
        <v>55</v>
      </c>
      <c r="Y399" s="10" t="s">
        <v>55</v>
      </c>
      <c r="Z399" s="10" t="s">
        <v>55</v>
      </c>
      <c r="AA399" s="10" t="s">
        <v>55</v>
      </c>
      <c r="AB399" s="10" t="s">
        <v>55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102</v>
      </c>
      <c r="I400" s="9" t="s">
        <v>53</v>
      </c>
      <c r="J400" s="9" t="s">
        <v>51</v>
      </c>
      <c r="K400" s="6">
        <v>1</v>
      </c>
      <c r="L400" s="10" t="s">
        <v>55</v>
      </c>
      <c r="M400" s="10" t="s">
        <v>55</v>
      </c>
      <c r="N400" s="10" t="s">
        <v>55</v>
      </c>
      <c r="O400" s="10" t="s">
        <v>55</v>
      </c>
      <c r="P400" s="10" t="s">
        <v>55</v>
      </c>
      <c r="Q400" s="10" t="s">
        <v>55</v>
      </c>
      <c r="R400" s="10" t="s">
        <v>55</v>
      </c>
      <c r="S400" s="6">
        <v>1</v>
      </c>
      <c r="T400" s="10" t="s">
        <v>55</v>
      </c>
      <c r="U400" s="10" t="s">
        <v>55</v>
      </c>
      <c r="V400" s="6">
        <v>1</v>
      </c>
      <c r="W400" s="10" t="s">
        <v>55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102</v>
      </c>
      <c r="I401" s="9" t="s">
        <v>53</v>
      </c>
      <c r="J401" s="9" t="s">
        <v>52</v>
      </c>
      <c r="K401" s="6">
        <v>124</v>
      </c>
      <c r="L401" s="6">
        <v>102</v>
      </c>
      <c r="M401" s="6">
        <v>93</v>
      </c>
      <c r="N401" s="6">
        <v>86</v>
      </c>
      <c r="O401" s="6">
        <v>1</v>
      </c>
      <c r="P401" s="10" t="s">
        <v>55</v>
      </c>
      <c r="Q401" s="6">
        <v>6</v>
      </c>
      <c r="R401" s="6">
        <v>9</v>
      </c>
      <c r="S401" s="6">
        <v>19</v>
      </c>
      <c r="T401" s="6">
        <v>5</v>
      </c>
      <c r="U401" s="10" t="s">
        <v>55</v>
      </c>
      <c r="V401" s="6">
        <v>14</v>
      </c>
      <c r="W401" s="6">
        <v>3</v>
      </c>
      <c r="X401" s="6">
        <v>75</v>
      </c>
      <c r="Y401" s="6">
        <v>70</v>
      </c>
      <c r="Z401" s="6">
        <v>1</v>
      </c>
      <c r="AA401" s="10" t="s">
        <v>55</v>
      </c>
      <c r="AB401" s="6">
        <v>4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102</v>
      </c>
      <c r="I402" s="9" t="s">
        <v>54</v>
      </c>
      <c r="J402" s="9" t="s">
        <v>30</v>
      </c>
      <c r="K402" s="6">
        <v>203</v>
      </c>
      <c r="L402" s="6">
        <v>149</v>
      </c>
      <c r="M402" s="6">
        <v>140</v>
      </c>
      <c r="N402" s="6">
        <v>126</v>
      </c>
      <c r="O402" s="6">
        <v>13</v>
      </c>
      <c r="P402" s="10" t="s">
        <v>55</v>
      </c>
      <c r="Q402" s="6">
        <v>1</v>
      </c>
      <c r="R402" s="6">
        <v>9</v>
      </c>
      <c r="S402" s="6">
        <v>47</v>
      </c>
      <c r="T402" s="6">
        <v>21</v>
      </c>
      <c r="U402" s="10" t="s">
        <v>55</v>
      </c>
      <c r="V402" s="6">
        <v>26</v>
      </c>
      <c r="W402" s="6">
        <v>7</v>
      </c>
      <c r="X402" s="6">
        <v>130</v>
      </c>
      <c r="Y402" s="6">
        <v>119</v>
      </c>
      <c r="Z402" s="6">
        <v>10</v>
      </c>
      <c r="AA402" s="10" t="s">
        <v>55</v>
      </c>
      <c r="AB402" s="6">
        <v>1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102</v>
      </c>
      <c r="I403" s="9" t="s">
        <v>54</v>
      </c>
      <c r="J403" s="9" t="s">
        <v>31</v>
      </c>
      <c r="K403" s="10" t="s">
        <v>55</v>
      </c>
      <c r="L403" s="10" t="s">
        <v>55</v>
      </c>
      <c r="M403" s="10" t="s">
        <v>55</v>
      </c>
      <c r="N403" s="10" t="s">
        <v>55</v>
      </c>
      <c r="O403" s="10" t="s">
        <v>55</v>
      </c>
      <c r="P403" s="10" t="s">
        <v>55</v>
      </c>
      <c r="Q403" s="10" t="s">
        <v>55</v>
      </c>
      <c r="R403" s="10" t="s">
        <v>55</v>
      </c>
      <c r="S403" s="10" t="s">
        <v>55</v>
      </c>
      <c r="T403" s="10" t="s">
        <v>55</v>
      </c>
      <c r="U403" s="10" t="s">
        <v>55</v>
      </c>
      <c r="V403" s="10" t="s">
        <v>55</v>
      </c>
      <c r="W403" s="10" t="s">
        <v>55</v>
      </c>
      <c r="X403" s="10" t="s">
        <v>55</v>
      </c>
      <c r="Y403" s="10" t="s">
        <v>55</v>
      </c>
      <c r="Z403" s="10" t="s">
        <v>55</v>
      </c>
      <c r="AA403" s="10" t="s">
        <v>55</v>
      </c>
      <c r="AB403" s="10" t="s">
        <v>55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102</v>
      </c>
      <c r="I404" s="9" t="s">
        <v>54</v>
      </c>
      <c r="J404" s="9" t="s">
        <v>32</v>
      </c>
      <c r="K404" s="6">
        <v>1</v>
      </c>
      <c r="L404" s="6">
        <v>1</v>
      </c>
      <c r="M404" s="6">
        <v>1</v>
      </c>
      <c r="N404" s="10" t="s">
        <v>55</v>
      </c>
      <c r="O404" s="6">
        <v>1</v>
      </c>
      <c r="P404" s="10" t="s">
        <v>55</v>
      </c>
      <c r="Q404" s="10" t="s">
        <v>55</v>
      </c>
      <c r="R404" s="10" t="s">
        <v>55</v>
      </c>
      <c r="S404" s="10" t="s">
        <v>55</v>
      </c>
      <c r="T404" s="10" t="s">
        <v>55</v>
      </c>
      <c r="U404" s="10" t="s">
        <v>55</v>
      </c>
      <c r="V404" s="10" t="s">
        <v>55</v>
      </c>
      <c r="W404" s="10" t="s">
        <v>55</v>
      </c>
      <c r="X404" s="6">
        <v>1</v>
      </c>
      <c r="Y404" s="10" t="s">
        <v>55</v>
      </c>
      <c r="Z404" s="6">
        <v>1</v>
      </c>
      <c r="AA404" s="10" t="s">
        <v>55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102</v>
      </c>
      <c r="I405" s="9" t="s">
        <v>54</v>
      </c>
      <c r="J405" s="9" t="s">
        <v>33</v>
      </c>
      <c r="K405" s="6">
        <v>7</v>
      </c>
      <c r="L405" s="6">
        <v>7</v>
      </c>
      <c r="M405" s="6">
        <v>7</v>
      </c>
      <c r="N405" s="6">
        <v>6</v>
      </c>
      <c r="O405" s="6">
        <v>1</v>
      </c>
      <c r="P405" s="10" t="s">
        <v>55</v>
      </c>
      <c r="Q405" s="10" t="s">
        <v>55</v>
      </c>
      <c r="R405" s="10" t="s">
        <v>55</v>
      </c>
      <c r="S405" s="10" t="s">
        <v>55</v>
      </c>
      <c r="T405" s="10" t="s">
        <v>55</v>
      </c>
      <c r="U405" s="10" t="s">
        <v>55</v>
      </c>
      <c r="V405" s="10" t="s">
        <v>55</v>
      </c>
      <c r="W405" s="10" t="s">
        <v>55</v>
      </c>
      <c r="X405" s="6">
        <v>6</v>
      </c>
      <c r="Y405" s="6">
        <v>6</v>
      </c>
      <c r="Z405" s="10" t="s">
        <v>55</v>
      </c>
      <c r="AA405" s="10" t="s">
        <v>55</v>
      </c>
      <c r="AB405" s="10" t="s">
        <v>55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102</v>
      </c>
      <c r="I406" s="9" t="s">
        <v>54</v>
      </c>
      <c r="J406" s="9" t="s">
        <v>34</v>
      </c>
      <c r="K406" s="6">
        <v>10</v>
      </c>
      <c r="L406" s="6">
        <v>9</v>
      </c>
      <c r="M406" s="6">
        <v>9</v>
      </c>
      <c r="N406" s="6">
        <v>8</v>
      </c>
      <c r="O406" s="6">
        <v>1</v>
      </c>
      <c r="P406" s="10" t="s">
        <v>55</v>
      </c>
      <c r="Q406" s="10" t="s">
        <v>55</v>
      </c>
      <c r="R406" s="10" t="s">
        <v>55</v>
      </c>
      <c r="S406" s="10" t="s">
        <v>55</v>
      </c>
      <c r="T406" s="10" t="s">
        <v>55</v>
      </c>
      <c r="U406" s="10" t="s">
        <v>55</v>
      </c>
      <c r="V406" s="10" t="s">
        <v>55</v>
      </c>
      <c r="W406" s="6">
        <v>1</v>
      </c>
      <c r="X406" s="6">
        <v>9</v>
      </c>
      <c r="Y406" s="6">
        <v>8</v>
      </c>
      <c r="Z406" s="6">
        <v>1</v>
      </c>
      <c r="AA406" s="10" t="s">
        <v>55</v>
      </c>
      <c r="AB406" s="10" t="s">
        <v>55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102</v>
      </c>
      <c r="I407" s="9" t="s">
        <v>54</v>
      </c>
      <c r="J407" s="9" t="s">
        <v>35</v>
      </c>
      <c r="K407" s="6">
        <v>16</v>
      </c>
      <c r="L407" s="6">
        <v>13</v>
      </c>
      <c r="M407" s="6">
        <v>12</v>
      </c>
      <c r="N407" s="6">
        <v>12</v>
      </c>
      <c r="O407" s="10" t="s">
        <v>55</v>
      </c>
      <c r="P407" s="10" t="s">
        <v>55</v>
      </c>
      <c r="Q407" s="10" t="s">
        <v>55</v>
      </c>
      <c r="R407" s="6">
        <v>1</v>
      </c>
      <c r="S407" s="6">
        <v>2</v>
      </c>
      <c r="T407" s="6">
        <v>2</v>
      </c>
      <c r="U407" s="10" t="s">
        <v>55</v>
      </c>
      <c r="V407" s="10" t="s">
        <v>55</v>
      </c>
      <c r="W407" s="6">
        <v>1</v>
      </c>
      <c r="X407" s="6">
        <v>11</v>
      </c>
      <c r="Y407" s="6">
        <v>11</v>
      </c>
      <c r="Z407" s="10" t="s">
        <v>55</v>
      </c>
      <c r="AA407" s="10" t="s">
        <v>55</v>
      </c>
      <c r="AB407" s="10" t="s">
        <v>55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102</v>
      </c>
      <c r="I408" s="9" t="s">
        <v>54</v>
      </c>
      <c r="J408" s="9" t="s">
        <v>36</v>
      </c>
      <c r="K408" s="6">
        <v>13</v>
      </c>
      <c r="L408" s="6">
        <v>10</v>
      </c>
      <c r="M408" s="6">
        <v>10</v>
      </c>
      <c r="N408" s="6">
        <v>8</v>
      </c>
      <c r="O408" s="6">
        <v>2</v>
      </c>
      <c r="P408" s="10" t="s">
        <v>55</v>
      </c>
      <c r="Q408" s="10" t="s">
        <v>55</v>
      </c>
      <c r="R408" s="10" t="s">
        <v>55</v>
      </c>
      <c r="S408" s="6">
        <v>1</v>
      </c>
      <c r="T408" s="6">
        <v>1</v>
      </c>
      <c r="U408" s="10" t="s">
        <v>55</v>
      </c>
      <c r="V408" s="10" t="s">
        <v>55</v>
      </c>
      <c r="W408" s="6">
        <v>2</v>
      </c>
      <c r="X408" s="6">
        <v>9</v>
      </c>
      <c r="Y408" s="6">
        <v>7</v>
      </c>
      <c r="Z408" s="6">
        <v>2</v>
      </c>
      <c r="AA408" s="10" t="s">
        <v>55</v>
      </c>
      <c r="AB408" s="10" t="s">
        <v>55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102</v>
      </c>
      <c r="I409" s="9" t="s">
        <v>54</v>
      </c>
      <c r="J409" s="9" t="s">
        <v>37</v>
      </c>
      <c r="K409" s="6">
        <v>28</v>
      </c>
      <c r="L409" s="6">
        <v>28</v>
      </c>
      <c r="M409" s="6">
        <v>25</v>
      </c>
      <c r="N409" s="6">
        <v>24</v>
      </c>
      <c r="O409" s="10" t="s">
        <v>55</v>
      </c>
      <c r="P409" s="10" t="s">
        <v>55</v>
      </c>
      <c r="Q409" s="6">
        <v>1</v>
      </c>
      <c r="R409" s="6">
        <v>3</v>
      </c>
      <c r="S409" s="10" t="s">
        <v>55</v>
      </c>
      <c r="T409" s="10" t="s">
        <v>55</v>
      </c>
      <c r="U409" s="10" t="s">
        <v>55</v>
      </c>
      <c r="V409" s="10" t="s">
        <v>55</v>
      </c>
      <c r="W409" s="10" t="s">
        <v>55</v>
      </c>
      <c r="X409" s="6">
        <v>24</v>
      </c>
      <c r="Y409" s="6">
        <v>23</v>
      </c>
      <c r="Z409" s="10" t="s">
        <v>55</v>
      </c>
      <c r="AA409" s="10" t="s">
        <v>55</v>
      </c>
      <c r="AB409" s="6">
        <v>1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102</v>
      </c>
      <c r="I410" s="9" t="s">
        <v>54</v>
      </c>
      <c r="J410" s="9" t="s">
        <v>38</v>
      </c>
      <c r="K410" s="6">
        <v>29</v>
      </c>
      <c r="L410" s="6">
        <v>26</v>
      </c>
      <c r="M410" s="6">
        <v>26</v>
      </c>
      <c r="N410" s="6">
        <v>26</v>
      </c>
      <c r="O410" s="10" t="s">
        <v>55</v>
      </c>
      <c r="P410" s="10" t="s">
        <v>55</v>
      </c>
      <c r="Q410" s="10" t="s">
        <v>55</v>
      </c>
      <c r="R410" s="10" t="s">
        <v>55</v>
      </c>
      <c r="S410" s="6">
        <v>1</v>
      </c>
      <c r="T410" s="10" t="s">
        <v>55</v>
      </c>
      <c r="U410" s="10" t="s">
        <v>55</v>
      </c>
      <c r="V410" s="6">
        <v>1</v>
      </c>
      <c r="W410" s="6">
        <v>2</v>
      </c>
      <c r="X410" s="6">
        <v>25</v>
      </c>
      <c r="Y410" s="6">
        <v>25</v>
      </c>
      <c r="Z410" s="10" t="s">
        <v>55</v>
      </c>
      <c r="AA410" s="10" t="s">
        <v>55</v>
      </c>
      <c r="AB410" s="10" t="s">
        <v>55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102</v>
      </c>
      <c r="I411" s="9" t="s">
        <v>54</v>
      </c>
      <c r="J411" s="9" t="s">
        <v>39</v>
      </c>
      <c r="K411" s="6">
        <v>22</v>
      </c>
      <c r="L411" s="6">
        <v>21</v>
      </c>
      <c r="M411" s="6">
        <v>20</v>
      </c>
      <c r="N411" s="6">
        <v>19</v>
      </c>
      <c r="O411" s="6">
        <v>1</v>
      </c>
      <c r="P411" s="10" t="s">
        <v>55</v>
      </c>
      <c r="Q411" s="10" t="s">
        <v>55</v>
      </c>
      <c r="R411" s="6">
        <v>1</v>
      </c>
      <c r="S411" s="10" t="s">
        <v>55</v>
      </c>
      <c r="T411" s="10" t="s">
        <v>55</v>
      </c>
      <c r="U411" s="10" t="s">
        <v>55</v>
      </c>
      <c r="V411" s="10" t="s">
        <v>55</v>
      </c>
      <c r="W411" s="6">
        <v>1</v>
      </c>
      <c r="X411" s="6">
        <v>19</v>
      </c>
      <c r="Y411" s="6">
        <v>18</v>
      </c>
      <c r="Z411" s="6">
        <v>1</v>
      </c>
      <c r="AA411" s="10" t="s">
        <v>55</v>
      </c>
      <c r="AB411" s="10" t="s">
        <v>55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102</v>
      </c>
      <c r="I412" s="9" t="s">
        <v>54</v>
      </c>
      <c r="J412" s="9" t="s">
        <v>40</v>
      </c>
      <c r="K412" s="6">
        <v>20</v>
      </c>
      <c r="L412" s="6">
        <v>16</v>
      </c>
      <c r="M412" s="6">
        <v>15</v>
      </c>
      <c r="N412" s="6">
        <v>12</v>
      </c>
      <c r="O412" s="6">
        <v>3</v>
      </c>
      <c r="P412" s="10" t="s">
        <v>55</v>
      </c>
      <c r="Q412" s="10" t="s">
        <v>55</v>
      </c>
      <c r="R412" s="6">
        <v>1</v>
      </c>
      <c r="S412" s="6">
        <v>4</v>
      </c>
      <c r="T412" s="6">
        <v>3</v>
      </c>
      <c r="U412" s="10" t="s">
        <v>55</v>
      </c>
      <c r="V412" s="6">
        <v>1</v>
      </c>
      <c r="W412" s="10" t="s">
        <v>55</v>
      </c>
      <c r="X412" s="6">
        <v>12</v>
      </c>
      <c r="Y412" s="6">
        <v>11</v>
      </c>
      <c r="Z412" s="6">
        <v>1</v>
      </c>
      <c r="AA412" s="10" t="s">
        <v>55</v>
      </c>
      <c r="AB412" s="10" t="s">
        <v>55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102</v>
      </c>
      <c r="I413" s="9" t="s">
        <v>54</v>
      </c>
      <c r="J413" s="9" t="s">
        <v>41</v>
      </c>
      <c r="K413" s="6">
        <v>19</v>
      </c>
      <c r="L413" s="6">
        <v>10</v>
      </c>
      <c r="M413" s="6">
        <v>10</v>
      </c>
      <c r="N413" s="6">
        <v>6</v>
      </c>
      <c r="O413" s="6">
        <v>4</v>
      </c>
      <c r="P413" s="10" t="s">
        <v>55</v>
      </c>
      <c r="Q413" s="10" t="s">
        <v>55</v>
      </c>
      <c r="R413" s="10" t="s">
        <v>55</v>
      </c>
      <c r="S413" s="6">
        <v>9</v>
      </c>
      <c r="T413" s="6">
        <v>5</v>
      </c>
      <c r="U413" s="10" t="s">
        <v>55</v>
      </c>
      <c r="V413" s="6">
        <v>4</v>
      </c>
      <c r="W413" s="10" t="s">
        <v>55</v>
      </c>
      <c r="X413" s="6">
        <v>10</v>
      </c>
      <c r="Y413" s="6">
        <v>6</v>
      </c>
      <c r="Z413" s="6">
        <v>4</v>
      </c>
      <c r="AA413" s="10" t="s">
        <v>55</v>
      </c>
      <c r="AB413" s="10" t="s">
        <v>55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102</v>
      </c>
      <c r="I414" s="9" t="s">
        <v>54</v>
      </c>
      <c r="J414" s="9" t="s">
        <v>42</v>
      </c>
      <c r="K414" s="6">
        <v>21</v>
      </c>
      <c r="L414" s="6">
        <v>8</v>
      </c>
      <c r="M414" s="6">
        <v>5</v>
      </c>
      <c r="N414" s="6">
        <v>5</v>
      </c>
      <c r="O414" s="10" t="s">
        <v>55</v>
      </c>
      <c r="P414" s="10" t="s">
        <v>55</v>
      </c>
      <c r="Q414" s="10" t="s">
        <v>55</v>
      </c>
      <c r="R414" s="6">
        <v>3</v>
      </c>
      <c r="S414" s="6">
        <v>13</v>
      </c>
      <c r="T414" s="6">
        <v>6</v>
      </c>
      <c r="U414" s="10" t="s">
        <v>55</v>
      </c>
      <c r="V414" s="6">
        <v>7</v>
      </c>
      <c r="W414" s="10" t="s">
        <v>55</v>
      </c>
      <c r="X414" s="6">
        <v>4</v>
      </c>
      <c r="Y414" s="6">
        <v>4</v>
      </c>
      <c r="Z414" s="10" t="s">
        <v>55</v>
      </c>
      <c r="AA414" s="10" t="s">
        <v>55</v>
      </c>
      <c r="AB414" s="10" t="s">
        <v>55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102</v>
      </c>
      <c r="I415" s="9" t="s">
        <v>54</v>
      </c>
      <c r="J415" s="9" t="s">
        <v>43</v>
      </c>
      <c r="K415" s="6">
        <v>8</v>
      </c>
      <c r="L415" s="10" t="s">
        <v>55</v>
      </c>
      <c r="M415" s="10" t="s">
        <v>55</v>
      </c>
      <c r="N415" s="10" t="s">
        <v>55</v>
      </c>
      <c r="O415" s="10" t="s">
        <v>55</v>
      </c>
      <c r="P415" s="10" t="s">
        <v>55</v>
      </c>
      <c r="Q415" s="10" t="s">
        <v>55</v>
      </c>
      <c r="R415" s="10" t="s">
        <v>55</v>
      </c>
      <c r="S415" s="6">
        <v>8</v>
      </c>
      <c r="T415" s="6">
        <v>1</v>
      </c>
      <c r="U415" s="10" t="s">
        <v>55</v>
      </c>
      <c r="V415" s="6">
        <v>7</v>
      </c>
      <c r="W415" s="10" t="s">
        <v>55</v>
      </c>
      <c r="X415" s="10" t="s">
        <v>55</v>
      </c>
      <c r="Y415" s="10" t="s">
        <v>55</v>
      </c>
      <c r="Z415" s="10" t="s">
        <v>55</v>
      </c>
      <c r="AA415" s="10" t="s">
        <v>55</v>
      </c>
      <c r="AB415" s="10" t="s">
        <v>55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102</v>
      </c>
      <c r="I416" s="9" t="s">
        <v>54</v>
      </c>
      <c r="J416" s="9" t="s">
        <v>44</v>
      </c>
      <c r="K416" s="6">
        <v>6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  <c r="R416" s="10" t="s">
        <v>55</v>
      </c>
      <c r="S416" s="6">
        <v>6</v>
      </c>
      <c r="T416" s="6">
        <v>2</v>
      </c>
      <c r="U416" s="10" t="s">
        <v>55</v>
      </c>
      <c r="V416" s="6">
        <v>4</v>
      </c>
      <c r="W416" s="10" t="s">
        <v>55</v>
      </c>
      <c r="X416" s="10" t="s">
        <v>55</v>
      </c>
      <c r="Y416" s="10" t="s">
        <v>55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102</v>
      </c>
      <c r="I417" s="9" t="s">
        <v>54</v>
      </c>
      <c r="J417" s="9" t="s">
        <v>45</v>
      </c>
      <c r="K417" s="6">
        <v>3</v>
      </c>
      <c r="L417" s="10" t="s">
        <v>55</v>
      </c>
      <c r="M417" s="10" t="s">
        <v>55</v>
      </c>
      <c r="N417" s="10" t="s">
        <v>55</v>
      </c>
      <c r="O417" s="10" t="s">
        <v>55</v>
      </c>
      <c r="P417" s="10" t="s">
        <v>55</v>
      </c>
      <c r="Q417" s="10" t="s">
        <v>55</v>
      </c>
      <c r="R417" s="10" t="s">
        <v>55</v>
      </c>
      <c r="S417" s="6">
        <v>3</v>
      </c>
      <c r="T417" s="6">
        <v>1</v>
      </c>
      <c r="U417" s="10" t="s">
        <v>55</v>
      </c>
      <c r="V417" s="6">
        <v>2</v>
      </c>
      <c r="W417" s="10" t="s">
        <v>55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102</v>
      </c>
      <c r="I418" s="9" t="s">
        <v>54</v>
      </c>
      <c r="J418" s="9" t="s">
        <v>46</v>
      </c>
      <c r="K418" s="10" t="s">
        <v>55</v>
      </c>
      <c r="L418" s="10" t="s">
        <v>55</v>
      </c>
      <c r="M418" s="10" t="s">
        <v>55</v>
      </c>
      <c r="N418" s="10" t="s">
        <v>55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10" t="s">
        <v>55</v>
      </c>
      <c r="T418" s="10" t="s">
        <v>55</v>
      </c>
      <c r="U418" s="10" t="s">
        <v>55</v>
      </c>
      <c r="V418" s="10" t="s">
        <v>55</v>
      </c>
      <c r="W418" s="10" t="s">
        <v>55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102</v>
      </c>
      <c r="I419" s="9" t="s">
        <v>54</v>
      </c>
      <c r="J419" s="9" t="s">
        <v>47</v>
      </c>
      <c r="K419" s="10" t="s">
        <v>55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10" t="s">
        <v>55</v>
      </c>
      <c r="T419" s="10" t="s">
        <v>55</v>
      </c>
      <c r="U419" s="10" t="s">
        <v>55</v>
      </c>
      <c r="V419" s="10" t="s">
        <v>55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102</v>
      </c>
      <c r="I420" s="9" t="s">
        <v>54</v>
      </c>
      <c r="J420" s="9" t="s">
        <v>48</v>
      </c>
      <c r="K420" s="6">
        <v>146</v>
      </c>
      <c r="L420" s="6">
        <v>131</v>
      </c>
      <c r="M420" s="6">
        <v>125</v>
      </c>
      <c r="N420" s="6">
        <v>115</v>
      </c>
      <c r="O420" s="6">
        <v>9</v>
      </c>
      <c r="P420" s="10" t="s">
        <v>55</v>
      </c>
      <c r="Q420" s="6">
        <v>1</v>
      </c>
      <c r="R420" s="6">
        <v>6</v>
      </c>
      <c r="S420" s="6">
        <v>8</v>
      </c>
      <c r="T420" s="6">
        <v>6</v>
      </c>
      <c r="U420" s="10" t="s">
        <v>55</v>
      </c>
      <c r="V420" s="6">
        <v>2</v>
      </c>
      <c r="W420" s="6">
        <v>7</v>
      </c>
      <c r="X420" s="6">
        <v>116</v>
      </c>
      <c r="Y420" s="6">
        <v>109</v>
      </c>
      <c r="Z420" s="6">
        <v>6</v>
      </c>
      <c r="AA420" s="10" t="s">
        <v>55</v>
      </c>
      <c r="AB420" s="6">
        <v>1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102</v>
      </c>
      <c r="I421" s="9" t="s">
        <v>54</v>
      </c>
      <c r="J421" s="9" t="s">
        <v>49</v>
      </c>
      <c r="K421" s="6">
        <v>57</v>
      </c>
      <c r="L421" s="6">
        <v>18</v>
      </c>
      <c r="M421" s="6">
        <v>15</v>
      </c>
      <c r="N421" s="6">
        <v>11</v>
      </c>
      <c r="O421" s="6">
        <v>4</v>
      </c>
      <c r="P421" s="10" t="s">
        <v>55</v>
      </c>
      <c r="Q421" s="10" t="s">
        <v>55</v>
      </c>
      <c r="R421" s="6">
        <v>3</v>
      </c>
      <c r="S421" s="6">
        <v>39</v>
      </c>
      <c r="T421" s="6">
        <v>15</v>
      </c>
      <c r="U421" s="10" t="s">
        <v>55</v>
      </c>
      <c r="V421" s="6">
        <v>24</v>
      </c>
      <c r="W421" s="10" t="s">
        <v>55</v>
      </c>
      <c r="X421" s="6">
        <v>14</v>
      </c>
      <c r="Y421" s="6">
        <v>10</v>
      </c>
      <c r="Z421" s="6">
        <v>4</v>
      </c>
      <c r="AA421" s="10" t="s">
        <v>55</v>
      </c>
      <c r="AB421" s="10" t="s">
        <v>55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102</v>
      </c>
      <c r="I422" s="9" t="s">
        <v>54</v>
      </c>
      <c r="J422" s="9" t="s">
        <v>50</v>
      </c>
      <c r="K422" s="6">
        <v>17</v>
      </c>
      <c r="L422" s="10" t="s">
        <v>55</v>
      </c>
      <c r="M422" s="10" t="s">
        <v>55</v>
      </c>
      <c r="N422" s="10" t="s">
        <v>55</v>
      </c>
      <c r="O422" s="10" t="s">
        <v>55</v>
      </c>
      <c r="P422" s="10" t="s">
        <v>55</v>
      </c>
      <c r="Q422" s="10" t="s">
        <v>55</v>
      </c>
      <c r="R422" s="10" t="s">
        <v>55</v>
      </c>
      <c r="S422" s="6">
        <v>17</v>
      </c>
      <c r="T422" s="6">
        <v>4</v>
      </c>
      <c r="U422" s="10" t="s">
        <v>55</v>
      </c>
      <c r="V422" s="6">
        <v>13</v>
      </c>
      <c r="W422" s="10" t="s">
        <v>55</v>
      </c>
      <c r="X422" s="10" t="s">
        <v>55</v>
      </c>
      <c r="Y422" s="10" t="s">
        <v>55</v>
      </c>
      <c r="Z422" s="10" t="s">
        <v>55</v>
      </c>
      <c r="AA422" s="10" t="s">
        <v>55</v>
      </c>
      <c r="AB422" s="10" t="s">
        <v>55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102</v>
      </c>
      <c r="I423" s="9" t="s">
        <v>54</v>
      </c>
      <c r="J423" s="9" t="s">
        <v>51</v>
      </c>
      <c r="K423" s="6">
        <v>3</v>
      </c>
      <c r="L423" s="10" t="s">
        <v>55</v>
      </c>
      <c r="M423" s="10" t="s">
        <v>55</v>
      </c>
      <c r="N423" s="10" t="s">
        <v>55</v>
      </c>
      <c r="O423" s="10" t="s">
        <v>55</v>
      </c>
      <c r="P423" s="10" t="s">
        <v>55</v>
      </c>
      <c r="Q423" s="10" t="s">
        <v>55</v>
      </c>
      <c r="R423" s="10" t="s">
        <v>55</v>
      </c>
      <c r="S423" s="6">
        <v>3</v>
      </c>
      <c r="T423" s="6">
        <v>1</v>
      </c>
      <c r="U423" s="10" t="s">
        <v>55</v>
      </c>
      <c r="V423" s="6">
        <v>2</v>
      </c>
      <c r="W423" s="10" t="s">
        <v>55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102</v>
      </c>
      <c r="I424" s="9" t="s">
        <v>54</v>
      </c>
      <c r="J424" s="9" t="s">
        <v>52</v>
      </c>
      <c r="K424" s="6">
        <v>165</v>
      </c>
      <c r="L424" s="6">
        <v>141</v>
      </c>
      <c r="M424" s="6">
        <v>135</v>
      </c>
      <c r="N424" s="6">
        <v>121</v>
      </c>
      <c r="O424" s="6">
        <v>13</v>
      </c>
      <c r="P424" s="10" t="s">
        <v>55</v>
      </c>
      <c r="Q424" s="6">
        <v>1</v>
      </c>
      <c r="R424" s="6">
        <v>6</v>
      </c>
      <c r="S424" s="6">
        <v>17</v>
      </c>
      <c r="T424" s="6">
        <v>11</v>
      </c>
      <c r="U424" s="10" t="s">
        <v>55</v>
      </c>
      <c r="V424" s="6">
        <v>6</v>
      </c>
      <c r="W424" s="6">
        <v>7</v>
      </c>
      <c r="X424" s="6">
        <v>126</v>
      </c>
      <c r="Y424" s="6">
        <v>115</v>
      </c>
      <c r="Z424" s="6">
        <v>10</v>
      </c>
      <c r="AA424" s="10" t="s">
        <v>55</v>
      </c>
      <c r="AB424" s="6">
        <v>1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102</v>
      </c>
      <c r="I425" s="9" t="s">
        <v>6</v>
      </c>
      <c r="J425" s="9" t="s">
        <v>30</v>
      </c>
      <c r="K425" s="6">
        <v>818</v>
      </c>
      <c r="L425" s="6">
        <v>586</v>
      </c>
      <c r="M425" s="6">
        <v>552</v>
      </c>
      <c r="N425" s="6">
        <v>506</v>
      </c>
      <c r="O425" s="6">
        <v>34</v>
      </c>
      <c r="P425" s="10" t="s">
        <v>55</v>
      </c>
      <c r="Q425" s="6">
        <v>12</v>
      </c>
      <c r="R425" s="6">
        <v>34</v>
      </c>
      <c r="S425" s="6">
        <v>189</v>
      </c>
      <c r="T425" s="6">
        <v>71</v>
      </c>
      <c r="U425" s="10" t="s">
        <v>55</v>
      </c>
      <c r="V425" s="6">
        <v>118</v>
      </c>
      <c r="W425" s="6">
        <v>43</v>
      </c>
      <c r="X425" s="6">
        <v>469</v>
      </c>
      <c r="Y425" s="6">
        <v>432</v>
      </c>
      <c r="Z425" s="6">
        <v>25</v>
      </c>
      <c r="AA425" s="10" t="s">
        <v>55</v>
      </c>
      <c r="AB425" s="6">
        <v>12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102</v>
      </c>
      <c r="I426" s="9" t="s">
        <v>6</v>
      </c>
      <c r="J426" s="9" t="s">
        <v>31</v>
      </c>
      <c r="K426" s="10" t="s">
        <v>55</v>
      </c>
      <c r="L426" s="10" t="s">
        <v>55</v>
      </c>
      <c r="M426" s="10" t="s">
        <v>55</v>
      </c>
      <c r="N426" s="10" t="s">
        <v>55</v>
      </c>
      <c r="O426" s="10" t="s">
        <v>55</v>
      </c>
      <c r="P426" s="10" t="s">
        <v>55</v>
      </c>
      <c r="Q426" s="10" t="s">
        <v>55</v>
      </c>
      <c r="R426" s="10" t="s">
        <v>55</v>
      </c>
      <c r="S426" s="10" t="s">
        <v>55</v>
      </c>
      <c r="T426" s="10" t="s">
        <v>55</v>
      </c>
      <c r="U426" s="10" t="s">
        <v>55</v>
      </c>
      <c r="V426" s="10" t="s">
        <v>55</v>
      </c>
      <c r="W426" s="10" t="s">
        <v>55</v>
      </c>
      <c r="X426" s="10" t="s">
        <v>55</v>
      </c>
      <c r="Y426" s="10" t="s">
        <v>55</v>
      </c>
      <c r="Z426" s="10" t="s">
        <v>55</v>
      </c>
      <c r="AA426" s="10" t="s">
        <v>55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102</v>
      </c>
      <c r="I427" s="9" t="s">
        <v>6</v>
      </c>
      <c r="J427" s="9" t="s">
        <v>32</v>
      </c>
      <c r="K427" s="6">
        <v>6</v>
      </c>
      <c r="L427" s="6">
        <v>5</v>
      </c>
      <c r="M427" s="6">
        <v>5</v>
      </c>
      <c r="N427" s="6">
        <v>4</v>
      </c>
      <c r="O427" s="10" t="s">
        <v>55</v>
      </c>
      <c r="P427" s="10" t="s">
        <v>55</v>
      </c>
      <c r="Q427" s="6">
        <v>1</v>
      </c>
      <c r="R427" s="10" t="s">
        <v>55</v>
      </c>
      <c r="S427" s="10" t="s">
        <v>55</v>
      </c>
      <c r="T427" s="10" t="s">
        <v>55</v>
      </c>
      <c r="U427" s="10" t="s">
        <v>55</v>
      </c>
      <c r="V427" s="10" t="s">
        <v>55</v>
      </c>
      <c r="W427" s="6">
        <v>1</v>
      </c>
      <c r="X427" s="6">
        <v>5</v>
      </c>
      <c r="Y427" s="6">
        <v>4</v>
      </c>
      <c r="Z427" s="10" t="s">
        <v>55</v>
      </c>
      <c r="AA427" s="10" t="s">
        <v>55</v>
      </c>
      <c r="AB427" s="6">
        <v>1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102</v>
      </c>
      <c r="I428" s="9" t="s">
        <v>6</v>
      </c>
      <c r="J428" s="9" t="s">
        <v>33</v>
      </c>
      <c r="K428" s="6">
        <v>12</v>
      </c>
      <c r="L428" s="6">
        <v>11</v>
      </c>
      <c r="M428" s="6">
        <v>10</v>
      </c>
      <c r="N428" s="6">
        <v>9</v>
      </c>
      <c r="O428" s="10" t="s">
        <v>55</v>
      </c>
      <c r="P428" s="10" t="s">
        <v>55</v>
      </c>
      <c r="Q428" s="6">
        <v>1</v>
      </c>
      <c r="R428" s="6">
        <v>1</v>
      </c>
      <c r="S428" s="10" t="s">
        <v>55</v>
      </c>
      <c r="T428" s="10" t="s">
        <v>55</v>
      </c>
      <c r="U428" s="10" t="s">
        <v>55</v>
      </c>
      <c r="V428" s="10" t="s">
        <v>55</v>
      </c>
      <c r="W428" s="6">
        <v>1</v>
      </c>
      <c r="X428" s="6">
        <v>10</v>
      </c>
      <c r="Y428" s="6">
        <v>9</v>
      </c>
      <c r="Z428" s="10" t="s">
        <v>55</v>
      </c>
      <c r="AA428" s="10" t="s">
        <v>55</v>
      </c>
      <c r="AB428" s="6">
        <v>1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102</v>
      </c>
      <c r="I429" s="9" t="s">
        <v>6</v>
      </c>
      <c r="J429" s="9" t="s">
        <v>34</v>
      </c>
      <c r="K429" s="6">
        <v>30</v>
      </c>
      <c r="L429" s="6">
        <v>29</v>
      </c>
      <c r="M429" s="6">
        <v>28</v>
      </c>
      <c r="N429" s="6">
        <v>26</v>
      </c>
      <c r="O429" s="6">
        <v>1</v>
      </c>
      <c r="P429" s="10" t="s">
        <v>55</v>
      </c>
      <c r="Q429" s="6">
        <v>1</v>
      </c>
      <c r="R429" s="6">
        <v>1</v>
      </c>
      <c r="S429" s="10" t="s">
        <v>55</v>
      </c>
      <c r="T429" s="10" t="s">
        <v>55</v>
      </c>
      <c r="U429" s="10" t="s">
        <v>55</v>
      </c>
      <c r="V429" s="10" t="s">
        <v>55</v>
      </c>
      <c r="W429" s="6">
        <v>1</v>
      </c>
      <c r="X429" s="6">
        <v>27</v>
      </c>
      <c r="Y429" s="6">
        <v>25</v>
      </c>
      <c r="Z429" s="6">
        <v>1</v>
      </c>
      <c r="AA429" s="10" t="s">
        <v>55</v>
      </c>
      <c r="AB429" s="6">
        <v>1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102</v>
      </c>
      <c r="I430" s="9" t="s">
        <v>6</v>
      </c>
      <c r="J430" s="9" t="s">
        <v>35</v>
      </c>
      <c r="K430" s="6">
        <v>47</v>
      </c>
      <c r="L430" s="6">
        <v>40</v>
      </c>
      <c r="M430" s="6">
        <v>38</v>
      </c>
      <c r="N430" s="6">
        <v>37</v>
      </c>
      <c r="O430" s="6">
        <v>1</v>
      </c>
      <c r="P430" s="10" t="s">
        <v>55</v>
      </c>
      <c r="Q430" s="10" t="s">
        <v>55</v>
      </c>
      <c r="R430" s="6">
        <v>2</v>
      </c>
      <c r="S430" s="6">
        <v>1</v>
      </c>
      <c r="T430" s="6">
        <v>1</v>
      </c>
      <c r="U430" s="10" t="s">
        <v>55</v>
      </c>
      <c r="V430" s="10" t="s">
        <v>55</v>
      </c>
      <c r="W430" s="6">
        <v>6</v>
      </c>
      <c r="X430" s="6">
        <v>34</v>
      </c>
      <c r="Y430" s="6">
        <v>33</v>
      </c>
      <c r="Z430" s="6">
        <v>1</v>
      </c>
      <c r="AA430" s="10" t="s">
        <v>55</v>
      </c>
      <c r="AB430" s="10" t="s">
        <v>55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102</v>
      </c>
      <c r="I431" s="9" t="s">
        <v>6</v>
      </c>
      <c r="J431" s="9" t="s">
        <v>36</v>
      </c>
      <c r="K431" s="6">
        <v>79</v>
      </c>
      <c r="L431" s="6">
        <v>69</v>
      </c>
      <c r="M431" s="6">
        <v>65</v>
      </c>
      <c r="N431" s="6">
        <v>64</v>
      </c>
      <c r="O431" s="6">
        <v>1</v>
      </c>
      <c r="P431" s="10" t="s">
        <v>55</v>
      </c>
      <c r="Q431" s="10" t="s">
        <v>55</v>
      </c>
      <c r="R431" s="6">
        <v>4</v>
      </c>
      <c r="S431" s="6">
        <v>3</v>
      </c>
      <c r="T431" s="6">
        <v>1</v>
      </c>
      <c r="U431" s="10" t="s">
        <v>55</v>
      </c>
      <c r="V431" s="6">
        <v>2</v>
      </c>
      <c r="W431" s="6">
        <v>7</v>
      </c>
      <c r="X431" s="6">
        <v>57</v>
      </c>
      <c r="Y431" s="6">
        <v>56</v>
      </c>
      <c r="Z431" s="6">
        <v>1</v>
      </c>
      <c r="AA431" s="10" t="s">
        <v>55</v>
      </c>
      <c r="AB431" s="10" t="s">
        <v>55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102</v>
      </c>
      <c r="I432" s="9" t="s">
        <v>6</v>
      </c>
      <c r="J432" s="9" t="s">
        <v>37</v>
      </c>
      <c r="K432" s="6">
        <v>82</v>
      </c>
      <c r="L432" s="6">
        <v>73</v>
      </c>
      <c r="M432" s="6">
        <v>69</v>
      </c>
      <c r="N432" s="6">
        <v>67</v>
      </c>
      <c r="O432" s="6">
        <v>2</v>
      </c>
      <c r="P432" s="10" t="s">
        <v>55</v>
      </c>
      <c r="Q432" s="10" t="s">
        <v>55</v>
      </c>
      <c r="R432" s="6">
        <v>4</v>
      </c>
      <c r="S432" s="6">
        <v>4</v>
      </c>
      <c r="T432" s="6">
        <v>3</v>
      </c>
      <c r="U432" s="10" t="s">
        <v>55</v>
      </c>
      <c r="V432" s="6">
        <v>1</v>
      </c>
      <c r="W432" s="6">
        <v>5</v>
      </c>
      <c r="X432" s="6">
        <v>62</v>
      </c>
      <c r="Y432" s="6">
        <v>60</v>
      </c>
      <c r="Z432" s="6">
        <v>2</v>
      </c>
      <c r="AA432" s="10" t="s">
        <v>55</v>
      </c>
      <c r="AB432" s="10" t="s">
        <v>55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102</v>
      </c>
      <c r="I433" s="9" t="s">
        <v>6</v>
      </c>
      <c r="J433" s="9" t="s">
        <v>38</v>
      </c>
      <c r="K433" s="6">
        <v>87</v>
      </c>
      <c r="L433" s="6">
        <v>80</v>
      </c>
      <c r="M433" s="6">
        <v>75</v>
      </c>
      <c r="N433" s="6">
        <v>71</v>
      </c>
      <c r="O433" s="6">
        <v>3</v>
      </c>
      <c r="P433" s="10" t="s">
        <v>55</v>
      </c>
      <c r="Q433" s="6">
        <v>1</v>
      </c>
      <c r="R433" s="6">
        <v>5</v>
      </c>
      <c r="S433" s="6">
        <v>6</v>
      </c>
      <c r="T433" s="6">
        <v>3</v>
      </c>
      <c r="U433" s="10" t="s">
        <v>55</v>
      </c>
      <c r="V433" s="6">
        <v>3</v>
      </c>
      <c r="W433" s="6">
        <v>1</v>
      </c>
      <c r="X433" s="6">
        <v>66</v>
      </c>
      <c r="Y433" s="6">
        <v>62</v>
      </c>
      <c r="Z433" s="6">
        <v>3</v>
      </c>
      <c r="AA433" s="10" t="s">
        <v>55</v>
      </c>
      <c r="AB433" s="6">
        <v>1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102</v>
      </c>
      <c r="I434" s="9" t="s">
        <v>6</v>
      </c>
      <c r="J434" s="9" t="s">
        <v>39</v>
      </c>
      <c r="K434" s="6">
        <v>113</v>
      </c>
      <c r="L434" s="6">
        <v>92</v>
      </c>
      <c r="M434" s="6">
        <v>87</v>
      </c>
      <c r="N434" s="6">
        <v>85</v>
      </c>
      <c r="O434" s="6">
        <v>2</v>
      </c>
      <c r="P434" s="10" t="s">
        <v>55</v>
      </c>
      <c r="Q434" s="10" t="s">
        <v>55</v>
      </c>
      <c r="R434" s="6">
        <v>5</v>
      </c>
      <c r="S434" s="6">
        <v>12</v>
      </c>
      <c r="T434" s="6">
        <v>9</v>
      </c>
      <c r="U434" s="10" t="s">
        <v>55</v>
      </c>
      <c r="V434" s="6">
        <v>3</v>
      </c>
      <c r="W434" s="6">
        <v>9</v>
      </c>
      <c r="X434" s="6">
        <v>73</v>
      </c>
      <c r="Y434" s="6">
        <v>71</v>
      </c>
      <c r="Z434" s="6">
        <v>2</v>
      </c>
      <c r="AA434" s="10" t="s">
        <v>55</v>
      </c>
      <c r="AB434" s="10" t="s">
        <v>55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102</v>
      </c>
      <c r="I435" s="9" t="s">
        <v>6</v>
      </c>
      <c r="J435" s="9" t="s">
        <v>40</v>
      </c>
      <c r="K435" s="6">
        <v>110</v>
      </c>
      <c r="L435" s="6">
        <v>89</v>
      </c>
      <c r="M435" s="6">
        <v>80</v>
      </c>
      <c r="N435" s="6">
        <v>71</v>
      </c>
      <c r="O435" s="6">
        <v>6</v>
      </c>
      <c r="P435" s="10" t="s">
        <v>55</v>
      </c>
      <c r="Q435" s="6">
        <v>3</v>
      </c>
      <c r="R435" s="6">
        <v>9</v>
      </c>
      <c r="S435" s="6">
        <v>18</v>
      </c>
      <c r="T435" s="6">
        <v>11</v>
      </c>
      <c r="U435" s="10" t="s">
        <v>55</v>
      </c>
      <c r="V435" s="6">
        <v>7</v>
      </c>
      <c r="W435" s="6">
        <v>3</v>
      </c>
      <c r="X435" s="6">
        <v>67</v>
      </c>
      <c r="Y435" s="6">
        <v>58</v>
      </c>
      <c r="Z435" s="6">
        <v>6</v>
      </c>
      <c r="AA435" s="10" t="s">
        <v>55</v>
      </c>
      <c r="AB435" s="6">
        <v>3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102</v>
      </c>
      <c r="I436" s="9" t="s">
        <v>6</v>
      </c>
      <c r="J436" s="9" t="s">
        <v>41</v>
      </c>
      <c r="K436" s="6">
        <v>95</v>
      </c>
      <c r="L436" s="6">
        <v>60</v>
      </c>
      <c r="M436" s="6">
        <v>58</v>
      </c>
      <c r="N436" s="6">
        <v>46</v>
      </c>
      <c r="O436" s="6">
        <v>9</v>
      </c>
      <c r="P436" s="10" t="s">
        <v>55</v>
      </c>
      <c r="Q436" s="6">
        <v>3</v>
      </c>
      <c r="R436" s="6">
        <v>2</v>
      </c>
      <c r="S436" s="6">
        <v>32</v>
      </c>
      <c r="T436" s="6">
        <v>12</v>
      </c>
      <c r="U436" s="10" t="s">
        <v>55</v>
      </c>
      <c r="V436" s="6">
        <v>20</v>
      </c>
      <c r="W436" s="6">
        <v>3</v>
      </c>
      <c r="X436" s="6">
        <v>43</v>
      </c>
      <c r="Y436" s="6">
        <v>35</v>
      </c>
      <c r="Z436" s="6">
        <v>5</v>
      </c>
      <c r="AA436" s="10" t="s">
        <v>55</v>
      </c>
      <c r="AB436" s="6">
        <v>3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102</v>
      </c>
      <c r="I437" s="9" t="s">
        <v>6</v>
      </c>
      <c r="J437" s="9" t="s">
        <v>42</v>
      </c>
      <c r="K437" s="6">
        <v>77</v>
      </c>
      <c r="L437" s="6">
        <v>32</v>
      </c>
      <c r="M437" s="6">
        <v>31</v>
      </c>
      <c r="N437" s="6">
        <v>22</v>
      </c>
      <c r="O437" s="6">
        <v>7</v>
      </c>
      <c r="P437" s="10" t="s">
        <v>55</v>
      </c>
      <c r="Q437" s="6">
        <v>2</v>
      </c>
      <c r="R437" s="6">
        <v>1</v>
      </c>
      <c r="S437" s="6">
        <v>42</v>
      </c>
      <c r="T437" s="6">
        <v>19</v>
      </c>
      <c r="U437" s="10" t="s">
        <v>55</v>
      </c>
      <c r="V437" s="6">
        <v>23</v>
      </c>
      <c r="W437" s="6">
        <v>3</v>
      </c>
      <c r="X437" s="6">
        <v>22</v>
      </c>
      <c r="Y437" s="6">
        <v>16</v>
      </c>
      <c r="Z437" s="6">
        <v>4</v>
      </c>
      <c r="AA437" s="10" t="s">
        <v>55</v>
      </c>
      <c r="AB437" s="6">
        <v>2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102</v>
      </c>
      <c r="I438" s="9" t="s">
        <v>6</v>
      </c>
      <c r="J438" s="9" t="s">
        <v>43</v>
      </c>
      <c r="K438" s="6">
        <v>30</v>
      </c>
      <c r="L438" s="6">
        <v>4</v>
      </c>
      <c r="M438" s="6">
        <v>4</v>
      </c>
      <c r="N438" s="6">
        <v>2</v>
      </c>
      <c r="O438" s="6">
        <v>2</v>
      </c>
      <c r="P438" s="10" t="s">
        <v>55</v>
      </c>
      <c r="Q438" s="10" t="s">
        <v>55</v>
      </c>
      <c r="R438" s="10" t="s">
        <v>55</v>
      </c>
      <c r="S438" s="6">
        <v>25</v>
      </c>
      <c r="T438" s="6">
        <v>11</v>
      </c>
      <c r="U438" s="10" t="s">
        <v>55</v>
      </c>
      <c r="V438" s="6">
        <v>14</v>
      </c>
      <c r="W438" s="6">
        <v>1</v>
      </c>
      <c r="X438" s="6">
        <v>1</v>
      </c>
      <c r="Y438" s="6">
        <v>1</v>
      </c>
      <c r="Z438" s="10" t="s">
        <v>55</v>
      </c>
      <c r="AA438" s="10" t="s">
        <v>55</v>
      </c>
      <c r="AB438" s="10" t="s">
        <v>55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102</v>
      </c>
      <c r="I439" s="9" t="s">
        <v>6</v>
      </c>
      <c r="J439" s="9" t="s">
        <v>44</v>
      </c>
      <c r="K439" s="6">
        <v>30</v>
      </c>
      <c r="L439" s="6">
        <v>2</v>
      </c>
      <c r="M439" s="6">
        <v>2</v>
      </c>
      <c r="N439" s="6">
        <v>2</v>
      </c>
      <c r="O439" s="10" t="s">
        <v>55</v>
      </c>
      <c r="P439" s="10" t="s">
        <v>55</v>
      </c>
      <c r="Q439" s="10" t="s">
        <v>55</v>
      </c>
      <c r="R439" s="10" t="s">
        <v>55</v>
      </c>
      <c r="S439" s="6">
        <v>27</v>
      </c>
      <c r="T439" s="10" t="s">
        <v>55</v>
      </c>
      <c r="U439" s="10" t="s">
        <v>55</v>
      </c>
      <c r="V439" s="6">
        <v>27</v>
      </c>
      <c r="W439" s="6">
        <v>1</v>
      </c>
      <c r="X439" s="6">
        <v>2</v>
      </c>
      <c r="Y439" s="6">
        <v>2</v>
      </c>
      <c r="Z439" s="10" t="s">
        <v>55</v>
      </c>
      <c r="AA439" s="10" t="s">
        <v>55</v>
      </c>
      <c r="AB439" s="10" t="s">
        <v>55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102</v>
      </c>
      <c r="I440" s="9" t="s">
        <v>6</v>
      </c>
      <c r="J440" s="9" t="s">
        <v>45</v>
      </c>
      <c r="K440" s="6">
        <v>11</v>
      </c>
      <c r="L440" s="10" t="s">
        <v>55</v>
      </c>
      <c r="M440" s="10" t="s">
        <v>55</v>
      </c>
      <c r="N440" s="10" t="s">
        <v>55</v>
      </c>
      <c r="O440" s="10" t="s">
        <v>55</v>
      </c>
      <c r="P440" s="10" t="s">
        <v>55</v>
      </c>
      <c r="Q440" s="10" t="s">
        <v>55</v>
      </c>
      <c r="R440" s="10" t="s">
        <v>55</v>
      </c>
      <c r="S440" s="6">
        <v>10</v>
      </c>
      <c r="T440" s="6">
        <v>1</v>
      </c>
      <c r="U440" s="10" t="s">
        <v>55</v>
      </c>
      <c r="V440" s="6">
        <v>9</v>
      </c>
      <c r="W440" s="6">
        <v>1</v>
      </c>
      <c r="X440" s="10" t="s">
        <v>55</v>
      </c>
      <c r="Y440" s="10" t="s">
        <v>55</v>
      </c>
      <c r="Z440" s="10" t="s">
        <v>55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102</v>
      </c>
      <c r="I441" s="9" t="s">
        <v>6</v>
      </c>
      <c r="J441" s="9" t="s">
        <v>46</v>
      </c>
      <c r="K441" s="6">
        <v>8</v>
      </c>
      <c r="L441" s="10" t="s">
        <v>55</v>
      </c>
      <c r="M441" s="10" t="s">
        <v>55</v>
      </c>
      <c r="N441" s="10" t="s">
        <v>55</v>
      </c>
      <c r="O441" s="10" t="s">
        <v>55</v>
      </c>
      <c r="P441" s="10" t="s">
        <v>55</v>
      </c>
      <c r="Q441" s="10" t="s">
        <v>55</v>
      </c>
      <c r="R441" s="10" t="s">
        <v>55</v>
      </c>
      <c r="S441" s="6">
        <v>8</v>
      </c>
      <c r="T441" s="10" t="s">
        <v>55</v>
      </c>
      <c r="U441" s="10" t="s">
        <v>55</v>
      </c>
      <c r="V441" s="6">
        <v>8</v>
      </c>
      <c r="W441" s="10" t="s">
        <v>55</v>
      </c>
      <c r="X441" s="10" t="s">
        <v>55</v>
      </c>
      <c r="Y441" s="10" t="s">
        <v>55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102</v>
      </c>
      <c r="I442" s="9" t="s">
        <v>6</v>
      </c>
      <c r="J442" s="9" t="s">
        <v>47</v>
      </c>
      <c r="K442" s="6">
        <v>1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6">
        <v>1</v>
      </c>
      <c r="T442" s="10" t="s">
        <v>55</v>
      </c>
      <c r="U442" s="10" t="s">
        <v>55</v>
      </c>
      <c r="V442" s="6">
        <v>1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102</v>
      </c>
      <c r="I443" s="9" t="s">
        <v>6</v>
      </c>
      <c r="J443" s="9" t="s">
        <v>48</v>
      </c>
      <c r="K443" s="6">
        <v>566</v>
      </c>
      <c r="L443" s="6">
        <v>488</v>
      </c>
      <c r="M443" s="6">
        <v>457</v>
      </c>
      <c r="N443" s="6">
        <v>434</v>
      </c>
      <c r="O443" s="6">
        <v>16</v>
      </c>
      <c r="P443" s="10" t="s">
        <v>55</v>
      </c>
      <c r="Q443" s="6">
        <v>7</v>
      </c>
      <c r="R443" s="6">
        <v>31</v>
      </c>
      <c r="S443" s="6">
        <v>44</v>
      </c>
      <c r="T443" s="6">
        <v>28</v>
      </c>
      <c r="U443" s="10" t="s">
        <v>55</v>
      </c>
      <c r="V443" s="6">
        <v>16</v>
      </c>
      <c r="W443" s="6">
        <v>34</v>
      </c>
      <c r="X443" s="6">
        <v>401</v>
      </c>
      <c r="Y443" s="6">
        <v>378</v>
      </c>
      <c r="Z443" s="6">
        <v>16</v>
      </c>
      <c r="AA443" s="10" t="s">
        <v>55</v>
      </c>
      <c r="AB443" s="6">
        <v>7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102</v>
      </c>
      <c r="I444" s="9" t="s">
        <v>6</v>
      </c>
      <c r="J444" s="9" t="s">
        <v>49</v>
      </c>
      <c r="K444" s="6">
        <v>252</v>
      </c>
      <c r="L444" s="6">
        <v>98</v>
      </c>
      <c r="M444" s="6">
        <v>95</v>
      </c>
      <c r="N444" s="6">
        <v>72</v>
      </c>
      <c r="O444" s="6">
        <v>18</v>
      </c>
      <c r="P444" s="10" t="s">
        <v>55</v>
      </c>
      <c r="Q444" s="6">
        <v>5</v>
      </c>
      <c r="R444" s="6">
        <v>3</v>
      </c>
      <c r="S444" s="6">
        <v>145</v>
      </c>
      <c r="T444" s="6">
        <v>43</v>
      </c>
      <c r="U444" s="10" t="s">
        <v>55</v>
      </c>
      <c r="V444" s="6">
        <v>102</v>
      </c>
      <c r="W444" s="6">
        <v>9</v>
      </c>
      <c r="X444" s="6">
        <v>68</v>
      </c>
      <c r="Y444" s="6">
        <v>54</v>
      </c>
      <c r="Z444" s="6">
        <v>9</v>
      </c>
      <c r="AA444" s="10" t="s">
        <v>55</v>
      </c>
      <c r="AB444" s="6">
        <v>5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102</v>
      </c>
      <c r="I445" s="9" t="s">
        <v>6</v>
      </c>
      <c r="J445" s="9" t="s">
        <v>50</v>
      </c>
      <c r="K445" s="6">
        <v>80</v>
      </c>
      <c r="L445" s="6">
        <v>6</v>
      </c>
      <c r="M445" s="6">
        <v>6</v>
      </c>
      <c r="N445" s="6">
        <v>4</v>
      </c>
      <c r="O445" s="6">
        <v>2</v>
      </c>
      <c r="P445" s="10" t="s">
        <v>55</v>
      </c>
      <c r="Q445" s="10" t="s">
        <v>55</v>
      </c>
      <c r="R445" s="10" t="s">
        <v>55</v>
      </c>
      <c r="S445" s="6">
        <v>71</v>
      </c>
      <c r="T445" s="6">
        <v>12</v>
      </c>
      <c r="U445" s="10" t="s">
        <v>55</v>
      </c>
      <c r="V445" s="6">
        <v>59</v>
      </c>
      <c r="W445" s="6">
        <v>3</v>
      </c>
      <c r="X445" s="6">
        <v>3</v>
      </c>
      <c r="Y445" s="6">
        <v>3</v>
      </c>
      <c r="Z445" s="10" t="s">
        <v>55</v>
      </c>
      <c r="AA445" s="10" t="s">
        <v>55</v>
      </c>
      <c r="AB445" s="10" t="s">
        <v>55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102</v>
      </c>
      <c r="I446" s="9" t="s">
        <v>6</v>
      </c>
      <c r="J446" s="9" t="s">
        <v>51</v>
      </c>
      <c r="K446" s="6">
        <v>20</v>
      </c>
      <c r="L446" s="10" t="s">
        <v>55</v>
      </c>
      <c r="M446" s="10" t="s">
        <v>55</v>
      </c>
      <c r="N446" s="10" t="s">
        <v>55</v>
      </c>
      <c r="O446" s="10" t="s">
        <v>55</v>
      </c>
      <c r="P446" s="10" t="s">
        <v>55</v>
      </c>
      <c r="Q446" s="10" t="s">
        <v>55</v>
      </c>
      <c r="R446" s="10" t="s">
        <v>55</v>
      </c>
      <c r="S446" s="6">
        <v>19</v>
      </c>
      <c r="T446" s="6">
        <v>1</v>
      </c>
      <c r="U446" s="10" t="s">
        <v>55</v>
      </c>
      <c r="V446" s="6">
        <v>18</v>
      </c>
      <c r="W446" s="6">
        <v>1</v>
      </c>
      <c r="X446" s="10" t="s">
        <v>55</v>
      </c>
      <c r="Y446" s="10" t="s">
        <v>55</v>
      </c>
      <c r="Z446" s="10" t="s">
        <v>55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102</v>
      </c>
      <c r="I447" s="9" t="s">
        <v>6</v>
      </c>
      <c r="J447" s="9" t="s">
        <v>52</v>
      </c>
      <c r="K447" s="6">
        <v>661</v>
      </c>
      <c r="L447" s="6">
        <v>548</v>
      </c>
      <c r="M447" s="6">
        <v>515</v>
      </c>
      <c r="N447" s="6">
        <v>480</v>
      </c>
      <c r="O447" s="6">
        <v>25</v>
      </c>
      <c r="P447" s="10" t="s">
        <v>55</v>
      </c>
      <c r="Q447" s="6">
        <v>10</v>
      </c>
      <c r="R447" s="6">
        <v>33</v>
      </c>
      <c r="S447" s="6">
        <v>76</v>
      </c>
      <c r="T447" s="6">
        <v>40</v>
      </c>
      <c r="U447" s="10" t="s">
        <v>55</v>
      </c>
      <c r="V447" s="6">
        <v>36</v>
      </c>
      <c r="W447" s="6">
        <v>37</v>
      </c>
      <c r="X447" s="6">
        <v>444</v>
      </c>
      <c r="Y447" s="6">
        <v>413</v>
      </c>
      <c r="Z447" s="6">
        <v>21</v>
      </c>
      <c r="AA447" s="10" t="s">
        <v>55</v>
      </c>
      <c r="AB447" s="6">
        <v>10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102</v>
      </c>
      <c r="I448" s="9" t="s">
        <v>53</v>
      </c>
      <c r="J448" s="9" t="s">
        <v>30</v>
      </c>
      <c r="K448" s="6">
        <v>320</v>
      </c>
      <c r="L448" s="6">
        <v>236</v>
      </c>
      <c r="M448" s="6">
        <v>215</v>
      </c>
      <c r="N448" s="6">
        <v>207</v>
      </c>
      <c r="O448" s="6">
        <v>4</v>
      </c>
      <c r="P448" s="10" t="s">
        <v>55</v>
      </c>
      <c r="Q448" s="6">
        <v>4</v>
      </c>
      <c r="R448" s="6">
        <v>21</v>
      </c>
      <c r="S448" s="6">
        <v>68</v>
      </c>
      <c r="T448" s="6">
        <v>11</v>
      </c>
      <c r="U448" s="10" t="s">
        <v>55</v>
      </c>
      <c r="V448" s="6">
        <v>57</v>
      </c>
      <c r="W448" s="6">
        <v>16</v>
      </c>
      <c r="X448" s="6">
        <v>169</v>
      </c>
      <c r="Y448" s="6">
        <v>164</v>
      </c>
      <c r="Z448" s="6">
        <v>1</v>
      </c>
      <c r="AA448" s="10" t="s">
        <v>55</v>
      </c>
      <c r="AB448" s="6">
        <v>4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102</v>
      </c>
      <c r="I449" s="9" t="s">
        <v>53</v>
      </c>
      <c r="J449" s="9" t="s">
        <v>31</v>
      </c>
      <c r="K449" s="10" t="s">
        <v>55</v>
      </c>
      <c r="L449" s="10" t="s">
        <v>55</v>
      </c>
      <c r="M449" s="10" t="s">
        <v>55</v>
      </c>
      <c r="N449" s="10" t="s">
        <v>55</v>
      </c>
      <c r="O449" s="10" t="s">
        <v>55</v>
      </c>
      <c r="P449" s="10" t="s">
        <v>55</v>
      </c>
      <c r="Q449" s="10" t="s">
        <v>55</v>
      </c>
      <c r="R449" s="10" t="s">
        <v>55</v>
      </c>
      <c r="S449" s="10" t="s">
        <v>55</v>
      </c>
      <c r="T449" s="10" t="s">
        <v>55</v>
      </c>
      <c r="U449" s="10" t="s">
        <v>55</v>
      </c>
      <c r="V449" s="10" t="s">
        <v>55</v>
      </c>
      <c r="W449" s="10" t="s">
        <v>55</v>
      </c>
      <c r="X449" s="10" t="s">
        <v>55</v>
      </c>
      <c r="Y449" s="10" t="s">
        <v>55</v>
      </c>
      <c r="Z449" s="10" t="s">
        <v>55</v>
      </c>
      <c r="AA449" s="10" t="s">
        <v>5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102</v>
      </c>
      <c r="I450" s="9" t="s">
        <v>53</v>
      </c>
      <c r="J450" s="9" t="s">
        <v>32</v>
      </c>
      <c r="K450" s="6">
        <v>2</v>
      </c>
      <c r="L450" s="6">
        <v>2</v>
      </c>
      <c r="M450" s="6">
        <v>2</v>
      </c>
      <c r="N450" s="6">
        <v>2</v>
      </c>
      <c r="O450" s="10" t="s">
        <v>55</v>
      </c>
      <c r="P450" s="10" t="s">
        <v>55</v>
      </c>
      <c r="Q450" s="10" t="s">
        <v>55</v>
      </c>
      <c r="R450" s="10" t="s">
        <v>55</v>
      </c>
      <c r="S450" s="10" t="s">
        <v>55</v>
      </c>
      <c r="T450" s="10" t="s">
        <v>55</v>
      </c>
      <c r="U450" s="10" t="s">
        <v>55</v>
      </c>
      <c r="V450" s="10" t="s">
        <v>55</v>
      </c>
      <c r="W450" s="10" t="s">
        <v>55</v>
      </c>
      <c r="X450" s="6">
        <v>2</v>
      </c>
      <c r="Y450" s="6">
        <v>2</v>
      </c>
      <c r="Z450" s="10" t="s">
        <v>55</v>
      </c>
      <c r="AA450" s="10" t="s">
        <v>5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102</v>
      </c>
      <c r="I451" s="9" t="s">
        <v>53</v>
      </c>
      <c r="J451" s="9" t="s">
        <v>33</v>
      </c>
      <c r="K451" s="6">
        <v>3</v>
      </c>
      <c r="L451" s="6">
        <v>3</v>
      </c>
      <c r="M451" s="6">
        <v>2</v>
      </c>
      <c r="N451" s="6">
        <v>2</v>
      </c>
      <c r="O451" s="10" t="s">
        <v>55</v>
      </c>
      <c r="P451" s="10" t="s">
        <v>55</v>
      </c>
      <c r="Q451" s="10" t="s">
        <v>55</v>
      </c>
      <c r="R451" s="6">
        <v>1</v>
      </c>
      <c r="S451" s="10" t="s">
        <v>55</v>
      </c>
      <c r="T451" s="10" t="s">
        <v>55</v>
      </c>
      <c r="U451" s="10" t="s">
        <v>55</v>
      </c>
      <c r="V451" s="10" t="s">
        <v>55</v>
      </c>
      <c r="W451" s="10" t="s">
        <v>55</v>
      </c>
      <c r="X451" s="6">
        <v>2</v>
      </c>
      <c r="Y451" s="6">
        <v>2</v>
      </c>
      <c r="Z451" s="10" t="s">
        <v>55</v>
      </c>
      <c r="AA451" s="10" t="s">
        <v>55</v>
      </c>
      <c r="AB451" s="10" t="s">
        <v>55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102</v>
      </c>
      <c r="I452" s="9" t="s">
        <v>53</v>
      </c>
      <c r="J452" s="9" t="s">
        <v>34</v>
      </c>
      <c r="K452" s="6">
        <v>17</v>
      </c>
      <c r="L452" s="6">
        <v>16</v>
      </c>
      <c r="M452" s="6">
        <v>15</v>
      </c>
      <c r="N452" s="6">
        <v>15</v>
      </c>
      <c r="O452" s="10" t="s">
        <v>55</v>
      </c>
      <c r="P452" s="10" t="s">
        <v>55</v>
      </c>
      <c r="Q452" s="10" t="s">
        <v>55</v>
      </c>
      <c r="R452" s="6">
        <v>1</v>
      </c>
      <c r="S452" s="10" t="s">
        <v>55</v>
      </c>
      <c r="T452" s="10" t="s">
        <v>55</v>
      </c>
      <c r="U452" s="10" t="s">
        <v>55</v>
      </c>
      <c r="V452" s="10" t="s">
        <v>55</v>
      </c>
      <c r="W452" s="6">
        <v>1</v>
      </c>
      <c r="X452" s="6">
        <v>14</v>
      </c>
      <c r="Y452" s="6">
        <v>14</v>
      </c>
      <c r="Z452" s="10" t="s">
        <v>55</v>
      </c>
      <c r="AA452" s="10" t="s">
        <v>55</v>
      </c>
      <c r="AB452" s="10" t="s">
        <v>55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102</v>
      </c>
      <c r="I453" s="9" t="s">
        <v>53</v>
      </c>
      <c r="J453" s="9" t="s">
        <v>35</v>
      </c>
      <c r="K453" s="6">
        <v>13</v>
      </c>
      <c r="L453" s="6">
        <v>12</v>
      </c>
      <c r="M453" s="6">
        <v>10</v>
      </c>
      <c r="N453" s="6">
        <v>10</v>
      </c>
      <c r="O453" s="10" t="s">
        <v>55</v>
      </c>
      <c r="P453" s="10" t="s">
        <v>55</v>
      </c>
      <c r="Q453" s="10" t="s">
        <v>55</v>
      </c>
      <c r="R453" s="6">
        <v>2</v>
      </c>
      <c r="S453" s="10" t="s">
        <v>55</v>
      </c>
      <c r="T453" s="10" t="s">
        <v>55</v>
      </c>
      <c r="U453" s="10" t="s">
        <v>55</v>
      </c>
      <c r="V453" s="10" t="s">
        <v>55</v>
      </c>
      <c r="W453" s="6">
        <v>1</v>
      </c>
      <c r="X453" s="6">
        <v>9</v>
      </c>
      <c r="Y453" s="6">
        <v>9</v>
      </c>
      <c r="Z453" s="10" t="s">
        <v>55</v>
      </c>
      <c r="AA453" s="10" t="s">
        <v>55</v>
      </c>
      <c r="AB453" s="10" t="s">
        <v>55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102</v>
      </c>
      <c r="I454" s="9" t="s">
        <v>53</v>
      </c>
      <c r="J454" s="9" t="s">
        <v>36</v>
      </c>
      <c r="K454" s="6">
        <v>27</v>
      </c>
      <c r="L454" s="6">
        <v>25</v>
      </c>
      <c r="M454" s="6">
        <v>22</v>
      </c>
      <c r="N454" s="6">
        <v>22</v>
      </c>
      <c r="O454" s="10" t="s">
        <v>55</v>
      </c>
      <c r="P454" s="10" t="s">
        <v>55</v>
      </c>
      <c r="Q454" s="10" t="s">
        <v>55</v>
      </c>
      <c r="R454" s="6">
        <v>3</v>
      </c>
      <c r="S454" s="10" t="s">
        <v>55</v>
      </c>
      <c r="T454" s="10" t="s">
        <v>55</v>
      </c>
      <c r="U454" s="10" t="s">
        <v>55</v>
      </c>
      <c r="V454" s="10" t="s">
        <v>55</v>
      </c>
      <c r="W454" s="6">
        <v>2</v>
      </c>
      <c r="X454" s="6">
        <v>19</v>
      </c>
      <c r="Y454" s="6">
        <v>19</v>
      </c>
      <c r="Z454" s="10" t="s">
        <v>55</v>
      </c>
      <c r="AA454" s="10" t="s">
        <v>55</v>
      </c>
      <c r="AB454" s="10" t="s">
        <v>55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102</v>
      </c>
      <c r="I455" s="9" t="s">
        <v>53</v>
      </c>
      <c r="J455" s="9" t="s">
        <v>37</v>
      </c>
      <c r="K455" s="6">
        <v>34</v>
      </c>
      <c r="L455" s="6">
        <v>31</v>
      </c>
      <c r="M455" s="6">
        <v>28</v>
      </c>
      <c r="N455" s="6">
        <v>28</v>
      </c>
      <c r="O455" s="10" t="s">
        <v>55</v>
      </c>
      <c r="P455" s="10" t="s">
        <v>55</v>
      </c>
      <c r="Q455" s="10" t="s">
        <v>55</v>
      </c>
      <c r="R455" s="6">
        <v>3</v>
      </c>
      <c r="S455" s="10" t="s">
        <v>55</v>
      </c>
      <c r="T455" s="10" t="s">
        <v>55</v>
      </c>
      <c r="U455" s="10" t="s">
        <v>55</v>
      </c>
      <c r="V455" s="10" t="s">
        <v>55</v>
      </c>
      <c r="W455" s="6">
        <v>3</v>
      </c>
      <c r="X455" s="6">
        <v>23</v>
      </c>
      <c r="Y455" s="6">
        <v>23</v>
      </c>
      <c r="Z455" s="10" t="s">
        <v>55</v>
      </c>
      <c r="AA455" s="10" t="s">
        <v>55</v>
      </c>
      <c r="AB455" s="10" t="s">
        <v>55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102</v>
      </c>
      <c r="I456" s="9" t="s">
        <v>53</v>
      </c>
      <c r="J456" s="9" t="s">
        <v>38</v>
      </c>
      <c r="K456" s="6">
        <v>40</v>
      </c>
      <c r="L456" s="6">
        <v>37</v>
      </c>
      <c r="M456" s="6">
        <v>35</v>
      </c>
      <c r="N456" s="6">
        <v>34</v>
      </c>
      <c r="O456" s="10" t="s">
        <v>55</v>
      </c>
      <c r="P456" s="10" t="s">
        <v>55</v>
      </c>
      <c r="Q456" s="6">
        <v>1</v>
      </c>
      <c r="R456" s="6">
        <v>2</v>
      </c>
      <c r="S456" s="6">
        <v>3</v>
      </c>
      <c r="T456" s="6">
        <v>1</v>
      </c>
      <c r="U456" s="10" t="s">
        <v>55</v>
      </c>
      <c r="V456" s="6">
        <v>2</v>
      </c>
      <c r="W456" s="10" t="s">
        <v>55</v>
      </c>
      <c r="X456" s="6">
        <v>28</v>
      </c>
      <c r="Y456" s="6">
        <v>27</v>
      </c>
      <c r="Z456" s="10" t="s">
        <v>55</v>
      </c>
      <c r="AA456" s="10" t="s">
        <v>55</v>
      </c>
      <c r="AB456" s="6">
        <v>1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102</v>
      </c>
      <c r="I457" s="9" t="s">
        <v>53</v>
      </c>
      <c r="J457" s="9" t="s">
        <v>39</v>
      </c>
      <c r="K457" s="6">
        <v>48</v>
      </c>
      <c r="L457" s="6">
        <v>39</v>
      </c>
      <c r="M457" s="6">
        <v>36</v>
      </c>
      <c r="N457" s="6">
        <v>36</v>
      </c>
      <c r="O457" s="10" t="s">
        <v>55</v>
      </c>
      <c r="P457" s="10" t="s">
        <v>55</v>
      </c>
      <c r="Q457" s="10" t="s">
        <v>55</v>
      </c>
      <c r="R457" s="6">
        <v>3</v>
      </c>
      <c r="S457" s="6">
        <v>4</v>
      </c>
      <c r="T457" s="6">
        <v>1</v>
      </c>
      <c r="U457" s="10" t="s">
        <v>55</v>
      </c>
      <c r="V457" s="6">
        <v>3</v>
      </c>
      <c r="W457" s="6">
        <v>5</v>
      </c>
      <c r="X457" s="6">
        <v>25</v>
      </c>
      <c r="Y457" s="6">
        <v>25</v>
      </c>
      <c r="Z457" s="10" t="s">
        <v>55</v>
      </c>
      <c r="AA457" s="10" t="s">
        <v>55</v>
      </c>
      <c r="AB457" s="10" t="s">
        <v>55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102</v>
      </c>
      <c r="I458" s="9" t="s">
        <v>53</v>
      </c>
      <c r="J458" s="9" t="s">
        <v>40</v>
      </c>
      <c r="K458" s="6">
        <v>45</v>
      </c>
      <c r="L458" s="6">
        <v>37</v>
      </c>
      <c r="M458" s="6">
        <v>33</v>
      </c>
      <c r="N458" s="6">
        <v>32</v>
      </c>
      <c r="O458" s="10" t="s">
        <v>55</v>
      </c>
      <c r="P458" s="10" t="s">
        <v>55</v>
      </c>
      <c r="Q458" s="6">
        <v>1</v>
      </c>
      <c r="R458" s="6">
        <v>4</v>
      </c>
      <c r="S458" s="6">
        <v>7</v>
      </c>
      <c r="T458" s="6">
        <v>2</v>
      </c>
      <c r="U458" s="10" t="s">
        <v>55</v>
      </c>
      <c r="V458" s="6">
        <v>5</v>
      </c>
      <c r="W458" s="6">
        <v>1</v>
      </c>
      <c r="X458" s="6">
        <v>27</v>
      </c>
      <c r="Y458" s="6">
        <v>26</v>
      </c>
      <c r="Z458" s="10" t="s">
        <v>55</v>
      </c>
      <c r="AA458" s="10" t="s">
        <v>55</v>
      </c>
      <c r="AB458" s="6">
        <v>1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102</v>
      </c>
      <c r="I459" s="9" t="s">
        <v>53</v>
      </c>
      <c r="J459" s="9" t="s">
        <v>41</v>
      </c>
      <c r="K459" s="6">
        <v>42</v>
      </c>
      <c r="L459" s="6">
        <v>19</v>
      </c>
      <c r="M459" s="6">
        <v>18</v>
      </c>
      <c r="N459" s="6">
        <v>15</v>
      </c>
      <c r="O459" s="6">
        <v>3</v>
      </c>
      <c r="P459" s="10" t="s">
        <v>55</v>
      </c>
      <c r="Q459" s="10" t="s">
        <v>55</v>
      </c>
      <c r="R459" s="6">
        <v>1</v>
      </c>
      <c r="S459" s="6">
        <v>20</v>
      </c>
      <c r="T459" s="6">
        <v>4</v>
      </c>
      <c r="U459" s="10" t="s">
        <v>55</v>
      </c>
      <c r="V459" s="6">
        <v>16</v>
      </c>
      <c r="W459" s="6">
        <v>3</v>
      </c>
      <c r="X459" s="6">
        <v>9</v>
      </c>
      <c r="Y459" s="6">
        <v>8</v>
      </c>
      <c r="Z459" s="6">
        <v>1</v>
      </c>
      <c r="AA459" s="10" t="s">
        <v>55</v>
      </c>
      <c r="AB459" s="10" t="s">
        <v>55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102</v>
      </c>
      <c r="I460" s="9" t="s">
        <v>53</v>
      </c>
      <c r="J460" s="9" t="s">
        <v>42</v>
      </c>
      <c r="K460" s="6">
        <v>25</v>
      </c>
      <c r="L460" s="6">
        <v>11</v>
      </c>
      <c r="M460" s="6">
        <v>10</v>
      </c>
      <c r="N460" s="6">
        <v>8</v>
      </c>
      <c r="O460" s="10" t="s">
        <v>55</v>
      </c>
      <c r="P460" s="10" t="s">
        <v>55</v>
      </c>
      <c r="Q460" s="6">
        <v>2</v>
      </c>
      <c r="R460" s="6">
        <v>1</v>
      </c>
      <c r="S460" s="6">
        <v>14</v>
      </c>
      <c r="T460" s="6">
        <v>2</v>
      </c>
      <c r="U460" s="10" t="s">
        <v>55</v>
      </c>
      <c r="V460" s="6">
        <v>12</v>
      </c>
      <c r="W460" s="10" t="s">
        <v>55</v>
      </c>
      <c r="X460" s="6">
        <v>9</v>
      </c>
      <c r="Y460" s="6">
        <v>7</v>
      </c>
      <c r="Z460" s="10" t="s">
        <v>55</v>
      </c>
      <c r="AA460" s="10" t="s">
        <v>55</v>
      </c>
      <c r="AB460" s="6">
        <v>2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102</v>
      </c>
      <c r="I461" s="9" t="s">
        <v>53</v>
      </c>
      <c r="J461" s="9" t="s">
        <v>43</v>
      </c>
      <c r="K461" s="6">
        <v>11</v>
      </c>
      <c r="L461" s="6">
        <v>2</v>
      </c>
      <c r="M461" s="6">
        <v>2</v>
      </c>
      <c r="N461" s="6">
        <v>1</v>
      </c>
      <c r="O461" s="6">
        <v>1</v>
      </c>
      <c r="P461" s="10" t="s">
        <v>55</v>
      </c>
      <c r="Q461" s="10" t="s">
        <v>55</v>
      </c>
      <c r="R461" s="10" t="s">
        <v>55</v>
      </c>
      <c r="S461" s="6">
        <v>9</v>
      </c>
      <c r="T461" s="6">
        <v>1</v>
      </c>
      <c r="U461" s="10" t="s">
        <v>55</v>
      </c>
      <c r="V461" s="6">
        <v>8</v>
      </c>
      <c r="W461" s="10" t="s">
        <v>55</v>
      </c>
      <c r="X461" s="10" t="s">
        <v>55</v>
      </c>
      <c r="Y461" s="10" t="s">
        <v>55</v>
      </c>
      <c r="Z461" s="10" t="s">
        <v>55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102</v>
      </c>
      <c r="I462" s="9" t="s">
        <v>53</v>
      </c>
      <c r="J462" s="9" t="s">
        <v>44</v>
      </c>
      <c r="K462" s="6">
        <v>9</v>
      </c>
      <c r="L462" s="6">
        <v>2</v>
      </c>
      <c r="M462" s="6">
        <v>2</v>
      </c>
      <c r="N462" s="6">
        <v>2</v>
      </c>
      <c r="O462" s="10" t="s">
        <v>55</v>
      </c>
      <c r="P462" s="10" t="s">
        <v>55</v>
      </c>
      <c r="Q462" s="10" t="s">
        <v>55</v>
      </c>
      <c r="R462" s="10" t="s">
        <v>55</v>
      </c>
      <c r="S462" s="6">
        <v>7</v>
      </c>
      <c r="T462" s="10" t="s">
        <v>55</v>
      </c>
      <c r="U462" s="10" t="s">
        <v>55</v>
      </c>
      <c r="V462" s="6">
        <v>7</v>
      </c>
      <c r="W462" s="10" t="s">
        <v>55</v>
      </c>
      <c r="X462" s="6">
        <v>2</v>
      </c>
      <c r="Y462" s="6">
        <v>2</v>
      </c>
      <c r="Z462" s="10" t="s">
        <v>55</v>
      </c>
      <c r="AA462" s="10" t="s">
        <v>55</v>
      </c>
      <c r="AB462" s="10" t="s">
        <v>55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102</v>
      </c>
      <c r="I463" s="9" t="s">
        <v>53</v>
      </c>
      <c r="J463" s="9" t="s">
        <v>45</v>
      </c>
      <c r="K463" s="6">
        <v>2</v>
      </c>
      <c r="L463" s="10" t="s">
        <v>55</v>
      </c>
      <c r="M463" s="10" t="s">
        <v>55</v>
      </c>
      <c r="N463" s="10" t="s">
        <v>55</v>
      </c>
      <c r="O463" s="10" t="s">
        <v>55</v>
      </c>
      <c r="P463" s="10" t="s">
        <v>55</v>
      </c>
      <c r="Q463" s="10" t="s">
        <v>55</v>
      </c>
      <c r="R463" s="10" t="s">
        <v>55</v>
      </c>
      <c r="S463" s="6">
        <v>2</v>
      </c>
      <c r="T463" s="10" t="s">
        <v>55</v>
      </c>
      <c r="U463" s="10" t="s">
        <v>55</v>
      </c>
      <c r="V463" s="6">
        <v>2</v>
      </c>
      <c r="W463" s="10" t="s">
        <v>55</v>
      </c>
      <c r="X463" s="10" t="s">
        <v>55</v>
      </c>
      <c r="Y463" s="10" t="s">
        <v>55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102</v>
      </c>
      <c r="I464" s="9" t="s">
        <v>53</v>
      </c>
      <c r="J464" s="9" t="s">
        <v>46</v>
      </c>
      <c r="K464" s="6">
        <v>1</v>
      </c>
      <c r="L464" s="10" t="s">
        <v>55</v>
      </c>
      <c r="M464" s="10" t="s">
        <v>55</v>
      </c>
      <c r="N464" s="10" t="s">
        <v>55</v>
      </c>
      <c r="O464" s="10" t="s">
        <v>55</v>
      </c>
      <c r="P464" s="10" t="s">
        <v>55</v>
      </c>
      <c r="Q464" s="10" t="s">
        <v>55</v>
      </c>
      <c r="R464" s="10" t="s">
        <v>55</v>
      </c>
      <c r="S464" s="6">
        <v>1</v>
      </c>
      <c r="T464" s="10" t="s">
        <v>55</v>
      </c>
      <c r="U464" s="10" t="s">
        <v>55</v>
      </c>
      <c r="V464" s="6">
        <v>1</v>
      </c>
      <c r="W464" s="10" t="s">
        <v>55</v>
      </c>
      <c r="X464" s="10" t="s">
        <v>55</v>
      </c>
      <c r="Y464" s="10" t="s">
        <v>55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102</v>
      </c>
      <c r="I465" s="9" t="s">
        <v>53</v>
      </c>
      <c r="J465" s="9" t="s">
        <v>47</v>
      </c>
      <c r="K465" s="6">
        <v>1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6">
        <v>1</v>
      </c>
      <c r="T465" s="10" t="s">
        <v>55</v>
      </c>
      <c r="U465" s="10" t="s">
        <v>55</v>
      </c>
      <c r="V465" s="6">
        <v>1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102</v>
      </c>
      <c r="I466" s="9" t="s">
        <v>53</v>
      </c>
      <c r="J466" s="9" t="s">
        <v>48</v>
      </c>
      <c r="K466" s="6">
        <v>229</v>
      </c>
      <c r="L466" s="6">
        <v>202</v>
      </c>
      <c r="M466" s="6">
        <v>183</v>
      </c>
      <c r="N466" s="6">
        <v>181</v>
      </c>
      <c r="O466" s="10" t="s">
        <v>55</v>
      </c>
      <c r="P466" s="10" t="s">
        <v>55</v>
      </c>
      <c r="Q466" s="6">
        <v>2</v>
      </c>
      <c r="R466" s="6">
        <v>19</v>
      </c>
      <c r="S466" s="6">
        <v>14</v>
      </c>
      <c r="T466" s="6">
        <v>4</v>
      </c>
      <c r="U466" s="10" t="s">
        <v>55</v>
      </c>
      <c r="V466" s="6">
        <v>10</v>
      </c>
      <c r="W466" s="6">
        <v>13</v>
      </c>
      <c r="X466" s="6">
        <v>149</v>
      </c>
      <c r="Y466" s="6">
        <v>147</v>
      </c>
      <c r="Z466" s="10" t="s">
        <v>55</v>
      </c>
      <c r="AA466" s="10" t="s">
        <v>55</v>
      </c>
      <c r="AB466" s="6">
        <v>2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102</v>
      </c>
      <c r="I467" s="9" t="s">
        <v>53</v>
      </c>
      <c r="J467" s="9" t="s">
        <v>49</v>
      </c>
      <c r="K467" s="6">
        <v>91</v>
      </c>
      <c r="L467" s="6">
        <v>34</v>
      </c>
      <c r="M467" s="6">
        <v>32</v>
      </c>
      <c r="N467" s="6">
        <v>26</v>
      </c>
      <c r="O467" s="6">
        <v>4</v>
      </c>
      <c r="P467" s="10" t="s">
        <v>55</v>
      </c>
      <c r="Q467" s="6">
        <v>2</v>
      </c>
      <c r="R467" s="6">
        <v>2</v>
      </c>
      <c r="S467" s="6">
        <v>54</v>
      </c>
      <c r="T467" s="6">
        <v>7</v>
      </c>
      <c r="U467" s="10" t="s">
        <v>55</v>
      </c>
      <c r="V467" s="6">
        <v>47</v>
      </c>
      <c r="W467" s="6">
        <v>3</v>
      </c>
      <c r="X467" s="6">
        <v>20</v>
      </c>
      <c r="Y467" s="6">
        <v>17</v>
      </c>
      <c r="Z467" s="6">
        <v>1</v>
      </c>
      <c r="AA467" s="10" t="s">
        <v>55</v>
      </c>
      <c r="AB467" s="6">
        <v>2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102</v>
      </c>
      <c r="I468" s="9" t="s">
        <v>53</v>
      </c>
      <c r="J468" s="9" t="s">
        <v>50</v>
      </c>
      <c r="K468" s="6">
        <v>24</v>
      </c>
      <c r="L468" s="6">
        <v>4</v>
      </c>
      <c r="M468" s="6">
        <v>4</v>
      </c>
      <c r="N468" s="6">
        <v>3</v>
      </c>
      <c r="O468" s="6">
        <v>1</v>
      </c>
      <c r="P468" s="10" t="s">
        <v>55</v>
      </c>
      <c r="Q468" s="10" t="s">
        <v>55</v>
      </c>
      <c r="R468" s="10" t="s">
        <v>55</v>
      </c>
      <c r="S468" s="6">
        <v>20</v>
      </c>
      <c r="T468" s="6">
        <v>1</v>
      </c>
      <c r="U468" s="10" t="s">
        <v>55</v>
      </c>
      <c r="V468" s="6">
        <v>19</v>
      </c>
      <c r="W468" s="10" t="s">
        <v>55</v>
      </c>
      <c r="X468" s="6">
        <v>2</v>
      </c>
      <c r="Y468" s="6">
        <v>2</v>
      </c>
      <c r="Z468" s="10" t="s">
        <v>55</v>
      </c>
      <c r="AA468" s="10" t="s">
        <v>55</v>
      </c>
      <c r="AB468" s="10" t="s">
        <v>55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102</v>
      </c>
      <c r="I469" s="9" t="s">
        <v>53</v>
      </c>
      <c r="J469" s="9" t="s">
        <v>51</v>
      </c>
      <c r="K469" s="6">
        <v>4</v>
      </c>
      <c r="L469" s="10" t="s">
        <v>55</v>
      </c>
      <c r="M469" s="10" t="s">
        <v>55</v>
      </c>
      <c r="N469" s="10" t="s">
        <v>55</v>
      </c>
      <c r="O469" s="10" t="s">
        <v>55</v>
      </c>
      <c r="P469" s="10" t="s">
        <v>55</v>
      </c>
      <c r="Q469" s="10" t="s">
        <v>55</v>
      </c>
      <c r="R469" s="10" t="s">
        <v>55</v>
      </c>
      <c r="S469" s="6">
        <v>4</v>
      </c>
      <c r="T469" s="10" t="s">
        <v>55</v>
      </c>
      <c r="U469" s="10" t="s">
        <v>55</v>
      </c>
      <c r="V469" s="6">
        <v>4</v>
      </c>
      <c r="W469" s="10" t="s">
        <v>55</v>
      </c>
      <c r="X469" s="10" t="s">
        <v>55</v>
      </c>
      <c r="Y469" s="10" t="s">
        <v>55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102</v>
      </c>
      <c r="I470" s="9" t="s">
        <v>53</v>
      </c>
      <c r="J470" s="9" t="s">
        <v>52</v>
      </c>
      <c r="K470" s="6">
        <v>271</v>
      </c>
      <c r="L470" s="6">
        <v>221</v>
      </c>
      <c r="M470" s="6">
        <v>201</v>
      </c>
      <c r="N470" s="6">
        <v>196</v>
      </c>
      <c r="O470" s="6">
        <v>3</v>
      </c>
      <c r="P470" s="10" t="s">
        <v>55</v>
      </c>
      <c r="Q470" s="6">
        <v>2</v>
      </c>
      <c r="R470" s="6">
        <v>20</v>
      </c>
      <c r="S470" s="6">
        <v>34</v>
      </c>
      <c r="T470" s="6">
        <v>8</v>
      </c>
      <c r="U470" s="10" t="s">
        <v>55</v>
      </c>
      <c r="V470" s="6">
        <v>26</v>
      </c>
      <c r="W470" s="6">
        <v>16</v>
      </c>
      <c r="X470" s="6">
        <v>158</v>
      </c>
      <c r="Y470" s="6">
        <v>155</v>
      </c>
      <c r="Z470" s="6">
        <v>1</v>
      </c>
      <c r="AA470" s="10" t="s">
        <v>55</v>
      </c>
      <c r="AB470" s="6">
        <v>2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102</v>
      </c>
      <c r="I471" s="9" t="s">
        <v>54</v>
      </c>
      <c r="J471" s="9" t="s">
        <v>30</v>
      </c>
      <c r="K471" s="6">
        <v>498</v>
      </c>
      <c r="L471" s="6">
        <v>350</v>
      </c>
      <c r="M471" s="6">
        <v>337</v>
      </c>
      <c r="N471" s="6">
        <v>299</v>
      </c>
      <c r="O471" s="6">
        <v>30</v>
      </c>
      <c r="P471" s="10" t="s">
        <v>55</v>
      </c>
      <c r="Q471" s="6">
        <v>8</v>
      </c>
      <c r="R471" s="6">
        <v>13</v>
      </c>
      <c r="S471" s="6">
        <v>121</v>
      </c>
      <c r="T471" s="6">
        <v>60</v>
      </c>
      <c r="U471" s="10" t="s">
        <v>55</v>
      </c>
      <c r="V471" s="6">
        <v>61</v>
      </c>
      <c r="W471" s="6">
        <v>27</v>
      </c>
      <c r="X471" s="6">
        <v>300</v>
      </c>
      <c r="Y471" s="6">
        <v>268</v>
      </c>
      <c r="Z471" s="6">
        <v>24</v>
      </c>
      <c r="AA471" s="10" t="s">
        <v>55</v>
      </c>
      <c r="AB471" s="6">
        <v>8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102</v>
      </c>
      <c r="I472" s="9" t="s">
        <v>54</v>
      </c>
      <c r="J472" s="9" t="s">
        <v>31</v>
      </c>
      <c r="K472" s="10" t="s">
        <v>55</v>
      </c>
      <c r="L472" s="10" t="s">
        <v>55</v>
      </c>
      <c r="M472" s="10" t="s">
        <v>55</v>
      </c>
      <c r="N472" s="10" t="s">
        <v>55</v>
      </c>
      <c r="O472" s="10" t="s">
        <v>55</v>
      </c>
      <c r="P472" s="10" t="s">
        <v>55</v>
      </c>
      <c r="Q472" s="10" t="s">
        <v>55</v>
      </c>
      <c r="R472" s="10" t="s">
        <v>55</v>
      </c>
      <c r="S472" s="10" t="s">
        <v>55</v>
      </c>
      <c r="T472" s="10" t="s">
        <v>55</v>
      </c>
      <c r="U472" s="10" t="s">
        <v>55</v>
      </c>
      <c r="V472" s="10" t="s">
        <v>55</v>
      </c>
      <c r="W472" s="10" t="s">
        <v>55</v>
      </c>
      <c r="X472" s="10" t="s">
        <v>55</v>
      </c>
      <c r="Y472" s="10" t="s">
        <v>55</v>
      </c>
      <c r="Z472" s="10" t="s">
        <v>55</v>
      </c>
      <c r="AA472" s="10" t="s">
        <v>55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102</v>
      </c>
      <c r="I473" s="9" t="s">
        <v>54</v>
      </c>
      <c r="J473" s="9" t="s">
        <v>32</v>
      </c>
      <c r="K473" s="6">
        <v>4</v>
      </c>
      <c r="L473" s="6">
        <v>3</v>
      </c>
      <c r="M473" s="6">
        <v>3</v>
      </c>
      <c r="N473" s="6">
        <v>2</v>
      </c>
      <c r="O473" s="10" t="s">
        <v>55</v>
      </c>
      <c r="P473" s="10" t="s">
        <v>55</v>
      </c>
      <c r="Q473" s="6">
        <v>1</v>
      </c>
      <c r="R473" s="10" t="s">
        <v>55</v>
      </c>
      <c r="S473" s="10" t="s">
        <v>55</v>
      </c>
      <c r="T473" s="10" t="s">
        <v>55</v>
      </c>
      <c r="U473" s="10" t="s">
        <v>55</v>
      </c>
      <c r="V473" s="10" t="s">
        <v>55</v>
      </c>
      <c r="W473" s="6">
        <v>1</v>
      </c>
      <c r="X473" s="6">
        <v>3</v>
      </c>
      <c r="Y473" s="6">
        <v>2</v>
      </c>
      <c r="Z473" s="10" t="s">
        <v>55</v>
      </c>
      <c r="AA473" s="10" t="s">
        <v>55</v>
      </c>
      <c r="AB473" s="6">
        <v>1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102</v>
      </c>
      <c r="I474" s="9" t="s">
        <v>54</v>
      </c>
      <c r="J474" s="9" t="s">
        <v>33</v>
      </c>
      <c r="K474" s="6">
        <v>9</v>
      </c>
      <c r="L474" s="6">
        <v>8</v>
      </c>
      <c r="M474" s="6">
        <v>8</v>
      </c>
      <c r="N474" s="6">
        <v>7</v>
      </c>
      <c r="O474" s="10" t="s">
        <v>55</v>
      </c>
      <c r="P474" s="10" t="s">
        <v>55</v>
      </c>
      <c r="Q474" s="6">
        <v>1</v>
      </c>
      <c r="R474" s="10" t="s">
        <v>55</v>
      </c>
      <c r="S474" s="10" t="s">
        <v>55</v>
      </c>
      <c r="T474" s="10" t="s">
        <v>55</v>
      </c>
      <c r="U474" s="10" t="s">
        <v>55</v>
      </c>
      <c r="V474" s="10" t="s">
        <v>55</v>
      </c>
      <c r="W474" s="6">
        <v>1</v>
      </c>
      <c r="X474" s="6">
        <v>8</v>
      </c>
      <c r="Y474" s="6">
        <v>7</v>
      </c>
      <c r="Z474" s="10" t="s">
        <v>55</v>
      </c>
      <c r="AA474" s="10" t="s">
        <v>55</v>
      </c>
      <c r="AB474" s="6">
        <v>1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102</v>
      </c>
      <c r="I475" s="9" t="s">
        <v>54</v>
      </c>
      <c r="J475" s="9" t="s">
        <v>34</v>
      </c>
      <c r="K475" s="6">
        <v>13</v>
      </c>
      <c r="L475" s="6">
        <v>13</v>
      </c>
      <c r="M475" s="6">
        <v>13</v>
      </c>
      <c r="N475" s="6">
        <v>11</v>
      </c>
      <c r="O475" s="6">
        <v>1</v>
      </c>
      <c r="P475" s="10" t="s">
        <v>55</v>
      </c>
      <c r="Q475" s="6">
        <v>1</v>
      </c>
      <c r="R475" s="10" t="s">
        <v>55</v>
      </c>
      <c r="S475" s="10" t="s">
        <v>55</v>
      </c>
      <c r="T475" s="10" t="s">
        <v>55</v>
      </c>
      <c r="U475" s="10" t="s">
        <v>55</v>
      </c>
      <c r="V475" s="10" t="s">
        <v>55</v>
      </c>
      <c r="W475" s="10" t="s">
        <v>55</v>
      </c>
      <c r="X475" s="6">
        <v>13</v>
      </c>
      <c r="Y475" s="6">
        <v>11</v>
      </c>
      <c r="Z475" s="6">
        <v>1</v>
      </c>
      <c r="AA475" s="10" t="s">
        <v>55</v>
      </c>
      <c r="AB475" s="6">
        <v>1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102</v>
      </c>
      <c r="I476" s="9" t="s">
        <v>54</v>
      </c>
      <c r="J476" s="9" t="s">
        <v>35</v>
      </c>
      <c r="K476" s="6">
        <v>34</v>
      </c>
      <c r="L476" s="6">
        <v>28</v>
      </c>
      <c r="M476" s="6">
        <v>28</v>
      </c>
      <c r="N476" s="6">
        <v>27</v>
      </c>
      <c r="O476" s="6">
        <v>1</v>
      </c>
      <c r="P476" s="10" t="s">
        <v>55</v>
      </c>
      <c r="Q476" s="10" t="s">
        <v>55</v>
      </c>
      <c r="R476" s="10" t="s">
        <v>55</v>
      </c>
      <c r="S476" s="6">
        <v>1</v>
      </c>
      <c r="T476" s="6">
        <v>1</v>
      </c>
      <c r="U476" s="10" t="s">
        <v>55</v>
      </c>
      <c r="V476" s="10" t="s">
        <v>55</v>
      </c>
      <c r="W476" s="6">
        <v>5</v>
      </c>
      <c r="X476" s="6">
        <v>25</v>
      </c>
      <c r="Y476" s="6">
        <v>24</v>
      </c>
      <c r="Z476" s="6">
        <v>1</v>
      </c>
      <c r="AA476" s="10" t="s">
        <v>55</v>
      </c>
      <c r="AB476" s="10" t="s">
        <v>55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102</v>
      </c>
      <c r="I477" s="9" t="s">
        <v>54</v>
      </c>
      <c r="J477" s="9" t="s">
        <v>36</v>
      </c>
      <c r="K477" s="6">
        <v>52</v>
      </c>
      <c r="L477" s="6">
        <v>44</v>
      </c>
      <c r="M477" s="6">
        <v>43</v>
      </c>
      <c r="N477" s="6">
        <v>42</v>
      </c>
      <c r="O477" s="6">
        <v>1</v>
      </c>
      <c r="P477" s="10" t="s">
        <v>55</v>
      </c>
      <c r="Q477" s="10" t="s">
        <v>55</v>
      </c>
      <c r="R477" s="6">
        <v>1</v>
      </c>
      <c r="S477" s="6">
        <v>3</v>
      </c>
      <c r="T477" s="6">
        <v>1</v>
      </c>
      <c r="U477" s="10" t="s">
        <v>55</v>
      </c>
      <c r="V477" s="6">
        <v>2</v>
      </c>
      <c r="W477" s="6">
        <v>5</v>
      </c>
      <c r="X477" s="6">
        <v>38</v>
      </c>
      <c r="Y477" s="6">
        <v>37</v>
      </c>
      <c r="Z477" s="6">
        <v>1</v>
      </c>
      <c r="AA477" s="10" t="s">
        <v>55</v>
      </c>
      <c r="AB477" s="10" t="s">
        <v>55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102</v>
      </c>
      <c r="I478" s="9" t="s">
        <v>54</v>
      </c>
      <c r="J478" s="9" t="s">
        <v>37</v>
      </c>
      <c r="K478" s="6">
        <v>48</v>
      </c>
      <c r="L478" s="6">
        <v>42</v>
      </c>
      <c r="M478" s="6">
        <v>41</v>
      </c>
      <c r="N478" s="6">
        <v>39</v>
      </c>
      <c r="O478" s="6">
        <v>2</v>
      </c>
      <c r="P478" s="10" t="s">
        <v>55</v>
      </c>
      <c r="Q478" s="10" t="s">
        <v>55</v>
      </c>
      <c r="R478" s="6">
        <v>1</v>
      </c>
      <c r="S478" s="6">
        <v>4</v>
      </c>
      <c r="T478" s="6">
        <v>3</v>
      </c>
      <c r="U478" s="10" t="s">
        <v>55</v>
      </c>
      <c r="V478" s="6">
        <v>1</v>
      </c>
      <c r="W478" s="6">
        <v>2</v>
      </c>
      <c r="X478" s="6">
        <v>39</v>
      </c>
      <c r="Y478" s="6">
        <v>37</v>
      </c>
      <c r="Z478" s="6">
        <v>2</v>
      </c>
      <c r="AA478" s="10" t="s">
        <v>55</v>
      </c>
      <c r="AB478" s="10" t="s">
        <v>55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102</v>
      </c>
      <c r="I479" s="9" t="s">
        <v>54</v>
      </c>
      <c r="J479" s="9" t="s">
        <v>38</v>
      </c>
      <c r="K479" s="6">
        <v>47</v>
      </c>
      <c r="L479" s="6">
        <v>43</v>
      </c>
      <c r="M479" s="6">
        <v>40</v>
      </c>
      <c r="N479" s="6">
        <v>37</v>
      </c>
      <c r="O479" s="6">
        <v>3</v>
      </c>
      <c r="P479" s="10" t="s">
        <v>55</v>
      </c>
      <c r="Q479" s="10" t="s">
        <v>55</v>
      </c>
      <c r="R479" s="6">
        <v>3</v>
      </c>
      <c r="S479" s="6">
        <v>3</v>
      </c>
      <c r="T479" s="6">
        <v>2</v>
      </c>
      <c r="U479" s="10" t="s">
        <v>55</v>
      </c>
      <c r="V479" s="6">
        <v>1</v>
      </c>
      <c r="W479" s="6">
        <v>1</v>
      </c>
      <c r="X479" s="6">
        <v>38</v>
      </c>
      <c r="Y479" s="6">
        <v>35</v>
      </c>
      <c r="Z479" s="6">
        <v>3</v>
      </c>
      <c r="AA479" s="10" t="s">
        <v>55</v>
      </c>
      <c r="AB479" s="10" t="s">
        <v>55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102</v>
      </c>
      <c r="I480" s="9" t="s">
        <v>54</v>
      </c>
      <c r="J480" s="9" t="s">
        <v>39</v>
      </c>
      <c r="K480" s="6">
        <v>65</v>
      </c>
      <c r="L480" s="6">
        <v>53</v>
      </c>
      <c r="M480" s="6">
        <v>51</v>
      </c>
      <c r="N480" s="6">
        <v>49</v>
      </c>
      <c r="O480" s="6">
        <v>2</v>
      </c>
      <c r="P480" s="10" t="s">
        <v>55</v>
      </c>
      <c r="Q480" s="10" t="s">
        <v>55</v>
      </c>
      <c r="R480" s="6">
        <v>2</v>
      </c>
      <c r="S480" s="6">
        <v>8</v>
      </c>
      <c r="T480" s="6">
        <v>8</v>
      </c>
      <c r="U480" s="10" t="s">
        <v>55</v>
      </c>
      <c r="V480" s="10" t="s">
        <v>55</v>
      </c>
      <c r="W480" s="6">
        <v>4</v>
      </c>
      <c r="X480" s="6">
        <v>48</v>
      </c>
      <c r="Y480" s="6">
        <v>46</v>
      </c>
      <c r="Z480" s="6">
        <v>2</v>
      </c>
      <c r="AA480" s="10" t="s">
        <v>55</v>
      </c>
      <c r="AB480" s="10" t="s">
        <v>55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102</v>
      </c>
      <c r="I481" s="9" t="s">
        <v>54</v>
      </c>
      <c r="J481" s="9" t="s">
        <v>40</v>
      </c>
      <c r="K481" s="6">
        <v>65</v>
      </c>
      <c r="L481" s="6">
        <v>52</v>
      </c>
      <c r="M481" s="6">
        <v>47</v>
      </c>
      <c r="N481" s="6">
        <v>39</v>
      </c>
      <c r="O481" s="6">
        <v>6</v>
      </c>
      <c r="P481" s="10" t="s">
        <v>55</v>
      </c>
      <c r="Q481" s="6">
        <v>2</v>
      </c>
      <c r="R481" s="6">
        <v>5</v>
      </c>
      <c r="S481" s="6">
        <v>11</v>
      </c>
      <c r="T481" s="6">
        <v>9</v>
      </c>
      <c r="U481" s="10" t="s">
        <v>55</v>
      </c>
      <c r="V481" s="6">
        <v>2</v>
      </c>
      <c r="W481" s="6">
        <v>2</v>
      </c>
      <c r="X481" s="6">
        <v>40</v>
      </c>
      <c r="Y481" s="6">
        <v>32</v>
      </c>
      <c r="Z481" s="6">
        <v>6</v>
      </c>
      <c r="AA481" s="10" t="s">
        <v>55</v>
      </c>
      <c r="AB481" s="6">
        <v>2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102</v>
      </c>
      <c r="I482" s="9" t="s">
        <v>54</v>
      </c>
      <c r="J482" s="9" t="s">
        <v>41</v>
      </c>
      <c r="K482" s="6">
        <v>53</v>
      </c>
      <c r="L482" s="6">
        <v>41</v>
      </c>
      <c r="M482" s="6">
        <v>40</v>
      </c>
      <c r="N482" s="6">
        <v>31</v>
      </c>
      <c r="O482" s="6">
        <v>6</v>
      </c>
      <c r="P482" s="10" t="s">
        <v>55</v>
      </c>
      <c r="Q482" s="6">
        <v>3</v>
      </c>
      <c r="R482" s="6">
        <v>1</v>
      </c>
      <c r="S482" s="6">
        <v>12</v>
      </c>
      <c r="T482" s="6">
        <v>8</v>
      </c>
      <c r="U482" s="10" t="s">
        <v>55</v>
      </c>
      <c r="V482" s="6">
        <v>4</v>
      </c>
      <c r="W482" s="10" t="s">
        <v>55</v>
      </c>
      <c r="X482" s="6">
        <v>34</v>
      </c>
      <c r="Y482" s="6">
        <v>27</v>
      </c>
      <c r="Z482" s="6">
        <v>4</v>
      </c>
      <c r="AA482" s="10" t="s">
        <v>55</v>
      </c>
      <c r="AB482" s="6">
        <v>3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102</v>
      </c>
      <c r="I483" s="9" t="s">
        <v>54</v>
      </c>
      <c r="J483" s="9" t="s">
        <v>42</v>
      </c>
      <c r="K483" s="6">
        <v>52</v>
      </c>
      <c r="L483" s="6">
        <v>21</v>
      </c>
      <c r="M483" s="6">
        <v>21</v>
      </c>
      <c r="N483" s="6">
        <v>14</v>
      </c>
      <c r="O483" s="6">
        <v>7</v>
      </c>
      <c r="P483" s="10" t="s">
        <v>55</v>
      </c>
      <c r="Q483" s="10" t="s">
        <v>55</v>
      </c>
      <c r="R483" s="10" t="s">
        <v>55</v>
      </c>
      <c r="S483" s="6">
        <v>28</v>
      </c>
      <c r="T483" s="6">
        <v>17</v>
      </c>
      <c r="U483" s="10" t="s">
        <v>55</v>
      </c>
      <c r="V483" s="6">
        <v>11</v>
      </c>
      <c r="W483" s="6">
        <v>3</v>
      </c>
      <c r="X483" s="6">
        <v>13</v>
      </c>
      <c r="Y483" s="6">
        <v>9</v>
      </c>
      <c r="Z483" s="6">
        <v>4</v>
      </c>
      <c r="AA483" s="10" t="s">
        <v>55</v>
      </c>
      <c r="AB483" s="10" t="s">
        <v>55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102</v>
      </c>
      <c r="I484" s="9" t="s">
        <v>54</v>
      </c>
      <c r="J484" s="9" t="s">
        <v>43</v>
      </c>
      <c r="K484" s="6">
        <v>19</v>
      </c>
      <c r="L484" s="6">
        <v>2</v>
      </c>
      <c r="M484" s="6">
        <v>2</v>
      </c>
      <c r="N484" s="6">
        <v>1</v>
      </c>
      <c r="O484" s="6">
        <v>1</v>
      </c>
      <c r="P484" s="10" t="s">
        <v>55</v>
      </c>
      <c r="Q484" s="10" t="s">
        <v>55</v>
      </c>
      <c r="R484" s="10" t="s">
        <v>55</v>
      </c>
      <c r="S484" s="6">
        <v>16</v>
      </c>
      <c r="T484" s="6">
        <v>10</v>
      </c>
      <c r="U484" s="10" t="s">
        <v>55</v>
      </c>
      <c r="V484" s="6">
        <v>6</v>
      </c>
      <c r="W484" s="6">
        <v>1</v>
      </c>
      <c r="X484" s="6">
        <v>1</v>
      </c>
      <c r="Y484" s="6">
        <v>1</v>
      </c>
      <c r="Z484" s="10" t="s">
        <v>55</v>
      </c>
      <c r="AA484" s="10" t="s">
        <v>55</v>
      </c>
      <c r="AB484" s="10" t="s">
        <v>55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102</v>
      </c>
      <c r="I485" s="9" t="s">
        <v>54</v>
      </c>
      <c r="J485" s="9" t="s">
        <v>44</v>
      </c>
      <c r="K485" s="6">
        <v>21</v>
      </c>
      <c r="L485" s="10" t="s">
        <v>55</v>
      </c>
      <c r="M485" s="10" t="s">
        <v>55</v>
      </c>
      <c r="N485" s="10" t="s">
        <v>55</v>
      </c>
      <c r="O485" s="10" t="s">
        <v>55</v>
      </c>
      <c r="P485" s="10" t="s">
        <v>55</v>
      </c>
      <c r="Q485" s="10" t="s">
        <v>55</v>
      </c>
      <c r="R485" s="10" t="s">
        <v>55</v>
      </c>
      <c r="S485" s="6">
        <v>20</v>
      </c>
      <c r="T485" s="10" t="s">
        <v>55</v>
      </c>
      <c r="U485" s="10" t="s">
        <v>55</v>
      </c>
      <c r="V485" s="6">
        <v>20</v>
      </c>
      <c r="W485" s="6">
        <v>1</v>
      </c>
      <c r="X485" s="10" t="s">
        <v>55</v>
      </c>
      <c r="Y485" s="10" t="s">
        <v>55</v>
      </c>
      <c r="Z485" s="10" t="s">
        <v>55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102</v>
      </c>
      <c r="I486" s="9" t="s">
        <v>54</v>
      </c>
      <c r="J486" s="9" t="s">
        <v>45</v>
      </c>
      <c r="K486" s="6">
        <v>9</v>
      </c>
      <c r="L486" s="10" t="s">
        <v>55</v>
      </c>
      <c r="M486" s="10" t="s">
        <v>55</v>
      </c>
      <c r="N486" s="10" t="s">
        <v>55</v>
      </c>
      <c r="O486" s="10" t="s">
        <v>55</v>
      </c>
      <c r="P486" s="10" t="s">
        <v>55</v>
      </c>
      <c r="Q486" s="10" t="s">
        <v>55</v>
      </c>
      <c r="R486" s="10" t="s">
        <v>55</v>
      </c>
      <c r="S486" s="6">
        <v>8</v>
      </c>
      <c r="T486" s="6">
        <v>1</v>
      </c>
      <c r="U486" s="10" t="s">
        <v>55</v>
      </c>
      <c r="V486" s="6">
        <v>7</v>
      </c>
      <c r="W486" s="6">
        <v>1</v>
      </c>
      <c r="X486" s="10" t="s">
        <v>55</v>
      </c>
      <c r="Y486" s="10" t="s">
        <v>55</v>
      </c>
      <c r="Z486" s="10" t="s">
        <v>55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102</v>
      </c>
      <c r="I487" s="9" t="s">
        <v>54</v>
      </c>
      <c r="J487" s="9" t="s">
        <v>46</v>
      </c>
      <c r="K487" s="6">
        <v>7</v>
      </c>
      <c r="L487" s="10" t="s">
        <v>55</v>
      </c>
      <c r="M487" s="10" t="s">
        <v>55</v>
      </c>
      <c r="N487" s="10" t="s">
        <v>55</v>
      </c>
      <c r="O487" s="10" t="s">
        <v>55</v>
      </c>
      <c r="P487" s="10" t="s">
        <v>55</v>
      </c>
      <c r="Q487" s="10" t="s">
        <v>55</v>
      </c>
      <c r="R487" s="10" t="s">
        <v>55</v>
      </c>
      <c r="S487" s="6">
        <v>7</v>
      </c>
      <c r="T487" s="10" t="s">
        <v>55</v>
      </c>
      <c r="U487" s="10" t="s">
        <v>55</v>
      </c>
      <c r="V487" s="6">
        <v>7</v>
      </c>
      <c r="W487" s="10" t="s">
        <v>55</v>
      </c>
      <c r="X487" s="10" t="s">
        <v>55</v>
      </c>
      <c r="Y487" s="10" t="s">
        <v>55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102</v>
      </c>
      <c r="I488" s="9" t="s">
        <v>54</v>
      </c>
      <c r="J488" s="9" t="s">
        <v>47</v>
      </c>
      <c r="K488" s="10" t="s">
        <v>55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10" t="s">
        <v>55</v>
      </c>
      <c r="T488" s="10" t="s">
        <v>55</v>
      </c>
      <c r="U488" s="10" t="s">
        <v>55</v>
      </c>
      <c r="V488" s="10" t="s">
        <v>55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102</v>
      </c>
      <c r="I489" s="9" t="s">
        <v>54</v>
      </c>
      <c r="J489" s="9" t="s">
        <v>48</v>
      </c>
      <c r="K489" s="6">
        <v>337</v>
      </c>
      <c r="L489" s="6">
        <v>286</v>
      </c>
      <c r="M489" s="6">
        <v>274</v>
      </c>
      <c r="N489" s="6">
        <v>253</v>
      </c>
      <c r="O489" s="6">
        <v>16</v>
      </c>
      <c r="P489" s="10" t="s">
        <v>55</v>
      </c>
      <c r="Q489" s="6">
        <v>5</v>
      </c>
      <c r="R489" s="6">
        <v>12</v>
      </c>
      <c r="S489" s="6">
        <v>30</v>
      </c>
      <c r="T489" s="6">
        <v>24</v>
      </c>
      <c r="U489" s="10" t="s">
        <v>55</v>
      </c>
      <c r="V489" s="6">
        <v>6</v>
      </c>
      <c r="W489" s="6">
        <v>21</v>
      </c>
      <c r="X489" s="6">
        <v>252</v>
      </c>
      <c r="Y489" s="6">
        <v>231</v>
      </c>
      <c r="Z489" s="6">
        <v>16</v>
      </c>
      <c r="AA489" s="10" t="s">
        <v>55</v>
      </c>
      <c r="AB489" s="6">
        <v>5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102</v>
      </c>
      <c r="I490" s="9" t="s">
        <v>54</v>
      </c>
      <c r="J490" s="9" t="s">
        <v>49</v>
      </c>
      <c r="K490" s="6">
        <v>161</v>
      </c>
      <c r="L490" s="6">
        <v>64</v>
      </c>
      <c r="M490" s="6">
        <v>63</v>
      </c>
      <c r="N490" s="6">
        <v>46</v>
      </c>
      <c r="O490" s="6">
        <v>14</v>
      </c>
      <c r="P490" s="10" t="s">
        <v>55</v>
      </c>
      <c r="Q490" s="6">
        <v>3</v>
      </c>
      <c r="R490" s="6">
        <v>1</v>
      </c>
      <c r="S490" s="6">
        <v>91</v>
      </c>
      <c r="T490" s="6">
        <v>36</v>
      </c>
      <c r="U490" s="10" t="s">
        <v>55</v>
      </c>
      <c r="V490" s="6">
        <v>55</v>
      </c>
      <c r="W490" s="6">
        <v>6</v>
      </c>
      <c r="X490" s="6">
        <v>48</v>
      </c>
      <c r="Y490" s="6">
        <v>37</v>
      </c>
      <c r="Z490" s="6">
        <v>8</v>
      </c>
      <c r="AA490" s="10" t="s">
        <v>55</v>
      </c>
      <c r="AB490" s="6">
        <v>3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102</v>
      </c>
      <c r="I491" s="9" t="s">
        <v>54</v>
      </c>
      <c r="J491" s="9" t="s">
        <v>50</v>
      </c>
      <c r="K491" s="6">
        <v>56</v>
      </c>
      <c r="L491" s="6">
        <v>2</v>
      </c>
      <c r="M491" s="6">
        <v>2</v>
      </c>
      <c r="N491" s="6">
        <v>1</v>
      </c>
      <c r="O491" s="6">
        <v>1</v>
      </c>
      <c r="P491" s="10" t="s">
        <v>55</v>
      </c>
      <c r="Q491" s="10" t="s">
        <v>55</v>
      </c>
      <c r="R491" s="10" t="s">
        <v>55</v>
      </c>
      <c r="S491" s="6">
        <v>51</v>
      </c>
      <c r="T491" s="6">
        <v>11</v>
      </c>
      <c r="U491" s="10" t="s">
        <v>55</v>
      </c>
      <c r="V491" s="6">
        <v>40</v>
      </c>
      <c r="W491" s="6">
        <v>3</v>
      </c>
      <c r="X491" s="6">
        <v>1</v>
      </c>
      <c r="Y491" s="6">
        <v>1</v>
      </c>
      <c r="Z491" s="10" t="s">
        <v>55</v>
      </c>
      <c r="AA491" s="10" t="s">
        <v>55</v>
      </c>
      <c r="AB491" s="10" t="s">
        <v>55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102</v>
      </c>
      <c r="I492" s="9" t="s">
        <v>54</v>
      </c>
      <c r="J492" s="9" t="s">
        <v>51</v>
      </c>
      <c r="K492" s="6">
        <v>16</v>
      </c>
      <c r="L492" s="10" t="s">
        <v>55</v>
      </c>
      <c r="M492" s="10" t="s">
        <v>55</v>
      </c>
      <c r="N492" s="10" t="s">
        <v>55</v>
      </c>
      <c r="O492" s="10" t="s">
        <v>55</v>
      </c>
      <c r="P492" s="10" t="s">
        <v>55</v>
      </c>
      <c r="Q492" s="10" t="s">
        <v>55</v>
      </c>
      <c r="R492" s="10" t="s">
        <v>55</v>
      </c>
      <c r="S492" s="6">
        <v>15</v>
      </c>
      <c r="T492" s="6">
        <v>1</v>
      </c>
      <c r="U492" s="10" t="s">
        <v>55</v>
      </c>
      <c r="V492" s="6">
        <v>14</v>
      </c>
      <c r="W492" s="6">
        <v>1</v>
      </c>
      <c r="X492" s="10" t="s">
        <v>55</v>
      </c>
      <c r="Y492" s="10" t="s">
        <v>55</v>
      </c>
      <c r="Z492" s="10" t="s">
        <v>55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102</v>
      </c>
      <c r="I493" s="9" t="s">
        <v>54</v>
      </c>
      <c r="J493" s="9" t="s">
        <v>52</v>
      </c>
      <c r="K493" s="6">
        <v>390</v>
      </c>
      <c r="L493" s="6">
        <v>327</v>
      </c>
      <c r="M493" s="6">
        <v>314</v>
      </c>
      <c r="N493" s="6">
        <v>284</v>
      </c>
      <c r="O493" s="6">
        <v>22</v>
      </c>
      <c r="P493" s="10" t="s">
        <v>55</v>
      </c>
      <c r="Q493" s="6">
        <v>8</v>
      </c>
      <c r="R493" s="6">
        <v>13</v>
      </c>
      <c r="S493" s="6">
        <v>42</v>
      </c>
      <c r="T493" s="6">
        <v>32</v>
      </c>
      <c r="U493" s="10" t="s">
        <v>55</v>
      </c>
      <c r="V493" s="6">
        <v>10</v>
      </c>
      <c r="W493" s="6">
        <v>21</v>
      </c>
      <c r="X493" s="6">
        <v>286</v>
      </c>
      <c r="Y493" s="6">
        <v>258</v>
      </c>
      <c r="Z493" s="6">
        <v>20</v>
      </c>
      <c r="AA493" s="10" t="s">
        <v>55</v>
      </c>
      <c r="AB493" s="6">
        <v>8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102</v>
      </c>
      <c r="I494" s="9" t="s">
        <v>6</v>
      </c>
      <c r="J494" s="9" t="s">
        <v>30</v>
      </c>
      <c r="K494" s="6">
        <v>118</v>
      </c>
      <c r="L494" s="6">
        <v>86</v>
      </c>
      <c r="M494" s="6">
        <v>79</v>
      </c>
      <c r="N494" s="6">
        <v>70</v>
      </c>
      <c r="O494" s="6">
        <v>7</v>
      </c>
      <c r="P494" s="10" t="s">
        <v>55</v>
      </c>
      <c r="Q494" s="6">
        <v>2</v>
      </c>
      <c r="R494" s="6">
        <v>7</v>
      </c>
      <c r="S494" s="6">
        <v>32</v>
      </c>
      <c r="T494" s="6">
        <v>3</v>
      </c>
      <c r="U494" s="10" t="s">
        <v>55</v>
      </c>
      <c r="V494" s="6">
        <v>29</v>
      </c>
      <c r="W494" s="10" t="s">
        <v>55</v>
      </c>
      <c r="X494" s="6">
        <v>62</v>
      </c>
      <c r="Y494" s="6">
        <v>55</v>
      </c>
      <c r="Z494" s="6">
        <v>5</v>
      </c>
      <c r="AA494" s="10" t="s">
        <v>55</v>
      </c>
      <c r="AB494" s="6">
        <v>2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102</v>
      </c>
      <c r="I495" s="9" t="s">
        <v>6</v>
      </c>
      <c r="J495" s="9" t="s">
        <v>31</v>
      </c>
      <c r="K495" s="10" t="s">
        <v>55</v>
      </c>
      <c r="L495" s="10" t="s">
        <v>55</v>
      </c>
      <c r="M495" s="10" t="s">
        <v>55</v>
      </c>
      <c r="N495" s="10" t="s">
        <v>55</v>
      </c>
      <c r="O495" s="10" t="s">
        <v>55</v>
      </c>
      <c r="P495" s="10" t="s">
        <v>55</v>
      </c>
      <c r="Q495" s="10" t="s">
        <v>55</v>
      </c>
      <c r="R495" s="10" t="s">
        <v>55</v>
      </c>
      <c r="S495" s="10" t="s">
        <v>55</v>
      </c>
      <c r="T495" s="10" t="s">
        <v>55</v>
      </c>
      <c r="U495" s="10" t="s">
        <v>55</v>
      </c>
      <c r="V495" s="10" t="s">
        <v>55</v>
      </c>
      <c r="W495" s="10" t="s">
        <v>55</v>
      </c>
      <c r="X495" s="10" t="s">
        <v>55</v>
      </c>
      <c r="Y495" s="10" t="s">
        <v>55</v>
      </c>
      <c r="Z495" s="10" t="s">
        <v>55</v>
      </c>
      <c r="AA495" s="10" t="s">
        <v>55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102</v>
      </c>
      <c r="I496" s="9" t="s">
        <v>6</v>
      </c>
      <c r="J496" s="9" t="s">
        <v>32</v>
      </c>
      <c r="K496" s="10" t="s">
        <v>55</v>
      </c>
      <c r="L496" s="10" t="s">
        <v>55</v>
      </c>
      <c r="M496" s="10" t="s">
        <v>55</v>
      </c>
      <c r="N496" s="10" t="s">
        <v>55</v>
      </c>
      <c r="O496" s="10" t="s">
        <v>55</v>
      </c>
      <c r="P496" s="10" t="s">
        <v>55</v>
      </c>
      <c r="Q496" s="10" t="s">
        <v>55</v>
      </c>
      <c r="R496" s="10" t="s">
        <v>55</v>
      </c>
      <c r="S496" s="10" t="s">
        <v>55</v>
      </c>
      <c r="T496" s="10" t="s">
        <v>55</v>
      </c>
      <c r="U496" s="10" t="s">
        <v>55</v>
      </c>
      <c r="V496" s="10" t="s">
        <v>55</v>
      </c>
      <c r="W496" s="10" t="s">
        <v>55</v>
      </c>
      <c r="X496" s="10" t="s">
        <v>55</v>
      </c>
      <c r="Y496" s="10" t="s">
        <v>55</v>
      </c>
      <c r="Z496" s="10" t="s">
        <v>55</v>
      </c>
      <c r="AA496" s="10" t="s">
        <v>55</v>
      </c>
      <c r="AB496" s="10" t="s">
        <v>55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102</v>
      </c>
      <c r="I497" s="9" t="s">
        <v>6</v>
      </c>
      <c r="J497" s="9" t="s">
        <v>33</v>
      </c>
      <c r="K497" s="10" t="s">
        <v>55</v>
      </c>
      <c r="L497" s="10" t="s">
        <v>55</v>
      </c>
      <c r="M497" s="10" t="s">
        <v>55</v>
      </c>
      <c r="N497" s="10" t="s">
        <v>55</v>
      </c>
      <c r="O497" s="10" t="s">
        <v>55</v>
      </c>
      <c r="P497" s="10" t="s">
        <v>55</v>
      </c>
      <c r="Q497" s="10" t="s">
        <v>55</v>
      </c>
      <c r="R497" s="10" t="s">
        <v>55</v>
      </c>
      <c r="S497" s="10" t="s">
        <v>55</v>
      </c>
      <c r="T497" s="10" t="s">
        <v>55</v>
      </c>
      <c r="U497" s="10" t="s">
        <v>55</v>
      </c>
      <c r="V497" s="10" t="s">
        <v>55</v>
      </c>
      <c r="W497" s="10" t="s">
        <v>55</v>
      </c>
      <c r="X497" s="10" t="s">
        <v>55</v>
      </c>
      <c r="Y497" s="10" t="s">
        <v>55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102</v>
      </c>
      <c r="I498" s="9" t="s">
        <v>6</v>
      </c>
      <c r="J498" s="9" t="s">
        <v>34</v>
      </c>
      <c r="K498" s="6">
        <v>2</v>
      </c>
      <c r="L498" s="6">
        <v>2</v>
      </c>
      <c r="M498" s="6">
        <v>2</v>
      </c>
      <c r="N498" s="6">
        <v>2</v>
      </c>
      <c r="O498" s="10" t="s">
        <v>55</v>
      </c>
      <c r="P498" s="10" t="s">
        <v>55</v>
      </c>
      <c r="Q498" s="10" t="s">
        <v>55</v>
      </c>
      <c r="R498" s="10" t="s">
        <v>55</v>
      </c>
      <c r="S498" s="10" t="s">
        <v>55</v>
      </c>
      <c r="T498" s="10" t="s">
        <v>55</v>
      </c>
      <c r="U498" s="10" t="s">
        <v>55</v>
      </c>
      <c r="V498" s="10" t="s">
        <v>55</v>
      </c>
      <c r="W498" s="10" t="s">
        <v>55</v>
      </c>
      <c r="X498" s="6">
        <v>2</v>
      </c>
      <c r="Y498" s="6">
        <v>2</v>
      </c>
      <c r="Z498" s="10" t="s">
        <v>55</v>
      </c>
      <c r="AA498" s="10" t="s">
        <v>55</v>
      </c>
      <c r="AB498" s="10" t="s">
        <v>55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102</v>
      </c>
      <c r="I499" s="9" t="s">
        <v>6</v>
      </c>
      <c r="J499" s="9" t="s">
        <v>35</v>
      </c>
      <c r="K499" s="6">
        <v>8</v>
      </c>
      <c r="L499" s="6">
        <v>8</v>
      </c>
      <c r="M499" s="6">
        <v>8</v>
      </c>
      <c r="N499" s="6">
        <v>8</v>
      </c>
      <c r="O499" s="10" t="s">
        <v>55</v>
      </c>
      <c r="P499" s="10" t="s">
        <v>55</v>
      </c>
      <c r="Q499" s="10" t="s">
        <v>55</v>
      </c>
      <c r="R499" s="10" t="s">
        <v>55</v>
      </c>
      <c r="S499" s="10" t="s">
        <v>55</v>
      </c>
      <c r="T499" s="10" t="s">
        <v>55</v>
      </c>
      <c r="U499" s="10" t="s">
        <v>55</v>
      </c>
      <c r="V499" s="10" t="s">
        <v>55</v>
      </c>
      <c r="W499" s="10" t="s">
        <v>55</v>
      </c>
      <c r="X499" s="6">
        <v>6</v>
      </c>
      <c r="Y499" s="6">
        <v>6</v>
      </c>
      <c r="Z499" s="10" t="s">
        <v>55</v>
      </c>
      <c r="AA499" s="10" t="s">
        <v>55</v>
      </c>
      <c r="AB499" s="10" t="s">
        <v>55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102</v>
      </c>
      <c r="I500" s="9" t="s">
        <v>6</v>
      </c>
      <c r="J500" s="9" t="s">
        <v>36</v>
      </c>
      <c r="K500" s="6">
        <v>7</v>
      </c>
      <c r="L500" s="6">
        <v>7</v>
      </c>
      <c r="M500" s="6">
        <v>7</v>
      </c>
      <c r="N500" s="6">
        <v>5</v>
      </c>
      <c r="O500" s="6">
        <v>1</v>
      </c>
      <c r="P500" s="10" t="s">
        <v>55</v>
      </c>
      <c r="Q500" s="6">
        <v>1</v>
      </c>
      <c r="R500" s="10" t="s">
        <v>55</v>
      </c>
      <c r="S500" s="10" t="s">
        <v>55</v>
      </c>
      <c r="T500" s="10" t="s">
        <v>55</v>
      </c>
      <c r="U500" s="10" t="s">
        <v>55</v>
      </c>
      <c r="V500" s="10" t="s">
        <v>55</v>
      </c>
      <c r="W500" s="10" t="s">
        <v>55</v>
      </c>
      <c r="X500" s="6">
        <v>7</v>
      </c>
      <c r="Y500" s="6">
        <v>5</v>
      </c>
      <c r="Z500" s="6">
        <v>1</v>
      </c>
      <c r="AA500" s="10" t="s">
        <v>55</v>
      </c>
      <c r="AB500" s="6">
        <v>1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102</v>
      </c>
      <c r="I501" s="9" t="s">
        <v>6</v>
      </c>
      <c r="J501" s="9" t="s">
        <v>37</v>
      </c>
      <c r="K501" s="6">
        <v>9</v>
      </c>
      <c r="L501" s="6">
        <v>9</v>
      </c>
      <c r="M501" s="6">
        <v>8</v>
      </c>
      <c r="N501" s="6">
        <v>7</v>
      </c>
      <c r="O501" s="6">
        <v>1</v>
      </c>
      <c r="P501" s="10" t="s">
        <v>55</v>
      </c>
      <c r="Q501" s="10" t="s">
        <v>55</v>
      </c>
      <c r="R501" s="6">
        <v>1</v>
      </c>
      <c r="S501" s="10" t="s">
        <v>55</v>
      </c>
      <c r="T501" s="10" t="s">
        <v>55</v>
      </c>
      <c r="U501" s="10" t="s">
        <v>55</v>
      </c>
      <c r="V501" s="10" t="s">
        <v>55</v>
      </c>
      <c r="W501" s="10" t="s">
        <v>55</v>
      </c>
      <c r="X501" s="6">
        <v>8</v>
      </c>
      <c r="Y501" s="6">
        <v>7</v>
      </c>
      <c r="Z501" s="6">
        <v>1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102</v>
      </c>
      <c r="I502" s="9" t="s">
        <v>6</v>
      </c>
      <c r="J502" s="9" t="s">
        <v>38</v>
      </c>
      <c r="K502" s="6">
        <v>15</v>
      </c>
      <c r="L502" s="6">
        <v>14</v>
      </c>
      <c r="M502" s="6">
        <v>12</v>
      </c>
      <c r="N502" s="6">
        <v>11</v>
      </c>
      <c r="O502" s="6">
        <v>1</v>
      </c>
      <c r="P502" s="10" t="s">
        <v>55</v>
      </c>
      <c r="Q502" s="10" t="s">
        <v>55</v>
      </c>
      <c r="R502" s="6">
        <v>2</v>
      </c>
      <c r="S502" s="6">
        <v>1</v>
      </c>
      <c r="T502" s="10" t="s">
        <v>55</v>
      </c>
      <c r="U502" s="10" t="s">
        <v>55</v>
      </c>
      <c r="V502" s="6">
        <v>1</v>
      </c>
      <c r="W502" s="10" t="s">
        <v>55</v>
      </c>
      <c r="X502" s="6">
        <v>11</v>
      </c>
      <c r="Y502" s="6">
        <v>10</v>
      </c>
      <c r="Z502" s="6">
        <v>1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102</v>
      </c>
      <c r="I503" s="9" t="s">
        <v>6</v>
      </c>
      <c r="J503" s="9" t="s">
        <v>39</v>
      </c>
      <c r="K503" s="6">
        <v>16</v>
      </c>
      <c r="L503" s="6">
        <v>14</v>
      </c>
      <c r="M503" s="6">
        <v>13</v>
      </c>
      <c r="N503" s="6">
        <v>13</v>
      </c>
      <c r="O503" s="10" t="s">
        <v>55</v>
      </c>
      <c r="P503" s="10" t="s">
        <v>55</v>
      </c>
      <c r="Q503" s="10" t="s">
        <v>55</v>
      </c>
      <c r="R503" s="6">
        <v>1</v>
      </c>
      <c r="S503" s="6">
        <v>2</v>
      </c>
      <c r="T503" s="10" t="s">
        <v>55</v>
      </c>
      <c r="U503" s="10" t="s">
        <v>55</v>
      </c>
      <c r="V503" s="6">
        <v>2</v>
      </c>
      <c r="W503" s="10" t="s">
        <v>55</v>
      </c>
      <c r="X503" s="6">
        <v>10</v>
      </c>
      <c r="Y503" s="6">
        <v>10</v>
      </c>
      <c r="Z503" s="10" t="s">
        <v>55</v>
      </c>
      <c r="AA503" s="10" t="s">
        <v>55</v>
      </c>
      <c r="AB503" s="10" t="s">
        <v>55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102</v>
      </c>
      <c r="I504" s="9" t="s">
        <v>6</v>
      </c>
      <c r="J504" s="9" t="s">
        <v>40</v>
      </c>
      <c r="K504" s="6">
        <v>17</v>
      </c>
      <c r="L504" s="6">
        <v>17</v>
      </c>
      <c r="M504" s="6">
        <v>15</v>
      </c>
      <c r="N504" s="6">
        <v>12</v>
      </c>
      <c r="O504" s="6">
        <v>2</v>
      </c>
      <c r="P504" s="10" t="s">
        <v>55</v>
      </c>
      <c r="Q504" s="6">
        <v>1</v>
      </c>
      <c r="R504" s="6">
        <v>2</v>
      </c>
      <c r="S504" s="10" t="s">
        <v>55</v>
      </c>
      <c r="T504" s="10" t="s">
        <v>55</v>
      </c>
      <c r="U504" s="10" t="s">
        <v>55</v>
      </c>
      <c r="V504" s="10" t="s">
        <v>55</v>
      </c>
      <c r="W504" s="10" t="s">
        <v>55</v>
      </c>
      <c r="X504" s="6">
        <v>10</v>
      </c>
      <c r="Y504" s="6">
        <v>8</v>
      </c>
      <c r="Z504" s="6">
        <v>1</v>
      </c>
      <c r="AA504" s="10" t="s">
        <v>55</v>
      </c>
      <c r="AB504" s="6">
        <v>1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102</v>
      </c>
      <c r="I505" s="9" t="s">
        <v>6</v>
      </c>
      <c r="J505" s="9" t="s">
        <v>41</v>
      </c>
      <c r="K505" s="6">
        <v>18</v>
      </c>
      <c r="L505" s="6">
        <v>10</v>
      </c>
      <c r="M505" s="6">
        <v>9</v>
      </c>
      <c r="N505" s="6">
        <v>8</v>
      </c>
      <c r="O505" s="6">
        <v>1</v>
      </c>
      <c r="P505" s="10" t="s">
        <v>55</v>
      </c>
      <c r="Q505" s="10" t="s">
        <v>55</v>
      </c>
      <c r="R505" s="6">
        <v>1</v>
      </c>
      <c r="S505" s="6">
        <v>8</v>
      </c>
      <c r="T505" s="6">
        <v>3</v>
      </c>
      <c r="U505" s="10" t="s">
        <v>55</v>
      </c>
      <c r="V505" s="6">
        <v>5</v>
      </c>
      <c r="W505" s="10" t="s">
        <v>55</v>
      </c>
      <c r="X505" s="6">
        <v>5</v>
      </c>
      <c r="Y505" s="6">
        <v>5</v>
      </c>
      <c r="Z505" s="10" t="s">
        <v>55</v>
      </c>
      <c r="AA505" s="10" t="s">
        <v>55</v>
      </c>
      <c r="AB505" s="10" t="s">
        <v>55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102</v>
      </c>
      <c r="I506" s="9" t="s">
        <v>6</v>
      </c>
      <c r="J506" s="9" t="s">
        <v>42</v>
      </c>
      <c r="K506" s="6">
        <v>13</v>
      </c>
      <c r="L506" s="6">
        <v>4</v>
      </c>
      <c r="M506" s="6">
        <v>4</v>
      </c>
      <c r="N506" s="6">
        <v>3</v>
      </c>
      <c r="O506" s="6">
        <v>1</v>
      </c>
      <c r="P506" s="10" t="s">
        <v>55</v>
      </c>
      <c r="Q506" s="10" t="s">
        <v>55</v>
      </c>
      <c r="R506" s="10" t="s">
        <v>55</v>
      </c>
      <c r="S506" s="6">
        <v>9</v>
      </c>
      <c r="T506" s="10" t="s">
        <v>55</v>
      </c>
      <c r="U506" s="10" t="s">
        <v>55</v>
      </c>
      <c r="V506" s="6">
        <v>9</v>
      </c>
      <c r="W506" s="10" t="s">
        <v>55</v>
      </c>
      <c r="X506" s="6">
        <v>3</v>
      </c>
      <c r="Y506" s="6">
        <v>2</v>
      </c>
      <c r="Z506" s="6">
        <v>1</v>
      </c>
      <c r="AA506" s="10" t="s">
        <v>55</v>
      </c>
      <c r="AB506" s="10" t="s">
        <v>55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102</v>
      </c>
      <c r="I507" s="9" t="s">
        <v>6</v>
      </c>
      <c r="J507" s="9" t="s">
        <v>43</v>
      </c>
      <c r="K507" s="6">
        <v>8</v>
      </c>
      <c r="L507" s="10" t="s">
        <v>55</v>
      </c>
      <c r="M507" s="10" t="s">
        <v>55</v>
      </c>
      <c r="N507" s="10" t="s">
        <v>55</v>
      </c>
      <c r="O507" s="10" t="s">
        <v>55</v>
      </c>
      <c r="P507" s="10" t="s">
        <v>55</v>
      </c>
      <c r="Q507" s="10" t="s">
        <v>55</v>
      </c>
      <c r="R507" s="10" t="s">
        <v>55</v>
      </c>
      <c r="S507" s="6">
        <v>8</v>
      </c>
      <c r="T507" s="10" t="s">
        <v>55</v>
      </c>
      <c r="U507" s="10" t="s">
        <v>55</v>
      </c>
      <c r="V507" s="6">
        <v>8</v>
      </c>
      <c r="W507" s="10" t="s">
        <v>55</v>
      </c>
      <c r="X507" s="10" t="s">
        <v>55</v>
      </c>
      <c r="Y507" s="10" t="s">
        <v>55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102</v>
      </c>
      <c r="I508" s="9" t="s">
        <v>6</v>
      </c>
      <c r="J508" s="9" t="s">
        <v>44</v>
      </c>
      <c r="K508" s="6">
        <v>3</v>
      </c>
      <c r="L508" s="6">
        <v>1</v>
      </c>
      <c r="M508" s="6">
        <v>1</v>
      </c>
      <c r="N508" s="6">
        <v>1</v>
      </c>
      <c r="O508" s="10" t="s">
        <v>55</v>
      </c>
      <c r="P508" s="10" t="s">
        <v>55</v>
      </c>
      <c r="Q508" s="10" t="s">
        <v>55</v>
      </c>
      <c r="R508" s="10" t="s">
        <v>55</v>
      </c>
      <c r="S508" s="6">
        <v>2</v>
      </c>
      <c r="T508" s="10" t="s">
        <v>55</v>
      </c>
      <c r="U508" s="10" t="s">
        <v>55</v>
      </c>
      <c r="V508" s="6">
        <v>2</v>
      </c>
      <c r="W508" s="10" t="s">
        <v>55</v>
      </c>
      <c r="X508" s="10" t="s">
        <v>55</v>
      </c>
      <c r="Y508" s="10" t="s">
        <v>55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102</v>
      </c>
      <c r="I509" s="9" t="s">
        <v>6</v>
      </c>
      <c r="J509" s="9" t="s">
        <v>45</v>
      </c>
      <c r="K509" s="6">
        <v>1</v>
      </c>
      <c r="L509" s="10" t="s">
        <v>55</v>
      </c>
      <c r="M509" s="10" t="s">
        <v>55</v>
      </c>
      <c r="N509" s="10" t="s">
        <v>55</v>
      </c>
      <c r="O509" s="10" t="s">
        <v>55</v>
      </c>
      <c r="P509" s="10" t="s">
        <v>55</v>
      </c>
      <c r="Q509" s="10" t="s">
        <v>55</v>
      </c>
      <c r="R509" s="10" t="s">
        <v>55</v>
      </c>
      <c r="S509" s="6">
        <v>1</v>
      </c>
      <c r="T509" s="10" t="s">
        <v>55</v>
      </c>
      <c r="U509" s="10" t="s">
        <v>55</v>
      </c>
      <c r="V509" s="6">
        <v>1</v>
      </c>
      <c r="W509" s="10" t="s">
        <v>55</v>
      </c>
      <c r="X509" s="10" t="s">
        <v>55</v>
      </c>
      <c r="Y509" s="10" t="s">
        <v>55</v>
      </c>
      <c r="Z509" s="10" t="s">
        <v>55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102</v>
      </c>
      <c r="I510" s="9" t="s">
        <v>6</v>
      </c>
      <c r="J510" s="9" t="s">
        <v>46</v>
      </c>
      <c r="K510" s="10" t="s">
        <v>55</v>
      </c>
      <c r="L510" s="10" t="s">
        <v>55</v>
      </c>
      <c r="M510" s="10" t="s">
        <v>55</v>
      </c>
      <c r="N510" s="10" t="s">
        <v>55</v>
      </c>
      <c r="O510" s="10" t="s">
        <v>55</v>
      </c>
      <c r="P510" s="10" t="s">
        <v>55</v>
      </c>
      <c r="Q510" s="10" t="s">
        <v>55</v>
      </c>
      <c r="R510" s="10" t="s">
        <v>55</v>
      </c>
      <c r="S510" s="10" t="s">
        <v>55</v>
      </c>
      <c r="T510" s="10" t="s">
        <v>55</v>
      </c>
      <c r="U510" s="10" t="s">
        <v>55</v>
      </c>
      <c r="V510" s="10" t="s">
        <v>55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102</v>
      </c>
      <c r="I511" s="9" t="s">
        <v>6</v>
      </c>
      <c r="J511" s="9" t="s">
        <v>47</v>
      </c>
      <c r="K511" s="6">
        <v>1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6">
        <v>1</v>
      </c>
      <c r="T511" s="10" t="s">
        <v>55</v>
      </c>
      <c r="U511" s="10" t="s">
        <v>55</v>
      </c>
      <c r="V511" s="6">
        <v>1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102</v>
      </c>
      <c r="I512" s="9" t="s">
        <v>6</v>
      </c>
      <c r="J512" s="9" t="s">
        <v>48</v>
      </c>
      <c r="K512" s="6">
        <v>74</v>
      </c>
      <c r="L512" s="6">
        <v>71</v>
      </c>
      <c r="M512" s="6">
        <v>65</v>
      </c>
      <c r="N512" s="6">
        <v>58</v>
      </c>
      <c r="O512" s="6">
        <v>5</v>
      </c>
      <c r="P512" s="10" t="s">
        <v>55</v>
      </c>
      <c r="Q512" s="6">
        <v>2</v>
      </c>
      <c r="R512" s="6">
        <v>6</v>
      </c>
      <c r="S512" s="6">
        <v>3</v>
      </c>
      <c r="T512" s="10" t="s">
        <v>55</v>
      </c>
      <c r="U512" s="10" t="s">
        <v>55</v>
      </c>
      <c r="V512" s="6">
        <v>3</v>
      </c>
      <c r="W512" s="10" t="s">
        <v>55</v>
      </c>
      <c r="X512" s="6">
        <v>54</v>
      </c>
      <c r="Y512" s="6">
        <v>48</v>
      </c>
      <c r="Z512" s="6">
        <v>4</v>
      </c>
      <c r="AA512" s="10" t="s">
        <v>55</v>
      </c>
      <c r="AB512" s="6">
        <v>2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102</v>
      </c>
      <c r="I513" s="9" t="s">
        <v>6</v>
      </c>
      <c r="J513" s="9" t="s">
        <v>49</v>
      </c>
      <c r="K513" s="6">
        <v>44</v>
      </c>
      <c r="L513" s="6">
        <v>15</v>
      </c>
      <c r="M513" s="6">
        <v>14</v>
      </c>
      <c r="N513" s="6">
        <v>12</v>
      </c>
      <c r="O513" s="6">
        <v>2</v>
      </c>
      <c r="P513" s="10" t="s">
        <v>55</v>
      </c>
      <c r="Q513" s="10" t="s">
        <v>55</v>
      </c>
      <c r="R513" s="6">
        <v>1</v>
      </c>
      <c r="S513" s="6">
        <v>29</v>
      </c>
      <c r="T513" s="6">
        <v>3</v>
      </c>
      <c r="U513" s="10" t="s">
        <v>55</v>
      </c>
      <c r="V513" s="6">
        <v>26</v>
      </c>
      <c r="W513" s="10" t="s">
        <v>55</v>
      </c>
      <c r="X513" s="6">
        <v>8</v>
      </c>
      <c r="Y513" s="6">
        <v>7</v>
      </c>
      <c r="Z513" s="6">
        <v>1</v>
      </c>
      <c r="AA513" s="10" t="s">
        <v>55</v>
      </c>
      <c r="AB513" s="10" t="s">
        <v>55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102</v>
      </c>
      <c r="I514" s="9" t="s">
        <v>6</v>
      </c>
      <c r="J514" s="9" t="s">
        <v>50</v>
      </c>
      <c r="K514" s="6">
        <v>13</v>
      </c>
      <c r="L514" s="6">
        <v>1</v>
      </c>
      <c r="M514" s="6">
        <v>1</v>
      </c>
      <c r="N514" s="6">
        <v>1</v>
      </c>
      <c r="O514" s="10" t="s">
        <v>55</v>
      </c>
      <c r="P514" s="10" t="s">
        <v>55</v>
      </c>
      <c r="Q514" s="10" t="s">
        <v>55</v>
      </c>
      <c r="R514" s="10" t="s">
        <v>55</v>
      </c>
      <c r="S514" s="6">
        <v>12</v>
      </c>
      <c r="T514" s="10" t="s">
        <v>55</v>
      </c>
      <c r="U514" s="10" t="s">
        <v>55</v>
      </c>
      <c r="V514" s="6">
        <v>12</v>
      </c>
      <c r="W514" s="10" t="s">
        <v>55</v>
      </c>
      <c r="X514" s="10" t="s">
        <v>55</v>
      </c>
      <c r="Y514" s="10" t="s">
        <v>55</v>
      </c>
      <c r="Z514" s="10" t="s">
        <v>55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102</v>
      </c>
      <c r="I515" s="9" t="s">
        <v>6</v>
      </c>
      <c r="J515" s="9" t="s">
        <v>51</v>
      </c>
      <c r="K515" s="6">
        <v>2</v>
      </c>
      <c r="L515" s="10" t="s">
        <v>55</v>
      </c>
      <c r="M515" s="10" t="s">
        <v>55</v>
      </c>
      <c r="N515" s="10" t="s">
        <v>55</v>
      </c>
      <c r="O515" s="10" t="s">
        <v>55</v>
      </c>
      <c r="P515" s="10" t="s">
        <v>55</v>
      </c>
      <c r="Q515" s="10" t="s">
        <v>55</v>
      </c>
      <c r="R515" s="10" t="s">
        <v>55</v>
      </c>
      <c r="S515" s="6">
        <v>2</v>
      </c>
      <c r="T515" s="10" t="s">
        <v>55</v>
      </c>
      <c r="U515" s="10" t="s">
        <v>55</v>
      </c>
      <c r="V515" s="6">
        <v>2</v>
      </c>
      <c r="W515" s="10" t="s">
        <v>55</v>
      </c>
      <c r="X515" s="10" t="s">
        <v>55</v>
      </c>
      <c r="Y515" s="10" t="s">
        <v>55</v>
      </c>
      <c r="Z515" s="10" t="s">
        <v>55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102</v>
      </c>
      <c r="I516" s="9" t="s">
        <v>6</v>
      </c>
      <c r="J516" s="9" t="s">
        <v>52</v>
      </c>
      <c r="K516" s="6">
        <v>92</v>
      </c>
      <c r="L516" s="6">
        <v>81</v>
      </c>
      <c r="M516" s="6">
        <v>74</v>
      </c>
      <c r="N516" s="6">
        <v>66</v>
      </c>
      <c r="O516" s="6">
        <v>6</v>
      </c>
      <c r="P516" s="10" t="s">
        <v>55</v>
      </c>
      <c r="Q516" s="6">
        <v>2</v>
      </c>
      <c r="R516" s="6">
        <v>7</v>
      </c>
      <c r="S516" s="6">
        <v>11</v>
      </c>
      <c r="T516" s="6">
        <v>3</v>
      </c>
      <c r="U516" s="10" t="s">
        <v>55</v>
      </c>
      <c r="V516" s="6">
        <v>8</v>
      </c>
      <c r="W516" s="10" t="s">
        <v>55</v>
      </c>
      <c r="X516" s="6">
        <v>59</v>
      </c>
      <c r="Y516" s="6">
        <v>53</v>
      </c>
      <c r="Z516" s="6">
        <v>4</v>
      </c>
      <c r="AA516" s="10" t="s">
        <v>55</v>
      </c>
      <c r="AB516" s="6">
        <v>2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102</v>
      </c>
      <c r="I517" s="9" t="s">
        <v>53</v>
      </c>
      <c r="J517" s="9" t="s">
        <v>30</v>
      </c>
      <c r="K517" s="6">
        <v>64</v>
      </c>
      <c r="L517" s="6">
        <v>45</v>
      </c>
      <c r="M517" s="6">
        <v>40</v>
      </c>
      <c r="N517" s="6">
        <v>36</v>
      </c>
      <c r="O517" s="6">
        <v>2</v>
      </c>
      <c r="P517" s="10" t="s">
        <v>55</v>
      </c>
      <c r="Q517" s="6">
        <v>2</v>
      </c>
      <c r="R517" s="6">
        <v>5</v>
      </c>
      <c r="S517" s="6">
        <v>19</v>
      </c>
      <c r="T517" s="6">
        <v>3</v>
      </c>
      <c r="U517" s="10" t="s">
        <v>55</v>
      </c>
      <c r="V517" s="6">
        <v>16</v>
      </c>
      <c r="W517" s="10" t="s">
        <v>55</v>
      </c>
      <c r="X517" s="6">
        <v>30</v>
      </c>
      <c r="Y517" s="6">
        <v>28</v>
      </c>
      <c r="Z517" s="10" t="s">
        <v>55</v>
      </c>
      <c r="AA517" s="10" t="s">
        <v>55</v>
      </c>
      <c r="AB517" s="6">
        <v>2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102</v>
      </c>
      <c r="I518" s="9" t="s">
        <v>53</v>
      </c>
      <c r="J518" s="9" t="s">
        <v>31</v>
      </c>
      <c r="K518" s="10" t="s">
        <v>55</v>
      </c>
      <c r="L518" s="10" t="s">
        <v>55</v>
      </c>
      <c r="M518" s="10" t="s">
        <v>55</v>
      </c>
      <c r="N518" s="10" t="s">
        <v>55</v>
      </c>
      <c r="O518" s="10" t="s">
        <v>55</v>
      </c>
      <c r="P518" s="10" t="s">
        <v>55</v>
      </c>
      <c r="Q518" s="10" t="s">
        <v>55</v>
      </c>
      <c r="R518" s="10" t="s">
        <v>55</v>
      </c>
      <c r="S518" s="10" t="s">
        <v>55</v>
      </c>
      <c r="T518" s="10" t="s">
        <v>55</v>
      </c>
      <c r="U518" s="10" t="s">
        <v>55</v>
      </c>
      <c r="V518" s="10" t="s">
        <v>55</v>
      </c>
      <c r="W518" s="10" t="s">
        <v>55</v>
      </c>
      <c r="X518" s="10" t="s">
        <v>55</v>
      </c>
      <c r="Y518" s="10" t="s">
        <v>55</v>
      </c>
      <c r="Z518" s="10" t="s">
        <v>55</v>
      </c>
      <c r="AA518" s="10" t="s">
        <v>55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102</v>
      </c>
      <c r="I519" s="9" t="s">
        <v>53</v>
      </c>
      <c r="J519" s="9" t="s">
        <v>32</v>
      </c>
      <c r="K519" s="10" t="s">
        <v>55</v>
      </c>
      <c r="L519" s="10" t="s">
        <v>55</v>
      </c>
      <c r="M519" s="10" t="s">
        <v>55</v>
      </c>
      <c r="N519" s="10" t="s">
        <v>55</v>
      </c>
      <c r="O519" s="10" t="s">
        <v>55</v>
      </c>
      <c r="P519" s="10" t="s">
        <v>55</v>
      </c>
      <c r="Q519" s="10" t="s">
        <v>55</v>
      </c>
      <c r="R519" s="10" t="s">
        <v>55</v>
      </c>
      <c r="S519" s="10" t="s">
        <v>55</v>
      </c>
      <c r="T519" s="10" t="s">
        <v>55</v>
      </c>
      <c r="U519" s="10" t="s">
        <v>55</v>
      </c>
      <c r="V519" s="10" t="s">
        <v>55</v>
      </c>
      <c r="W519" s="10" t="s">
        <v>55</v>
      </c>
      <c r="X519" s="10" t="s">
        <v>55</v>
      </c>
      <c r="Y519" s="10" t="s">
        <v>55</v>
      </c>
      <c r="Z519" s="10" t="s">
        <v>55</v>
      </c>
      <c r="AA519" s="10" t="s">
        <v>55</v>
      </c>
      <c r="AB519" s="10" t="s">
        <v>55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102</v>
      </c>
      <c r="I520" s="9" t="s">
        <v>53</v>
      </c>
      <c r="J520" s="9" t="s">
        <v>33</v>
      </c>
      <c r="K520" s="10" t="s">
        <v>55</v>
      </c>
      <c r="L520" s="10" t="s">
        <v>55</v>
      </c>
      <c r="M520" s="10" t="s">
        <v>55</v>
      </c>
      <c r="N520" s="10" t="s">
        <v>55</v>
      </c>
      <c r="O520" s="10" t="s">
        <v>55</v>
      </c>
      <c r="P520" s="10" t="s">
        <v>55</v>
      </c>
      <c r="Q520" s="10" t="s">
        <v>55</v>
      </c>
      <c r="R520" s="10" t="s">
        <v>55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10" t="s">
        <v>55</v>
      </c>
      <c r="Y520" s="10" t="s">
        <v>55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102</v>
      </c>
      <c r="I521" s="9" t="s">
        <v>53</v>
      </c>
      <c r="J521" s="9" t="s">
        <v>34</v>
      </c>
      <c r="K521" s="10" t="s">
        <v>55</v>
      </c>
      <c r="L521" s="10" t="s">
        <v>55</v>
      </c>
      <c r="M521" s="10" t="s">
        <v>55</v>
      </c>
      <c r="N521" s="10" t="s">
        <v>55</v>
      </c>
      <c r="O521" s="10" t="s">
        <v>55</v>
      </c>
      <c r="P521" s="10" t="s">
        <v>55</v>
      </c>
      <c r="Q521" s="10" t="s">
        <v>55</v>
      </c>
      <c r="R521" s="10" t="s">
        <v>55</v>
      </c>
      <c r="S521" s="10" t="s">
        <v>55</v>
      </c>
      <c r="T521" s="10" t="s">
        <v>55</v>
      </c>
      <c r="U521" s="10" t="s">
        <v>55</v>
      </c>
      <c r="V521" s="10" t="s">
        <v>55</v>
      </c>
      <c r="W521" s="10" t="s">
        <v>55</v>
      </c>
      <c r="X521" s="10" t="s">
        <v>55</v>
      </c>
      <c r="Y521" s="10" t="s">
        <v>55</v>
      </c>
      <c r="Z521" s="10" t="s">
        <v>55</v>
      </c>
      <c r="AA521" s="10" t="s">
        <v>55</v>
      </c>
      <c r="AB521" s="10" t="s">
        <v>55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102</v>
      </c>
      <c r="I522" s="9" t="s">
        <v>53</v>
      </c>
      <c r="J522" s="9" t="s">
        <v>35</v>
      </c>
      <c r="K522" s="6">
        <v>1</v>
      </c>
      <c r="L522" s="6">
        <v>1</v>
      </c>
      <c r="M522" s="6">
        <v>1</v>
      </c>
      <c r="N522" s="6">
        <v>1</v>
      </c>
      <c r="O522" s="10" t="s">
        <v>55</v>
      </c>
      <c r="P522" s="10" t="s">
        <v>55</v>
      </c>
      <c r="Q522" s="10" t="s">
        <v>55</v>
      </c>
      <c r="R522" s="10" t="s">
        <v>55</v>
      </c>
      <c r="S522" s="10" t="s">
        <v>55</v>
      </c>
      <c r="T522" s="10" t="s">
        <v>55</v>
      </c>
      <c r="U522" s="10" t="s">
        <v>55</v>
      </c>
      <c r="V522" s="10" t="s">
        <v>55</v>
      </c>
      <c r="W522" s="10" t="s">
        <v>55</v>
      </c>
      <c r="X522" s="10" t="s">
        <v>55</v>
      </c>
      <c r="Y522" s="10" t="s">
        <v>55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102</v>
      </c>
      <c r="I523" s="9" t="s">
        <v>53</v>
      </c>
      <c r="J523" s="9" t="s">
        <v>36</v>
      </c>
      <c r="K523" s="6">
        <v>3</v>
      </c>
      <c r="L523" s="6">
        <v>3</v>
      </c>
      <c r="M523" s="6">
        <v>3</v>
      </c>
      <c r="N523" s="6">
        <v>2</v>
      </c>
      <c r="O523" s="10" t="s">
        <v>55</v>
      </c>
      <c r="P523" s="10" t="s">
        <v>55</v>
      </c>
      <c r="Q523" s="6">
        <v>1</v>
      </c>
      <c r="R523" s="10" t="s">
        <v>55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10" t="s">
        <v>55</v>
      </c>
      <c r="X523" s="6">
        <v>3</v>
      </c>
      <c r="Y523" s="6">
        <v>2</v>
      </c>
      <c r="Z523" s="10" t="s">
        <v>55</v>
      </c>
      <c r="AA523" s="10" t="s">
        <v>55</v>
      </c>
      <c r="AB523" s="6">
        <v>1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102</v>
      </c>
      <c r="I524" s="9" t="s">
        <v>53</v>
      </c>
      <c r="J524" s="9" t="s">
        <v>37</v>
      </c>
      <c r="K524" s="6">
        <v>3</v>
      </c>
      <c r="L524" s="6">
        <v>3</v>
      </c>
      <c r="M524" s="6">
        <v>3</v>
      </c>
      <c r="N524" s="6">
        <v>3</v>
      </c>
      <c r="O524" s="10" t="s">
        <v>55</v>
      </c>
      <c r="P524" s="10" t="s">
        <v>55</v>
      </c>
      <c r="Q524" s="10" t="s">
        <v>55</v>
      </c>
      <c r="R524" s="10" t="s">
        <v>55</v>
      </c>
      <c r="S524" s="10" t="s">
        <v>55</v>
      </c>
      <c r="T524" s="10" t="s">
        <v>55</v>
      </c>
      <c r="U524" s="10" t="s">
        <v>55</v>
      </c>
      <c r="V524" s="10" t="s">
        <v>55</v>
      </c>
      <c r="W524" s="10" t="s">
        <v>55</v>
      </c>
      <c r="X524" s="6">
        <v>3</v>
      </c>
      <c r="Y524" s="6">
        <v>3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102</v>
      </c>
      <c r="I525" s="9" t="s">
        <v>53</v>
      </c>
      <c r="J525" s="9" t="s">
        <v>38</v>
      </c>
      <c r="K525" s="6">
        <v>9</v>
      </c>
      <c r="L525" s="6">
        <v>8</v>
      </c>
      <c r="M525" s="6">
        <v>6</v>
      </c>
      <c r="N525" s="6">
        <v>6</v>
      </c>
      <c r="O525" s="10" t="s">
        <v>55</v>
      </c>
      <c r="P525" s="10" t="s">
        <v>55</v>
      </c>
      <c r="Q525" s="10" t="s">
        <v>55</v>
      </c>
      <c r="R525" s="6">
        <v>2</v>
      </c>
      <c r="S525" s="6">
        <v>1</v>
      </c>
      <c r="T525" s="10" t="s">
        <v>55</v>
      </c>
      <c r="U525" s="10" t="s">
        <v>55</v>
      </c>
      <c r="V525" s="6">
        <v>1</v>
      </c>
      <c r="W525" s="10" t="s">
        <v>55</v>
      </c>
      <c r="X525" s="6">
        <v>6</v>
      </c>
      <c r="Y525" s="6">
        <v>6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102</v>
      </c>
      <c r="I526" s="9" t="s">
        <v>53</v>
      </c>
      <c r="J526" s="9" t="s">
        <v>39</v>
      </c>
      <c r="K526" s="6">
        <v>11</v>
      </c>
      <c r="L526" s="6">
        <v>9</v>
      </c>
      <c r="M526" s="6">
        <v>8</v>
      </c>
      <c r="N526" s="6">
        <v>8</v>
      </c>
      <c r="O526" s="10" t="s">
        <v>55</v>
      </c>
      <c r="P526" s="10" t="s">
        <v>55</v>
      </c>
      <c r="Q526" s="10" t="s">
        <v>55</v>
      </c>
      <c r="R526" s="6">
        <v>1</v>
      </c>
      <c r="S526" s="6">
        <v>2</v>
      </c>
      <c r="T526" s="10" t="s">
        <v>55</v>
      </c>
      <c r="U526" s="10" t="s">
        <v>55</v>
      </c>
      <c r="V526" s="6">
        <v>2</v>
      </c>
      <c r="W526" s="10" t="s">
        <v>55</v>
      </c>
      <c r="X526" s="6">
        <v>7</v>
      </c>
      <c r="Y526" s="6">
        <v>7</v>
      </c>
      <c r="Z526" s="10" t="s">
        <v>55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102</v>
      </c>
      <c r="I527" s="9" t="s">
        <v>53</v>
      </c>
      <c r="J527" s="9" t="s">
        <v>40</v>
      </c>
      <c r="K527" s="6">
        <v>11</v>
      </c>
      <c r="L527" s="6">
        <v>11</v>
      </c>
      <c r="M527" s="6">
        <v>10</v>
      </c>
      <c r="N527" s="6">
        <v>8</v>
      </c>
      <c r="O527" s="6">
        <v>1</v>
      </c>
      <c r="P527" s="10" t="s">
        <v>55</v>
      </c>
      <c r="Q527" s="6">
        <v>1</v>
      </c>
      <c r="R527" s="6">
        <v>1</v>
      </c>
      <c r="S527" s="10" t="s">
        <v>55</v>
      </c>
      <c r="T527" s="10" t="s">
        <v>55</v>
      </c>
      <c r="U527" s="10" t="s">
        <v>55</v>
      </c>
      <c r="V527" s="10" t="s">
        <v>55</v>
      </c>
      <c r="W527" s="10" t="s">
        <v>55</v>
      </c>
      <c r="X527" s="6">
        <v>6</v>
      </c>
      <c r="Y527" s="6">
        <v>5</v>
      </c>
      <c r="Z527" s="10" t="s">
        <v>55</v>
      </c>
      <c r="AA527" s="10" t="s">
        <v>55</v>
      </c>
      <c r="AB527" s="6">
        <v>1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102</v>
      </c>
      <c r="I528" s="9" t="s">
        <v>53</v>
      </c>
      <c r="J528" s="9" t="s">
        <v>41</v>
      </c>
      <c r="K528" s="6">
        <v>15</v>
      </c>
      <c r="L528" s="6">
        <v>8</v>
      </c>
      <c r="M528" s="6">
        <v>7</v>
      </c>
      <c r="N528" s="6">
        <v>6</v>
      </c>
      <c r="O528" s="6">
        <v>1</v>
      </c>
      <c r="P528" s="10" t="s">
        <v>55</v>
      </c>
      <c r="Q528" s="10" t="s">
        <v>55</v>
      </c>
      <c r="R528" s="6">
        <v>1</v>
      </c>
      <c r="S528" s="6">
        <v>7</v>
      </c>
      <c r="T528" s="6">
        <v>3</v>
      </c>
      <c r="U528" s="10" t="s">
        <v>55</v>
      </c>
      <c r="V528" s="6">
        <v>4</v>
      </c>
      <c r="W528" s="10" t="s">
        <v>55</v>
      </c>
      <c r="X528" s="6">
        <v>4</v>
      </c>
      <c r="Y528" s="6">
        <v>4</v>
      </c>
      <c r="Z528" s="10" t="s">
        <v>55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102</v>
      </c>
      <c r="I529" s="9" t="s">
        <v>53</v>
      </c>
      <c r="J529" s="9" t="s">
        <v>42</v>
      </c>
      <c r="K529" s="6">
        <v>9</v>
      </c>
      <c r="L529" s="6">
        <v>2</v>
      </c>
      <c r="M529" s="6">
        <v>2</v>
      </c>
      <c r="N529" s="6">
        <v>2</v>
      </c>
      <c r="O529" s="10" t="s">
        <v>55</v>
      </c>
      <c r="P529" s="10" t="s">
        <v>55</v>
      </c>
      <c r="Q529" s="10" t="s">
        <v>55</v>
      </c>
      <c r="R529" s="10" t="s">
        <v>55</v>
      </c>
      <c r="S529" s="6">
        <v>7</v>
      </c>
      <c r="T529" s="10" t="s">
        <v>55</v>
      </c>
      <c r="U529" s="10" t="s">
        <v>55</v>
      </c>
      <c r="V529" s="6">
        <v>7</v>
      </c>
      <c r="W529" s="10" t="s">
        <v>55</v>
      </c>
      <c r="X529" s="6">
        <v>1</v>
      </c>
      <c r="Y529" s="6">
        <v>1</v>
      </c>
      <c r="Z529" s="10" t="s">
        <v>55</v>
      </c>
      <c r="AA529" s="10" t="s">
        <v>55</v>
      </c>
      <c r="AB529" s="10" t="s">
        <v>55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102</v>
      </c>
      <c r="I530" s="9" t="s">
        <v>53</v>
      </c>
      <c r="J530" s="9" t="s">
        <v>43</v>
      </c>
      <c r="K530" s="6">
        <v>2</v>
      </c>
      <c r="L530" s="10" t="s">
        <v>55</v>
      </c>
      <c r="M530" s="10" t="s">
        <v>55</v>
      </c>
      <c r="N530" s="10" t="s">
        <v>55</v>
      </c>
      <c r="O530" s="10" t="s">
        <v>55</v>
      </c>
      <c r="P530" s="10" t="s">
        <v>55</v>
      </c>
      <c r="Q530" s="10" t="s">
        <v>55</v>
      </c>
      <c r="R530" s="10" t="s">
        <v>55</v>
      </c>
      <c r="S530" s="6">
        <v>2</v>
      </c>
      <c r="T530" s="10" t="s">
        <v>55</v>
      </c>
      <c r="U530" s="10" t="s">
        <v>55</v>
      </c>
      <c r="V530" s="6">
        <v>2</v>
      </c>
      <c r="W530" s="10" t="s">
        <v>55</v>
      </c>
      <c r="X530" s="10" t="s">
        <v>55</v>
      </c>
      <c r="Y530" s="10" t="s">
        <v>55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102</v>
      </c>
      <c r="I531" s="9" t="s">
        <v>53</v>
      </c>
      <c r="J531" s="9" t="s">
        <v>44</v>
      </c>
      <c r="K531" s="10" t="s">
        <v>55</v>
      </c>
      <c r="L531" s="10" t="s">
        <v>55</v>
      </c>
      <c r="M531" s="10" t="s">
        <v>55</v>
      </c>
      <c r="N531" s="10" t="s">
        <v>55</v>
      </c>
      <c r="O531" s="10" t="s">
        <v>55</v>
      </c>
      <c r="P531" s="10" t="s">
        <v>55</v>
      </c>
      <c r="Q531" s="10" t="s">
        <v>55</v>
      </c>
      <c r="R531" s="10" t="s">
        <v>55</v>
      </c>
      <c r="S531" s="10" t="s">
        <v>55</v>
      </c>
      <c r="T531" s="10" t="s">
        <v>55</v>
      </c>
      <c r="U531" s="10" t="s">
        <v>55</v>
      </c>
      <c r="V531" s="10" t="s">
        <v>55</v>
      </c>
      <c r="W531" s="10" t="s">
        <v>55</v>
      </c>
      <c r="X531" s="10" t="s">
        <v>55</v>
      </c>
      <c r="Y531" s="10" t="s">
        <v>55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102</v>
      </c>
      <c r="I532" s="9" t="s">
        <v>53</v>
      </c>
      <c r="J532" s="9" t="s">
        <v>45</v>
      </c>
      <c r="K532" s="10" t="s">
        <v>55</v>
      </c>
      <c r="L532" s="10" t="s">
        <v>55</v>
      </c>
      <c r="M532" s="10" t="s">
        <v>55</v>
      </c>
      <c r="N532" s="10" t="s">
        <v>55</v>
      </c>
      <c r="O532" s="10" t="s">
        <v>55</v>
      </c>
      <c r="P532" s="10" t="s">
        <v>55</v>
      </c>
      <c r="Q532" s="10" t="s">
        <v>55</v>
      </c>
      <c r="R532" s="10" t="s">
        <v>55</v>
      </c>
      <c r="S532" s="10" t="s">
        <v>55</v>
      </c>
      <c r="T532" s="10" t="s">
        <v>55</v>
      </c>
      <c r="U532" s="10" t="s">
        <v>55</v>
      </c>
      <c r="V532" s="10" t="s">
        <v>55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102</v>
      </c>
      <c r="I533" s="9" t="s">
        <v>53</v>
      </c>
      <c r="J533" s="9" t="s">
        <v>46</v>
      </c>
      <c r="K533" s="10" t="s">
        <v>55</v>
      </c>
      <c r="L533" s="10" t="s">
        <v>55</v>
      </c>
      <c r="M533" s="10" t="s">
        <v>55</v>
      </c>
      <c r="N533" s="10" t="s">
        <v>55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10" t="s">
        <v>55</v>
      </c>
      <c r="T533" s="10" t="s">
        <v>55</v>
      </c>
      <c r="U533" s="10" t="s">
        <v>55</v>
      </c>
      <c r="V533" s="10" t="s">
        <v>55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102</v>
      </c>
      <c r="I534" s="9" t="s">
        <v>53</v>
      </c>
      <c r="J534" s="9" t="s">
        <v>47</v>
      </c>
      <c r="K534" s="10" t="s">
        <v>55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10" t="s">
        <v>55</v>
      </c>
      <c r="T534" s="10" t="s">
        <v>55</v>
      </c>
      <c r="U534" s="10" t="s">
        <v>55</v>
      </c>
      <c r="V534" s="10" t="s">
        <v>55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102</v>
      </c>
      <c r="I535" s="9" t="s">
        <v>53</v>
      </c>
      <c r="J535" s="9" t="s">
        <v>48</v>
      </c>
      <c r="K535" s="6">
        <v>38</v>
      </c>
      <c r="L535" s="6">
        <v>35</v>
      </c>
      <c r="M535" s="6">
        <v>31</v>
      </c>
      <c r="N535" s="6">
        <v>28</v>
      </c>
      <c r="O535" s="6">
        <v>1</v>
      </c>
      <c r="P535" s="10" t="s">
        <v>55</v>
      </c>
      <c r="Q535" s="6">
        <v>2</v>
      </c>
      <c r="R535" s="6">
        <v>4</v>
      </c>
      <c r="S535" s="6">
        <v>3</v>
      </c>
      <c r="T535" s="10" t="s">
        <v>55</v>
      </c>
      <c r="U535" s="10" t="s">
        <v>55</v>
      </c>
      <c r="V535" s="6">
        <v>3</v>
      </c>
      <c r="W535" s="10" t="s">
        <v>55</v>
      </c>
      <c r="X535" s="6">
        <v>25</v>
      </c>
      <c r="Y535" s="6">
        <v>23</v>
      </c>
      <c r="Z535" s="10" t="s">
        <v>55</v>
      </c>
      <c r="AA535" s="10" t="s">
        <v>55</v>
      </c>
      <c r="AB535" s="6">
        <v>2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102</v>
      </c>
      <c r="I536" s="9" t="s">
        <v>53</v>
      </c>
      <c r="J536" s="9" t="s">
        <v>49</v>
      </c>
      <c r="K536" s="6">
        <v>26</v>
      </c>
      <c r="L536" s="6">
        <v>10</v>
      </c>
      <c r="M536" s="6">
        <v>9</v>
      </c>
      <c r="N536" s="6">
        <v>8</v>
      </c>
      <c r="O536" s="6">
        <v>1</v>
      </c>
      <c r="P536" s="10" t="s">
        <v>55</v>
      </c>
      <c r="Q536" s="10" t="s">
        <v>55</v>
      </c>
      <c r="R536" s="6">
        <v>1</v>
      </c>
      <c r="S536" s="6">
        <v>16</v>
      </c>
      <c r="T536" s="6">
        <v>3</v>
      </c>
      <c r="U536" s="10" t="s">
        <v>55</v>
      </c>
      <c r="V536" s="6">
        <v>13</v>
      </c>
      <c r="W536" s="10" t="s">
        <v>55</v>
      </c>
      <c r="X536" s="6">
        <v>5</v>
      </c>
      <c r="Y536" s="6">
        <v>5</v>
      </c>
      <c r="Z536" s="10" t="s">
        <v>55</v>
      </c>
      <c r="AA536" s="10" t="s">
        <v>55</v>
      </c>
      <c r="AB536" s="10" t="s">
        <v>55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102</v>
      </c>
      <c r="I537" s="9" t="s">
        <v>53</v>
      </c>
      <c r="J537" s="9" t="s">
        <v>50</v>
      </c>
      <c r="K537" s="6">
        <v>2</v>
      </c>
      <c r="L537" s="10" t="s">
        <v>55</v>
      </c>
      <c r="M537" s="10" t="s">
        <v>55</v>
      </c>
      <c r="N537" s="10" t="s">
        <v>55</v>
      </c>
      <c r="O537" s="10" t="s">
        <v>55</v>
      </c>
      <c r="P537" s="10" t="s">
        <v>55</v>
      </c>
      <c r="Q537" s="10" t="s">
        <v>55</v>
      </c>
      <c r="R537" s="10" t="s">
        <v>55</v>
      </c>
      <c r="S537" s="6">
        <v>2</v>
      </c>
      <c r="T537" s="10" t="s">
        <v>55</v>
      </c>
      <c r="U537" s="10" t="s">
        <v>55</v>
      </c>
      <c r="V537" s="6">
        <v>2</v>
      </c>
      <c r="W537" s="10" t="s">
        <v>55</v>
      </c>
      <c r="X537" s="10" t="s">
        <v>55</v>
      </c>
      <c r="Y537" s="10" t="s">
        <v>55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102</v>
      </c>
      <c r="I538" s="9" t="s">
        <v>53</v>
      </c>
      <c r="J538" s="9" t="s">
        <v>51</v>
      </c>
      <c r="K538" s="10" t="s">
        <v>55</v>
      </c>
      <c r="L538" s="10" t="s">
        <v>55</v>
      </c>
      <c r="M538" s="10" t="s">
        <v>55</v>
      </c>
      <c r="N538" s="10" t="s">
        <v>55</v>
      </c>
      <c r="O538" s="10" t="s">
        <v>55</v>
      </c>
      <c r="P538" s="10" t="s">
        <v>55</v>
      </c>
      <c r="Q538" s="10" t="s">
        <v>55</v>
      </c>
      <c r="R538" s="10" t="s">
        <v>55</v>
      </c>
      <c r="S538" s="10" t="s">
        <v>55</v>
      </c>
      <c r="T538" s="10" t="s">
        <v>55</v>
      </c>
      <c r="U538" s="10" t="s">
        <v>55</v>
      </c>
      <c r="V538" s="10" t="s">
        <v>55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102</v>
      </c>
      <c r="I539" s="9" t="s">
        <v>53</v>
      </c>
      <c r="J539" s="9" t="s">
        <v>52</v>
      </c>
      <c r="K539" s="6">
        <v>53</v>
      </c>
      <c r="L539" s="6">
        <v>43</v>
      </c>
      <c r="M539" s="6">
        <v>38</v>
      </c>
      <c r="N539" s="6">
        <v>34</v>
      </c>
      <c r="O539" s="6">
        <v>2</v>
      </c>
      <c r="P539" s="10" t="s">
        <v>55</v>
      </c>
      <c r="Q539" s="6">
        <v>2</v>
      </c>
      <c r="R539" s="6">
        <v>5</v>
      </c>
      <c r="S539" s="6">
        <v>10</v>
      </c>
      <c r="T539" s="6">
        <v>3</v>
      </c>
      <c r="U539" s="10" t="s">
        <v>55</v>
      </c>
      <c r="V539" s="6">
        <v>7</v>
      </c>
      <c r="W539" s="10" t="s">
        <v>55</v>
      </c>
      <c r="X539" s="6">
        <v>29</v>
      </c>
      <c r="Y539" s="6">
        <v>27</v>
      </c>
      <c r="Z539" s="10" t="s">
        <v>55</v>
      </c>
      <c r="AA539" s="10" t="s">
        <v>55</v>
      </c>
      <c r="AB539" s="6">
        <v>2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102</v>
      </c>
      <c r="I540" s="9" t="s">
        <v>54</v>
      </c>
      <c r="J540" s="9" t="s">
        <v>30</v>
      </c>
      <c r="K540" s="6">
        <v>54</v>
      </c>
      <c r="L540" s="6">
        <v>41</v>
      </c>
      <c r="M540" s="6">
        <v>39</v>
      </c>
      <c r="N540" s="6">
        <v>34</v>
      </c>
      <c r="O540" s="6">
        <v>5</v>
      </c>
      <c r="P540" s="10" t="s">
        <v>55</v>
      </c>
      <c r="Q540" s="10" t="s">
        <v>55</v>
      </c>
      <c r="R540" s="6">
        <v>2</v>
      </c>
      <c r="S540" s="6">
        <v>13</v>
      </c>
      <c r="T540" s="10" t="s">
        <v>55</v>
      </c>
      <c r="U540" s="10" t="s">
        <v>55</v>
      </c>
      <c r="V540" s="6">
        <v>13</v>
      </c>
      <c r="W540" s="10" t="s">
        <v>55</v>
      </c>
      <c r="X540" s="6">
        <v>32</v>
      </c>
      <c r="Y540" s="6">
        <v>27</v>
      </c>
      <c r="Z540" s="6">
        <v>5</v>
      </c>
      <c r="AA540" s="10" t="s">
        <v>55</v>
      </c>
      <c r="AB540" s="10" t="s">
        <v>55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102</v>
      </c>
      <c r="I541" s="9" t="s">
        <v>54</v>
      </c>
      <c r="J541" s="9" t="s">
        <v>31</v>
      </c>
      <c r="K541" s="10" t="s">
        <v>55</v>
      </c>
      <c r="L541" s="10" t="s">
        <v>55</v>
      </c>
      <c r="M541" s="10" t="s">
        <v>55</v>
      </c>
      <c r="N541" s="10" t="s">
        <v>55</v>
      </c>
      <c r="O541" s="10" t="s">
        <v>55</v>
      </c>
      <c r="P541" s="10" t="s">
        <v>55</v>
      </c>
      <c r="Q541" s="10" t="s">
        <v>55</v>
      </c>
      <c r="R541" s="10" t="s">
        <v>55</v>
      </c>
      <c r="S541" s="10" t="s">
        <v>55</v>
      </c>
      <c r="T541" s="10" t="s">
        <v>55</v>
      </c>
      <c r="U541" s="10" t="s">
        <v>55</v>
      </c>
      <c r="V541" s="10" t="s">
        <v>55</v>
      </c>
      <c r="W541" s="10" t="s">
        <v>55</v>
      </c>
      <c r="X541" s="10" t="s">
        <v>55</v>
      </c>
      <c r="Y541" s="10" t="s">
        <v>55</v>
      </c>
      <c r="Z541" s="10" t="s">
        <v>55</v>
      </c>
      <c r="AA541" s="10" t="s">
        <v>55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102</v>
      </c>
      <c r="I542" s="9" t="s">
        <v>54</v>
      </c>
      <c r="J542" s="9" t="s">
        <v>32</v>
      </c>
      <c r="K542" s="10" t="s">
        <v>55</v>
      </c>
      <c r="L542" s="10" t="s">
        <v>55</v>
      </c>
      <c r="M542" s="10" t="s">
        <v>55</v>
      </c>
      <c r="N542" s="10" t="s">
        <v>55</v>
      </c>
      <c r="O542" s="10" t="s">
        <v>55</v>
      </c>
      <c r="P542" s="10" t="s">
        <v>55</v>
      </c>
      <c r="Q542" s="10" t="s">
        <v>55</v>
      </c>
      <c r="R542" s="10" t="s">
        <v>55</v>
      </c>
      <c r="S542" s="10" t="s">
        <v>55</v>
      </c>
      <c r="T542" s="10" t="s">
        <v>55</v>
      </c>
      <c r="U542" s="10" t="s">
        <v>55</v>
      </c>
      <c r="V542" s="10" t="s">
        <v>55</v>
      </c>
      <c r="W542" s="10" t="s">
        <v>55</v>
      </c>
      <c r="X542" s="10" t="s">
        <v>55</v>
      </c>
      <c r="Y542" s="10" t="s">
        <v>55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102</v>
      </c>
      <c r="I543" s="9" t="s">
        <v>54</v>
      </c>
      <c r="J543" s="9" t="s">
        <v>33</v>
      </c>
      <c r="K543" s="10" t="s">
        <v>55</v>
      </c>
      <c r="L543" s="10" t="s">
        <v>55</v>
      </c>
      <c r="M543" s="10" t="s">
        <v>55</v>
      </c>
      <c r="N543" s="10" t="s">
        <v>55</v>
      </c>
      <c r="O543" s="10" t="s">
        <v>55</v>
      </c>
      <c r="P543" s="10" t="s">
        <v>55</v>
      </c>
      <c r="Q543" s="10" t="s">
        <v>55</v>
      </c>
      <c r="R543" s="10" t="s">
        <v>55</v>
      </c>
      <c r="S543" s="10" t="s">
        <v>55</v>
      </c>
      <c r="T543" s="10" t="s">
        <v>55</v>
      </c>
      <c r="U543" s="10" t="s">
        <v>55</v>
      </c>
      <c r="V543" s="10" t="s">
        <v>55</v>
      </c>
      <c r="W543" s="10" t="s">
        <v>55</v>
      </c>
      <c r="X543" s="10" t="s">
        <v>55</v>
      </c>
      <c r="Y543" s="10" t="s">
        <v>55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102</v>
      </c>
      <c r="I544" s="9" t="s">
        <v>54</v>
      </c>
      <c r="J544" s="9" t="s">
        <v>34</v>
      </c>
      <c r="K544" s="6">
        <v>2</v>
      </c>
      <c r="L544" s="6">
        <v>2</v>
      </c>
      <c r="M544" s="6">
        <v>2</v>
      </c>
      <c r="N544" s="6">
        <v>2</v>
      </c>
      <c r="O544" s="10" t="s">
        <v>55</v>
      </c>
      <c r="P544" s="10" t="s">
        <v>55</v>
      </c>
      <c r="Q544" s="10" t="s">
        <v>55</v>
      </c>
      <c r="R544" s="10" t="s">
        <v>55</v>
      </c>
      <c r="S544" s="10" t="s">
        <v>55</v>
      </c>
      <c r="T544" s="10" t="s">
        <v>55</v>
      </c>
      <c r="U544" s="10" t="s">
        <v>55</v>
      </c>
      <c r="V544" s="10" t="s">
        <v>55</v>
      </c>
      <c r="W544" s="10" t="s">
        <v>55</v>
      </c>
      <c r="X544" s="6">
        <v>2</v>
      </c>
      <c r="Y544" s="6">
        <v>2</v>
      </c>
      <c r="Z544" s="10" t="s">
        <v>55</v>
      </c>
      <c r="AA544" s="10" t="s">
        <v>55</v>
      </c>
      <c r="AB544" s="10" t="s">
        <v>55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102</v>
      </c>
      <c r="I545" s="9" t="s">
        <v>54</v>
      </c>
      <c r="J545" s="9" t="s">
        <v>35</v>
      </c>
      <c r="K545" s="6">
        <v>7</v>
      </c>
      <c r="L545" s="6">
        <v>7</v>
      </c>
      <c r="M545" s="6">
        <v>7</v>
      </c>
      <c r="N545" s="6">
        <v>7</v>
      </c>
      <c r="O545" s="10" t="s">
        <v>55</v>
      </c>
      <c r="P545" s="10" t="s">
        <v>55</v>
      </c>
      <c r="Q545" s="10" t="s">
        <v>55</v>
      </c>
      <c r="R545" s="10" t="s">
        <v>55</v>
      </c>
      <c r="S545" s="10" t="s">
        <v>55</v>
      </c>
      <c r="T545" s="10" t="s">
        <v>55</v>
      </c>
      <c r="U545" s="10" t="s">
        <v>55</v>
      </c>
      <c r="V545" s="10" t="s">
        <v>55</v>
      </c>
      <c r="W545" s="10" t="s">
        <v>55</v>
      </c>
      <c r="X545" s="6">
        <v>6</v>
      </c>
      <c r="Y545" s="6">
        <v>6</v>
      </c>
      <c r="Z545" s="10" t="s">
        <v>55</v>
      </c>
      <c r="AA545" s="10" t="s">
        <v>55</v>
      </c>
      <c r="AB545" s="10" t="s">
        <v>55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102</v>
      </c>
      <c r="I546" s="9" t="s">
        <v>54</v>
      </c>
      <c r="J546" s="9" t="s">
        <v>36</v>
      </c>
      <c r="K546" s="6">
        <v>4</v>
      </c>
      <c r="L546" s="6">
        <v>4</v>
      </c>
      <c r="M546" s="6">
        <v>4</v>
      </c>
      <c r="N546" s="6">
        <v>3</v>
      </c>
      <c r="O546" s="6">
        <v>1</v>
      </c>
      <c r="P546" s="10" t="s">
        <v>55</v>
      </c>
      <c r="Q546" s="10" t="s">
        <v>55</v>
      </c>
      <c r="R546" s="10" t="s">
        <v>55</v>
      </c>
      <c r="S546" s="10" t="s">
        <v>55</v>
      </c>
      <c r="T546" s="10" t="s">
        <v>55</v>
      </c>
      <c r="U546" s="10" t="s">
        <v>55</v>
      </c>
      <c r="V546" s="10" t="s">
        <v>55</v>
      </c>
      <c r="W546" s="10" t="s">
        <v>55</v>
      </c>
      <c r="X546" s="6">
        <v>4</v>
      </c>
      <c r="Y546" s="6">
        <v>3</v>
      </c>
      <c r="Z546" s="6">
        <v>1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102</v>
      </c>
      <c r="I547" s="9" t="s">
        <v>54</v>
      </c>
      <c r="J547" s="9" t="s">
        <v>37</v>
      </c>
      <c r="K547" s="6">
        <v>6</v>
      </c>
      <c r="L547" s="6">
        <v>6</v>
      </c>
      <c r="M547" s="6">
        <v>5</v>
      </c>
      <c r="N547" s="6">
        <v>4</v>
      </c>
      <c r="O547" s="6">
        <v>1</v>
      </c>
      <c r="P547" s="10" t="s">
        <v>55</v>
      </c>
      <c r="Q547" s="10" t="s">
        <v>55</v>
      </c>
      <c r="R547" s="6">
        <v>1</v>
      </c>
      <c r="S547" s="10" t="s">
        <v>55</v>
      </c>
      <c r="T547" s="10" t="s">
        <v>55</v>
      </c>
      <c r="U547" s="10" t="s">
        <v>55</v>
      </c>
      <c r="V547" s="10" t="s">
        <v>55</v>
      </c>
      <c r="W547" s="10" t="s">
        <v>55</v>
      </c>
      <c r="X547" s="6">
        <v>5</v>
      </c>
      <c r="Y547" s="6">
        <v>4</v>
      </c>
      <c r="Z547" s="6">
        <v>1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102</v>
      </c>
      <c r="I548" s="9" t="s">
        <v>54</v>
      </c>
      <c r="J548" s="9" t="s">
        <v>38</v>
      </c>
      <c r="K548" s="6">
        <v>6</v>
      </c>
      <c r="L548" s="6">
        <v>6</v>
      </c>
      <c r="M548" s="6">
        <v>6</v>
      </c>
      <c r="N548" s="6">
        <v>5</v>
      </c>
      <c r="O548" s="6">
        <v>1</v>
      </c>
      <c r="P548" s="10" t="s">
        <v>55</v>
      </c>
      <c r="Q548" s="10" t="s">
        <v>55</v>
      </c>
      <c r="R548" s="10" t="s">
        <v>55</v>
      </c>
      <c r="S548" s="10" t="s">
        <v>55</v>
      </c>
      <c r="T548" s="10" t="s">
        <v>55</v>
      </c>
      <c r="U548" s="10" t="s">
        <v>55</v>
      </c>
      <c r="V548" s="10" t="s">
        <v>55</v>
      </c>
      <c r="W548" s="10" t="s">
        <v>55</v>
      </c>
      <c r="X548" s="6">
        <v>5</v>
      </c>
      <c r="Y548" s="6">
        <v>4</v>
      </c>
      <c r="Z548" s="6">
        <v>1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102</v>
      </c>
      <c r="I549" s="9" t="s">
        <v>54</v>
      </c>
      <c r="J549" s="9" t="s">
        <v>39</v>
      </c>
      <c r="K549" s="6">
        <v>5</v>
      </c>
      <c r="L549" s="6">
        <v>5</v>
      </c>
      <c r="M549" s="6">
        <v>5</v>
      </c>
      <c r="N549" s="6">
        <v>5</v>
      </c>
      <c r="O549" s="10" t="s">
        <v>55</v>
      </c>
      <c r="P549" s="10" t="s">
        <v>55</v>
      </c>
      <c r="Q549" s="10" t="s">
        <v>55</v>
      </c>
      <c r="R549" s="10" t="s">
        <v>55</v>
      </c>
      <c r="S549" s="10" t="s">
        <v>55</v>
      </c>
      <c r="T549" s="10" t="s">
        <v>55</v>
      </c>
      <c r="U549" s="10" t="s">
        <v>55</v>
      </c>
      <c r="V549" s="10" t="s">
        <v>55</v>
      </c>
      <c r="W549" s="10" t="s">
        <v>55</v>
      </c>
      <c r="X549" s="6">
        <v>3</v>
      </c>
      <c r="Y549" s="6">
        <v>3</v>
      </c>
      <c r="Z549" s="10" t="s">
        <v>55</v>
      </c>
      <c r="AA549" s="10" t="s">
        <v>55</v>
      </c>
      <c r="AB549" s="10" t="s">
        <v>55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102</v>
      </c>
      <c r="I550" s="9" t="s">
        <v>54</v>
      </c>
      <c r="J550" s="9" t="s">
        <v>40</v>
      </c>
      <c r="K550" s="6">
        <v>6</v>
      </c>
      <c r="L550" s="6">
        <v>6</v>
      </c>
      <c r="M550" s="6">
        <v>5</v>
      </c>
      <c r="N550" s="6">
        <v>4</v>
      </c>
      <c r="O550" s="6">
        <v>1</v>
      </c>
      <c r="P550" s="10" t="s">
        <v>55</v>
      </c>
      <c r="Q550" s="10" t="s">
        <v>55</v>
      </c>
      <c r="R550" s="6">
        <v>1</v>
      </c>
      <c r="S550" s="10" t="s">
        <v>55</v>
      </c>
      <c r="T550" s="10" t="s">
        <v>55</v>
      </c>
      <c r="U550" s="10" t="s">
        <v>55</v>
      </c>
      <c r="V550" s="10" t="s">
        <v>55</v>
      </c>
      <c r="W550" s="10" t="s">
        <v>55</v>
      </c>
      <c r="X550" s="6">
        <v>4</v>
      </c>
      <c r="Y550" s="6">
        <v>3</v>
      </c>
      <c r="Z550" s="6">
        <v>1</v>
      </c>
      <c r="AA550" s="10" t="s">
        <v>55</v>
      </c>
      <c r="AB550" s="10" t="s">
        <v>55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102</v>
      </c>
      <c r="I551" s="9" t="s">
        <v>54</v>
      </c>
      <c r="J551" s="9" t="s">
        <v>41</v>
      </c>
      <c r="K551" s="6">
        <v>3</v>
      </c>
      <c r="L551" s="6">
        <v>2</v>
      </c>
      <c r="M551" s="6">
        <v>2</v>
      </c>
      <c r="N551" s="6">
        <v>2</v>
      </c>
      <c r="O551" s="10" t="s">
        <v>55</v>
      </c>
      <c r="P551" s="10" t="s">
        <v>55</v>
      </c>
      <c r="Q551" s="10" t="s">
        <v>55</v>
      </c>
      <c r="R551" s="10" t="s">
        <v>55</v>
      </c>
      <c r="S551" s="6">
        <v>1</v>
      </c>
      <c r="T551" s="10" t="s">
        <v>55</v>
      </c>
      <c r="U551" s="10" t="s">
        <v>55</v>
      </c>
      <c r="V551" s="6">
        <v>1</v>
      </c>
      <c r="W551" s="10" t="s">
        <v>55</v>
      </c>
      <c r="X551" s="6">
        <v>1</v>
      </c>
      <c r="Y551" s="6">
        <v>1</v>
      </c>
      <c r="Z551" s="10" t="s">
        <v>55</v>
      </c>
      <c r="AA551" s="10" t="s">
        <v>55</v>
      </c>
      <c r="AB551" s="10" t="s">
        <v>55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102</v>
      </c>
      <c r="I552" s="9" t="s">
        <v>54</v>
      </c>
      <c r="J552" s="9" t="s">
        <v>42</v>
      </c>
      <c r="K552" s="6">
        <v>4</v>
      </c>
      <c r="L552" s="6">
        <v>2</v>
      </c>
      <c r="M552" s="6">
        <v>2</v>
      </c>
      <c r="N552" s="6">
        <v>1</v>
      </c>
      <c r="O552" s="6">
        <v>1</v>
      </c>
      <c r="P552" s="10" t="s">
        <v>55</v>
      </c>
      <c r="Q552" s="10" t="s">
        <v>55</v>
      </c>
      <c r="R552" s="10" t="s">
        <v>55</v>
      </c>
      <c r="S552" s="6">
        <v>2</v>
      </c>
      <c r="T552" s="10" t="s">
        <v>55</v>
      </c>
      <c r="U552" s="10" t="s">
        <v>55</v>
      </c>
      <c r="V552" s="6">
        <v>2</v>
      </c>
      <c r="W552" s="10" t="s">
        <v>55</v>
      </c>
      <c r="X552" s="6">
        <v>2</v>
      </c>
      <c r="Y552" s="6">
        <v>1</v>
      </c>
      <c r="Z552" s="6">
        <v>1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102</v>
      </c>
      <c r="I553" s="9" t="s">
        <v>54</v>
      </c>
      <c r="J553" s="9" t="s">
        <v>43</v>
      </c>
      <c r="K553" s="6">
        <v>6</v>
      </c>
      <c r="L553" s="10" t="s">
        <v>55</v>
      </c>
      <c r="M553" s="10" t="s">
        <v>55</v>
      </c>
      <c r="N553" s="10" t="s">
        <v>55</v>
      </c>
      <c r="O553" s="10" t="s">
        <v>55</v>
      </c>
      <c r="P553" s="10" t="s">
        <v>55</v>
      </c>
      <c r="Q553" s="10" t="s">
        <v>55</v>
      </c>
      <c r="R553" s="10" t="s">
        <v>55</v>
      </c>
      <c r="S553" s="6">
        <v>6</v>
      </c>
      <c r="T553" s="10" t="s">
        <v>55</v>
      </c>
      <c r="U553" s="10" t="s">
        <v>55</v>
      </c>
      <c r="V553" s="6">
        <v>6</v>
      </c>
      <c r="W553" s="10" t="s">
        <v>55</v>
      </c>
      <c r="X553" s="10" t="s">
        <v>55</v>
      </c>
      <c r="Y553" s="10" t="s">
        <v>55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102</v>
      </c>
      <c r="I554" s="9" t="s">
        <v>54</v>
      </c>
      <c r="J554" s="9" t="s">
        <v>44</v>
      </c>
      <c r="K554" s="6">
        <v>3</v>
      </c>
      <c r="L554" s="6">
        <v>1</v>
      </c>
      <c r="M554" s="6">
        <v>1</v>
      </c>
      <c r="N554" s="6">
        <v>1</v>
      </c>
      <c r="O554" s="10" t="s">
        <v>55</v>
      </c>
      <c r="P554" s="10" t="s">
        <v>55</v>
      </c>
      <c r="Q554" s="10" t="s">
        <v>55</v>
      </c>
      <c r="R554" s="10" t="s">
        <v>55</v>
      </c>
      <c r="S554" s="6">
        <v>2</v>
      </c>
      <c r="T554" s="10" t="s">
        <v>55</v>
      </c>
      <c r="U554" s="10" t="s">
        <v>55</v>
      </c>
      <c r="V554" s="6">
        <v>2</v>
      </c>
      <c r="W554" s="10" t="s">
        <v>55</v>
      </c>
      <c r="X554" s="10" t="s">
        <v>55</v>
      </c>
      <c r="Y554" s="10" t="s">
        <v>55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102</v>
      </c>
      <c r="I555" s="9" t="s">
        <v>54</v>
      </c>
      <c r="J555" s="9" t="s">
        <v>45</v>
      </c>
      <c r="K555" s="6">
        <v>1</v>
      </c>
      <c r="L555" s="10" t="s">
        <v>55</v>
      </c>
      <c r="M555" s="10" t="s">
        <v>55</v>
      </c>
      <c r="N555" s="10" t="s">
        <v>55</v>
      </c>
      <c r="O555" s="10" t="s">
        <v>55</v>
      </c>
      <c r="P555" s="10" t="s">
        <v>55</v>
      </c>
      <c r="Q555" s="10" t="s">
        <v>55</v>
      </c>
      <c r="R555" s="10" t="s">
        <v>55</v>
      </c>
      <c r="S555" s="6">
        <v>1</v>
      </c>
      <c r="T555" s="10" t="s">
        <v>55</v>
      </c>
      <c r="U555" s="10" t="s">
        <v>55</v>
      </c>
      <c r="V555" s="6">
        <v>1</v>
      </c>
      <c r="W555" s="10" t="s">
        <v>55</v>
      </c>
      <c r="X555" s="10" t="s">
        <v>55</v>
      </c>
      <c r="Y555" s="10" t="s">
        <v>55</v>
      </c>
      <c r="Z555" s="10" t="s">
        <v>55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102</v>
      </c>
      <c r="I556" s="9" t="s">
        <v>54</v>
      </c>
      <c r="J556" s="9" t="s">
        <v>46</v>
      </c>
      <c r="K556" s="10" t="s">
        <v>55</v>
      </c>
      <c r="L556" s="10" t="s">
        <v>55</v>
      </c>
      <c r="M556" s="10" t="s">
        <v>55</v>
      </c>
      <c r="N556" s="10" t="s">
        <v>55</v>
      </c>
      <c r="O556" s="10" t="s">
        <v>55</v>
      </c>
      <c r="P556" s="10" t="s">
        <v>55</v>
      </c>
      <c r="Q556" s="10" t="s">
        <v>55</v>
      </c>
      <c r="R556" s="10" t="s">
        <v>55</v>
      </c>
      <c r="S556" s="10" t="s">
        <v>55</v>
      </c>
      <c r="T556" s="10" t="s">
        <v>55</v>
      </c>
      <c r="U556" s="10" t="s">
        <v>55</v>
      </c>
      <c r="V556" s="10" t="s">
        <v>55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102</v>
      </c>
      <c r="I557" s="9" t="s">
        <v>54</v>
      </c>
      <c r="J557" s="9" t="s">
        <v>47</v>
      </c>
      <c r="K557" s="6">
        <v>1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6">
        <v>1</v>
      </c>
      <c r="T557" s="10" t="s">
        <v>55</v>
      </c>
      <c r="U557" s="10" t="s">
        <v>55</v>
      </c>
      <c r="V557" s="6">
        <v>1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102</v>
      </c>
      <c r="I558" s="9" t="s">
        <v>54</v>
      </c>
      <c r="J558" s="9" t="s">
        <v>48</v>
      </c>
      <c r="K558" s="6">
        <v>36</v>
      </c>
      <c r="L558" s="6">
        <v>36</v>
      </c>
      <c r="M558" s="6">
        <v>34</v>
      </c>
      <c r="N558" s="6">
        <v>30</v>
      </c>
      <c r="O558" s="6">
        <v>4</v>
      </c>
      <c r="P558" s="10" t="s">
        <v>55</v>
      </c>
      <c r="Q558" s="10" t="s">
        <v>55</v>
      </c>
      <c r="R558" s="6">
        <v>2</v>
      </c>
      <c r="S558" s="10" t="s">
        <v>55</v>
      </c>
      <c r="T558" s="10" t="s">
        <v>55</v>
      </c>
      <c r="U558" s="10" t="s">
        <v>55</v>
      </c>
      <c r="V558" s="10" t="s">
        <v>55</v>
      </c>
      <c r="W558" s="10" t="s">
        <v>55</v>
      </c>
      <c r="X558" s="6">
        <v>29</v>
      </c>
      <c r="Y558" s="6">
        <v>25</v>
      </c>
      <c r="Z558" s="6">
        <v>4</v>
      </c>
      <c r="AA558" s="10" t="s">
        <v>55</v>
      </c>
      <c r="AB558" s="10" t="s">
        <v>55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102</v>
      </c>
      <c r="I559" s="9" t="s">
        <v>54</v>
      </c>
      <c r="J559" s="9" t="s">
        <v>49</v>
      </c>
      <c r="K559" s="6">
        <v>18</v>
      </c>
      <c r="L559" s="6">
        <v>5</v>
      </c>
      <c r="M559" s="6">
        <v>5</v>
      </c>
      <c r="N559" s="6">
        <v>4</v>
      </c>
      <c r="O559" s="6">
        <v>1</v>
      </c>
      <c r="P559" s="10" t="s">
        <v>55</v>
      </c>
      <c r="Q559" s="10" t="s">
        <v>55</v>
      </c>
      <c r="R559" s="10" t="s">
        <v>55</v>
      </c>
      <c r="S559" s="6">
        <v>13</v>
      </c>
      <c r="T559" s="10" t="s">
        <v>55</v>
      </c>
      <c r="U559" s="10" t="s">
        <v>55</v>
      </c>
      <c r="V559" s="6">
        <v>13</v>
      </c>
      <c r="W559" s="10" t="s">
        <v>55</v>
      </c>
      <c r="X559" s="6">
        <v>3</v>
      </c>
      <c r="Y559" s="6">
        <v>2</v>
      </c>
      <c r="Z559" s="6">
        <v>1</v>
      </c>
      <c r="AA559" s="10" t="s">
        <v>55</v>
      </c>
      <c r="AB559" s="10" t="s">
        <v>55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102</v>
      </c>
      <c r="I560" s="9" t="s">
        <v>54</v>
      </c>
      <c r="J560" s="9" t="s">
        <v>50</v>
      </c>
      <c r="K560" s="6">
        <v>11</v>
      </c>
      <c r="L560" s="6">
        <v>1</v>
      </c>
      <c r="M560" s="6">
        <v>1</v>
      </c>
      <c r="N560" s="6">
        <v>1</v>
      </c>
      <c r="O560" s="10" t="s">
        <v>55</v>
      </c>
      <c r="P560" s="10" t="s">
        <v>55</v>
      </c>
      <c r="Q560" s="10" t="s">
        <v>55</v>
      </c>
      <c r="R560" s="10" t="s">
        <v>55</v>
      </c>
      <c r="S560" s="6">
        <v>10</v>
      </c>
      <c r="T560" s="10" t="s">
        <v>55</v>
      </c>
      <c r="U560" s="10" t="s">
        <v>55</v>
      </c>
      <c r="V560" s="6">
        <v>10</v>
      </c>
      <c r="W560" s="10" t="s">
        <v>55</v>
      </c>
      <c r="X560" s="10" t="s">
        <v>55</v>
      </c>
      <c r="Y560" s="10" t="s">
        <v>55</v>
      </c>
      <c r="Z560" s="10" t="s">
        <v>55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102</v>
      </c>
      <c r="I561" s="9" t="s">
        <v>54</v>
      </c>
      <c r="J561" s="9" t="s">
        <v>51</v>
      </c>
      <c r="K561" s="6">
        <v>2</v>
      </c>
      <c r="L561" s="10" t="s">
        <v>55</v>
      </c>
      <c r="M561" s="10" t="s">
        <v>55</v>
      </c>
      <c r="N561" s="10" t="s">
        <v>55</v>
      </c>
      <c r="O561" s="10" t="s">
        <v>55</v>
      </c>
      <c r="P561" s="10" t="s">
        <v>55</v>
      </c>
      <c r="Q561" s="10" t="s">
        <v>55</v>
      </c>
      <c r="R561" s="10" t="s">
        <v>55</v>
      </c>
      <c r="S561" s="6">
        <v>2</v>
      </c>
      <c r="T561" s="10" t="s">
        <v>55</v>
      </c>
      <c r="U561" s="10" t="s">
        <v>55</v>
      </c>
      <c r="V561" s="6">
        <v>2</v>
      </c>
      <c r="W561" s="10" t="s">
        <v>55</v>
      </c>
      <c r="X561" s="10" t="s">
        <v>55</v>
      </c>
      <c r="Y561" s="10" t="s">
        <v>55</v>
      </c>
      <c r="Z561" s="10" t="s">
        <v>55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102</v>
      </c>
      <c r="I562" s="9" t="s">
        <v>54</v>
      </c>
      <c r="J562" s="9" t="s">
        <v>52</v>
      </c>
      <c r="K562" s="6">
        <v>39</v>
      </c>
      <c r="L562" s="6">
        <v>38</v>
      </c>
      <c r="M562" s="6">
        <v>36</v>
      </c>
      <c r="N562" s="6">
        <v>32</v>
      </c>
      <c r="O562" s="6">
        <v>4</v>
      </c>
      <c r="P562" s="10" t="s">
        <v>55</v>
      </c>
      <c r="Q562" s="10" t="s">
        <v>55</v>
      </c>
      <c r="R562" s="6">
        <v>2</v>
      </c>
      <c r="S562" s="6">
        <v>1</v>
      </c>
      <c r="T562" s="10" t="s">
        <v>55</v>
      </c>
      <c r="U562" s="10" t="s">
        <v>55</v>
      </c>
      <c r="V562" s="6">
        <v>1</v>
      </c>
      <c r="W562" s="10" t="s">
        <v>55</v>
      </c>
      <c r="X562" s="6">
        <v>30</v>
      </c>
      <c r="Y562" s="6">
        <v>26</v>
      </c>
      <c r="Z562" s="6">
        <v>4</v>
      </c>
      <c r="AA562" s="10" t="s">
        <v>55</v>
      </c>
      <c r="AB562" s="10" t="s">
        <v>55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102</v>
      </c>
      <c r="I563" s="9" t="s">
        <v>6</v>
      </c>
      <c r="J563" s="9" t="s">
        <v>30</v>
      </c>
      <c r="K563" s="6">
        <v>84</v>
      </c>
      <c r="L563" s="6">
        <v>55</v>
      </c>
      <c r="M563" s="6">
        <v>51</v>
      </c>
      <c r="N563" s="6">
        <v>44</v>
      </c>
      <c r="O563" s="6">
        <v>6</v>
      </c>
      <c r="P563" s="10" t="s">
        <v>55</v>
      </c>
      <c r="Q563" s="6">
        <v>1</v>
      </c>
      <c r="R563" s="6">
        <v>4</v>
      </c>
      <c r="S563" s="6">
        <v>29</v>
      </c>
      <c r="T563" s="6">
        <v>7</v>
      </c>
      <c r="U563" s="10" t="s">
        <v>55</v>
      </c>
      <c r="V563" s="6">
        <v>22</v>
      </c>
      <c r="W563" s="10" t="s">
        <v>55</v>
      </c>
      <c r="X563" s="6">
        <v>45</v>
      </c>
      <c r="Y563" s="6">
        <v>40</v>
      </c>
      <c r="Z563" s="6">
        <v>4</v>
      </c>
      <c r="AA563" s="10" t="s">
        <v>55</v>
      </c>
      <c r="AB563" s="6">
        <v>1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102</v>
      </c>
      <c r="I564" s="9" t="s">
        <v>6</v>
      </c>
      <c r="J564" s="9" t="s">
        <v>31</v>
      </c>
      <c r="K564" s="10" t="s">
        <v>55</v>
      </c>
      <c r="L564" s="10" t="s">
        <v>55</v>
      </c>
      <c r="M564" s="10" t="s">
        <v>55</v>
      </c>
      <c r="N564" s="10" t="s">
        <v>55</v>
      </c>
      <c r="O564" s="10" t="s">
        <v>55</v>
      </c>
      <c r="P564" s="10" t="s">
        <v>55</v>
      </c>
      <c r="Q564" s="10" t="s">
        <v>55</v>
      </c>
      <c r="R564" s="10" t="s">
        <v>55</v>
      </c>
      <c r="S564" s="10" t="s">
        <v>55</v>
      </c>
      <c r="T564" s="10" t="s">
        <v>55</v>
      </c>
      <c r="U564" s="10" t="s">
        <v>55</v>
      </c>
      <c r="V564" s="10" t="s">
        <v>55</v>
      </c>
      <c r="W564" s="10" t="s">
        <v>55</v>
      </c>
      <c r="X564" s="10" t="s">
        <v>55</v>
      </c>
      <c r="Y564" s="10" t="s">
        <v>55</v>
      </c>
      <c r="Z564" s="10" t="s">
        <v>55</v>
      </c>
      <c r="AA564" s="10" t="s">
        <v>55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102</v>
      </c>
      <c r="I565" s="9" t="s">
        <v>6</v>
      </c>
      <c r="J565" s="9" t="s">
        <v>32</v>
      </c>
      <c r="K565" s="10" t="s">
        <v>55</v>
      </c>
      <c r="L565" s="10" t="s">
        <v>55</v>
      </c>
      <c r="M565" s="10" t="s">
        <v>55</v>
      </c>
      <c r="N565" s="10" t="s">
        <v>55</v>
      </c>
      <c r="O565" s="10" t="s">
        <v>55</v>
      </c>
      <c r="P565" s="10" t="s">
        <v>55</v>
      </c>
      <c r="Q565" s="10" t="s">
        <v>55</v>
      </c>
      <c r="R565" s="10" t="s">
        <v>55</v>
      </c>
      <c r="S565" s="10" t="s">
        <v>55</v>
      </c>
      <c r="T565" s="10" t="s">
        <v>55</v>
      </c>
      <c r="U565" s="10" t="s">
        <v>55</v>
      </c>
      <c r="V565" s="10" t="s">
        <v>55</v>
      </c>
      <c r="W565" s="10" t="s">
        <v>55</v>
      </c>
      <c r="X565" s="10" t="s">
        <v>55</v>
      </c>
      <c r="Y565" s="10" t="s">
        <v>55</v>
      </c>
      <c r="Z565" s="10" t="s">
        <v>55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102</v>
      </c>
      <c r="I566" s="9" t="s">
        <v>6</v>
      </c>
      <c r="J566" s="9" t="s">
        <v>33</v>
      </c>
      <c r="K566" s="6">
        <v>1</v>
      </c>
      <c r="L566" s="6">
        <v>1</v>
      </c>
      <c r="M566" s="6">
        <v>1</v>
      </c>
      <c r="N566" s="6">
        <v>1</v>
      </c>
      <c r="O566" s="10" t="s">
        <v>55</v>
      </c>
      <c r="P566" s="10" t="s">
        <v>55</v>
      </c>
      <c r="Q566" s="10" t="s">
        <v>55</v>
      </c>
      <c r="R566" s="10" t="s">
        <v>55</v>
      </c>
      <c r="S566" s="10" t="s">
        <v>55</v>
      </c>
      <c r="T566" s="10" t="s">
        <v>55</v>
      </c>
      <c r="U566" s="10" t="s">
        <v>55</v>
      </c>
      <c r="V566" s="10" t="s">
        <v>55</v>
      </c>
      <c r="W566" s="10" t="s">
        <v>55</v>
      </c>
      <c r="X566" s="6">
        <v>1</v>
      </c>
      <c r="Y566" s="6">
        <v>1</v>
      </c>
      <c r="Z566" s="10" t="s">
        <v>55</v>
      </c>
      <c r="AA566" s="10" t="s">
        <v>55</v>
      </c>
      <c r="AB566" s="10" t="s">
        <v>55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102</v>
      </c>
      <c r="I567" s="9" t="s">
        <v>6</v>
      </c>
      <c r="J567" s="9" t="s">
        <v>34</v>
      </c>
      <c r="K567" s="6">
        <v>5</v>
      </c>
      <c r="L567" s="6">
        <v>4</v>
      </c>
      <c r="M567" s="6">
        <v>4</v>
      </c>
      <c r="N567" s="6">
        <v>2</v>
      </c>
      <c r="O567" s="6">
        <v>2</v>
      </c>
      <c r="P567" s="10" t="s">
        <v>55</v>
      </c>
      <c r="Q567" s="10" t="s">
        <v>55</v>
      </c>
      <c r="R567" s="10" t="s">
        <v>55</v>
      </c>
      <c r="S567" s="6">
        <v>1</v>
      </c>
      <c r="T567" s="10" t="s">
        <v>55</v>
      </c>
      <c r="U567" s="10" t="s">
        <v>55</v>
      </c>
      <c r="V567" s="6">
        <v>1</v>
      </c>
      <c r="W567" s="10" t="s">
        <v>55</v>
      </c>
      <c r="X567" s="6">
        <v>4</v>
      </c>
      <c r="Y567" s="6">
        <v>2</v>
      </c>
      <c r="Z567" s="6">
        <v>2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102</v>
      </c>
      <c r="I568" s="9" t="s">
        <v>6</v>
      </c>
      <c r="J568" s="9" t="s">
        <v>35</v>
      </c>
      <c r="K568" s="6">
        <v>2</v>
      </c>
      <c r="L568" s="6">
        <v>1</v>
      </c>
      <c r="M568" s="6">
        <v>1</v>
      </c>
      <c r="N568" s="6">
        <v>1</v>
      </c>
      <c r="O568" s="10" t="s">
        <v>55</v>
      </c>
      <c r="P568" s="10" t="s">
        <v>55</v>
      </c>
      <c r="Q568" s="10" t="s">
        <v>55</v>
      </c>
      <c r="R568" s="10" t="s">
        <v>55</v>
      </c>
      <c r="S568" s="6">
        <v>1</v>
      </c>
      <c r="T568" s="10" t="s">
        <v>55</v>
      </c>
      <c r="U568" s="10" t="s">
        <v>55</v>
      </c>
      <c r="V568" s="6">
        <v>1</v>
      </c>
      <c r="W568" s="10" t="s">
        <v>55</v>
      </c>
      <c r="X568" s="6">
        <v>1</v>
      </c>
      <c r="Y568" s="6">
        <v>1</v>
      </c>
      <c r="Z568" s="10" t="s">
        <v>55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102</v>
      </c>
      <c r="I569" s="9" t="s">
        <v>6</v>
      </c>
      <c r="J569" s="9" t="s">
        <v>36</v>
      </c>
      <c r="K569" s="6">
        <v>7</v>
      </c>
      <c r="L569" s="6">
        <v>7</v>
      </c>
      <c r="M569" s="6">
        <v>6</v>
      </c>
      <c r="N569" s="6">
        <v>6</v>
      </c>
      <c r="O569" s="10" t="s">
        <v>55</v>
      </c>
      <c r="P569" s="10" t="s">
        <v>55</v>
      </c>
      <c r="Q569" s="10" t="s">
        <v>55</v>
      </c>
      <c r="R569" s="6">
        <v>1</v>
      </c>
      <c r="S569" s="10" t="s">
        <v>55</v>
      </c>
      <c r="T569" s="10" t="s">
        <v>55</v>
      </c>
      <c r="U569" s="10" t="s">
        <v>55</v>
      </c>
      <c r="V569" s="10" t="s">
        <v>55</v>
      </c>
      <c r="W569" s="10" t="s">
        <v>55</v>
      </c>
      <c r="X569" s="6">
        <v>5</v>
      </c>
      <c r="Y569" s="6">
        <v>5</v>
      </c>
      <c r="Z569" s="10" t="s">
        <v>55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102</v>
      </c>
      <c r="I570" s="9" t="s">
        <v>6</v>
      </c>
      <c r="J570" s="9" t="s">
        <v>37</v>
      </c>
      <c r="K570" s="6">
        <v>5</v>
      </c>
      <c r="L570" s="6">
        <v>5</v>
      </c>
      <c r="M570" s="6">
        <v>5</v>
      </c>
      <c r="N570" s="6">
        <v>4</v>
      </c>
      <c r="O570" s="10" t="s">
        <v>55</v>
      </c>
      <c r="P570" s="10" t="s">
        <v>55</v>
      </c>
      <c r="Q570" s="6">
        <v>1</v>
      </c>
      <c r="R570" s="10" t="s">
        <v>55</v>
      </c>
      <c r="S570" s="10" t="s">
        <v>55</v>
      </c>
      <c r="T570" s="10" t="s">
        <v>55</v>
      </c>
      <c r="U570" s="10" t="s">
        <v>55</v>
      </c>
      <c r="V570" s="10" t="s">
        <v>55</v>
      </c>
      <c r="W570" s="10" t="s">
        <v>55</v>
      </c>
      <c r="X570" s="6">
        <v>4</v>
      </c>
      <c r="Y570" s="6">
        <v>3</v>
      </c>
      <c r="Z570" s="10" t="s">
        <v>55</v>
      </c>
      <c r="AA570" s="10" t="s">
        <v>55</v>
      </c>
      <c r="AB570" s="6">
        <v>1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102</v>
      </c>
      <c r="I571" s="9" t="s">
        <v>6</v>
      </c>
      <c r="J571" s="9" t="s">
        <v>38</v>
      </c>
      <c r="K571" s="6">
        <v>12</v>
      </c>
      <c r="L571" s="6">
        <v>12</v>
      </c>
      <c r="M571" s="6">
        <v>11</v>
      </c>
      <c r="N571" s="6">
        <v>10</v>
      </c>
      <c r="O571" s="6">
        <v>1</v>
      </c>
      <c r="P571" s="10" t="s">
        <v>55</v>
      </c>
      <c r="Q571" s="10" t="s">
        <v>55</v>
      </c>
      <c r="R571" s="6">
        <v>1</v>
      </c>
      <c r="S571" s="10" t="s">
        <v>55</v>
      </c>
      <c r="T571" s="10" t="s">
        <v>55</v>
      </c>
      <c r="U571" s="10" t="s">
        <v>55</v>
      </c>
      <c r="V571" s="10" t="s">
        <v>55</v>
      </c>
      <c r="W571" s="10" t="s">
        <v>55</v>
      </c>
      <c r="X571" s="6">
        <v>11</v>
      </c>
      <c r="Y571" s="6">
        <v>10</v>
      </c>
      <c r="Z571" s="6">
        <v>1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102</v>
      </c>
      <c r="I572" s="9" t="s">
        <v>6</v>
      </c>
      <c r="J572" s="9" t="s">
        <v>39</v>
      </c>
      <c r="K572" s="6">
        <v>10</v>
      </c>
      <c r="L572" s="6">
        <v>9</v>
      </c>
      <c r="M572" s="6">
        <v>9</v>
      </c>
      <c r="N572" s="6">
        <v>8</v>
      </c>
      <c r="O572" s="6">
        <v>1</v>
      </c>
      <c r="P572" s="10" t="s">
        <v>55</v>
      </c>
      <c r="Q572" s="10" t="s">
        <v>55</v>
      </c>
      <c r="R572" s="10" t="s">
        <v>55</v>
      </c>
      <c r="S572" s="6">
        <v>1</v>
      </c>
      <c r="T572" s="6">
        <v>1</v>
      </c>
      <c r="U572" s="10" t="s">
        <v>55</v>
      </c>
      <c r="V572" s="10" t="s">
        <v>55</v>
      </c>
      <c r="W572" s="10" t="s">
        <v>55</v>
      </c>
      <c r="X572" s="6">
        <v>7</v>
      </c>
      <c r="Y572" s="6">
        <v>7</v>
      </c>
      <c r="Z572" s="10" t="s">
        <v>55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102</v>
      </c>
      <c r="I573" s="9" t="s">
        <v>6</v>
      </c>
      <c r="J573" s="9" t="s">
        <v>40</v>
      </c>
      <c r="K573" s="6">
        <v>7</v>
      </c>
      <c r="L573" s="6">
        <v>6</v>
      </c>
      <c r="M573" s="6">
        <v>6</v>
      </c>
      <c r="N573" s="6">
        <v>6</v>
      </c>
      <c r="O573" s="10" t="s">
        <v>55</v>
      </c>
      <c r="P573" s="10" t="s">
        <v>55</v>
      </c>
      <c r="Q573" s="10" t="s">
        <v>55</v>
      </c>
      <c r="R573" s="10" t="s">
        <v>55</v>
      </c>
      <c r="S573" s="6">
        <v>1</v>
      </c>
      <c r="T573" s="6">
        <v>1</v>
      </c>
      <c r="U573" s="10" t="s">
        <v>55</v>
      </c>
      <c r="V573" s="10" t="s">
        <v>55</v>
      </c>
      <c r="W573" s="10" t="s">
        <v>55</v>
      </c>
      <c r="X573" s="6">
        <v>5</v>
      </c>
      <c r="Y573" s="6">
        <v>5</v>
      </c>
      <c r="Z573" s="10" t="s">
        <v>5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102</v>
      </c>
      <c r="I574" s="9" t="s">
        <v>6</v>
      </c>
      <c r="J574" s="9" t="s">
        <v>41</v>
      </c>
      <c r="K574" s="6">
        <v>9</v>
      </c>
      <c r="L574" s="6">
        <v>5</v>
      </c>
      <c r="M574" s="6">
        <v>3</v>
      </c>
      <c r="N574" s="6">
        <v>3</v>
      </c>
      <c r="O574" s="10" t="s">
        <v>55</v>
      </c>
      <c r="P574" s="10" t="s">
        <v>55</v>
      </c>
      <c r="Q574" s="10" t="s">
        <v>55</v>
      </c>
      <c r="R574" s="6">
        <v>2</v>
      </c>
      <c r="S574" s="6">
        <v>4</v>
      </c>
      <c r="T574" s="6">
        <v>2</v>
      </c>
      <c r="U574" s="10" t="s">
        <v>55</v>
      </c>
      <c r="V574" s="6">
        <v>2</v>
      </c>
      <c r="W574" s="10" t="s">
        <v>55</v>
      </c>
      <c r="X574" s="6">
        <v>3</v>
      </c>
      <c r="Y574" s="6">
        <v>3</v>
      </c>
      <c r="Z574" s="10" t="s">
        <v>55</v>
      </c>
      <c r="AA574" s="10" t="s">
        <v>55</v>
      </c>
      <c r="AB574" s="10" t="s">
        <v>55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102</v>
      </c>
      <c r="I575" s="9" t="s">
        <v>6</v>
      </c>
      <c r="J575" s="9" t="s">
        <v>42</v>
      </c>
      <c r="K575" s="6">
        <v>13</v>
      </c>
      <c r="L575" s="6">
        <v>5</v>
      </c>
      <c r="M575" s="6">
        <v>5</v>
      </c>
      <c r="N575" s="6">
        <v>3</v>
      </c>
      <c r="O575" s="6">
        <v>2</v>
      </c>
      <c r="P575" s="10" t="s">
        <v>55</v>
      </c>
      <c r="Q575" s="10" t="s">
        <v>55</v>
      </c>
      <c r="R575" s="10" t="s">
        <v>55</v>
      </c>
      <c r="S575" s="6">
        <v>8</v>
      </c>
      <c r="T575" s="6">
        <v>1</v>
      </c>
      <c r="U575" s="10" t="s">
        <v>55</v>
      </c>
      <c r="V575" s="6">
        <v>7</v>
      </c>
      <c r="W575" s="10" t="s">
        <v>55</v>
      </c>
      <c r="X575" s="6">
        <v>4</v>
      </c>
      <c r="Y575" s="6">
        <v>3</v>
      </c>
      <c r="Z575" s="6">
        <v>1</v>
      </c>
      <c r="AA575" s="10" t="s">
        <v>55</v>
      </c>
      <c r="AB575" s="10" t="s">
        <v>55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102</v>
      </c>
      <c r="I576" s="9" t="s">
        <v>6</v>
      </c>
      <c r="J576" s="9" t="s">
        <v>43</v>
      </c>
      <c r="K576" s="6">
        <v>5</v>
      </c>
      <c r="L576" s="10" t="s">
        <v>55</v>
      </c>
      <c r="M576" s="10" t="s">
        <v>55</v>
      </c>
      <c r="N576" s="10" t="s">
        <v>55</v>
      </c>
      <c r="O576" s="10" t="s">
        <v>55</v>
      </c>
      <c r="P576" s="10" t="s">
        <v>55</v>
      </c>
      <c r="Q576" s="10" t="s">
        <v>55</v>
      </c>
      <c r="R576" s="10" t="s">
        <v>55</v>
      </c>
      <c r="S576" s="6">
        <v>5</v>
      </c>
      <c r="T576" s="10" t="s">
        <v>55</v>
      </c>
      <c r="U576" s="10" t="s">
        <v>55</v>
      </c>
      <c r="V576" s="6">
        <v>5</v>
      </c>
      <c r="W576" s="10" t="s">
        <v>55</v>
      </c>
      <c r="X576" s="10" t="s">
        <v>55</v>
      </c>
      <c r="Y576" s="10" t="s">
        <v>55</v>
      </c>
      <c r="Z576" s="10" t="s">
        <v>55</v>
      </c>
      <c r="AA576" s="10" t="s">
        <v>55</v>
      </c>
      <c r="AB576" s="10" t="s">
        <v>55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102</v>
      </c>
      <c r="I577" s="9" t="s">
        <v>6</v>
      </c>
      <c r="J577" s="9" t="s">
        <v>44</v>
      </c>
      <c r="K577" s="6">
        <v>4</v>
      </c>
      <c r="L577" s="10" t="s">
        <v>55</v>
      </c>
      <c r="M577" s="10" t="s">
        <v>55</v>
      </c>
      <c r="N577" s="10" t="s">
        <v>55</v>
      </c>
      <c r="O577" s="10" t="s">
        <v>55</v>
      </c>
      <c r="P577" s="10" t="s">
        <v>55</v>
      </c>
      <c r="Q577" s="10" t="s">
        <v>55</v>
      </c>
      <c r="R577" s="10" t="s">
        <v>55</v>
      </c>
      <c r="S577" s="6">
        <v>4</v>
      </c>
      <c r="T577" s="6">
        <v>2</v>
      </c>
      <c r="U577" s="10" t="s">
        <v>55</v>
      </c>
      <c r="V577" s="6">
        <v>2</v>
      </c>
      <c r="W577" s="10" t="s">
        <v>55</v>
      </c>
      <c r="X577" s="10" t="s">
        <v>55</v>
      </c>
      <c r="Y577" s="10" t="s">
        <v>55</v>
      </c>
      <c r="Z577" s="10" t="s">
        <v>55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102</v>
      </c>
      <c r="I578" s="9" t="s">
        <v>6</v>
      </c>
      <c r="J578" s="9" t="s">
        <v>45</v>
      </c>
      <c r="K578" s="6">
        <v>3</v>
      </c>
      <c r="L578" s="10" t="s">
        <v>55</v>
      </c>
      <c r="M578" s="10" t="s">
        <v>55</v>
      </c>
      <c r="N578" s="10" t="s">
        <v>55</v>
      </c>
      <c r="O578" s="10" t="s">
        <v>55</v>
      </c>
      <c r="P578" s="10" t="s">
        <v>55</v>
      </c>
      <c r="Q578" s="10" t="s">
        <v>55</v>
      </c>
      <c r="R578" s="10" t="s">
        <v>55</v>
      </c>
      <c r="S578" s="6">
        <v>3</v>
      </c>
      <c r="T578" s="10" t="s">
        <v>55</v>
      </c>
      <c r="U578" s="10" t="s">
        <v>55</v>
      </c>
      <c r="V578" s="6">
        <v>3</v>
      </c>
      <c r="W578" s="10" t="s">
        <v>55</v>
      </c>
      <c r="X578" s="10" t="s">
        <v>55</v>
      </c>
      <c r="Y578" s="10" t="s">
        <v>55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102</v>
      </c>
      <c r="I579" s="9" t="s">
        <v>6</v>
      </c>
      <c r="J579" s="9" t="s">
        <v>46</v>
      </c>
      <c r="K579" s="6">
        <v>1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6">
        <v>1</v>
      </c>
      <c r="T579" s="10" t="s">
        <v>55</v>
      </c>
      <c r="U579" s="10" t="s">
        <v>55</v>
      </c>
      <c r="V579" s="6">
        <v>1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102</v>
      </c>
      <c r="I580" s="9" t="s">
        <v>6</v>
      </c>
      <c r="J580" s="9" t="s">
        <v>47</v>
      </c>
      <c r="K580" s="10" t="s">
        <v>55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10" t="s">
        <v>55</v>
      </c>
      <c r="T580" s="10" t="s">
        <v>55</v>
      </c>
      <c r="U580" s="10" t="s">
        <v>55</v>
      </c>
      <c r="V580" s="10" t="s">
        <v>55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102</v>
      </c>
      <c r="I581" s="9" t="s">
        <v>6</v>
      </c>
      <c r="J581" s="9" t="s">
        <v>48</v>
      </c>
      <c r="K581" s="6">
        <v>49</v>
      </c>
      <c r="L581" s="6">
        <v>45</v>
      </c>
      <c r="M581" s="6">
        <v>43</v>
      </c>
      <c r="N581" s="6">
        <v>38</v>
      </c>
      <c r="O581" s="6">
        <v>4</v>
      </c>
      <c r="P581" s="10" t="s">
        <v>55</v>
      </c>
      <c r="Q581" s="6">
        <v>1</v>
      </c>
      <c r="R581" s="6">
        <v>2</v>
      </c>
      <c r="S581" s="6">
        <v>4</v>
      </c>
      <c r="T581" s="6">
        <v>2</v>
      </c>
      <c r="U581" s="10" t="s">
        <v>55</v>
      </c>
      <c r="V581" s="6">
        <v>2</v>
      </c>
      <c r="W581" s="10" t="s">
        <v>55</v>
      </c>
      <c r="X581" s="6">
        <v>38</v>
      </c>
      <c r="Y581" s="6">
        <v>34</v>
      </c>
      <c r="Z581" s="6">
        <v>3</v>
      </c>
      <c r="AA581" s="10" t="s">
        <v>55</v>
      </c>
      <c r="AB581" s="6">
        <v>1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102</v>
      </c>
      <c r="I582" s="9" t="s">
        <v>6</v>
      </c>
      <c r="J582" s="9" t="s">
        <v>49</v>
      </c>
      <c r="K582" s="6">
        <v>35</v>
      </c>
      <c r="L582" s="6">
        <v>10</v>
      </c>
      <c r="M582" s="6">
        <v>8</v>
      </c>
      <c r="N582" s="6">
        <v>6</v>
      </c>
      <c r="O582" s="6">
        <v>2</v>
      </c>
      <c r="P582" s="10" t="s">
        <v>55</v>
      </c>
      <c r="Q582" s="10" t="s">
        <v>55</v>
      </c>
      <c r="R582" s="6">
        <v>2</v>
      </c>
      <c r="S582" s="6">
        <v>25</v>
      </c>
      <c r="T582" s="6">
        <v>5</v>
      </c>
      <c r="U582" s="10" t="s">
        <v>55</v>
      </c>
      <c r="V582" s="6">
        <v>20</v>
      </c>
      <c r="W582" s="10" t="s">
        <v>55</v>
      </c>
      <c r="X582" s="6">
        <v>7</v>
      </c>
      <c r="Y582" s="6">
        <v>6</v>
      </c>
      <c r="Z582" s="6">
        <v>1</v>
      </c>
      <c r="AA582" s="10" t="s">
        <v>55</v>
      </c>
      <c r="AB582" s="10" t="s">
        <v>55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102</v>
      </c>
      <c r="I583" s="9" t="s">
        <v>6</v>
      </c>
      <c r="J583" s="9" t="s">
        <v>50</v>
      </c>
      <c r="K583" s="6">
        <v>13</v>
      </c>
      <c r="L583" s="10" t="s">
        <v>55</v>
      </c>
      <c r="M583" s="10" t="s">
        <v>55</v>
      </c>
      <c r="N583" s="10" t="s">
        <v>55</v>
      </c>
      <c r="O583" s="10" t="s">
        <v>55</v>
      </c>
      <c r="P583" s="10" t="s">
        <v>55</v>
      </c>
      <c r="Q583" s="10" t="s">
        <v>55</v>
      </c>
      <c r="R583" s="10" t="s">
        <v>55</v>
      </c>
      <c r="S583" s="6">
        <v>13</v>
      </c>
      <c r="T583" s="6">
        <v>2</v>
      </c>
      <c r="U583" s="10" t="s">
        <v>55</v>
      </c>
      <c r="V583" s="6">
        <v>11</v>
      </c>
      <c r="W583" s="10" t="s">
        <v>55</v>
      </c>
      <c r="X583" s="10" t="s">
        <v>55</v>
      </c>
      <c r="Y583" s="10" t="s">
        <v>55</v>
      </c>
      <c r="Z583" s="10" t="s">
        <v>55</v>
      </c>
      <c r="AA583" s="10" t="s">
        <v>55</v>
      </c>
      <c r="AB583" s="10" t="s">
        <v>55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102</v>
      </c>
      <c r="I584" s="9" t="s">
        <v>6</v>
      </c>
      <c r="J584" s="9" t="s">
        <v>51</v>
      </c>
      <c r="K584" s="6">
        <v>4</v>
      </c>
      <c r="L584" s="10" t="s">
        <v>55</v>
      </c>
      <c r="M584" s="10" t="s">
        <v>55</v>
      </c>
      <c r="N584" s="10" t="s">
        <v>55</v>
      </c>
      <c r="O584" s="10" t="s">
        <v>55</v>
      </c>
      <c r="P584" s="10" t="s">
        <v>55</v>
      </c>
      <c r="Q584" s="10" t="s">
        <v>55</v>
      </c>
      <c r="R584" s="10" t="s">
        <v>55</v>
      </c>
      <c r="S584" s="6">
        <v>4</v>
      </c>
      <c r="T584" s="10" t="s">
        <v>55</v>
      </c>
      <c r="U584" s="10" t="s">
        <v>55</v>
      </c>
      <c r="V584" s="6">
        <v>4</v>
      </c>
      <c r="W584" s="10" t="s">
        <v>55</v>
      </c>
      <c r="X584" s="10" t="s">
        <v>55</v>
      </c>
      <c r="Y584" s="10" t="s">
        <v>55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102</v>
      </c>
      <c r="I585" s="9" t="s">
        <v>6</v>
      </c>
      <c r="J585" s="9" t="s">
        <v>52</v>
      </c>
      <c r="K585" s="6">
        <v>58</v>
      </c>
      <c r="L585" s="6">
        <v>50</v>
      </c>
      <c r="M585" s="6">
        <v>46</v>
      </c>
      <c r="N585" s="6">
        <v>41</v>
      </c>
      <c r="O585" s="6">
        <v>4</v>
      </c>
      <c r="P585" s="10" t="s">
        <v>55</v>
      </c>
      <c r="Q585" s="6">
        <v>1</v>
      </c>
      <c r="R585" s="6">
        <v>4</v>
      </c>
      <c r="S585" s="6">
        <v>8</v>
      </c>
      <c r="T585" s="6">
        <v>4</v>
      </c>
      <c r="U585" s="10" t="s">
        <v>55</v>
      </c>
      <c r="V585" s="6">
        <v>4</v>
      </c>
      <c r="W585" s="10" t="s">
        <v>55</v>
      </c>
      <c r="X585" s="6">
        <v>41</v>
      </c>
      <c r="Y585" s="6">
        <v>37</v>
      </c>
      <c r="Z585" s="6">
        <v>3</v>
      </c>
      <c r="AA585" s="10" t="s">
        <v>55</v>
      </c>
      <c r="AB585" s="6">
        <v>1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102</v>
      </c>
      <c r="I586" s="9" t="s">
        <v>53</v>
      </c>
      <c r="J586" s="9" t="s">
        <v>30</v>
      </c>
      <c r="K586" s="6">
        <v>44</v>
      </c>
      <c r="L586" s="6">
        <v>31</v>
      </c>
      <c r="M586" s="6">
        <v>29</v>
      </c>
      <c r="N586" s="6">
        <v>28</v>
      </c>
      <c r="O586" s="6">
        <v>1</v>
      </c>
      <c r="P586" s="10" t="s">
        <v>55</v>
      </c>
      <c r="Q586" s="10" t="s">
        <v>55</v>
      </c>
      <c r="R586" s="6">
        <v>2</v>
      </c>
      <c r="S586" s="6">
        <v>13</v>
      </c>
      <c r="T586" s="6">
        <v>1</v>
      </c>
      <c r="U586" s="10" t="s">
        <v>55</v>
      </c>
      <c r="V586" s="6">
        <v>12</v>
      </c>
      <c r="W586" s="10" t="s">
        <v>55</v>
      </c>
      <c r="X586" s="6">
        <v>24</v>
      </c>
      <c r="Y586" s="6">
        <v>24</v>
      </c>
      <c r="Z586" s="10" t="s">
        <v>55</v>
      </c>
      <c r="AA586" s="10" t="s">
        <v>55</v>
      </c>
      <c r="AB586" s="10" t="s">
        <v>55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102</v>
      </c>
      <c r="I587" s="9" t="s">
        <v>53</v>
      </c>
      <c r="J587" s="9" t="s">
        <v>31</v>
      </c>
      <c r="K587" s="10" t="s">
        <v>55</v>
      </c>
      <c r="L587" s="10" t="s">
        <v>55</v>
      </c>
      <c r="M587" s="10" t="s">
        <v>55</v>
      </c>
      <c r="N587" s="10" t="s">
        <v>55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10" t="s">
        <v>55</v>
      </c>
      <c r="T587" s="10" t="s">
        <v>55</v>
      </c>
      <c r="U587" s="10" t="s">
        <v>55</v>
      </c>
      <c r="V587" s="10" t="s">
        <v>55</v>
      </c>
      <c r="W587" s="10" t="s">
        <v>55</v>
      </c>
      <c r="X587" s="10" t="s">
        <v>55</v>
      </c>
      <c r="Y587" s="10" t="s">
        <v>55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102</v>
      </c>
      <c r="I588" s="9" t="s">
        <v>53</v>
      </c>
      <c r="J588" s="9" t="s">
        <v>32</v>
      </c>
      <c r="K588" s="10" t="s">
        <v>55</v>
      </c>
      <c r="L588" s="10" t="s">
        <v>55</v>
      </c>
      <c r="M588" s="10" t="s">
        <v>55</v>
      </c>
      <c r="N588" s="10" t="s">
        <v>55</v>
      </c>
      <c r="O588" s="10" t="s">
        <v>55</v>
      </c>
      <c r="P588" s="10" t="s">
        <v>55</v>
      </c>
      <c r="Q588" s="10" t="s">
        <v>55</v>
      </c>
      <c r="R588" s="10" t="s">
        <v>55</v>
      </c>
      <c r="S588" s="10" t="s">
        <v>55</v>
      </c>
      <c r="T588" s="10" t="s">
        <v>55</v>
      </c>
      <c r="U588" s="10" t="s">
        <v>55</v>
      </c>
      <c r="V588" s="10" t="s">
        <v>55</v>
      </c>
      <c r="W588" s="10" t="s">
        <v>55</v>
      </c>
      <c r="X588" s="10" t="s">
        <v>55</v>
      </c>
      <c r="Y588" s="10" t="s">
        <v>55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102</v>
      </c>
      <c r="I589" s="9" t="s">
        <v>53</v>
      </c>
      <c r="J589" s="9" t="s">
        <v>33</v>
      </c>
      <c r="K589" s="10" t="s">
        <v>55</v>
      </c>
      <c r="L589" s="10" t="s">
        <v>55</v>
      </c>
      <c r="M589" s="10" t="s">
        <v>55</v>
      </c>
      <c r="N589" s="10" t="s">
        <v>55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10" t="s">
        <v>55</v>
      </c>
      <c r="T589" s="10" t="s">
        <v>55</v>
      </c>
      <c r="U589" s="10" t="s">
        <v>55</v>
      </c>
      <c r="V589" s="10" t="s">
        <v>55</v>
      </c>
      <c r="W589" s="10" t="s">
        <v>55</v>
      </c>
      <c r="X589" s="10" t="s">
        <v>55</v>
      </c>
      <c r="Y589" s="10" t="s">
        <v>55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102</v>
      </c>
      <c r="I590" s="9" t="s">
        <v>53</v>
      </c>
      <c r="J590" s="9" t="s">
        <v>34</v>
      </c>
      <c r="K590" s="6">
        <v>1</v>
      </c>
      <c r="L590" s="6">
        <v>1</v>
      </c>
      <c r="M590" s="6">
        <v>1</v>
      </c>
      <c r="N590" s="6">
        <v>1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6">
        <v>1</v>
      </c>
      <c r="Y590" s="6">
        <v>1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102</v>
      </c>
      <c r="I591" s="9" t="s">
        <v>53</v>
      </c>
      <c r="J591" s="9" t="s">
        <v>35</v>
      </c>
      <c r="K591" s="6">
        <v>1</v>
      </c>
      <c r="L591" s="6">
        <v>1</v>
      </c>
      <c r="M591" s="6">
        <v>1</v>
      </c>
      <c r="N591" s="6">
        <v>1</v>
      </c>
      <c r="O591" s="10" t="s">
        <v>55</v>
      </c>
      <c r="P591" s="10" t="s">
        <v>55</v>
      </c>
      <c r="Q591" s="10" t="s">
        <v>55</v>
      </c>
      <c r="R591" s="10" t="s">
        <v>55</v>
      </c>
      <c r="S591" s="10" t="s">
        <v>55</v>
      </c>
      <c r="T591" s="10" t="s">
        <v>55</v>
      </c>
      <c r="U591" s="10" t="s">
        <v>55</v>
      </c>
      <c r="V591" s="10" t="s">
        <v>55</v>
      </c>
      <c r="W591" s="10" t="s">
        <v>55</v>
      </c>
      <c r="X591" s="6">
        <v>1</v>
      </c>
      <c r="Y591" s="6">
        <v>1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102</v>
      </c>
      <c r="I592" s="9" t="s">
        <v>53</v>
      </c>
      <c r="J592" s="9" t="s">
        <v>36</v>
      </c>
      <c r="K592" s="6">
        <v>3</v>
      </c>
      <c r="L592" s="6">
        <v>3</v>
      </c>
      <c r="M592" s="6">
        <v>3</v>
      </c>
      <c r="N592" s="6">
        <v>3</v>
      </c>
      <c r="O592" s="10" t="s">
        <v>55</v>
      </c>
      <c r="P592" s="10" t="s">
        <v>55</v>
      </c>
      <c r="Q592" s="10" t="s">
        <v>55</v>
      </c>
      <c r="R592" s="10" t="s">
        <v>55</v>
      </c>
      <c r="S592" s="10" t="s">
        <v>55</v>
      </c>
      <c r="T592" s="10" t="s">
        <v>55</v>
      </c>
      <c r="U592" s="10" t="s">
        <v>55</v>
      </c>
      <c r="V592" s="10" t="s">
        <v>55</v>
      </c>
      <c r="W592" s="10" t="s">
        <v>55</v>
      </c>
      <c r="X592" s="6">
        <v>2</v>
      </c>
      <c r="Y592" s="6">
        <v>2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102</v>
      </c>
      <c r="I593" s="9" t="s">
        <v>53</v>
      </c>
      <c r="J593" s="9" t="s">
        <v>37</v>
      </c>
      <c r="K593" s="6">
        <v>2</v>
      </c>
      <c r="L593" s="6">
        <v>2</v>
      </c>
      <c r="M593" s="6">
        <v>2</v>
      </c>
      <c r="N593" s="6">
        <v>2</v>
      </c>
      <c r="O593" s="10" t="s">
        <v>55</v>
      </c>
      <c r="P593" s="10" t="s">
        <v>55</v>
      </c>
      <c r="Q593" s="10" t="s">
        <v>55</v>
      </c>
      <c r="R593" s="10" t="s">
        <v>55</v>
      </c>
      <c r="S593" s="10" t="s">
        <v>55</v>
      </c>
      <c r="T593" s="10" t="s">
        <v>55</v>
      </c>
      <c r="U593" s="10" t="s">
        <v>55</v>
      </c>
      <c r="V593" s="10" t="s">
        <v>55</v>
      </c>
      <c r="W593" s="10" t="s">
        <v>55</v>
      </c>
      <c r="X593" s="6">
        <v>1</v>
      </c>
      <c r="Y593" s="6">
        <v>1</v>
      </c>
      <c r="Z593" s="10" t="s">
        <v>55</v>
      </c>
      <c r="AA593" s="10" t="s">
        <v>55</v>
      </c>
      <c r="AB593" s="10" t="s">
        <v>55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102</v>
      </c>
      <c r="I594" s="9" t="s">
        <v>53</v>
      </c>
      <c r="J594" s="9" t="s">
        <v>38</v>
      </c>
      <c r="K594" s="6">
        <v>7</v>
      </c>
      <c r="L594" s="6">
        <v>7</v>
      </c>
      <c r="M594" s="6">
        <v>7</v>
      </c>
      <c r="N594" s="6">
        <v>7</v>
      </c>
      <c r="O594" s="10" t="s">
        <v>55</v>
      </c>
      <c r="P594" s="10" t="s">
        <v>55</v>
      </c>
      <c r="Q594" s="10" t="s">
        <v>55</v>
      </c>
      <c r="R594" s="10" t="s">
        <v>55</v>
      </c>
      <c r="S594" s="10" t="s">
        <v>55</v>
      </c>
      <c r="T594" s="10" t="s">
        <v>55</v>
      </c>
      <c r="U594" s="10" t="s">
        <v>55</v>
      </c>
      <c r="V594" s="10" t="s">
        <v>55</v>
      </c>
      <c r="W594" s="10" t="s">
        <v>55</v>
      </c>
      <c r="X594" s="6">
        <v>7</v>
      </c>
      <c r="Y594" s="6">
        <v>7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102</v>
      </c>
      <c r="I595" s="9" t="s">
        <v>53</v>
      </c>
      <c r="J595" s="9" t="s">
        <v>39</v>
      </c>
      <c r="K595" s="6">
        <v>5</v>
      </c>
      <c r="L595" s="6">
        <v>5</v>
      </c>
      <c r="M595" s="6">
        <v>5</v>
      </c>
      <c r="N595" s="6">
        <v>4</v>
      </c>
      <c r="O595" s="6">
        <v>1</v>
      </c>
      <c r="P595" s="10" t="s">
        <v>55</v>
      </c>
      <c r="Q595" s="10" t="s">
        <v>55</v>
      </c>
      <c r="R595" s="10" t="s">
        <v>55</v>
      </c>
      <c r="S595" s="10" t="s">
        <v>55</v>
      </c>
      <c r="T595" s="10" t="s">
        <v>55</v>
      </c>
      <c r="U595" s="10" t="s">
        <v>55</v>
      </c>
      <c r="V595" s="10" t="s">
        <v>55</v>
      </c>
      <c r="W595" s="10" t="s">
        <v>55</v>
      </c>
      <c r="X595" s="6">
        <v>3</v>
      </c>
      <c r="Y595" s="6">
        <v>3</v>
      </c>
      <c r="Z595" s="10" t="s">
        <v>55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102</v>
      </c>
      <c r="I596" s="9" t="s">
        <v>53</v>
      </c>
      <c r="J596" s="9" t="s">
        <v>40</v>
      </c>
      <c r="K596" s="6">
        <v>5</v>
      </c>
      <c r="L596" s="6">
        <v>5</v>
      </c>
      <c r="M596" s="6">
        <v>5</v>
      </c>
      <c r="N596" s="6">
        <v>5</v>
      </c>
      <c r="O596" s="10" t="s">
        <v>55</v>
      </c>
      <c r="P596" s="10" t="s">
        <v>55</v>
      </c>
      <c r="Q596" s="10" t="s">
        <v>55</v>
      </c>
      <c r="R596" s="10" t="s">
        <v>55</v>
      </c>
      <c r="S596" s="10" t="s">
        <v>55</v>
      </c>
      <c r="T596" s="10" t="s">
        <v>55</v>
      </c>
      <c r="U596" s="10" t="s">
        <v>55</v>
      </c>
      <c r="V596" s="10" t="s">
        <v>55</v>
      </c>
      <c r="W596" s="10" t="s">
        <v>55</v>
      </c>
      <c r="X596" s="6">
        <v>4</v>
      </c>
      <c r="Y596" s="6">
        <v>4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102</v>
      </c>
      <c r="I597" s="9" t="s">
        <v>53</v>
      </c>
      <c r="J597" s="9" t="s">
        <v>41</v>
      </c>
      <c r="K597" s="6">
        <v>8</v>
      </c>
      <c r="L597" s="6">
        <v>5</v>
      </c>
      <c r="M597" s="6">
        <v>3</v>
      </c>
      <c r="N597" s="6">
        <v>3</v>
      </c>
      <c r="O597" s="10" t="s">
        <v>55</v>
      </c>
      <c r="P597" s="10" t="s">
        <v>55</v>
      </c>
      <c r="Q597" s="10" t="s">
        <v>55</v>
      </c>
      <c r="R597" s="6">
        <v>2</v>
      </c>
      <c r="S597" s="6">
        <v>3</v>
      </c>
      <c r="T597" s="6">
        <v>1</v>
      </c>
      <c r="U597" s="10" t="s">
        <v>55</v>
      </c>
      <c r="V597" s="6">
        <v>2</v>
      </c>
      <c r="W597" s="10" t="s">
        <v>55</v>
      </c>
      <c r="X597" s="6">
        <v>3</v>
      </c>
      <c r="Y597" s="6">
        <v>3</v>
      </c>
      <c r="Z597" s="10" t="s">
        <v>55</v>
      </c>
      <c r="AA597" s="10" t="s">
        <v>55</v>
      </c>
      <c r="AB597" s="10" t="s">
        <v>55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102</v>
      </c>
      <c r="I598" s="9" t="s">
        <v>53</v>
      </c>
      <c r="J598" s="9" t="s">
        <v>42</v>
      </c>
      <c r="K598" s="6">
        <v>9</v>
      </c>
      <c r="L598" s="6">
        <v>2</v>
      </c>
      <c r="M598" s="6">
        <v>2</v>
      </c>
      <c r="N598" s="6">
        <v>2</v>
      </c>
      <c r="O598" s="10" t="s">
        <v>55</v>
      </c>
      <c r="P598" s="10" t="s">
        <v>55</v>
      </c>
      <c r="Q598" s="10" t="s">
        <v>55</v>
      </c>
      <c r="R598" s="10" t="s">
        <v>55</v>
      </c>
      <c r="S598" s="6">
        <v>7</v>
      </c>
      <c r="T598" s="10" t="s">
        <v>55</v>
      </c>
      <c r="U598" s="10" t="s">
        <v>55</v>
      </c>
      <c r="V598" s="6">
        <v>7</v>
      </c>
      <c r="W598" s="10" t="s">
        <v>55</v>
      </c>
      <c r="X598" s="6">
        <v>2</v>
      </c>
      <c r="Y598" s="6">
        <v>2</v>
      </c>
      <c r="Z598" s="10" t="s">
        <v>55</v>
      </c>
      <c r="AA598" s="10" t="s">
        <v>55</v>
      </c>
      <c r="AB598" s="10" t="s">
        <v>55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102</v>
      </c>
      <c r="I599" s="9" t="s">
        <v>53</v>
      </c>
      <c r="J599" s="9" t="s">
        <v>43</v>
      </c>
      <c r="K599" s="6">
        <v>3</v>
      </c>
      <c r="L599" s="10" t="s">
        <v>55</v>
      </c>
      <c r="M599" s="10" t="s">
        <v>55</v>
      </c>
      <c r="N599" s="10" t="s">
        <v>55</v>
      </c>
      <c r="O599" s="10" t="s">
        <v>55</v>
      </c>
      <c r="P599" s="10" t="s">
        <v>55</v>
      </c>
      <c r="Q599" s="10" t="s">
        <v>55</v>
      </c>
      <c r="R599" s="10" t="s">
        <v>55</v>
      </c>
      <c r="S599" s="6">
        <v>3</v>
      </c>
      <c r="T599" s="10" t="s">
        <v>55</v>
      </c>
      <c r="U599" s="10" t="s">
        <v>55</v>
      </c>
      <c r="V599" s="6">
        <v>3</v>
      </c>
      <c r="W599" s="10" t="s">
        <v>55</v>
      </c>
      <c r="X599" s="10" t="s">
        <v>55</v>
      </c>
      <c r="Y599" s="10" t="s">
        <v>55</v>
      </c>
      <c r="Z599" s="10" t="s">
        <v>55</v>
      </c>
      <c r="AA599" s="10" t="s">
        <v>55</v>
      </c>
      <c r="AB599" s="10" t="s">
        <v>55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102</v>
      </c>
      <c r="I600" s="9" t="s">
        <v>53</v>
      </c>
      <c r="J600" s="9" t="s">
        <v>44</v>
      </c>
      <c r="K600" s="10" t="s">
        <v>55</v>
      </c>
      <c r="L600" s="10" t="s">
        <v>55</v>
      </c>
      <c r="M600" s="10" t="s">
        <v>55</v>
      </c>
      <c r="N600" s="10" t="s">
        <v>55</v>
      </c>
      <c r="O600" s="10" t="s">
        <v>55</v>
      </c>
      <c r="P600" s="10" t="s">
        <v>55</v>
      </c>
      <c r="Q600" s="10" t="s">
        <v>55</v>
      </c>
      <c r="R600" s="10" t="s">
        <v>55</v>
      </c>
      <c r="S600" s="10" t="s">
        <v>55</v>
      </c>
      <c r="T600" s="10" t="s">
        <v>55</v>
      </c>
      <c r="U600" s="10" t="s">
        <v>55</v>
      </c>
      <c r="V600" s="10" t="s">
        <v>55</v>
      </c>
      <c r="W600" s="10" t="s">
        <v>55</v>
      </c>
      <c r="X600" s="10" t="s">
        <v>55</v>
      </c>
      <c r="Y600" s="10" t="s">
        <v>55</v>
      </c>
      <c r="Z600" s="10" t="s">
        <v>55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102</v>
      </c>
      <c r="I601" s="9" t="s">
        <v>53</v>
      </c>
      <c r="J601" s="9" t="s">
        <v>45</v>
      </c>
      <c r="K601" s="10" t="s">
        <v>55</v>
      </c>
      <c r="L601" s="10" t="s">
        <v>55</v>
      </c>
      <c r="M601" s="10" t="s">
        <v>55</v>
      </c>
      <c r="N601" s="10" t="s">
        <v>55</v>
      </c>
      <c r="O601" s="10" t="s">
        <v>55</v>
      </c>
      <c r="P601" s="10" t="s">
        <v>55</v>
      </c>
      <c r="Q601" s="10" t="s">
        <v>55</v>
      </c>
      <c r="R601" s="10" t="s">
        <v>55</v>
      </c>
      <c r="S601" s="10" t="s">
        <v>55</v>
      </c>
      <c r="T601" s="10" t="s">
        <v>55</v>
      </c>
      <c r="U601" s="10" t="s">
        <v>55</v>
      </c>
      <c r="V601" s="10" t="s">
        <v>55</v>
      </c>
      <c r="W601" s="10" t="s">
        <v>55</v>
      </c>
      <c r="X601" s="10" t="s">
        <v>55</v>
      </c>
      <c r="Y601" s="10" t="s">
        <v>55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102</v>
      </c>
      <c r="I602" s="9" t="s">
        <v>53</v>
      </c>
      <c r="J602" s="9" t="s">
        <v>46</v>
      </c>
      <c r="K602" s="10" t="s">
        <v>55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10" t="s">
        <v>55</v>
      </c>
      <c r="T602" s="10" t="s">
        <v>55</v>
      </c>
      <c r="U602" s="10" t="s">
        <v>55</v>
      </c>
      <c r="V602" s="10" t="s">
        <v>55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102</v>
      </c>
      <c r="I603" s="9" t="s">
        <v>53</v>
      </c>
      <c r="J603" s="9" t="s">
        <v>47</v>
      </c>
      <c r="K603" s="10" t="s">
        <v>55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10" t="s">
        <v>55</v>
      </c>
      <c r="T603" s="10" t="s">
        <v>55</v>
      </c>
      <c r="U603" s="10" t="s">
        <v>55</v>
      </c>
      <c r="V603" s="10" t="s">
        <v>55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102</v>
      </c>
      <c r="I604" s="9" t="s">
        <v>53</v>
      </c>
      <c r="J604" s="9" t="s">
        <v>48</v>
      </c>
      <c r="K604" s="6">
        <v>24</v>
      </c>
      <c r="L604" s="6">
        <v>24</v>
      </c>
      <c r="M604" s="6">
        <v>24</v>
      </c>
      <c r="N604" s="6">
        <v>23</v>
      </c>
      <c r="O604" s="6">
        <v>1</v>
      </c>
      <c r="P604" s="10" t="s">
        <v>55</v>
      </c>
      <c r="Q604" s="10" t="s">
        <v>55</v>
      </c>
      <c r="R604" s="10" t="s">
        <v>55</v>
      </c>
      <c r="S604" s="10" t="s">
        <v>55</v>
      </c>
      <c r="T604" s="10" t="s">
        <v>55</v>
      </c>
      <c r="U604" s="10" t="s">
        <v>55</v>
      </c>
      <c r="V604" s="10" t="s">
        <v>55</v>
      </c>
      <c r="W604" s="10" t="s">
        <v>55</v>
      </c>
      <c r="X604" s="6">
        <v>19</v>
      </c>
      <c r="Y604" s="6">
        <v>19</v>
      </c>
      <c r="Z604" s="10" t="s">
        <v>55</v>
      </c>
      <c r="AA604" s="10" t="s">
        <v>55</v>
      </c>
      <c r="AB604" s="10" t="s">
        <v>55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102</v>
      </c>
      <c r="I605" s="9" t="s">
        <v>53</v>
      </c>
      <c r="J605" s="9" t="s">
        <v>49</v>
      </c>
      <c r="K605" s="6">
        <v>20</v>
      </c>
      <c r="L605" s="6">
        <v>7</v>
      </c>
      <c r="M605" s="6">
        <v>5</v>
      </c>
      <c r="N605" s="6">
        <v>5</v>
      </c>
      <c r="O605" s="10" t="s">
        <v>55</v>
      </c>
      <c r="P605" s="10" t="s">
        <v>55</v>
      </c>
      <c r="Q605" s="10" t="s">
        <v>55</v>
      </c>
      <c r="R605" s="6">
        <v>2</v>
      </c>
      <c r="S605" s="6">
        <v>13</v>
      </c>
      <c r="T605" s="6">
        <v>1</v>
      </c>
      <c r="U605" s="10" t="s">
        <v>55</v>
      </c>
      <c r="V605" s="6">
        <v>12</v>
      </c>
      <c r="W605" s="10" t="s">
        <v>55</v>
      </c>
      <c r="X605" s="6">
        <v>5</v>
      </c>
      <c r="Y605" s="6">
        <v>5</v>
      </c>
      <c r="Z605" s="10" t="s">
        <v>55</v>
      </c>
      <c r="AA605" s="10" t="s">
        <v>55</v>
      </c>
      <c r="AB605" s="10" t="s">
        <v>55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102</v>
      </c>
      <c r="I606" s="9" t="s">
        <v>53</v>
      </c>
      <c r="J606" s="9" t="s">
        <v>50</v>
      </c>
      <c r="K606" s="6">
        <v>3</v>
      </c>
      <c r="L606" s="10" t="s">
        <v>55</v>
      </c>
      <c r="M606" s="10" t="s">
        <v>55</v>
      </c>
      <c r="N606" s="10" t="s">
        <v>55</v>
      </c>
      <c r="O606" s="10" t="s">
        <v>55</v>
      </c>
      <c r="P606" s="10" t="s">
        <v>55</v>
      </c>
      <c r="Q606" s="10" t="s">
        <v>55</v>
      </c>
      <c r="R606" s="10" t="s">
        <v>55</v>
      </c>
      <c r="S606" s="6">
        <v>3</v>
      </c>
      <c r="T606" s="10" t="s">
        <v>55</v>
      </c>
      <c r="U606" s="10" t="s">
        <v>55</v>
      </c>
      <c r="V606" s="6">
        <v>3</v>
      </c>
      <c r="W606" s="10" t="s">
        <v>55</v>
      </c>
      <c r="X606" s="10" t="s">
        <v>55</v>
      </c>
      <c r="Y606" s="10" t="s">
        <v>55</v>
      </c>
      <c r="Z606" s="10" t="s">
        <v>55</v>
      </c>
      <c r="AA606" s="10" t="s">
        <v>55</v>
      </c>
      <c r="AB606" s="10" t="s">
        <v>55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102</v>
      </c>
      <c r="I607" s="9" t="s">
        <v>53</v>
      </c>
      <c r="J607" s="9" t="s">
        <v>51</v>
      </c>
      <c r="K607" s="10" t="s">
        <v>55</v>
      </c>
      <c r="L607" s="10" t="s">
        <v>55</v>
      </c>
      <c r="M607" s="10" t="s">
        <v>55</v>
      </c>
      <c r="N607" s="10" t="s">
        <v>55</v>
      </c>
      <c r="O607" s="10" t="s">
        <v>55</v>
      </c>
      <c r="P607" s="10" t="s">
        <v>55</v>
      </c>
      <c r="Q607" s="10" t="s">
        <v>55</v>
      </c>
      <c r="R607" s="10" t="s">
        <v>55</v>
      </c>
      <c r="S607" s="10" t="s">
        <v>55</v>
      </c>
      <c r="T607" s="10" t="s">
        <v>55</v>
      </c>
      <c r="U607" s="10" t="s">
        <v>55</v>
      </c>
      <c r="V607" s="10" t="s">
        <v>55</v>
      </c>
      <c r="W607" s="10" t="s">
        <v>55</v>
      </c>
      <c r="X607" s="10" t="s">
        <v>55</v>
      </c>
      <c r="Y607" s="10" t="s">
        <v>55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102</v>
      </c>
      <c r="I608" s="9" t="s">
        <v>53</v>
      </c>
      <c r="J608" s="9" t="s">
        <v>52</v>
      </c>
      <c r="K608" s="6">
        <v>32</v>
      </c>
      <c r="L608" s="6">
        <v>29</v>
      </c>
      <c r="M608" s="6">
        <v>27</v>
      </c>
      <c r="N608" s="6">
        <v>26</v>
      </c>
      <c r="O608" s="6">
        <v>1</v>
      </c>
      <c r="P608" s="10" t="s">
        <v>55</v>
      </c>
      <c r="Q608" s="10" t="s">
        <v>55</v>
      </c>
      <c r="R608" s="6">
        <v>2</v>
      </c>
      <c r="S608" s="6">
        <v>3</v>
      </c>
      <c r="T608" s="6">
        <v>1</v>
      </c>
      <c r="U608" s="10" t="s">
        <v>55</v>
      </c>
      <c r="V608" s="6">
        <v>2</v>
      </c>
      <c r="W608" s="10" t="s">
        <v>55</v>
      </c>
      <c r="X608" s="6">
        <v>22</v>
      </c>
      <c r="Y608" s="6">
        <v>22</v>
      </c>
      <c r="Z608" s="10" t="s">
        <v>55</v>
      </c>
      <c r="AA608" s="10" t="s">
        <v>55</v>
      </c>
      <c r="AB608" s="10" t="s">
        <v>55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102</v>
      </c>
      <c r="I609" s="9" t="s">
        <v>54</v>
      </c>
      <c r="J609" s="9" t="s">
        <v>30</v>
      </c>
      <c r="K609" s="6">
        <v>40</v>
      </c>
      <c r="L609" s="6">
        <v>24</v>
      </c>
      <c r="M609" s="6">
        <v>22</v>
      </c>
      <c r="N609" s="6">
        <v>16</v>
      </c>
      <c r="O609" s="6">
        <v>5</v>
      </c>
      <c r="P609" s="10" t="s">
        <v>55</v>
      </c>
      <c r="Q609" s="6">
        <v>1</v>
      </c>
      <c r="R609" s="6">
        <v>2</v>
      </c>
      <c r="S609" s="6">
        <v>16</v>
      </c>
      <c r="T609" s="6">
        <v>6</v>
      </c>
      <c r="U609" s="10" t="s">
        <v>55</v>
      </c>
      <c r="V609" s="6">
        <v>10</v>
      </c>
      <c r="W609" s="10" t="s">
        <v>55</v>
      </c>
      <c r="X609" s="6">
        <v>21</v>
      </c>
      <c r="Y609" s="6">
        <v>16</v>
      </c>
      <c r="Z609" s="6">
        <v>4</v>
      </c>
      <c r="AA609" s="10" t="s">
        <v>55</v>
      </c>
      <c r="AB609" s="6">
        <v>1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102</v>
      </c>
      <c r="I610" s="9" t="s">
        <v>54</v>
      </c>
      <c r="J610" s="9" t="s">
        <v>31</v>
      </c>
      <c r="K610" s="10" t="s">
        <v>55</v>
      </c>
      <c r="L610" s="10" t="s">
        <v>55</v>
      </c>
      <c r="M610" s="10" t="s">
        <v>55</v>
      </c>
      <c r="N610" s="10" t="s">
        <v>55</v>
      </c>
      <c r="O610" s="10" t="s">
        <v>55</v>
      </c>
      <c r="P610" s="10" t="s">
        <v>55</v>
      </c>
      <c r="Q610" s="10" t="s">
        <v>55</v>
      </c>
      <c r="R610" s="10" t="s">
        <v>55</v>
      </c>
      <c r="S610" s="10" t="s">
        <v>55</v>
      </c>
      <c r="T610" s="10" t="s">
        <v>55</v>
      </c>
      <c r="U610" s="10" t="s">
        <v>55</v>
      </c>
      <c r="V610" s="10" t="s">
        <v>55</v>
      </c>
      <c r="W610" s="10" t="s">
        <v>55</v>
      </c>
      <c r="X610" s="10" t="s">
        <v>55</v>
      </c>
      <c r="Y610" s="10" t="s">
        <v>55</v>
      </c>
      <c r="Z610" s="10" t="s">
        <v>55</v>
      </c>
      <c r="AA610" s="10" t="s">
        <v>55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102</v>
      </c>
      <c r="I611" s="9" t="s">
        <v>54</v>
      </c>
      <c r="J611" s="9" t="s">
        <v>32</v>
      </c>
      <c r="K611" s="10" t="s">
        <v>55</v>
      </c>
      <c r="L611" s="10" t="s">
        <v>55</v>
      </c>
      <c r="M611" s="10" t="s">
        <v>55</v>
      </c>
      <c r="N611" s="10" t="s">
        <v>55</v>
      </c>
      <c r="O611" s="10" t="s">
        <v>55</v>
      </c>
      <c r="P611" s="10" t="s">
        <v>55</v>
      </c>
      <c r="Q611" s="10" t="s">
        <v>55</v>
      </c>
      <c r="R611" s="10" t="s">
        <v>55</v>
      </c>
      <c r="S611" s="10" t="s">
        <v>55</v>
      </c>
      <c r="T611" s="10" t="s">
        <v>55</v>
      </c>
      <c r="U611" s="10" t="s">
        <v>55</v>
      </c>
      <c r="V611" s="10" t="s">
        <v>55</v>
      </c>
      <c r="W611" s="10" t="s">
        <v>55</v>
      </c>
      <c r="X611" s="10" t="s">
        <v>55</v>
      </c>
      <c r="Y611" s="10" t="s">
        <v>55</v>
      </c>
      <c r="Z611" s="10" t="s">
        <v>55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102</v>
      </c>
      <c r="I612" s="9" t="s">
        <v>54</v>
      </c>
      <c r="J612" s="9" t="s">
        <v>33</v>
      </c>
      <c r="K612" s="6">
        <v>1</v>
      </c>
      <c r="L612" s="6">
        <v>1</v>
      </c>
      <c r="M612" s="6">
        <v>1</v>
      </c>
      <c r="N612" s="6">
        <v>1</v>
      </c>
      <c r="O612" s="10" t="s">
        <v>55</v>
      </c>
      <c r="P612" s="10" t="s">
        <v>55</v>
      </c>
      <c r="Q612" s="10" t="s">
        <v>55</v>
      </c>
      <c r="R612" s="10" t="s">
        <v>55</v>
      </c>
      <c r="S612" s="10" t="s">
        <v>55</v>
      </c>
      <c r="T612" s="10" t="s">
        <v>55</v>
      </c>
      <c r="U612" s="10" t="s">
        <v>55</v>
      </c>
      <c r="V612" s="10" t="s">
        <v>55</v>
      </c>
      <c r="W612" s="10" t="s">
        <v>55</v>
      </c>
      <c r="X612" s="6">
        <v>1</v>
      </c>
      <c r="Y612" s="6">
        <v>1</v>
      </c>
      <c r="Z612" s="10" t="s">
        <v>55</v>
      </c>
      <c r="AA612" s="10" t="s">
        <v>55</v>
      </c>
      <c r="AB612" s="10" t="s">
        <v>55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102</v>
      </c>
      <c r="I613" s="9" t="s">
        <v>54</v>
      </c>
      <c r="J613" s="9" t="s">
        <v>34</v>
      </c>
      <c r="K613" s="6">
        <v>4</v>
      </c>
      <c r="L613" s="6">
        <v>3</v>
      </c>
      <c r="M613" s="6">
        <v>3</v>
      </c>
      <c r="N613" s="6">
        <v>1</v>
      </c>
      <c r="O613" s="6">
        <v>2</v>
      </c>
      <c r="P613" s="10" t="s">
        <v>55</v>
      </c>
      <c r="Q613" s="10" t="s">
        <v>55</v>
      </c>
      <c r="R613" s="10" t="s">
        <v>55</v>
      </c>
      <c r="S613" s="6">
        <v>1</v>
      </c>
      <c r="T613" s="10" t="s">
        <v>55</v>
      </c>
      <c r="U613" s="10" t="s">
        <v>55</v>
      </c>
      <c r="V613" s="6">
        <v>1</v>
      </c>
      <c r="W613" s="10" t="s">
        <v>55</v>
      </c>
      <c r="X613" s="6">
        <v>3</v>
      </c>
      <c r="Y613" s="6">
        <v>1</v>
      </c>
      <c r="Z613" s="6">
        <v>2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102</v>
      </c>
      <c r="I614" s="9" t="s">
        <v>54</v>
      </c>
      <c r="J614" s="9" t="s">
        <v>35</v>
      </c>
      <c r="K614" s="6">
        <v>1</v>
      </c>
      <c r="L614" s="10" t="s">
        <v>55</v>
      </c>
      <c r="M614" s="10" t="s">
        <v>55</v>
      </c>
      <c r="N614" s="10" t="s">
        <v>55</v>
      </c>
      <c r="O614" s="10" t="s">
        <v>55</v>
      </c>
      <c r="P614" s="10" t="s">
        <v>55</v>
      </c>
      <c r="Q614" s="10" t="s">
        <v>55</v>
      </c>
      <c r="R614" s="10" t="s">
        <v>55</v>
      </c>
      <c r="S614" s="6">
        <v>1</v>
      </c>
      <c r="T614" s="10" t="s">
        <v>55</v>
      </c>
      <c r="U614" s="10" t="s">
        <v>55</v>
      </c>
      <c r="V614" s="6">
        <v>1</v>
      </c>
      <c r="W614" s="10" t="s">
        <v>55</v>
      </c>
      <c r="X614" s="10" t="s">
        <v>55</v>
      </c>
      <c r="Y614" s="10" t="s">
        <v>55</v>
      </c>
      <c r="Z614" s="10" t="s">
        <v>55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102</v>
      </c>
      <c r="I615" s="9" t="s">
        <v>54</v>
      </c>
      <c r="J615" s="9" t="s">
        <v>36</v>
      </c>
      <c r="K615" s="6">
        <v>4</v>
      </c>
      <c r="L615" s="6">
        <v>4</v>
      </c>
      <c r="M615" s="6">
        <v>3</v>
      </c>
      <c r="N615" s="6">
        <v>3</v>
      </c>
      <c r="O615" s="10" t="s">
        <v>55</v>
      </c>
      <c r="P615" s="10" t="s">
        <v>55</v>
      </c>
      <c r="Q615" s="10" t="s">
        <v>55</v>
      </c>
      <c r="R615" s="6">
        <v>1</v>
      </c>
      <c r="S615" s="10" t="s">
        <v>55</v>
      </c>
      <c r="T615" s="10" t="s">
        <v>55</v>
      </c>
      <c r="U615" s="10" t="s">
        <v>55</v>
      </c>
      <c r="V615" s="10" t="s">
        <v>55</v>
      </c>
      <c r="W615" s="10" t="s">
        <v>55</v>
      </c>
      <c r="X615" s="6">
        <v>3</v>
      </c>
      <c r="Y615" s="6">
        <v>3</v>
      </c>
      <c r="Z615" s="10" t="s">
        <v>55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102</v>
      </c>
      <c r="I616" s="9" t="s">
        <v>54</v>
      </c>
      <c r="J616" s="9" t="s">
        <v>37</v>
      </c>
      <c r="K616" s="6">
        <v>3</v>
      </c>
      <c r="L616" s="6">
        <v>3</v>
      </c>
      <c r="M616" s="6">
        <v>3</v>
      </c>
      <c r="N616" s="6">
        <v>2</v>
      </c>
      <c r="O616" s="10" t="s">
        <v>55</v>
      </c>
      <c r="P616" s="10" t="s">
        <v>55</v>
      </c>
      <c r="Q616" s="6">
        <v>1</v>
      </c>
      <c r="R616" s="10" t="s">
        <v>55</v>
      </c>
      <c r="S616" s="10" t="s">
        <v>55</v>
      </c>
      <c r="T616" s="10" t="s">
        <v>55</v>
      </c>
      <c r="U616" s="10" t="s">
        <v>55</v>
      </c>
      <c r="V616" s="10" t="s">
        <v>55</v>
      </c>
      <c r="W616" s="10" t="s">
        <v>55</v>
      </c>
      <c r="X616" s="6">
        <v>3</v>
      </c>
      <c r="Y616" s="6">
        <v>2</v>
      </c>
      <c r="Z616" s="10" t="s">
        <v>55</v>
      </c>
      <c r="AA616" s="10" t="s">
        <v>55</v>
      </c>
      <c r="AB616" s="6">
        <v>1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102</v>
      </c>
      <c r="I617" s="9" t="s">
        <v>54</v>
      </c>
      <c r="J617" s="9" t="s">
        <v>38</v>
      </c>
      <c r="K617" s="6">
        <v>5</v>
      </c>
      <c r="L617" s="6">
        <v>5</v>
      </c>
      <c r="M617" s="6">
        <v>4</v>
      </c>
      <c r="N617" s="6">
        <v>3</v>
      </c>
      <c r="O617" s="6">
        <v>1</v>
      </c>
      <c r="P617" s="10" t="s">
        <v>55</v>
      </c>
      <c r="Q617" s="10" t="s">
        <v>55</v>
      </c>
      <c r="R617" s="6">
        <v>1</v>
      </c>
      <c r="S617" s="10" t="s">
        <v>55</v>
      </c>
      <c r="T617" s="10" t="s">
        <v>55</v>
      </c>
      <c r="U617" s="10" t="s">
        <v>55</v>
      </c>
      <c r="V617" s="10" t="s">
        <v>55</v>
      </c>
      <c r="W617" s="10" t="s">
        <v>55</v>
      </c>
      <c r="X617" s="6">
        <v>4</v>
      </c>
      <c r="Y617" s="6">
        <v>3</v>
      </c>
      <c r="Z617" s="6">
        <v>1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102</v>
      </c>
      <c r="I618" s="9" t="s">
        <v>54</v>
      </c>
      <c r="J618" s="9" t="s">
        <v>39</v>
      </c>
      <c r="K618" s="6">
        <v>5</v>
      </c>
      <c r="L618" s="6">
        <v>4</v>
      </c>
      <c r="M618" s="6">
        <v>4</v>
      </c>
      <c r="N618" s="6">
        <v>4</v>
      </c>
      <c r="O618" s="10" t="s">
        <v>55</v>
      </c>
      <c r="P618" s="10" t="s">
        <v>55</v>
      </c>
      <c r="Q618" s="10" t="s">
        <v>55</v>
      </c>
      <c r="R618" s="10" t="s">
        <v>55</v>
      </c>
      <c r="S618" s="6">
        <v>1</v>
      </c>
      <c r="T618" s="6">
        <v>1</v>
      </c>
      <c r="U618" s="10" t="s">
        <v>55</v>
      </c>
      <c r="V618" s="10" t="s">
        <v>55</v>
      </c>
      <c r="W618" s="10" t="s">
        <v>55</v>
      </c>
      <c r="X618" s="6">
        <v>4</v>
      </c>
      <c r="Y618" s="6">
        <v>4</v>
      </c>
      <c r="Z618" s="10" t="s">
        <v>5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102</v>
      </c>
      <c r="I619" s="9" t="s">
        <v>54</v>
      </c>
      <c r="J619" s="9" t="s">
        <v>40</v>
      </c>
      <c r="K619" s="6">
        <v>2</v>
      </c>
      <c r="L619" s="6">
        <v>1</v>
      </c>
      <c r="M619" s="6">
        <v>1</v>
      </c>
      <c r="N619" s="6">
        <v>1</v>
      </c>
      <c r="O619" s="10" t="s">
        <v>55</v>
      </c>
      <c r="P619" s="10" t="s">
        <v>55</v>
      </c>
      <c r="Q619" s="10" t="s">
        <v>55</v>
      </c>
      <c r="R619" s="10" t="s">
        <v>55</v>
      </c>
      <c r="S619" s="6">
        <v>1</v>
      </c>
      <c r="T619" s="6">
        <v>1</v>
      </c>
      <c r="U619" s="10" t="s">
        <v>55</v>
      </c>
      <c r="V619" s="10" t="s">
        <v>55</v>
      </c>
      <c r="W619" s="10" t="s">
        <v>55</v>
      </c>
      <c r="X619" s="6">
        <v>1</v>
      </c>
      <c r="Y619" s="6">
        <v>1</v>
      </c>
      <c r="Z619" s="10" t="s">
        <v>5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102</v>
      </c>
      <c r="I620" s="9" t="s">
        <v>54</v>
      </c>
      <c r="J620" s="9" t="s">
        <v>41</v>
      </c>
      <c r="K620" s="6">
        <v>1</v>
      </c>
      <c r="L620" s="10" t="s">
        <v>55</v>
      </c>
      <c r="M620" s="10" t="s">
        <v>55</v>
      </c>
      <c r="N620" s="10" t="s">
        <v>55</v>
      </c>
      <c r="O620" s="10" t="s">
        <v>55</v>
      </c>
      <c r="P620" s="10" t="s">
        <v>55</v>
      </c>
      <c r="Q620" s="10" t="s">
        <v>55</v>
      </c>
      <c r="R620" s="10" t="s">
        <v>55</v>
      </c>
      <c r="S620" s="6">
        <v>1</v>
      </c>
      <c r="T620" s="6">
        <v>1</v>
      </c>
      <c r="U620" s="10" t="s">
        <v>55</v>
      </c>
      <c r="V620" s="10" t="s">
        <v>55</v>
      </c>
      <c r="W620" s="10" t="s">
        <v>55</v>
      </c>
      <c r="X620" s="10" t="s">
        <v>55</v>
      </c>
      <c r="Y620" s="10" t="s">
        <v>55</v>
      </c>
      <c r="Z620" s="10" t="s">
        <v>55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102</v>
      </c>
      <c r="I621" s="9" t="s">
        <v>54</v>
      </c>
      <c r="J621" s="9" t="s">
        <v>42</v>
      </c>
      <c r="K621" s="6">
        <v>4</v>
      </c>
      <c r="L621" s="6">
        <v>3</v>
      </c>
      <c r="M621" s="6">
        <v>3</v>
      </c>
      <c r="N621" s="6">
        <v>1</v>
      </c>
      <c r="O621" s="6">
        <v>2</v>
      </c>
      <c r="P621" s="10" t="s">
        <v>55</v>
      </c>
      <c r="Q621" s="10" t="s">
        <v>55</v>
      </c>
      <c r="R621" s="10" t="s">
        <v>55</v>
      </c>
      <c r="S621" s="6">
        <v>1</v>
      </c>
      <c r="T621" s="6">
        <v>1</v>
      </c>
      <c r="U621" s="10" t="s">
        <v>55</v>
      </c>
      <c r="V621" s="10" t="s">
        <v>55</v>
      </c>
      <c r="W621" s="10" t="s">
        <v>55</v>
      </c>
      <c r="X621" s="6">
        <v>2</v>
      </c>
      <c r="Y621" s="6">
        <v>1</v>
      </c>
      <c r="Z621" s="6">
        <v>1</v>
      </c>
      <c r="AA621" s="10" t="s">
        <v>55</v>
      </c>
      <c r="AB621" s="10" t="s">
        <v>55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102</v>
      </c>
      <c r="I622" s="9" t="s">
        <v>54</v>
      </c>
      <c r="J622" s="9" t="s">
        <v>43</v>
      </c>
      <c r="K622" s="6">
        <v>2</v>
      </c>
      <c r="L622" s="10" t="s">
        <v>55</v>
      </c>
      <c r="M622" s="10" t="s">
        <v>55</v>
      </c>
      <c r="N622" s="10" t="s">
        <v>55</v>
      </c>
      <c r="O622" s="10" t="s">
        <v>55</v>
      </c>
      <c r="P622" s="10" t="s">
        <v>55</v>
      </c>
      <c r="Q622" s="10" t="s">
        <v>55</v>
      </c>
      <c r="R622" s="10" t="s">
        <v>55</v>
      </c>
      <c r="S622" s="6">
        <v>2</v>
      </c>
      <c r="T622" s="10" t="s">
        <v>55</v>
      </c>
      <c r="U622" s="10" t="s">
        <v>55</v>
      </c>
      <c r="V622" s="6">
        <v>2</v>
      </c>
      <c r="W622" s="10" t="s">
        <v>55</v>
      </c>
      <c r="X622" s="10" t="s">
        <v>55</v>
      </c>
      <c r="Y622" s="10" t="s">
        <v>55</v>
      </c>
      <c r="Z622" s="10" t="s">
        <v>55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102</v>
      </c>
      <c r="I623" s="9" t="s">
        <v>54</v>
      </c>
      <c r="J623" s="9" t="s">
        <v>44</v>
      </c>
      <c r="K623" s="6">
        <v>4</v>
      </c>
      <c r="L623" s="10" t="s">
        <v>55</v>
      </c>
      <c r="M623" s="10" t="s">
        <v>55</v>
      </c>
      <c r="N623" s="10" t="s">
        <v>55</v>
      </c>
      <c r="O623" s="10" t="s">
        <v>55</v>
      </c>
      <c r="P623" s="10" t="s">
        <v>55</v>
      </c>
      <c r="Q623" s="10" t="s">
        <v>55</v>
      </c>
      <c r="R623" s="10" t="s">
        <v>55</v>
      </c>
      <c r="S623" s="6">
        <v>4</v>
      </c>
      <c r="T623" s="6">
        <v>2</v>
      </c>
      <c r="U623" s="10" t="s">
        <v>55</v>
      </c>
      <c r="V623" s="6">
        <v>2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102</v>
      </c>
      <c r="I624" s="9" t="s">
        <v>54</v>
      </c>
      <c r="J624" s="9" t="s">
        <v>45</v>
      </c>
      <c r="K624" s="6">
        <v>3</v>
      </c>
      <c r="L624" s="10" t="s">
        <v>55</v>
      </c>
      <c r="M624" s="10" t="s">
        <v>55</v>
      </c>
      <c r="N624" s="10" t="s">
        <v>55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6">
        <v>3</v>
      </c>
      <c r="T624" s="10" t="s">
        <v>55</v>
      </c>
      <c r="U624" s="10" t="s">
        <v>55</v>
      </c>
      <c r="V624" s="6">
        <v>3</v>
      </c>
      <c r="W624" s="10" t="s">
        <v>55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102</v>
      </c>
      <c r="I625" s="9" t="s">
        <v>54</v>
      </c>
      <c r="J625" s="9" t="s">
        <v>46</v>
      </c>
      <c r="K625" s="6">
        <v>1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6">
        <v>1</v>
      </c>
      <c r="T625" s="10" t="s">
        <v>55</v>
      </c>
      <c r="U625" s="10" t="s">
        <v>55</v>
      </c>
      <c r="V625" s="6">
        <v>1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102</v>
      </c>
      <c r="I626" s="9" t="s">
        <v>54</v>
      </c>
      <c r="J626" s="9" t="s">
        <v>47</v>
      </c>
      <c r="K626" s="10" t="s">
        <v>55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10" t="s">
        <v>55</v>
      </c>
      <c r="T626" s="10" t="s">
        <v>55</v>
      </c>
      <c r="U626" s="10" t="s">
        <v>55</v>
      </c>
      <c r="V626" s="10" t="s">
        <v>55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102</v>
      </c>
      <c r="I627" s="9" t="s">
        <v>54</v>
      </c>
      <c r="J627" s="9" t="s">
        <v>48</v>
      </c>
      <c r="K627" s="6">
        <v>25</v>
      </c>
      <c r="L627" s="6">
        <v>21</v>
      </c>
      <c r="M627" s="6">
        <v>19</v>
      </c>
      <c r="N627" s="6">
        <v>15</v>
      </c>
      <c r="O627" s="6">
        <v>3</v>
      </c>
      <c r="P627" s="10" t="s">
        <v>55</v>
      </c>
      <c r="Q627" s="6">
        <v>1</v>
      </c>
      <c r="R627" s="6">
        <v>2</v>
      </c>
      <c r="S627" s="6">
        <v>4</v>
      </c>
      <c r="T627" s="6">
        <v>2</v>
      </c>
      <c r="U627" s="10" t="s">
        <v>55</v>
      </c>
      <c r="V627" s="6">
        <v>2</v>
      </c>
      <c r="W627" s="10" t="s">
        <v>55</v>
      </c>
      <c r="X627" s="6">
        <v>19</v>
      </c>
      <c r="Y627" s="6">
        <v>15</v>
      </c>
      <c r="Z627" s="6">
        <v>3</v>
      </c>
      <c r="AA627" s="10" t="s">
        <v>55</v>
      </c>
      <c r="AB627" s="6">
        <v>1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102</v>
      </c>
      <c r="I628" s="9" t="s">
        <v>54</v>
      </c>
      <c r="J628" s="9" t="s">
        <v>49</v>
      </c>
      <c r="K628" s="6">
        <v>15</v>
      </c>
      <c r="L628" s="6">
        <v>3</v>
      </c>
      <c r="M628" s="6">
        <v>3</v>
      </c>
      <c r="N628" s="6">
        <v>1</v>
      </c>
      <c r="O628" s="6">
        <v>2</v>
      </c>
      <c r="P628" s="10" t="s">
        <v>55</v>
      </c>
      <c r="Q628" s="10" t="s">
        <v>55</v>
      </c>
      <c r="R628" s="10" t="s">
        <v>55</v>
      </c>
      <c r="S628" s="6">
        <v>12</v>
      </c>
      <c r="T628" s="6">
        <v>4</v>
      </c>
      <c r="U628" s="10" t="s">
        <v>55</v>
      </c>
      <c r="V628" s="6">
        <v>8</v>
      </c>
      <c r="W628" s="10" t="s">
        <v>55</v>
      </c>
      <c r="X628" s="6">
        <v>2</v>
      </c>
      <c r="Y628" s="6">
        <v>1</v>
      </c>
      <c r="Z628" s="6">
        <v>1</v>
      </c>
      <c r="AA628" s="10" t="s">
        <v>55</v>
      </c>
      <c r="AB628" s="10" t="s">
        <v>55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102</v>
      </c>
      <c r="I629" s="9" t="s">
        <v>54</v>
      </c>
      <c r="J629" s="9" t="s">
        <v>50</v>
      </c>
      <c r="K629" s="6">
        <v>10</v>
      </c>
      <c r="L629" s="10" t="s">
        <v>55</v>
      </c>
      <c r="M629" s="10" t="s">
        <v>55</v>
      </c>
      <c r="N629" s="10" t="s">
        <v>55</v>
      </c>
      <c r="O629" s="10" t="s">
        <v>55</v>
      </c>
      <c r="P629" s="10" t="s">
        <v>55</v>
      </c>
      <c r="Q629" s="10" t="s">
        <v>55</v>
      </c>
      <c r="R629" s="10" t="s">
        <v>55</v>
      </c>
      <c r="S629" s="6">
        <v>10</v>
      </c>
      <c r="T629" s="6">
        <v>2</v>
      </c>
      <c r="U629" s="10" t="s">
        <v>55</v>
      </c>
      <c r="V629" s="6">
        <v>8</v>
      </c>
      <c r="W629" s="10" t="s">
        <v>55</v>
      </c>
      <c r="X629" s="10" t="s">
        <v>55</v>
      </c>
      <c r="Y629" s="10" t="s">
        <v>55</v>
      </c>
      <c r="Z629" s="10" t="s">
        <v>55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102</v>
      </c>
      <c r="I630" s="9" t="s">
        <v>54</v>
      </c>
      <c r="J630" s="9" t="s">
        <v>51</v>
      </c>
      <c r="K630" s="6">
        <v>4</v>
      </c>
      <c r="L630" s="10" t="s">
        <v>55</v>
      </c>
      <c r="M630" s="10" t="s">
        <v>55</v>
      </c>
      <c r="N630" s="10" t="s">
        <v>55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6">
        <v>4</v>
      </c>
      <c r="T630" s="10" t="s">
        <v>55</v>
      </c>
      <c r="U630" s="10" t="s">
        <v>55</v>
      </c>
      <c r="V630" s="6">
        <v>4</v>
      </c>
      <c r="W630" s="10" t="s">
        <v>55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102</v>
      </c>
      <c r="I631" s="9" t="s">
        <v>54</v>
      </c>
      <c r="J631" s="9" t="s">
        <v>52</v>
      </c>
      <c r="K631" s="6">
        <v>26</v>
      </c>
      <c r="L631" s="6">
        <v>21</v>
      </c>
      <c r="M631" s="6">
        <v>19</v>
      </c>
      <c r="N631" s="6">
        <v>15</v>
      </c>
      <c r="O631" s="6">
        <v>3</v>
      </c>
      <c r="P631" s="10" t="s">
        <v>55</v>
      </c>
      <c r="Q631" s="6">
        <v>1</v>
      </c>
      <c r="R631" s="6">
        <v>2</v>
      </c>
      <c r="S631" s="6">
        <v>5</v>
      </c>
      <c r="T631" s="6">
        <v>3</v>
      </c>
      <c r="U631" s="10" t="s">
        <v>55</v>
      </c>
      <c r="V631" s="6">
        <v>2</v>
      </c>
      <c r="W631" s="10" t="s">
        <v>55</v>
      </c>
      <c r="X631" s="6">
        <v>19</v>
      </c>
      <c r="Y631" s="6">
        <v>15</v>
      </c>
      <c r="Z631" s="6">
        <v>3</v>
      </c>
      <c r="AA631" s="10" t="s">
        <v>55</v>
      </c>
      <c r="AB631" s="6">
        <v>1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C480D2A7-88A2-4229-9F12-64E283EC80B7}">
  <sheetPr>
    <pageSetUpPr fitToPage="1"/>
  </sheetPr>
  <dimension ref="A1:AB631"/>
  <sheetViews>
    <sheetView zoomScaleNormal="100" workbookViewId="0">
      <pane xSplit="10" ySplit="10" topLeftCell="K11" activePane="bottomRight" state="frozen"/>
      <selection activeCell="B8" sqref="B8"/>
      <selection pane="topRight" activeCell="B8" sqref="B8"/>
      <selection pane="bottomLeft" activeCell="B8" sqref="B8"/>
      <selection pane="bottomRight" activeCell="B8" sqref="B8"/>
    </sheetView>
  </sheetViews>
  <sheetFormatPr defaultColWidth="12.625" defaultRowHeight="12" outlineLevelRow="1"/>
  <cols>
    <col min="1" max="1" width="2.375" style="11" bestFit="1" customWidth="1"/>
    <col min="2" max="2" width="8.75" style="11" customWidth="1"/>
    <col min="3" max="4" width="6.25" style="11" customWidth="1"/>
    <col min="5" max="5" width="8.75" style="11" customWidth="1"/>
    <col min="6" max="6" width="6.25" style="11" customWidth="1"/>
    <col min="7" max="7" width="11.25" style="11" customWidth="1"/>
    <col min="8" max="8" width="17.5" style="11" customWidth="1"/>
    <col min="9" max="9" width="8.125" style="11" customWidth="1"/>
    <col min="10" max="10" width="20" style="11" customWidth="1"/>
    <col min="11" max="16384" width="12.625" style="11"/>
  </cols>
  <sheetData>
    <row r="1" spans="1:28" s="1" customFormat="1">
      <c r="A1" s="1" t="s">
        <v>0</v>
      </c>
    </row>
    <row r="2" spans="1:28" s="1" customFormat="1">
      <c r="A2" s="1" t="s">
        <v>103</v>
      </c>
    </row>
    <row r="3" spans="1:28" s="1" customFormat="1"/>
    <row r="4" spans="1:28" s="1" customFormat="1" outlineLevel="1">
      <c r="A4" s="1" t="s">
        <v>63</v>
      </c>
    </row>
    <row r="5" spans="1:28" s="1" customFormat="1">
      <c r="K5" s="3" t="s">
        <v>3</v>
      </c>
      <c r="L5" s="3" t="s">
        <v>3</v>
      </c>
      <c r="M5" s="3" t="s">
        <v>3</v>
      </c>
      <c r="N5" s="3" t="s">
        <v>3</v>
      </c>
      <c r="O5" s="3" t="s">
        <v>3</v>
      </c>
      <c r="P5" s="3" t="s">
        <v>3</v>
      </c>
      <c r="Q5" s="3" t="s">
        <v>3</v>
      </c>
      <c r="R5" s="3" t="s">
        <v>3</v>
      </c>
      <c r="S5" s="3" t="s">
        <v>3</v>
      </c>
      <c r="T5" s="3" t="s">
        <v>3</v>
      </c>
      <c r="U5" s="3" t="s">
        <v>3</v>
      </c>
      <c r="V5" s="3" t="s">
        <v>3</v>
      </c>
      <c r="W5" s="3" t="s">
        <v>3</v>
      </c>
      <c r="X5" s="3" t="s">
        <v>3</v>
      </c>
      <c r="Y5" s="3" t="s">
        <v>3</v>
      </c>
      <c r="Z5" s="3" t="s">
        <v>3</v>
      </c>
      <c r="AA5" s="3" t="s">
        <v>3</v>
      </c>
      <c r="AB5" s="3" t="s">
        <v>3</v>
      </c>
    </row>
    <row r="6" spans="1:28" s="1" customFormat="1" ht="24">
      <c r="K6" s="3" t="s">
        <v>64</v>
      </c>
      <c r="L6" s="3" t="s">
        <v>64</v>
      </c>
      <c r="M6" s="3" t="s">
        <v>64</v>
      </c>
      <c r="N6" s="3" t="s">
        <v>64</v>
      </c>
      <c r="O6" s="3" t="s">
        <v>64</v>
      </c>
      <c r="P6" s="3" t="s">
        <v>64</v>
      </c>
      <c r="Q6" s="3" t="s">
        <v>64</v>
      </c>
      <c r="R6" s="3" t="s">
        <v>64</v>
      </c>
      <c r="S6" s="3" t="s">
        <v>64</v>
      </c>
      <c r="T6" s="3" t="s">
        <v>64</v>
      </c>
      <c r="U6" s="3" t="s">
        <v>64</v>
      </c>
      <c r="V6" s="3" t="s">
        <v>64</v>
      </c>
      <c r="W6" s="3" t="s">
        <v>64</v>
      </c>
      <c r="X6" s="3" t="s">
        <v>64</v>
      </c>
      <c r="Y6" s="3" t="s">
        <v>64</v>
      </c>
      <c r="Z6" s="3" t="s">
        <v>64</v>
      </c>
      <c r="AA6" s="3" t="s">
        <v>64</v>
      </c>
      <c r="AB6" s="3" t="s">
        <v>64</v>
      </c>
    </row>
    <row r="7" spans="1:28" s="1" customFormat="1">
      <c r="K7" s="3">
        <v>1</v>
      </c>
      <c r="L7" s="3">
        <v>1</v>
      </c>
      <c r="M7" s="3">
        <v>2</v>
      </c>
      <c r="N7" s="3">
        <v>3</v>
      </c>
      <c r="O7" s="3">
        <v>3</v>
      </c>
      <c r="P7" s="3">
        <v>3</v>
      </c>
      <c r="Q7" s="3">
        <v>3</v>
      </c>
      <c r="R7" s="3">
        <v>2</v>
      </c>
      <c r="S7" s="3">
        <v>1</v>
      </c>
      <c r="T7" s="3">
        <v>2</v>
      </c>
      <c r="U7" s="3">
        <v>2</v>
      </c>
      <c r="V7" s="3">
        <v>2</v>
      </c>
      <c r="W7" s="3">
        <v>1</v>
      </c>
      <c r="X7" s="3">
        <v>1</v>
      </c>
      <c r="Y7" s="3">
        <v>2</v>
      </c>
      <c r="Z7" s="3">
        <v>2</v>
      </c>
      <c r="AA7" s="3">
        <v>2</v>
      </c>
      <c r="AB7" s="3">
        <v>2</v>
      </c>
    </row>
    <row r="8" spans="1:28" s="1" customFormat="1" ht="60">
      <c r="K8" s="3" t="s">
        <v>6</v>
      </c>
      <c r="L8" s="3" t="s">
        <v>7</v>
      </c>
      <c r="M8" s="3" t="s">
        <v>8</v>
      </c>
      <c r="N8" s="3" t="s">
        <v>9</v>
      </c>
      <c r="O8" s="3" t="s">
        <v>10</v>
      </c>
      <c r="P8" s="3" t="s">
        <v>11</v>
      </c>
      <c r="Q8" s="3" t="s">
        <v>12</v>
      </c>
      <c r="R8" s="3" t="s">
        <v>13</v>
      </c>
      <c r="S8" s="3" t="s">
        <v>14</v>
      </c>
      <c r="T8" s="3" t="s">
        <v>15</v>
      </c>
      <c r="U8" s="3" t="s">
        <v>16</v>
      </c>
      <c r="V8" s="3" t="s">
        <v>17</v>
      </c>
      <c r="W8" s="3" t="s">
        <v>18</v>
      </c>
      <c r="X8" s="3" t="s">
        <v>65</v>
      </c>
      <c r="Y8" s="3" t="s">
        <v>66</v>
      </c>
      <c r="Z8" s="3" t="s">
        <v>67</v>
      </c>
      <c r="AA8" s="3" t="s">
        <v>68</v>
      </c>
      <c r="AB8" s="3" t="s">
        <v>69</v>
      </c>
    </row>
    <row r="9" spans="1:28" s="1" customFormat="1">
      <c r="K9" s="4" t="s">
        <v>19</v>
      </c>
      <c r="L9" s="4" t="s">
        <v>19</v>
      </c>
      <c r="M9" s="4" t="s">
        <v>19</v>
      </c>
      <c r="N9" s="4" t="s">
        <v>19</v>
      </c>
      <c r="O9" s="4" t="s">
        <v>19</v>
      </c>
      <c r="P9" s="4" t="s">
        <v>19</v>
      </c>
      <c r="Q9" s="4" t="s">
        <v>19</v>
      </c>
      <c r="R9" s="4" t="s">
        <v>19</v>
      </c>
      <c r="S9" s="4" t="s">
        <v>19</v>
      </c>
      <c r="T9" s="4" t="s">
        <v>19</v>
      </c>
      <c r="U9" s="4" t="s">
        <v>19</v>
      </c>
      <c r="V9" s="4" t="s">
        <v>19</v>
      </c>
      <c r="W9" s="4" t="s">
        <v>19</v>
      </c>
      <c r="X9" s="4" t="s">
        <v>19</v>
      </c>
      <c r="Y9" s="4" t="s">
        <v>19</v>
      </c>
      <c r="Z9" s="4" t="s">
        <v>19</v>
      </c>
      <c r="AA9" s="4" t="s">
        <v>19</v>
      </c>
      <c r="AB9" s="4" t="s">
        <v>19</v>
      </c>
    </row>
    <row r="10" spans="1:28" s="1" customFormat="1">
      <c r="A10" s="2" t="s">
        <v>21</v>
      </c>
      <c r="B10" s="2" t="s">
        <v>70</v>
      </c>
      <c r="C10" s="2" t="s">
        <v>71</v>
      </c>
      <c r="D10" s="2" t="s">
        <v>72</v>
      </c>
      <c r="E10" s="2" t="s">
        <v>73</v>
      </c>
      <c r="F10" s="2" t="s">
        <v>74</v>
      </c>
      <c r="G10" s="2" t="s">
        <v>23</v>
      </c>
      <c r="H10" s="2" t="s">
        <v>75</v>
      </c>
      <c r="I10" s="2" t="s">
        <v>24</v>
      </c>
      <c r="J10" s="2" t="s">
        <v>25</v>
      </c>
      <c r="K10" s="2" t="s">
        <v>26</v>
      </c>
      <c r="L10" s="2"/>
      <c r="M10" s="2"/>
      <c r="N10" s="2"/>
      <c r="O10" s="2"/>
      <c r="P10" s="2"/>
      <c r="Q10" s="2"/>
      <c r="R10" s="2"/>
      <c r="S10" s="2"/>
      <c r="T10" s="2"/>
      <c r="U10" s="2"/>
      <c r="V10" s="2"/>
      <c r="W10" s="2"/>
      <c r="X10" s="2"/>
      <c r="Y10" s="2"/>
      <c r="Z10" s="2"/>
      <c r="AA10" s="2"/>
      <c r="AB10" s="2"/>
    </row>
    <row r="11" spans="1:28">
      <c r="A11" s="5" t="s">
        <v>27</v>
      </c>
      <c r="B11" s="5" t="s">
        <v>28</v>
      </c>
      <c r="C11" s="5" t="s">
        <v>76</v>
      </c>
      <c r="D11" s="5" t="s">
        <v>77</v>
      </c>
      <c r="E11" s="5" t="s">
        <v>28</v>
      </c>
      <c r="F11" s="5" t="s">
        <v>76</v>
      </c>
      <c r="G11" s="5" t="s">
        <v>78</v>
      </c>
      <c r="H11" s="5" t="s">
        <v>104</v>
      </c>
      <c r="I11" s="5" t="s">
        <v>6</v>
      </c>
      <c r="J11" s="5" t="s">
        <v>30</v>
      </c>
      <c r="K11" s="6">
        <v>4618121</v>
      </c>
      <c r="L11" s="6">
        <v>356444</v>
      </c>
      <c r="M11" s="6">
        <v>341823</v>
      </c>
      <c r="N11" s="6">
        <v>292343</v>
      </c>
      <c r="O11" s="6">
        <v>28473</v>
      </c>
      <c r="P11" s="6">
        <v>1408</v>
      </c>
      <c r="Q11" s="6">
        <v>19599</v>
      </c>
      <c r="R11" s="6">
        <v>14621</v>
      </c>
      <c r="S11" s="6">
        <v>565581</v>
      </c>
      <c r="T11" s="6">
        <v>84462</v>
      </c>
      <c r="U11" s="6">
        <v>2279</v>
      </c>
      <c r="V11" s="6">
        <v>478840</v>
      </c>
      <c r="W11" s="6">
        <v>3696096</v>
      </c>
      <c r="X11" s="6">
        <v>151675</v>
      </c>
      <c r="Y11" s="6">
        <v>125664</v>
      </c>
      <c r="Z11" s="6">
        <v>18020</v>
      </c>
      <c r="AA11" s="6">
        <v>1262</v>
      </c>
      <c r="AB11" s="6">
        <v>6729</v>
      </c>
    </row>
    <row r="12" spans="1:28">
      <c r="A12" s="9" t="s">
        <v>27</v>
      </c>
      <c r="B12" s="9" t="s">
        <v>28</v>
      </c>
      <c r="C12" s="9" t="s">
        <v>76</v>
      </c>
      <c r="D12" s="9" t="s">
        <v>77</v>
      </c>
      <c r="E12" s="9" t="s">
        <v>28</v>
      </c>
      <c r="F12" s="9" t="s">
        <v>76</v>
      </c>
      <c r="G12" s="9" t="s">
        <v>78</v>
      </c>
      <c r="H12" s="9" t="s">
        <v>104</v>
      </c>
      <c r="I12" s="9" t="s">
        <v>6</v>
      </c>
      <c r="J12" s="9" t="s">
        <v>31</v>
      </c>
      <c r="K12" s="6">
        <v>31177</v>
      </c>
      <c r="L12" s="6">
        <v>3271</v>
      </c>
      <c r="M12" s="6">
        <v>3224</v>
      </c>
      <c r="N12" s="6">
        <v>3045</v>
      </c>
      <c r="O12" s="6">
        <v>7</v>
      </c>
      <c r="P12" s="6">
        <v>156</v>
      </c>
      <c r="Q12" s="6">
        <v>16</v>
      </c>
      <c r="R12" s="6">
        <v>47</v>
      </c>
      <c r="S12" s="6">
        <v>1217</v>
      </c>
      <c r="T12" s="6">
        <v>26</v>
      </c>
      <c r="U12" s="6">
        <v>779</v>
      </c>
      <c r="V12" s="6">
        <v>412</v>
      </c>
      <c r="W12" s="6">
        <v>26689</v>
      </c>
      <c r="X12" s="6">
        <v>809</v>
      </c>
      <c r="Y12" s="6">
        <v>640</v>
      </c>
      <c r="Z12" s="6">
        <v>6</v>
      </c>
      <c r="AA12" s="6">
        <v>151</v>
      </c>
      <c r="AB12" s="6">
        <v>12</v>
      </c>
    </row>
    <row r="13" spans="1:28">
      <c r="A13" s="9" t="s">
        <v>27</v>
      </c>
      <c r="B13" s="9" t="s">
        <v>28</v>
      </c>
      <c r="C13" s="9" t="s">
        <v>76</v>
      </c>
      <c r="D13" s="9" t="s">
        <v>77</v>
      </c>
      <c r="E13" s="9" t="s">
        <v>28</v>
      </c>
      <c r="F13" s="9" t="s">
        <v>76</v>
      </c>
      <c r="G13" s="9" t="s">
        <v>78</v>
      </c>
      <c r="H13" s="9" t="s">
        <v>104</v>
      </c>
      <c r="I13" s="9" t="s">
        <v>6</v>
      </c>
      <c r="J13" s="9" t="s">
        <v>32</v>
      </c>
      <c r="K13" s="6">
        <v>380053</v>
      </c>
      <c r="L13" s="6">
        <v>36339</v>
      </c>
      <c r="M13" s="6">
        <v>36084</v>
      </c>
      <c r="N13" s="6">
        <v>35148</v>
      </c>
      <c r="O13" s="6">
        <v>121</v>
      </c>
      <c r="P13" s="6">
        <v>662</v>
      </c>
      <c r="Q13" s="6">
        <v>153</v>
      </c>
      <c r="R13" s="6">
        <v>255</v>
      </c>
      <c r="S13" s="6">
        <v>1847</v>
      </c>
      <c r="T13" s="6">
        <v>134</v>
      </c>
      <c r="U13" s="6">
        <v>827</v>
      </c>
      <c r="V13" s="6">
        <v>886</v>
      </c>
      <c r="W13" s="6">
        <v>341867</v>
      </c>
      <c r="X13" s="6">
        <v>6514</v>
      </c>
      <c r="Y13" s="6">
        <v>5684</v>
      </c>
      <c r="Z13" s="6">
        <v>97</v>
      </c>
      <c r="AA13" s="6">
        <v>625</v>
      </c>
      <c r="AB13" s="6">
        <v>108</v>
      </c>
    </row>
    <row r="14" spans="1:28">
      <c r="A14" s="9" t="s">
        <v>27</v>
      </c>
      <c r="B14" s="9" t="s">
        <v>28</v>
      </c>
      <c r="C14" s="9" t="s">
        <v>76</v>
      </c>
      <c r="D14" s="9" t="s">
        <v>77</v>
      </c>
      <c r="E14" s="9" t="s">
        <v>28</v>
      </c>
      <c r="F14" s="9" t="s">
        <v>76</v>
      </c>
      <c r="G14" s="9" t="s">
        <v>78</v>
      </c>
      <c r="H14" s="9" t="s">
        <v>104</v>
      </c>
      <c r="I14" s="9" t="s">
        <v>6</v>
      </c>
      <c r="J14" s="9" t="s">
        <v>33</v>
      </c>
      <c r="K14" s="6">
        <v>518195</v>
      </c>
      <c r="L14" s="6">
        <v>42986</v>
      </c>
      <c r="M14" s="6">
        <v>42625</v>
      </c>
      <c r="N14" s="6">
        <v>42017</v>
      </c>
      <c r="O14" s="6">
        <v>187</v>
      </c>
      <c r="P14" s="6">
        <v>254</v>
      </c>
      <c r="Q14" s="6">
        <v>167</v>
      </c>
      <c r="R14" s="6">
        <v>361</v>
      </c>
      <c r="S14" s="6">
        <v>1536</v>
      </c>
      <c r="T14" s="6">
        <v>185</v>
      </c>
      <c r="U14" s="6">
        <v>247</v>
      </c>
      <c r="V14" s="6">
        <v>1104</v>
      </c>
      <c r="W14" s="6">
        <v>473673</v>
      </c>
      <c r="X14" s="6">
        <v>6460</v>
      </c>
      <c r="Y14" s="6">
        <v>5961</v>
      </c>
      <c r="Z14" s="6">
        <v>146</v>
      </c>
      <c r="AA14" s="6">
        <v>244</v>
      </c>
      <c r="AB14" s="6">
        <v>109</v>
      </c>
    </row>
    <row r="15" spans="1:28">
      <c r="A15" s="9" t="s">
        <v>27</v>
      </c>
      <c r="B15" s="9" t="s">
        <v>28</v>
      </c>
      <c r="C15" s="9" t="s">
        <v>76</v>
      </c>
      <c r="D15" s="9" t="s">
        <v>77</v>
      </c>
      <c r="E15" s="9" t="s">
        <v>28</v>
      </c>
      <c r="F15" s="9" t="s">
        <v>76</v>
      </c>
      <c r="G15" s="9" t="s">
        <v>78</v>
      </c>
      <c r="H15" s="9" t="s">
        <v>104</v>
      </c>
      <c r="I15" s="9" t="s">
        <v>6</v>
      </c>
      <c r="J15" s="9" t="s">
        <v>34</v>
      </c>
      <c r="K15" s="6">
        <v>406508</v>
      </c>
      <c r="L15" s="6">
        <v>24954</v>
      </c>
      <c r="M15" s="6">
        <v>24507</v>
      </c>
      <c r="N15" s="6">
        <v>23918</v>
      </c>
      <c r="O15" s="6">
        <v>282</v>
      </c>
      <c r="P15" s="6">
        <v>75</v>
      </c>
      <c r="Q15" s="6">
        <v>232</v>
      </c>
      <c r="R15" s="6">
        <v>447</v>
      </c>
      <c r="S15" s="6">
        <v>1882</v>
      </c>
      <c r="T15" s="6">
        <v>318</v>
      </c>
      <c r="U15" s="6">
        <v>90</v>
      </c>
      <c r="V15" s="6">
        <v>1474</v>
      </c>
      <c r="W15" s="6">
        <v>379672</v>
      </c>
      <c r="X15" s="6">
        <v>5608</v>
      </c>
      <c r="Y15" s="6">
        <v>5143</v>
      </c>
      <c r="Z15" s="6">
        <v>236</v>
      </c>
      <c r="AA15" s="6">
        <v>71</v>
      </c>
      <c r="AB15" s="6">
        <v>158</v>
      </c>
    </row>
    <row r="16" spans="1:28">
      <c r="A16" s="9" t="s">
        <v>27</v>
      </c>
      <c r="B16" s="9" t="s">
        <v>28</v>
      </c>
      <c r="C16" s="9" t="s">
        <v>76</v>
      </c>
      <c r="D16" s="9" t="s">
        <v>77</v>
      </c>
      <c r="E16" s="9" t="s">
        <v>28</v>
      </c>
      <c r="F16" s="9" t="s">
        <v>76</v>
      </c>
      <c r="G16" s="9" t="s">
        <v>78</v>
      </c>
      <c r="H16" s="9" t="s">
        <v>104</v>
      </c>
      <c r="I16" s="9" t="s">
        <v>6</v>
      </c>
      <c r="J16" s="9" t="s">
        <v>35</v>
      </c>
      <c r="K16" s="6">
        <v>362289</v>
      </c>
      <c r="L16" s="6">
        <v>19952</v>
      </c>
      <c r="M16" s="6">
        <v>19398</v>
      </c>
      <c r="N16" s="6">
        <v>18683</v>
      </c>
      <c r="O16" s="6">
        <v>411</v>
      </c>
      <c r="P16" s="6">
        <v>34</v>
      </c>
      <c r="Q16" s="6">
        <v>270</v>
      </c>
      <c r="R16" s="6">
        <v>554</v>
      </c>
      <c r="S16" s="6">
        <v>2630</v>
      </c>
      <c r="T16" s="6">
        <v>476</v>
      </c>
      <c r="U16" s="6">
        <v>40</v>
      </c>
      <c r="V16" s="6">
        <v>2114</v>
      </c>
      <c r="W16" s="6">
        <v>339707</v>
      </c>
      <c r="X16" s="6">
        <v>6014</v>
      </c>
      <c r="Y16" s="6">
        <v>5489</v>
      </c>
      <c r="Z16" s="6">
        <v>326</v>
      </c>
      <c r="AA16" s="6">
        <v>32</v>
      </c>
      <c r="AB16" s="6">
        <v>167</v>
      </c>
    </row>
    <row r="17" spans="1:28">
      <c r="A17" s="9" t="s">
        <v>27</v>
      </c>
      <c r="B17" s="9" t="s">
        <v>28</v>
      </c>
      <c r="C17" s="9" t="s">
        <v>76</v>
      </c>
      <c r="D17" s="9" t="s">
        <v>77</v>
      </c>
      <c r="E17" s="9" t="s">
        <v>28</v>
      </c>
      <c r="F17" s="9" t="s">
        <v>76</v>
      </c>
      <c r="G17" s="9" t="s">
        <v>78</v>
      </c>
      <c r="H17" s="9" t="s">
        <v>104</v>
      </c>
      <c r="I17" s="9" t="s">
        <v>6</v>
      </c>
      <c r="J17" s="9" t="s">
        <v>36</v>
      </c>
      <c r="K17" s="6">
        <v>351840</v>
      </c>
      <c r="L17" s="6">
        <v>20220</v>
      </c>
      <c r="M17" s="6">
        <v>19378</v>
      </c>
      <c r="N17" s="6">
        <v>18274</v>
      </c>
      <c r="O17" s="6">
        <v>683</v>
      </c>
      <c r="P17" s="6">
        <v>22</v>
      </c>
      <c r="Q17" s="6">
        <v>399</v>
      </c>
      <c r="R17" s="6">
        <v>842</v>
      </c>
      <c r="S17" s="6">
        <v>3657</v>
      </c>
      <c r="T17" s="6">
        <v>635</v>
      </c>
      <c r="U17" s="6">
        <v>36</v>
      </c>
      <c r="V17" s="6">
        <v>2986</v>
      </c>
      <c r="W17" s="6">
        <v>327963</v>
      </c>
      <c r="X17" s="6">
        <v>8322</v>
      </c>
      <c r="Y17" s="6">
        <v>7542</v>
      </c>
      <c r="Z17" s="6">
        <v>542</v>
      </c>
      <c r="AA17" s="6">
        <v>20</v>
      </c>
      <c r="AB17" s="6">
        <v>218</v>
      </c>
    </row>
    <row r="18" spans="1:28">
      <c r="A18" s="9" t="s">
        <v>27</v>
      </c>
      <c r="B18" s="9" t="s">
        <v>28</v>
      </c>
      <c r="C18" s="9" t="s">
        <v>76</v>
      </c>
      <c r="D18" s="9" t="s">
        <v>77</v>
      </c>
      <c r="E18" s="9" t="s">
        <v>28</v>
      </c>
      <c r="F18" s="9" t="s">
        <v>76</v>
      </c>
      <c r="G18" s="9" t="s">
        <v>78</v>
      </c>
      <c r="H18" s="9" t="s">
        <v>104</v>
      </c>
      <c r="I18" s="9" t="s">
        <v>6</v>
      </c>
      <c r="J18" s="9" t="s">
        <v>37</v>
      </c>
      <c r="K18" s="6">
        <v>399635</v>
      </c>
      <c r="L18" s="6">
        <v>26342</v>
      </c>
      <c r="M18" s="6">
        <v>24973</v>
      </c>
      <c r="N18" s="6">
        <v>23176</v>
      </c>
      <c r="O18" s="6">
        <v>1157</v>
      </c>
      <c r="P18" s="6">
        <v>21</v>
      </c>
      <c r="Q18" s="6">
        <v>619</v>
      </c>
      <c r="R18" s="6">
        <v>1369</v>
      </c>
      <c r="S18" s="6">
        <v>6079</v>
      </c>
      <c r="T18" s="6">
        <v>1151</v>
      </c>
      <c r="U18" s="6">
        <v>27</v>
      </c>
      <c r="V18" s="6">
        <v>4901</v>
      </c>
      <c r="W18" s="6">
        <v>367214</v>
      </c>
      <c r="X18" s="6">
        <v>13081</v>
      </c>
      <c r="Y18" s="6">
        <v>11819</v>
      </c>
      <c r="Z18" s="6">
        <v>931</v>
      </c>
      <c r="AA18" s="6">
        <v>19</v>
      </c>
      <c r="AB18" s="6">
        <v>312</v>
      </c>
    </row>
    <row r="19" spans="1:28">
      <c r="A19" s="9" t="s">
        <v>27</v>
      </c>
      <c r="B19" s="9" t="s">
        <v>28</v>
      </c>
      <c r="C19" s="9" t="s">
        <v>76</v>
      </c>
      <c r="D19" s="9" t="s">
        <v>77</v>
      </c>
      <c r="E19" s="9" t="s">
        <v>28</v>
      </c>
      <c r="F19" s="9" t="s">
        <v>76</v>
      </c>
      <c r="G19" s="9" t="s">
        <v>78</v>
      </c>
      <c r="H19" s="9" t="s">
        <v>104</v>
      </c>
      <c r="I19" s="9" t="s">
        <v>6</v>
      </c>
      <c r="J19" s="9" t="s">
        <v>38</v>
      </c>
      <c r="K19" s="6">
        <v>349513</v>
      </c>
      <c r="L19" s="6">
        <v>26472</v>
      </c>
      <c r="M19" s="6">
        <v>24840</v>
      </c>
      <c r="N19" s="6">
        <v>22599</v>
      </c>
      <c r="O19" s="6">
        <v>1352</v>
      </c>
      <c r="P19" s="6">
        <v>19</v>
      </c>
      <c r="Q19" s="6">
        <v>870</v>
      </c>
      <c r="R19" s="6">
        <v>1632</v>
      </c>
      <c r="S19" s="6">
        <v>7736</v>
      </c>
      <c r="T19" s="6">
        <v>1443</v>
      </c>
      <c r="U19" s="6">
        <v>19</v>
      </c>
      <c r="V19" s="6">
        <v>6274</v>
      </c>
      <c r="W19" s="6">
        <v>315305</v>
      </c>
      <c r="X19" s="6">
        <v>14560</v>
      </c>
      <c r="Y19" s="6">
        <v>13031</v>
      </c>
      <c r="Z19" s="6">
        <v>1075</v>
      </c>
      <c r="AA19" s="6">
        <v>16</v>
      </c>
      <c r="AB19" s="6">
        <v>438</v>
      </c>
    </row>
    <row r="20" spans="1:28">
      <c r="A20" s="9" t="s">
        <v>27</v>
      </c>
      <c r="B20" s="9" t="s">
        <v>28</v>
      </c>
      <c r="C20" s="9" t="s">
        <v>76</v>
      </c>
      <c r="D20" s="9" t="s">
        <v>77</v>
      </c>
      <c r="E20" s="9" t="s">
        <v>28</v>
      </c>
      <c r="F20" s="9" t="s">
        <v>76</v>
      </c>
      <c r="G20" s="9" t="s">
        <v>78</v>
      </c>
      <c r="H20" s="9" t="s">
        <v>104</v>
      </c>
      <c r="I20" s="9" t="s">
        <v>6</v>
      </c>
      <c r="J20" s="9" t="s">
        <v>39</v>
      </c>
      <c r="K20" s="6">
        <v>266734</v>
      </c>
      <c r="L20" s="6">
        <v>25696</v>
      </c>
      <c r="M20" s="6">
        <v>23878</v>
      </c>
      <c r="N20" s="6">
        <v>21144</v>
      </c>
      <c r="O20" s="6">
        <v>1550</v>
      </c>
      <c r="P20" s="6">
        <v>21</v>
      </c>
      <c r="Q20" s="6">
        <v>1163</v>
      </c>
      <c r="R20" s="6">
        <v>1818</v>
      </c>
      <c r="S20" s="6">
        <v>9881</v>
      </c>
      <c r="T20" s="6">
        <v>1932</v>
      </c>
      <c r="U20" s="6">
        <v>19</v>
      </c>
      <c r="V20" s="6">
        <v>7930</v>
      </c>
      <c r="W20" s="6">
        <v>231157</v>
      </c>
      <c r="X20" s="6">
        <v>15589</v>
      </c>
      <c r="Y20" s="6">
        <v>13810</v>
      </c>
      <c r="Z20" s="6">
        <v>1213</v>
      </c>
      <c r="AA20" s="6">
        <v>15</v>
      </c>
      <c r="AB20" s="6">
        <v>551</v>
      </c>
    </row>
    <row r="21" spans="1:28">
      <c r="A21" s="9" t="s">
        <v>27</v>
      </c>
      <c r="B21" s="9" t="s">
        <v>28</v>
      </c>
      <c r="C21" s="9" t="s">
        <v>76</v>
      </c>
      <c r="D21" s="9" t="s">
        <v>77</v>
      </c>
      <c r="E21" s="9" t="s">
        <v>28</v>
      </c>
      <c r="F21" s="9" t="s">
        <v>76</v>
      </c>
      <c r="G21" s="9" t="s">
        <v>78</v>
      </c>
      <c r="H21" s="9" t="s">
        <v>104</v>
      </c>
      <c r="I21" s="9" t="s">
        <v>6</v>
      </c>
      <c r="J21" s="9" t="s">
        <v>40</v>
      </c>
      <c r="K21" s="6">
        <v>206458</v>
      </c>
      <c r="L21" s="6">
        <v>27973</v>
      </c>
      <c r="M21" s="6">
        <v>25813</v>
      </c>
      <c r="N21" s="6">
        <v>21880</v>
      </c>
      <c r="O21" s="6">
        <v>2097</v>
      </c>
      <c r="P21" s="6">
        <v>20</v>
      </c>
      <c r="Q21" s="6">
        <v>1816</v>
      </c>
      <c r="R21" s="6">
        <v>2160</v>
      </c>
      <c r="S21" s="6">
        <v>15396</v>
      </c>
      <c r="T21" s="6">
        <v>3062</v>
      </c>
      <c r="U21" s="6">
        <v>17</v>
      </c>
      <c r="V21" s="6">
        <v>12317</v>
      </c>
      <c r="W21" s="6">
        <v>163089</v>
      </c>
      <c r="X21" s="6">
        <v>18306</v>
      </c>
      <c r="Y21" s="6">
        <v>15836</v>
      </c>
      <c r="Z21" s="6">
        <v>1635</v>
      </c>
      <c r="AA21" s="6">
        <v>14</v>
      </c>
      <c r="AB21" s="6">
        <v>821</v>
      </c>
    </row>
    <row r="22" spans="1:28">
      <c r="A22" s="9" t="s">
        <v>27</v>
      </c>
      <c r="B22" s="9" t="s">
        <v>28</v>
      </c>
      <c r="C22" s="9" t="s">
        <v>76</v>
      </c>
      <c r="D22" s="9" t="s">
        <v>77</v>
      </c>
      <c r="E22" s="9" t="s">
        <v>28</v>
      </c>
      <c r="F22" s="9" t="s">
        <v>76</v>
      </c>
      <c r="G22" s="9" t="s">
        <v>78</v>
      </c>
      <c r="H22" s="9" t="s">
        <v>104</v>
      </c>
      <c r="I22" s="9" t="s">
        <v>6</v>
      </c>
      <c r="J22" s="9" t="s">
        <v>41</v>
      </c>
      <c r="K22" s="6">
        <v>216627</v>
      </c>
      <c r="L22" s="6">
        <v>33123</v>
      </c>
      <c r="M22" s="6">
        <v>30974</v>
      </c>
      <c r="N22" s="6">
        <v>23512</v>
      </c>
      <c r="O22" s="6">
        <v>4225</v>
      </c>
      <c r="P22" s="6">
        <v>40</v>
      </c>
      <c r="Q22" s="6">
        <v>3197</v>
      </c>
      <c r="R22" s="6">
        <v>2149</v>
      </c>
      <c r="S22" s="6">
        <v>35189</v>
      </c>
      <c r="T22" s="6">
        <v>7203</v>
      </c>
      <c r="U22" s="6">
        <v>17</v>
      </c>
      <c r="V22" s="6">
        <v>27969</v>
      </c>
      <c r="W22" s="6">
        <v>148315</v>
      </c>
      <c r="X22" s="6">
        <v>21523</v>
      </c>
      <c r="Y22" s="6">
        <v>16995</v>
      </c>
      <c r="Z22" s="6">
        <v>3259</v>
      </c>
      <c r="AA22" s="6">
        <v>27</v>
      </c>
      <c r="AB22" s="6">
        <v>1242</v>
      </c>
    </row>
    <row r="23" spans="1:28">
      <c r="A23" s="9" t="s">
        <v>27</v>
      </c>
      <c r="B23" s="9" t="s">
        <v>28</v>
      </c>
      <c r="C23" s="9" t="s">
        <v>76</v>
      </c>
      <c r="D23" s="9" t="s">
        <v>77</v>
      </c>
      <c r="E23" s="9" t="s">
        <v>28</v>
      </c>
      <c r="F23" s="9" t="s">
        <v>76</v>
      </c>
      <c r="G23" s="9" t="s">
        <v>78</v>
      </c>
      <c r="H23" s="9" t="s">
        <v>104</v>
      </c>
      <c r="I23" s="9" t="s">
        <v>6</v>
      </c>
      <c r="J23" s="9" t="s">
        <v>42</v>
      </c>
      <c r="K23" s="6">
        <v>262547</v>
      </c>
      <c r="L23" s="6">
        <v>34323</v>
      </c>
      <c r="M23" s="6">
        <v>32560</v>
      </c>
      <c r="N23" s="6">
        <v>21816</v>
      </c>
      <c r="O23" s="6">
        <v>6471</v>
      </c>
      <c r="P23" s="6">
        <v>21</v>
      </c>
      <c r="Q23" s="6">
        <v>4252</v>
      </c>
      <c r="R23" s="6">
        <v>1763</v>
      </c>
      <c r="S23" s="6">
        <v>66988</v>
      </c>
      <c r="T23" s="6">
        <v>15727</v>
      </c>
      <c r="U23" s="6">
        <v>35</v>
      </c>
      <c r="V23" s="6">
        <v>51226</v>
      </c>
      <c r="W23" s="6">
        <v>161236</v>
      </c>
      <c r="X23" s="6">
        <v>20813</v>
      </c>
      <c r="Y23" s="6">
        <v>14889</v>
      </c>
      <c r="Z23" s="6">
        <v>4516</v>
      </c>
      <c r="AA23" s="6">
        <v>11</v>
      </c>
      <c r="AB23" s="6">
        <v>1397</v>
      </c>
    </row>
    <row r="24" spans="1:28">
      <c r="A24" s="9" t="s">
        <v>27</v>
      </c>
      <c r="B24" s="9" t="s">
        <v>28</v>
      </c>
      <c r="C24" s="9" t="s">
        <v>76</v>
      </c>
      <c r="D24" s="9" t="s">
        <v>77</v>
      </c>
      <c r="E24" s="9" t="s">
        <v>28</v>
      </c>
      <c r="F24" s="9" t="s">
        <v>76</v>
      </c>
      <c r="G24" s="9" t="s">
        <v>78</v>
      </c>
      <c r="H24" s="9" t="s">
        <v>104</v>
      </c>
      <c r="I24" s="9" t="s">
        <v>6</v>
      </c>
      <c r="J24" s="9" t="s">
        <v>43</v>
      </c>
      <c r="K24" s="6">
        <v>239857</v>
      </c>
      <c r="L24" s="6">
        <v>19646</v>
      </c>
      <c r="M24" s="6">
        <v>18881</v>
      </c>
      <c r="N24" s="6">
        <v>10742</v>
      </c>
      <c r="O24" s="6">
        <v>4988</v>
      </c>
      <c r="P24" s="6">
        <v>23</v>
      </c>
      <c r="Q24" s="6">
        <v>3128</v>
      </c>
      <c r="R24" s="6">
        <v>765</v>
      </c>
      <c r="S24" s="6">
        <v>85699</v>
      </c>
      <c r="T24" s="6">
        <v>19954</v>
      </c>
      <c r="U24" s="6">
        <v>40</v>
      </c>
      <c r="V24" s="6">
        <v>65705</v>
      </c>
      <c r="W24" s="6">
        <v>134512</v>
      </c>
      <c r="X24" s="6">
        <v>9592</v>
      </c>
      <c r="Y24" s="6">
        <v>6203</v>
      </c>
      <c r="Z24" s="6">
        <v>2625</v>
      </c>
      <c r="AA24" s="6">
        <v>9</v>
      </c>
      <c r="AB24" s="6">
        <v>755</v>
      </c>
    </row>
    <row r="25" spans="1:28">
      <c r="A25" s="9" t="s">
        <v>27</v>
      </c>
      <c r="B25" s="9" t="s">
        <v>28</v>
      </c>
      <c r="C25" s="9" t="s">
        <v>76</v>
      </c>
      <c r="D25" s="9" t="s">
        <v>77</v>
      </c>
      <c r="E25" s="9" t="s">
        <v>28</v>
      </c>
      <c r="F25" s="9" t="s">
        <v>76</v>
      </c>
      <c r="G25" s="9" t="s">
        <v>78</v>
      </c>
      <c r="H25" s="9" t="s">
        <v>104</v>
      </c>
      <c r="I25" s="9" t="s">
        <v>6</v>
      </c>
      <c r="J25" s="9" t="s">
        <v>44</v>
      </c>
      <c r="K25" s="6">
        <v>236872</v>
      </c>
      <c r="L25" s="6">
        <v>9217</v>
      </c>
      <c r="M25" s="6">
        <v>8908</v>
      </c>
      <c r="N25" s="6">
        <v>4096</v>
      </c>
      <c r="O25" s="6">
        <v>2880</v>
      </c>
      <c r="P25" s="6">
        <v>26</v>
      </c>
      <c r="Q25" s="6">
        <v>1906</v>
      </c>
      <c r="R25" s="6">
        <v>309</v>
      </c>
      <c r="S25" s="6">
        <v>99920</v>
      </c>
      <c r="T25" s="6">
        <v>17620</v>
      </c>
      <c r="U25" s="6">
        <v>42</v>
      </c>
      <c r="V25" s="6">
        <v>82258</v>
      </c>
      <c r="W25" s="6">
        <v>127735</v>
      </c>
      <c r="X25" s="6">
        <v>3110</v>
      </c>
      <c r="Y25" s="6">
        <v>1853</v>
      </c>
      <c r="Z25" s="6">
        <v>965</v>
      </c>
      <c r="AA25" s="6">
        <v>7</v>
      </c>
      <c r="AB25" s="6">
        <v>285</v>
      </c>
    </row>
    <row r="26" spans="1:28">
      <c r="A26" s="9" t="s">
        <v>27</v>
      </c>
      <c r="B26" s="9" t="s">
        <v>28</v>
      </c>
      <c r="C26" s="9" t="s">
        <v>76</v>
      </c>
      <c r="D26" s="9" t="s">
        <v>77</v>
      </c>
      <c r="E26" s="9" t="s">
        <v>28</v>
      </c>
      <c r="F26" s="9" t="s">
        <v>76</v>
      </c>
      <c r="G26" s="9" t="s">
        <v>78</v>
      </c>
      <c r="H26" s="9" t="s">
        <v>104</v>
      </c>
      <c r="I26" s="9" t="s">
        <v>6</v>
      </c>
      <c r="J26" s="9" t="s">
        <v>45</v>
      </c>
      <c r="K26" s="6">
        <v>213659</v>
      </c>
      <c r="L26" s="6">
        <v>4230</v>
      </c>
      <c r="M26" s="6">
        <v>4131</v>
      </c>
      <c r="N26" s="6">
        <v>1659</v>
      </c>
      <c r="O26" s="6">
        <v>1462</v>
      </c>
      <c r="P26" s="6">
        <v>12</v>
      </c>
      <c r="Q26" s="6">
        <v>998</v>
      </c>
      <c r="R26" s="6">
        <v>99</v>
      </c>
      <c r="S26" s="6">
        <v>108357</v>
      </c>
      <c r="T26" s="6">
        <v>10480</v>
      </c>
      <c r="U26" s="6">
        <v>26</v>
      </c>
      <c r="V26" s="6">
        <v>97851</v>
      </c>
      <c r="W26" s="6">
        <v>101072</v>
      </c>
      <c r="X26" s="6">
        <v>1015</v>
      </c>
      <c r="Y26" s="6">
        <v>578</v>
      </c>
      <c r="Z26" s="6">
        <v>318</v>
      </c>
      <c r="AA26" s="6">
        <v>1</v>
      </c>
      <c r="AB26" s="6">
        <v>118</v>
      </c>
    </row>
    <row r="27" spans="1:28">
      <c r="A27" s="9" t="s">
        <v>27</v>
      </c>
      <c r="B27" s="9" t="s">
        <v>28</v>
      </c>
      <c r="C27" s="9" t="s">
        <v>76</v>
      </c>
      <c r="D27" s="9" t="s">
        <v>77</v>
      </c>
      <c r="E27" s="9" t="s">
        <v>28</v>
      </c>
      <c r="F27" s="9" t="s">
        <v>76</v>
      </c>
      <c r="G27" s="9" t="s">
        <v>78</v>
      </c>
      <c r="H27" s="9" t="s">
        <v>104</v>
      </c>
      <c r="I27" s="9" t="s">
        <v>6</v>
      </c>
      <c r="J27" s="9" t="s">
        <v>46</v>
      </c>
      <c r="K27" s="6">
        <v>127973</v>
      </c>
      <c r="L27" s="6">
        <v>1425</v>
      </c>
      <c r="M27" s="6">
        <v>1385</v>
      </c>
      <c r="N27" s="6">
        <v>535</v>
      </c>
      <c r="O27" s="6">
        <v>513</v>
      </c>
      <c r="P27" s="6">
        <v>2</v>
      </c>
      <c r="Q27" s="6">
        <v>335</v>
      </c>
      <c r="R27" s="6">
        <v>40</v>
      </c>
      <c r="S27" s="6">
        <v>80404</v>
      </c>
      <c r="T27" s="6">
        <v>3433</v>
      </c>
      <c r="U27" s="6">
        <v>15</v>
      </c>
      <c r="V27" s="6">
        <v>76956</v>
      </c>
      <c r="W27" s="6">
        <v>46144</v>
      </c>
      <c r="X27" s="6">
        <v>304</v>
      </c>
      <c r="Y27" s="6">
        <v>164</v>
      </c>
      <c r="Z27" s="6">
        <v>110</v>
      </c>
      <c r="AA27" s="10" t="s">
        <v>55</v>
      </c>
      <c r="AB27" s="6">
        <v>30</v>
      </c>
    </row>
    <row r="28" spans="1:28">
      <c r="A28" s="9" t="s">
        <v>27</v>
      </c>
      <c r="B28" s="9" t="s">
        <v>28</v>
      </c>
      <c r="C28" s="9" t="s">
        <v>76</v>
      </c>
      <c r="D28" s="9" t="s">
        <v>77</v>
      </c>
      <c r="E28" s="9" t="s">
        <v>28</v>
      </c>
      <c r="F28" s="9" t="s">
        <v>76</v>
      </c>
      <c r="G28" s="9" t="s">
        <v>78</v>
      </c>
      <c r="H28" s="9" t="s">
        <v>104</v>
      </c>
      <c r="I28" s="9" t="s">
        <v>6</v>
      </c>
      <c r="J28" s="9" t="s">
        <v>47</v>
      </c>
      <c r="K28" s="6">
        <v>48184</v>
      </c>
      <c r="L28" s="6">
        <v>275</v>
      </c>
      <c r="M28" s="6">
        <v>264</v>
      </c>
      <c r="N28" s="6">
        <v>99</v>
      </c>
      <c r="O28" s="6">
        <v>87</v>
      </c>
      <c r="P28" s="10" t="s">
        <v>55</v>
      </c>
      <c r="Q28" s="6">
        <v>78</v>
      </c>
      <c r="R28" s="6">
        <v>11</v>
      </c>
      <c r="S28" s="6">
        <v>37163</v>
      </c>
      <c r="T28" s="6">
        <v>683</v>
      </c>
      <c r="U28" s="6">
        <v>3</v>
      </c>
      <c r="V28" s="6">
        <v>36477</v>
      </c>
      <c r="W28" s="6">
        <v>10746</v>
      </c>
      <c r="X28" s="6">
        <v>55</v>
      </c>
      <c r="Y28" s="6">
        <v>27</v>
      </c>
      <c r="Z28" s="6">
        <v>20</v>
      </c>
      <c r="AA28" s="10" t="s">
        <v>55</v>
      </c>
      <c r="AB28" s="6">
        <v>8</v>
      </c>
    </row>
    <row r="29" spans="1:28">
      <c r="A29" s="9" t="s">
        <v>27</v>
      </c>
      <c r="B29" s="9" t="s">
        <v>28</v>
      </c>
      <c r="C29" s="9" t="s">
        <v>76</v>
      </c>
      <c r="D29" s="9" t="s">
        <v>77</v>
      </c>
      <c r="E29" s="9" t="s">
        <v>28</v>
      </c>
      <c r="F29" s="9" t="s">
        <v>76</v>
      </c>
      <c r="G29" s="9" t="s">
        <v>78</v>
      </c>
      <c r="H29" s="9" t="s">
        <v>104</v>
      </c>
      <c r="I29" s="9" t="s">
        <v>6</v>
      </c>
      <c r="J29" s="9" t="s">
        <v>48</v>
      </c>
      <c r="K29" s="6">
        <v>3272402</v>
      </c>
      <c r="L29" s="6">
        <v>254205</v>
      </c>
      <c r="M29" s="6">
        <v>244720</v>
      </c>
      <c r="N29" s="6">
        <v>229884</v>
      </c>
      <c r="O29" s="6">
        <v>7847</v>
      </c>
      <c r="P29" s="6">
        <v>1284</v>
      </c>
      <c r="Q29" s="6">
        <v>5705</v>
      </c>
      <c r="R29" s="6">
        <v>9485</v>
      </c>
      <c r="S29" s="6">
        <v>51861</v>
      </c>
      <c r="T29" s="6">
        <v>9362</v>
      </c>
      <c r="U29" s="6">
        <v>2101</v>
      </c>
      <c r="V29" s="6">
        <v>40398</v>
      </c>
      <c r="W29" s="6">
        <v>2966336</v>
      </c>
      <c r="X29" s="6">
        <v>95263</v>
      </c>
      <c r="Y29" s="6">
        <v>84955</v>
      </c>
      <c r="Z29" s="6">
        <v>6207</v>
      </c>
      <c r="AA29" s="6">
        <v>1207</v>
      </c>
      <c r="AB29" s="6">
        <v>2894</v>
      </c>
    </row>
    <row r="30" spans="1:28">
      <c r="A30" s="9" t="s">
        <v>27</v>
      </c>
      <c r="B30" s="9" t="s">
        <v>28</v>
      </c>
      <c r="C30" s="9" t="s">
        <v>76</v>
      </c>
      <c r="D30" s="9" t="s">
        <v>77</v>
      </c>
      <c r="E30" s="9" t="s">
        <v>28</v>
      </c>
      <c r="F30" s="9" t="s">
        <v>76</v>
      </c>
      <c r="G30" s="9" t="s">
        <v>78</v>
      </c>
      <c r="H30" s="9" t="s">
        <v>104</v>
      </c>
      <c r="I30" s="9" t="s">
        <v>6</v>
      </c>
      <c r="J30" s="9" t="s">
        <v>49</v>
      </c>
      <c r="K30" s="6">
        <v>1345719</v>
      </c>
      <c r="L30" s="6">
        <v>102239</v>
      </c>
      <c r="M30" s="6">
        <v>97103</v>
      </c>
      <c r="N30" s="6">
        <v>62459</v>
      </c>
      <c r="O30" s="6">
        <v>20626</v>
      </c>
      <c r="P30" s="6">
        <v>124</v>
      </c>
      <c r="Q30" s="6">
        <v>13894</v>
      </c>
      <c r="R30" s="6">
        <v>5136</v>
      </c>
      <c r="S30" s="6">
        <v>513720</v>
      </c>
      <c r="T30" s="6">
        <v>75100</v>
      </c>
      <c r="U30" s="6">
        <v>178</v>
      </c>
      <c r="V30" s="6">
        <v>438442</v>
      </c>
      <c r="W30" s="6">
        <v>729760</v>
      </c>
      <c r="X30" s="6">
        <v>56412</v>
      </c>
      <c r="Y30" s="6">
        <v>40709</v>
      </c>
      <c r="Z30" s="6">
        <v>11813</v>
      </c>
      <c r="AA30" s="6">
        <v>55</v>
      </c>
      <c r="AB30" s="6">
        <v>3835</v>
      </c>
    </row>
    <row r="31" spans="1:28">
      <c r="A31" s="9" t="s">
        <v>27</v>
      </c>
      <c r="B31" s="9" t="s">
        <v>28</v>
      </c>
      <c r="C31" s="9" t="s">
        <v>76</v>
      </c>
      <c r="D31" s="9" t="s">
        <v>77</v>
      </c>
      <c r="E31" s="9" t="s">
        <v>28</v>
      </c>
      <c r="F31" s="9" t="s">
        <v>76</v>
      </c>
      <c r="G31" s="9" t="s">
        <v>78</v>
      </c>
      <c r="H31" s="9" t="s">
        <v>104</v>
      </c>
      <c r="I31" s="9" t="s">
        <v>6</v>
      </c>
      <c r="J31" s="9" t="s">
        <v>50</v>
      </c>
      <c r="K31" s="6">
        <v>866545</v>
      </c>
      <c r="L31" s="6">
        <v>34793</v>
      </c>
      <c r="M31" s="6">
        <v>33569</v>
      </c>
      <c r="N31" s="6">
        <v>17131</v>
      </c>
      <c r="O31" s="6">
        <v>9930</v>
      </c>
      <c r="P31" s="6">
        <v>63</v>
      </c>
      <c r="Q31" s="6">
        <v>6445</v>
      </c>
      <c r="R31" s="6">
        <v>1224</v>
      </c>
      <c r="S31" s="6">
        <v>411543</v>
      </c>
      <c r="T31" s="6">
        <v>52170</v>
      </c>
      <c r="U31" s="6">
        <v>126</v>
      </c>
      <c r="V31" s="6">
        <v>359247</v>
      </c>
      <c r="W31" s="6">
        <v>420209</v>
      </c>
      <c r="X31" s="6">
        <v>14076</v>
      </c>
      <c r="Y31" s="6">
        <v>8825</v>
      </c>
      <c r="Z31" s="6">
        <v>4038</v>
      </c>
      <c r="AA31" s="6">
        <v>17</v>
      </c>
      <c r="AB31" s="6">
        <v>1196</v>
      </c>
    </row>
    <row r="32" spans="1:28">
      <c r="A32" s="9" t="s">
        <v>27</v>
      </c>
      <c r="B32" s="9" t="s">
        <v>28</v>
      </c>
      <c r="C32" s="9" t="s">
        <v>76</v>
      </c>
      <c r="D32" s="9" t="s">
        <v>77</v>
      </c>
      <c r="E32" s="9" t="s">
        <v>28</v>
      </c>
      <c r="F32" s="9" t="s">
        <v>76</v>
      </c>
      <c r="G32" s="9" t="s">
        <v>78</v>
      </c>
      <c r="H32" s="9" t="s">
        <v>104</v>
      </c>
      <c r="I32" s="9" t="s">
        <v>6</v>
      </c>
      <c r="J32" s="9" t="s">
        <v>51</v>
      </c>
      <c r="K32" s="6">
        <v>389816</v>
      </c>
      <c r="L32" s="6">
        <v>5930</v>
      </c>
      <c r="M32" s="6">
        <v>5780</v>
      </c>
      <c r="N32" s="6">
        <v>2293</v>
      </c>
      <c r="O32" s="6">
        <v>2062</v>
      </c>
      <c r="P32" s="6">
        <v>14</v>
      </c>
      <c r="Q32" s="6">
        <v>1411</v>
      </c>
      <c r="R32" s="6">
        <v>150</v>
      </c>
      <c r="S32" s="6">
        <v>225924</v>
      </c>
      <c r="T32" s="6">
        <v>14596</v>
      </c>
      <c r="U32" s="6">
        <v>44</v>
      </c>
      <c r="V32" s="6">
        <v>211284</v>
      </c>
      <c r="W32" s="6">
        <v>157962</v>
      </c>
      <c r="X32" s="6">
        <v>1374</v>
      </c>
      <c r="Y32" s="6">
        <v>769</v>
      </c>
      <c r="Z32" s="6">
        <v>448</v>
      </c>
      <c r="AA32" s="6">
        <v>1</v>
      </c>
      <c r="AB32" s="6">
        <v>156</v>
      </c>
    </row>
    <row r="33" spans="1:28">
      <c r="A33" s="9" t="s">
        <v>27</v>
      </c>
      <c r="B33" s="9" t="s">
        <v>28</v>
      </c>
      <c r="C33" s="9" t="s">
        <v>76</v>
      </c>
      <c r="D33" s="9" t="s">
        <v>77</v>
      </c>
      <c r="E33" s="9" t="s">
        <v>28</v>
      </c>
      <c r="F33" s="9" t="s">
        <v>76</v>
      </c>
      <c r="G33" s="9" t="s">
        <v>78</v>
      </c>
      <c r="H33" s="9" t="s">
        <v>104</v>
      </c>
      <c r="I33" s="9" t="s">
        <v>6</v>
      </c>
      <c r="J33" s="9" t="s">
        <v>52</v>
      </c>
      <c r="K33" s="6">
        <v>3457852</v>
      </c>
      <c r="L33" s="6">
        <v>284057</v>
      </c>
      <c r="M33" s="6">
        <v>272470</v>
      </c>
      <c r="N33" s="6">
        <v>250351</v>
      </c>
      <c r="O33" s="6">
        <v>12065</v>
      </c>
      <c r="P33" s="6">
        <v>1168</v>
      </c>
      <c r="Q33" s="6">
        <v>8886</v>
      </c>
      <c r="R33" s="6">
        <v>11587</v>
      </c>
      <c r="S33" s="6">
        <v>85833</v>
      </c>
      <c r="T33" s="6">
        <v>16539</v>
      </c>
      <c r="U33" s="6">
        <v>1339</v>
      </c>
      <c r="V33" s="6">
        <v>67955</v>
      </c>
      <c r="W33" s="6">
        <v>3087962</v>
      </c>
      <c r="X33" s="6">
        <v>115977</v>
      </c>
      <c r="Y33" s="6">
        <v>101310</v>
      </c>
      <c r="Z33" s="6">
        <v>9460</v>
      </c>
      <c r="AA33" s="6">
        <v>1083</v>
      </c>
      <c r="AB33" s="6">
        <v>4124</v>
      </c>
    </row>
    <row r="34" spans="1:28">
      <c r="A34" s="9" t="s">
        <v>27</v>
      </c>
      <c r="B34" s="9" t="s">
        <v>28</v>
      </c>
      <c r="C34" s="9" t="s">
        <v>76</v>
      </c>
      <c r="D34" s="9" t="s">
        <v>77</v>
      </c>
      <c r="E34" s="9" t="s">
        <v>28</v>
      </c>
      <c r="F34" s="9" t="s">
        <v>76</v>
      </c>
      <c r="G34" s="9" t="s">
        <v>78</v>
      </c>
      <c r="H34" s="9" t="s">
        <v>104</v>
      </c>
      <c r="I34" s="9" t="s">
        <v>53</v>
      </c>
      <c r="J34" s="9" t="s">
        <v>30</v>
      </c>
      <c r="K34" s="6">
        <v>2496445</v>
      </c>
      <c r="L34" s="6">
        <v>203314</v>
      </c>
      <c r="M34" s="6">
        <v>194202</v>
      </c>
      <c r="N34" s="6">
        <v>176185</v>
      </c>
      <c r="O34" s="6">
        <v>4584</v>
      </c>
      <c r="P34" s="6">
        <v>686</v>
      </c>
      <c r="Q34" s="6">
        <v>12747</v>
      </c>
      <c r="R34" s="6">
        <v>9112</v>
      </c>
      <c r="S34" s="6">
        <v>176697</v>
      </c>
      <c r="T34" s="6">
        <v>8216</v>
      </c>
      <c r="U34" s="6">
        <v>1177</v>
      </c>
      <c r="V34" s="6">
        <v>167304</v>
      </c>
      <c r="W34" s="6">
        <v>2116434</v>
      </c>
      <c r="X34" s="6">
        <v>70016</v>
      </c>
      <c r="Y34" s="6">
        <v>63386</v>
      </c>
      <c r="Z34" s="6">
        <v>2226</v>
      </c>
      <c r="AA34" s="6">
        <v>602</v>
      </c>
      <c r="AB34" s="6">
        <v>3802</v>
      </c>
    </row>
    <row r="35" spans="1:28">
      <c r="A35" s="9" t="s">
        <v>27</v>
      </c>
      <c r="B35" s="9" t="s">
        <v>28</v>
      </c>
      <c r="C35" s="9" t="s">
        <v>76</v>
      </c>
      <c r="D35" s="9" t="s">
        <v>77</v>
      </c>
      <c r="E35" s="9" t="s">
        <v>28</v>
      </c>
      <c r="F35" s="9" t="s">
        <v>76</v>
      </c>
      <c r="G35" s="9" t="s">
        <v>78</v>
      </c>
      <c r="H35" s="9" t="s">
        <v>104</v>
      </c>
      <c r="I35" s="9" t="s">
        <v>53</v>
      </c>
      <c r="J35" s="9" t="s">
        <v>31</v>
      </c>
      <c r="K35" s="6">
        <v>17797</v>
      </c>
      <c r="L35" s="6">
        <v>2194</v>
      </c>
      <c r="M35" s="6">
        <v>2171</v>
      </c>
      <c r="N35" s="6">
        <v>2085</v>
      </c>
      <c r="O35" s="6">
        <v>2</v>
      </c>
      <c r="P35" s="6">
        <v>74</v>
      </c>
      <c r="Q35" s="6">
        <v>10</v>
      </c>
      <c r="R35" s="6">
        <v>23</v>
      </c>
      <c r="S35" s="6">
        <v>690</v>
      </c>
      <c r="T35" s="6">
        <v>6</v>
      </c>
      <c r="U35" s="6">
        <v>441</v>
      </c>
      <c r="V35" s="6">
        <v>243</v>
      </c>
      <c r="W35" s="6">
        <v>14913</v>
      </c>
      <c r="X35" s="6">
        <v>508</v>
      </c>
      <c r="Y35" s="6">
        <v>429</v>
      </c>
      <c r="Z35" s="6">
        <v>1</v>
      </c>
      <c r="AA35" s="6">
        <v>71</v>
      </c>
      <c r="AB35" s="6">
        <v>7</v>
      </c>
    </row>
    <row r="36" spans="1:28">
      <c r="A36" s="9" t="s">
        <v>27</v>
      </c>
      <c r="B36" s="9" t="s">
        <v>28</v>
      </c>
      <c r="C36" s="9" t="s">
        <v>76</v>
      </c>
      <c r="D36" s="9" t="s">
        <v>77</v>
      </c>
      <c r="E36" s="9" t="s">
        <v>28</v>
      </c>
      <c r="F36" s="9" t="s">
        <v>76</v>
      </c>
      <c r="G36" s="9" t="s">
        <v>78</v>
      </c>
      <c r="H36" s="9" t="s">
        <v>104</v>
      </c>
      <c r="I36" s="9" t="s">
        <v>53</v>
      </c>
      <c r="J36" s="9" t="s">
        <v>32</v>
      </c>
      <c r="K36" s="6">
        <v>214915</v>
      </c>
      <c r="L36" s="6">
        <v>21422</v>
      </c>
      <c r="M36" s="6">
        <v>21284</v>
      </c>
      <c r="N36" s="6">
        <v>20856</v>
      </c>
      <c r="O36" s="6">
        <v>32</v>
      </c>
      <c r="P36" s="6">
        <v>318</v>
      </c>
      <c r="Q36" s="6">
        <v>78</v>
      </c>
      <c r="R36" s="6">
        <v>138</v>
      </c>
      <c r="S36" s="6">
        <v>1083</v>
      </c>
      <c r="T36" s="6">
        <v>21</v>
      </c>
      <c r="U36" s="6">
        <v>473</v>
      </c>
      <c r="V36" s="6">
        <v>589</v>
      </c>
      <c r="W36" s="6">
        <v>192410</v>
      </c>
      <c r="X36" s="6">
        <v>3640</v>
      </c>
      <c r="Y36" s="6">
        <v>3255</v>
      </c>
      <c r="Z36" s="6">
        <v>30</v>
      </c>
      <c r="AA36" s="6">
        <v>296</v>
      </c>
      <c r="AB36" s="6">
        <v>59</v>
      </c>
    </row>
    <row r="37" spans="1:28">
      <c r="A37" s="9" t="s">
        <v>27</v>
      </c>
      <c r="B37" s="9" t="s">
        <v>28</v>
      </c>
      <c r="C37" s="9" t="s">
        <v>76</v>
      </c>
      <c r="D37" s="9" t="s">
        <v>77</v>
      </c>
      <c r="E37" s="9" t="s">
        <v>28</v>
      </c>
      <c r="F37" s="9" t="s">
        <v>76</v>
      </c>
      <c r="G37" s="9" t="s">
        <v>78</v>
      </c>
      <c r="H37" s="9" t="s">
        <v>104</v>
      </c>
      <c r="I37" s="9" t="s">
        <v>53</v>
      </c>
      <c r="J37" s="9" t="s">
        <v>33</v>
      </c>
      <c r="K37" s="6">
        <v>316881</v>
      </c>
      <c r="L37" s="6">
        <v>28738</v>
      </c>
      <c r="M37" s="6">
        <v>28547</v>
      </c>
      <c r="N37" s="6">
        <v>28298</v>
      </c>
      <c r="O37" s="6">
        <v>33</v>
      </c>
      <c r="P37" s="6">
        <v>139</v>
      </c>
      <c r="Q37" s="6">
        <v>77</v>
      </c>
      <c r="R37" s="6">
        <v>191</v>
      </c>
      <c r="S37" s="6">
        <v>894</v>
      </c>
      <c r="T37" s="6">
        <v>22</v>
      </c>
      <c r="U37" s="6">
        <v>123</v>
      </c>
      <c r="V37" s="6">
        <v>749</v>
      </c>
      <c r="W37" s="6">
        <v>287249</v>
      </c>
      <c r="X37" s="6">
        <v>3708</v>
      </c>
      <c r="Y37" s="6">
        <v>3502</v>
      </c>
      <c r="Z37" s="6">
        <v>23</v>
      </c>
      <c r="AA37" s="6">
        <v>129</v>
      </c>
      <c r="AB37" s="6">
        <v>54</v>
      </c>
    </row>
    <row r="38" spans="1:28">
      <c r="A38" s="9" t="s">
        <v>27</v>
      </c>
      <c r="B38" s="9" t="s">
        <v>28</v>
      </c>
      <c r="C38" s="9" t="s">
        <v>76</v>
      </c>
      <c r="D38" s="9" t="s">
        <v>77</v>
      </c>
      <c r="E38" s="9" t="s">
        <v>28</v>
      </c>
      <c r="F38" s="9" t="s">
        <v>76</v>
      </c>
      <c r="G38" s="9" t="s">
        <v>78</v>
      </c>
      <c r="H38" s="9" t="s">
        <v>104</v>
      </c>
      <c r="I38" s="9" t="s">
        <v>53</v>
      </c>
      <c r="J38" s="9" t="s">
        <v>34</v>
      </c>
      <c r="K38" s="6">
        <v>255312</v>
      </c>
      <c r="L38" s="6">
        <v>16264</v>
      </c>
      <c r="M38" s="6">
        <v>16065</v>
      </c>
      <c r="N38" s="6">
        <v>15908</v>
      </c>
      <c r="O38" s="6">
        <v>37</v>
      </c>
      <c r="P38" s="6">
        <v>34</v>
      </c>
      <c r="Q38" s="6">
        <v>86</v>
      </c>
      <c r="R38" s="6">
        <v>199</v>
      </c>
      <c r="S38" s="6">
        <v>1071</v>
      </c>
      <c r="T38" s="6">
        <v>24</v>
      </c>
      <c r="U38" s="6">
        <v>45</v>
      </c>
      <c r="V38" s="6">
        <v>1002</v>
      </c>
      <c r="W38" s="6">
        <v>237977</v>
      </c>
      <c r="X38" s="6">
        <v>2808</v>
      </c>
      <c r="Y38" s="6">
        <v>2701</v>
      </c>
      <c r="Z38" s="6">
        <v>26</v>
      </c>
      <c r="AA38" s="6">
        <v>31</v>
      </c>
      <c r="AB38" s="6">
        <v>50</v>
      </c>
    </row>
    <row r="39" spans="1:28">
      <c r="A39" s="9" t="s">
        <v>27</v>
      </c>
      <c r="B39" s="9" t="s">
        <v>28</v>
      </c>
      <c r="C39" s="9" t="s">
        <v>76</v>
      </c>
      <c r="D39" s="9" t="s">
        <v>77</v>
      </c>
      <c r="E39" s="9" t="s">
        <v>28</v>
      </c>
      <c r="F39" s="9" t="s">
        <v>76</v>
      </c>
      <c r="G39" s="9" t="s">
        <v>78</v>
      </c>
      <c r="H39" s="9" t="s">
        <v>104</v>
      </c>
      <c r="I39" s="9" t="s">
        <v>53</v>
      </c>
      <c r="J39" s="9" t="s">
        <v>35</v>
      </c>
      <c r="K39" s="6">
        <v>228806</v>
      </c>
      <c r="L39" s="6">
        <v>12179</v>
      </c>
      <c r="M39" s="6">
        <v>11917</v>
      </c>
      <c r="N39" s="6">
        <v>11769</v>
      </c>
      <c r="O39" s="6">
        <v>40</v>
      </c>
      <c r="P39" s="6">
        <v>8</v>
      </c>
      <c r="Q39" s="6">
        <v>100</v>
      </c>
      <c r="R39" s="6">
        <v>262</v>
      </c>
      <c r="S39" s="6">
        <v>1514</v>
      </c>
      <c r="T39" s="6">
        <v>40</v>
      </c>
      <c r="U39" s="6">
        <v>12</v>
      </c>
      <c r="V39" s="6">
        <v>1462</v>
      </c>
      <c r="W39" s="6">
        <v>215113</v>
      </c>
      <c r="X39" s="6">
        <v>2621</v>
      </c>
      <c r="Y39" s="6">
        <v>2534</v>
      </c>
      <c r="Z39" s="6">
        <v>25</v>
      </c>
      <c r="AA39" s="6">
        <v>8</v>
      </c>
      <c r="AB39" s="6">
        <v>54</v>
      </c>
    </row>
    <row r="40" spans="1:28">
      <c r="A40" s="9" t="s">
        <v>27</v>
      </c>
      <c r="B40" s="9" t="s">
        <v>28</v>
      </c>
      <c r="C40" s="9" t="s">
        <v>76</v>
      </c>
      <c r="D40" s="9" t="s">
        <v>77</v>
      </c>
      <c r="E40" s="9" t="s">
        <v>28</v>
      </c>
      <c r="F40" s="9" t="s">
        <v>76</v>
      </c>
      <c r="G40" s="9" t="s">
        <v>78</v>
      </c>
      <c r="H40" s="9" t="s">
        <v>104</v>
      </c>
      <c r="I40" s="9" t="s">
        <v>53</v>
      </c>
      <c r="J40" s="9" t="s">
        <v>36</v>
      </c>
      <c r="K40" s="6">
        <v>217921</v>
      </c>
      <c r="L40" s="6">
        <v>11560</v>
      </c>
      <c r="M40" s="6">
        <v>11115</v>
      </c>
      <c r="N40" s="6">
        <v>10851</v>
      </c>
      <c r="O40" s="6">
        <v>65</v>
      </c>
      <c r="P40" s="6">
        <v>7</v>
      </c>
      <c r="Q40" s="6">
        <v>192</v>
      </c>
      <c r="R40" s="6">
        <v>445</v>
      </c>
      <c r="S40" s="6">
        <v>2001</v>
      </c>
      <c r="T40" s="6">
        <v>54</v>
      </c>
      <c r="U40" s="6">
        <v>6</v>
      </c>
      <c r="V40" s="6">
        <v>1941</v>
      </c>
      <c r="W40" s="6">
        <v>204360</v>
      </c>
      <c r="X40" s="6">
        <v>3312</v>
      </c>
      <c r="Y40" s="6">
        <v>3180</v>
      </c>
      <c r="Z40" s="6">
        <v>43</v>
      </c>
      <c r="AA40" s="6">
        <v>6</v>
      </c>
      <c r="AB40" s="6">
        <v>83</v>
      </c>
    </row>
    <row r="41" spans="1:28">
      <c r="A41" s="9" t="s">
        <v>27</v>
      </c>
      <c r="B41" s="9" t="s">
        <v>28</v>
      </c>
      <c r="C41" s="9" t="s">
        <v>76</v>
      </c>
      <c r="D41" s="9" t="s">
        <v>77</v>
      </c>
      <c r="E41" s="9" t="s">
        <v>28</v>
      </c>
      <c r="F41" s="9" t="s">
        <v>76</v>
      </c>
      <c r="G41" s="9" t="s">
        <v>78</v>
      </c>
      <c r="H41" s="9" t="s">
        <v>104</v>
      </c>
      <c r="I41" s="9" t="s">
        <v>53</v>
      </c>
      <c r="J41" s="9" t="s">
        <v>37</v>
      </c>
      <c r="K41" s="6">
        <v>243243</v>
      </c>
      <c r="L41" s="6">
        <v>14966</v>
      </c>
      <c r="M41" s="6">
        <v>14257</v>
      </c>
      <c r="N41" s="6">
        <v>13774</v>
      </c>
      <c r="O41" s="6">
        <v>130</v>
      </c>
      <c r="P41" s="6">
        <v>7</v>
      </c>
      <c r="Q41" s="6">
        <v>346</v>
      </c>
      <c r="R41" s="6">
        <v>709</v>
      </c>
      <c r="S41" s="6">
        <v>3189</v>
      </c>
      <c r="T41" s="6">
        <v>128</v>
      </c>
      <c r="U41" s="6">
        <v>9</v>
      </c>
      <c r="V41" s="6">
        <v>3052</v>
      </c>
      <c r="W41" s="6">
        <v>225088</v>
      </c>
      <c r="X41" s="6">
        <v>5569</v>
      </c>
      <c r="Y41" s="6">
        <v>5339</v>
      </c>
      <c r="Z41" s="6">
        <v>73</v>
      </c>
      <c r="AA41" s="6">
        <v>5</v>
      </c>
      <c r="AB41" s="6">
        <v>152</v>
      </c>
    </row>
    <row r="42" spans="1:28">
      <c r="A42" s="9" t="s">
        <v>27</v>
      </c>
      <c r="B42" s="9" t="s">
        <v>28</v>
      </c>
      <c r="C42" s="9" t="s">
        <v>76</v>
      </c>
      <c r="D42" s="9" t="s">
        <v>77</v>
      </c>
      <c r="E42" s="9" t="s">
        <v>28</v>
      </c>
      <c r="F42" s="9" t="s">
        <v>76</v>
      </c>
      <c r="G42" s="9" t="s">
        <v>78</v>
      </c>
      <c r="H42" s="9" t="s">
        <v>104</v>
      </c>
      <c r="I42" s="9" t="s">
        <v>53</v>
      </c>
      <c r="J42" s="9" t="s">
        <v>38</v>
      </c>
      <c r="K42" s="6">
        <v>213534</v>
      </c>
      <c r="L42" s="6">
        <v>15217</v>
      </c>
      <c r="M42" s="6">
        <v>14242</v>
      </c>
      <c r="N42" s="6">
        <v>13537</v>
      </c>
      <c r="O42" s="6">
        <v>168</v>
      </c>
      <c r="P42" s="6">
        <v>7</v>
      </c>
      <c r="Q42" s="6">
        <v>530</v>
      </c>
      <c r="R42" s="6">
        <v>975</v>
      </c>
      <c r="S42" s="6">
        <v>4100</v>
      </c>
      <c r="T42" s="6">
        <v>178</v>
      </c>
      <c r="U42" s="6">
        <v>5</v>
      </c>
      <c r="V42" s="6">
        <v>3917</v>
      </c>
      <c r="W42" s="6">
        <v>194217</v>
      </c>
      <c r="X42" s="6">
        <v>6617</v>
      </c>
      <c r="Y42" s="6">
        <v>6284</v>
      </c>
      <c r="Z42" s="6">
        <v>89</v>
      </c>
      <c r="AA42" s="6">
        <v>6</v>
      </c>
      <c r="AB42" s="6">
        <v>238</v>
      </c>
    </row>
    <row r="43" spans="1:28">
      <c r="A43" s="9" t="s">
        <v>27</v>
      </c>
      <c r="B43" s="9" t="s">
        <v>28</v>
      </c>
      <c r="C43" s="9" t="s">
        <v>76</v>
      </c>
      <c r="D43" s="9" t="s">
        <v>77</v>
      </c>
      <c r="E43" s="9" t="s">
        <v>28</v>
      </c>
      <c r="F43" s="9" t="s">
        <v>76</v>
      </c>
      <c r="G43" s="9" t="s">
        <v>78</v>
      </c>
      <c r="H43" s="9" t="s">
        <v>104</v>
      </c>
      <c r="I43" s="9" t="s">
        <v>53</v>
      </c>
      <c r="J43" s="9" t="s">
        <v>39</v>
      </c>
      <c r="K43" s="6">
        <v>163599</v>
      </c>
      <c r="L43" s="6">
        <v>14760</v>
      </c>
      <c r="M43" s="6">
        <v>13627</v>
      </c>
      <c r="N43" s="6">
        <v>12642</v>
      </c>
      <c r="O43" s="6">
        <v>212</v>
      </c>
      <c r="P43" s="6">
        <v>16</v>
      </c>
      <c r="Q43" s="6">
        <v>757</v>
      </c>
      <c r="R43" s="6">
        <v>1133</v>
      </c>
      <c r="S43" s="6">
        <v>5216</v>
      </c>
      <c r="T43" s="6">
        <v>228</v>
      </c>
      <c r="U43" s="6">
        <v>8</v>
      </c>
      <c r="V43" s="6">
        <v>4980</v>
      </c>
      <c r="W43" s="6">
        <v>143623</v>
      </c>
      <c r="X43" s="6">
        <v>7478</v>
      </c>
      <c r="Y43" s="6">
        <v>7032</v>
      </c>
      <c r="Z43" s="6">
        <v>114</v>
      </c>
      <c r="AA43" s="6">
        <v>12</v>
      </c>
      <c r="AB43" s="6">
        <v>320</v>
      </c>
    </row>
    <row r="44" spans="1:28">
      <c r="A44" s="9" t="s">
        <v>27</v>
      </c>
      <c r="B44" s="9" t="s">
        <v>28</v>
      </c>
      <c r="C44" s="9" t="s">
        <v>76</v>
      </c>
      <c r="D44" s="9" t="s">
        <v>77</v>
      </c>
      <c r="E44" s="9" t="s">
        <v>28</v>
      </c>
      <c r="F44" s="9" t="s">
        <v>76</v>
      </c>
      <c r="G44" s="9" t="s">
        <v>78</v>
      </c>
      <c r="H44" s="9" t="s">
        <v>104</v>
      </c>
      <c r="I44" s="9" t="s">
        <v>53</v>
      </c>
      <c r="J44" s="9" t="s">
        <v>40</v>
      </c>
      <c r="K44" s="6">
        <v>125912</v>
      </c>
      <c r="L44" s="6">
        <v>16310</v>
      </c>
      <c r="M44" s="6">
        <v>14818</v>
      </c>
      <c r="N44" s="6">
        <v>13144</v>
      </c>
      <c r="O44" s="6">
        <v>353</v>
      </c>
      <c r="P44" s="6">
        <v>10</v>
      </c>
      <c r="Q44" s="6">
        <v>1311</v>
      </c>
      <c r="R44" s="6">
        <v>1492</v>
      </c>
      <c r="S44" s="6">
        <v>8196</v>
      </c>
      <c r="T44" s="6">
        <v>407</v>
      </c>
      <c r="U44" s="6">
        <v>10</v>
      </c>
      <c r="V44" s="6">
        <v>7779</v>
      </c>
      <c r="W44" s="6">
        <v>101406</v>
      </c>
      <c r="X44" s="6">
        <v>9305</v>
      </c>
      <c r="Y44" s="6">
        <v>8569</v>
      </c>
      <c r="Z44" s="6">
        <v>201</v>
      </c>
      <c r="AA44" s="6">
        <v>6</v>
      </c>
      <c r="AB44" s="6">
        <v>529</v>
      </c>
    </row>
    <row r="45" spans="1:28">
      <c r="A45" s="9" t="s">
        <v>27</v>
      </c>
      <c r="B45" s="9" t="s">
        <v>28</v>
      </c>
      <c r="C45" s="9" t="s">
        <v>76</v>
      </c>
      <c r="D45" s="9" t="s">
        <v>77</v>
      </c>
      <c r="E45" s="9" t="s">
        <v>28</v>
      </c>
      <c r="F45" s="9" t="s">
        <v>76</v>
      </c>
      <c r="G45" s="9" t="s">
        <v>78</v>
      </c>
      <c r="H45" s="9" t="s">
        <v>104</v>
      </c>
      <c r="I45" s="9" t="s">
        <v>53</v>
      </c>
      <c r="J45" s="9" t="s">
        <v>41</v>
      </c>
      <c r="K45" s="6">
        <v>126700</v>
      </c>
      <c r="L45" s="6">
        <v>18206</v>
      </c>
      <c r="M45" s="6">
        <v>16649</v>
      </c>
      <c r="N45" s="6">
        <v>13535</v>
      </c>
      <c r="O45" s="6">
        <v>726</v>
      </c>
      <c r="P45" s="6">
        <v>27</v>
      </c>
      <c r="Q45" s="6">
        <v>2361</v>
      </c>
      <c r="R45" s="6">
        <v>1557</v>
      </c>
      <c r="S45" s="6">
        <v>18174</v>
      </c>
      <c r="T45" s="6">
        <v>920</v>
      </c>
      <c r="U45" s="6">
        <v>10</v>
      </c>
      <c r="V45" s="6">
        <v>17244</v>
      </c>
      <c r="W45" s="6">
        <v>90320</v>
      </c>
      <c r="X45" s="6">
        <v>10171</v>
      </c>
      <c r="Y45" s="6">
        <v>8930</v>
      </c>
      <c r="Z45" s="6">
        <v>438</v>
      </c>
      <c r="AA45" s="6">
        <v>17</v>
      </c>
      <c r="AB45" s="6">
        <v>786</v>
      </c>
    </row>
    <row r="46" spans="1:28">
      <c r="A46" s="9" t="s">
        <v>27</v>
      </c>
      <c r="B46" s="9" t="s">
        <v>28</v>
      </c>
      <c r="C46" s="9" t="s">
        <v>76</v>
      </c>
      <c r="D46" s="9" t="s">
        <v>77</v>
      </c>
      <c r="E46" s="9" t="s">
        <v>28</v>
      </c>
      <c r="F46" s="9" t="s">
        <v>76</v>
      </c>
      <c r="G46" s="9" t="s">
        <v>78</v>
      </c>
      <c r="H46" s="9" t="s">
        <v>104</v>
      </c>
      <c r="I46" s="9" t="s">
        <v>53</v>
      </c>
      <c r="J46" s="9" t="s">
        <v>42</v>
      </c>
      <c r="K46" s="6">
        <v>132258</v>
      </c>
      <c r="L46" s="6">
        <v>16983</v>
      </c>
      <c r="M46" s="6">
        <v>15757</v>
      </c>
      <c r="N46" s="6">
        <v>11624</v>
      </c>
      <c r="O46" s="6">
        <v>1069</v>
      </c>
      <c r="P46" s="6">
        <v>15</v>
      </c>
      <c r="Q46" s="6">
        <v>3049</v>
      </c>
      <c r="R46" s="6">
        <v>1226</v>
      </c>
      <c r="S46" s="6">
        <v>29352</v>
      </c>
      <c r="T46" s="6">
        <v>1650</v>
      </c>
      <c r="U46" s="6">
        <v>9</v>
      </c>
      <c r="V46" s="6">
        <v>27693</v>
      </c>
      <c r="W46" s="6">
        <v>85923</v>
      </c>
      <c r="X46" s="6">
        <v>8802</v>
      </c>
      <c r="Y46" s="6">
        <v>7422</v>
      </c>
      <c r="Z46" s="6">
        <v>538</v>
      </c>
      <c r="AA46" s="6">
        <v>7</v>
      </c>
      <c r="AB46" s="6">
        <v>835</v>
      </c>
    </row>
    <row r="47" spans="1:28">
      <c r="A47" s="9" t="s">
        <v>27</v>
      </c>
      <c r="B47" s="9" t="s">
        <v>28</v>
      </c>
      <c r="C47" s="9" t="s">
        <v>76</v>
      </c>
      <c r="D47" s="9" t="s">
        <v>77</v>
      </c>
      <c r="E47" s="9" t="s">
        <v>28</v>
      </c>
      <c r="F47" s="9" t="s">
        <v>76</v>
      </c>
      <c r="G47" s="9" t="s">
        <v>78</v>
      </c>
      <c r="H47" s="9" t="s">
        <v>104</v>
      </c>
      <c r="I47" s="9" t="s">
        <v>53</v>
      </c>
      <c r="J47" s="9" t="s">
        <v>43</v>
      </c>
      <c r="K47" s="6">
        <v>92411</v>
      </c>
      <c r="L47" s="6">
        <v>8523</v>
      </c>
      <c r="M47" s="6">
        <v>8029</v>
      </c>
      <c r="N47" s="6">
        <v>5152</v>
      </c>
      <c r="O47" s="6">
        <v>812</v>
      </c>
      <c r="P47" s="6">
        <v>12</v>
      </c>
      <c r="Q47" s="6">
        <v>2053</v>
      </c>
      <c r="R47" s="6">
        <v>494</v>
      </c>
      <c r="S47" s="6">
        <v>29572</v>
      </c>
      <c r="T47" s="6">
        <v>1787</v>
      </c>
      <c r="U47" s="6">
        <v>12</v>
      </c>
      <c r="V47" s="6">
        <v>27773</v>
      </c>
      <c r="W47" s="6">
        <v>54316</v>
      </c>
      <c r="X47" s="6">
        <v>3708</v>
      </c>
      <c r="Y47" s="6">
        <v>2926</v>
      </c>
      <c r="Z47" s="6">
        <v>365</v>
      </c>
      <c r="AA47" s="6">
        <v>5</v>
      </c>
      <c r="AB47" s="6">
        <v>412</v>
      </c>
    </row>
    <row r="48" spans="1:28">
      <c r="A48" s="9" t="s">
        <v>27</v>
      </c>
      <c r="B48" s="9" t="s">
        <v>28</v>
      </c>
      <c r="C48" s="9" t="s">
        <v>76</v>
      </c>
      <c r="D48" s="9" t="s">
        <v>77</v>
      </c>
      <c r="E48" s="9" t="s">
        <v>28</v>
      </c>
      <c r="F48" s="9" t="s">
        <v>76</v>
      </c>
      <c r="G48" s="9" t="s">
        <v>78</v>
      </c>
      <c r="H48" s="9" t="s">
        <v>104</v>
      </c>
      <c r="I48" s="9" t="s">
        <v>53</v>
      </c>
      <c r="J48" s="9" t="s">
        <v>44</v>
      </c>
      <c r="K48" s="6">
        <v>69183</v>
      </c>
      <c r="L48" s="6">
        <v>3836</v>
      </c>
      <c r="M48" s="6">
        <v>3643</v>
      </c>
      <c r="N48" s="6">
        <v>1951</v>
      </c>
      <c r="O48" s="6">
        <v>552</v>
      </c>
      <c r="P48" s="6">
        <v>10</v>
      </c>
      <c r="Q48" s="6">
        <v>1130</v>
      </c>
      <c r="R48" s="6">
        <v>193</v>
      </c>
      <c r="S48" s="6">
        <v>28094</v>
      </c>
      <c r="T48" s="6">
        <v>1562</v>
      </c>
      <c r="U48" s="6">
        <v>6</v>
      </c>
      <c r="V48" s="6">
        <v>26526</v>
      </c>
      <c r="W48" s="6">
        <v>37253</v>
      </c>
      <c r="X48" s="6">
        <v>1221</v>
      </c>
      <c r="Y48" s="6">
        <v>893</v>
      </c>
      <c r="Z48" s="6">
        <v>180</v>
      </c>
      <c r="AA48" s="6">
        <v>3</v>
      </c>
      <c r="AB48" s="6">
        <v>145</v>
      </c>
    </row>
    <row r="49" spans="1:28">
      <c r="A49" s="9" t="s">
        <v>27</v>
      </c>
      <c r="B49" s="9" t="s">
        <v>28</v>
      </c>
      <c r="C49" s="9" t="s">
        <v>76</v>
      </c>
      <c r="D49" s="9" t="s">
        <v>77</v>
      </c>
      <c r="E49" s="9" t="s">
        <v>28</v>
      </c>
      <c r="F49" s="9" t="s">
        <v>76</v>
      </c>
      <c r="G49" s="9" t="s">
        <v>78</v>
      </c>
      <c r="H49" s="9" t="s">
        <v>104</v>
      </c>
      <c r="I49" s="9" t="s">
        <v>53</v>
      </c>
      <c r="J49" s="9" t="s">
        <v>45</v>
      </c>
      <c r="K49" s="6">
        <v>48424</v>
      </c>
      <c r="L49" s="6">
        <v>1624</v>
      </c>
      <c r="M49" s="6">
        <v>1573</v>
      </c>
      <c r="N49" s="6">
        <v>778</v>
      </c>
      <c r="O49" s="6">
        <v>265</v>
      </c>
      <c r="P49" s="6">
        <v>1</v>
      </c>
      <c r="Q49" s="6">
        <v>529</v>
      </c>
      <c r="R49" s="6">
        <v>51</v>
      </c>
      <c r="S49" s="6">
        <v>24813</v>
      </c>
      <c r="T49" s="6">
        <v>883</v>
      </c>
      <c r="U49" s="6">
        <v>6</v>
      </c>
      <c r="V49" s="6">
        <v>23924</v>
      </c>
      <c r="W49" s="6">
        <v>21987</v>
      </c>
      <c r="X49" s="6">
        <v>406</v>
      </c>
      <c r="Y49" s="6">
        <v>293</v>
      </c>
      <c r="Z49" s="6">
        <v>54</v>
      </c>
      <c r="AA49" s="10" t="s">
        <v>55</v>
      </c>
      <c r="AB49" s="6">
        <v>59</v>
      </c>
    </row>
    <row r="50" spans="1:28">
      <c r="A50" s="9" t="s">
        <v>27</v>
      </c>
      <c r="B50" s="9" t="s">
        <v>28</v>
      </c>
      <c r="C50" s="9" t="s">
        <v>76</v>
      </c>
      <c r="D50" s="9" t="s">
        <v>77</v>
      </c>
      <c r="E50" s="9" t="s">
        <v>28</v>
      </c>
      <c r="F50" s="9" t="s">
        <v>76</v>
      </c>
      <c r="G50" s="9" t="s">
        <v>78</v>
      </c>
      <c r="H50" s="9" t="s">
        <v>104</v>
      </c>
      <c r="I50" s="9" t="s">
        <v>53</v>
      </c>
      <c r="J50" s="9" t="s">
        <v>46</v>
      </c>
      <c r="K50" s="6">
        <v>23495</v>
      </c>
      <c r="L50" s="6">
        <v>467</v>
      </c>
      <c r="M50" s="6">
        <v>450</v>
      </c>
      <c r="N50" s="6">
        <v>252</v>
      </c>
      <c r="O50" s="6">
        <v>78</v>
      </c>
      <c r="P50" s="6">
        <v>1</v>
      </c>
      <c r="Q50" s="6">
        <v>119</v>
      </c>
      <c r="R50" s="6">
        <v>17</v>
      </c>
      <c r="S50" s="6">
        <v>14400</v>
      </c>
      <c r="T50" s="6">
        <v>259</v>
      </c>
      <c r="U50" s="6">
        <v>2</v>
      </c>
      <c r="V50" s="6">
        <v>14139</v>
      </c>
      <c r="W50" s="6">
        <v>8628</v>
      </c>
      <c r="X50" s="6">
        <v>123</v>
      </c>
      <c r="Y50" s="6">
        <v>86</v>
      </c>
      <c r="Z50" s="6">
        <v>22</v>
      </c>
      <c r="AA50" s="10" t="s">
        <v>55</v>
      </c>
      <c r="AB50" s="6">
        <v>15</v>
      </c>
    </row>
    <row r="51" spans="1:28">
      <c r="A51" s="9" t="s">
        <v>27</v>
      </c>
      <c r="B51" s="9" t="s">
        <v>28</v>
      </c>
      <c r="C51" s="9" t="s">
        <v>76</v>
      </c>
      <c r="D51" s="9" t="s">
        <v>77</v>
      </c>
      <c r="E51" s="9" t="s">
        <v>28</v>
      </c>
      <c r="F51" s="9" t="s">
        <v>76</v>
      </c>
      <c r="G51" s="9" t="s">
        <v>78</v>
      </c>
      <c r="H51" s="9" t="s">
        <v>104</v>
      </c>
      <c r="I51" s="9" t="s">
        <v>53</v>
      </c>
      <c r="J51" s="9" t="s">
        <v>47</v>
      </c>
      <c r="K51" s="6">
        <v>6054</v>
      </c>
      <c r="L51" s="6">
        <v>65</v>
      </c>
      <c r="M51" s="6">
        <v>58</v>
      </c>
      <c r="N51" s="6">
        <v>29</v>
      </c>
      <c r="O51" s="6">
        <v>10</v>
      </c>
      <c r="P51" s="10" t="s">
        <v>55</v>
      </c>
      <c r="Q51" s="6">
        <v>19</v>
      </c>
      <c r="R51" s="6">
        <v>7</v>
      </c>
      <c r="S51" s="6">
        <v>4338</v>
      </c>
      <c r="T51" s="6">
        <v>47</v>
      </c>
      <c r="U51" s="10" t="s">
        <v>55</v>
      </c>
      <c r="V51" s="6">
        <v>4291</v>
      </c>
      <c r="W51" s="6">
        <v>1651</v>
      </c>
      <c r="X51" s="6">
        <v>19</v>
      </c>
      <c r="Y51" s="6">
        <v>11</v>
      </c>
      <c r="Z51" s="6">
        <v>4</v>
      </c>
      <c r="AA51" s="10" t="s">
        <v>55</v>
      </c>
      <c r="AB51" s="6">
        <v>4</v>
      </c>
    </row>
    <row r="52" spans="1:28">
      <c r="A52" s="9" t="s">
        <v>27</v>
      </c>
      <c r="B52" s="9" t="s">
        <v>28</v>
      </c>
      <c r="C52" s="9" t="s">
        <v>76</v>
      </c>
      <c r="D52" s="9" t="s">
        <v>77</v>
      </c>
      <c r="E52" s="9" t="s">
        <v>28</v>
      </c>
      <c r="F52" s="9" t="s">
        <v>76</v>
      </c>
      <c r="G52" s="9" t="s">
        <v>78</v>
      </c>
      <c r="H52" s="9" t="s">
        <v>104</v>
      </c>
      <c r="I52" s="9" t="s">
        <v>53</v>
      </c>
      <c r="J52" s="9" t="s">
        <v>48</v>
      </c>
      <c r="K52" s="6">
        <v>1997920</v>
      </c>
      <c r="L52" s="6">
        <v>153610</v>
      </c>
      <c r="M52" s="6">
        <v>148043</v>
      </c>
      <c r="N52" s="6">
        <v>142864</v>
      </c>
      <c r="O52" s="6">
        <v>1072</v>
      </c>
      <c r="P52" s="6">
        <v>620</v>
      </c>
      <c r="Q52" s="6">
        <v>3487</v>
      </c>
      <c r="R52" s="6">
        <v>5567</v>
      </c>
      <c r="S52" s="6">
        <v>27954</v>
      </c>
      <c r="T52" s="6">
        <v>1108</v>
      </c>
      <c r="U52" s="6">
        <v>1132</v>
      </c>
      <c r="V52" s="6">
        <v>25714</v>
      </c>
      <c r="W52" s="6">
        <v>1816356</v>
      </c>
      <c r="X52" s="6">
        <v>45566</v>
      </c>
      <c r="Y52" s="6">
        <v>42825</v>
      </c>
      <c r="Z52" s="6">
        <v>625</v>
      </c>
      <c r="AA52" s="6">
        <v>570</v>
      </c>
      <c r="AB52" s="6">
        <v>1546</v>
      </c>
    </row>
    <row r="53" spans="1:28">
      <c r="A53" s="9" t="s">
        <v>27</v>
      </c>
      <c r="B53" s="9" t="s">
        <v>28</v>
      </c>
      <c r="C53" s="9" t="s">
        <v>76</v>
      </c>
      <c r="D53" s="9" t="s">
        <v>77</v>
      </c>
      <c r="E53" s="9" t="s">
        <v>28</v>
      </c>
      <c r="F53" s="9" t="s">
        <v>76</v>
      </c>
      <c r="G53" s="9" t="s">
        <v>78</v>
      </c>
      <c r="H53" s="9" t="s">
        <v>104</v>
      </c>
      <c r="I53" s="9" t="s">
        <v>53</v>
      </c>
      <c r="J53" s="9" t="s">
        <v>49</v>
      </c>
      <c r="K53" s="6">
        <v>498525</v>
      </c>
      <c r="L53" s="6">
        <v>49704</v>
      </c>
      <c r="M53" s="6">
        <v>46159</v>
      </c>
      <c r="N53" s="6">
        <v>33321</v>
      </c>
      <c r="O53" s="6">
        <v>3512</v>
      </c>
      <c r="P53" s="6">
        <v>66</v>
      </c>
      <c r="Q53" s="6">
        <v>9260</v>
      </c>
      <c r="R53" s="6">
        <v>3545</v>
      </c>
      <c r="S53" s="6">
        <v>148743</v>
      </c>
      <c r="T53" s="6">
        <v>7108</v>
      </c>
      <c r="U53" s="6">
        <v>45</v>
      </c>
      <c r="V53" s="6">
        <v>141590</v>
      </c>
      <c r="W53" s="6">
        <v>300078</v>
      </c>
      <c r="X53" s="6">
        <v>24450</v>
      </c>
      <c r="Y53" s="6">
        <v>20561</v>
      </c>
      <c r="Z53" s="6">
        <v>1601</v>
      </c>
      <c r="AA53" s="6">
        <v>32</v>
      </c>
      <c r="AB53" s="6">
        <v>2256</v>
      </c>
    </row>
    <row r="54" spans="1:28">
      <c r="A54" s="9" t="s">
        <v>27</v>
      </c>
      <c r="B54" s="9" t="s">
        <v>28</v>
      </c>
      <c r="C54" s="9" t="s">
        <v>76</v>
      </c>
      <c r="D54" s="9" t="s">
        <v>77</v>
      </c>
      <c r="E54" s="9" t="s">
        <v>28</v>
      </c>
      <c r="F54" s="9" t="s">
        <v>76</v>
      </c>
      <c r="G54" s="9" t="s">
        <v>78</v>
      </c>
      <c r="H54" s="9" t="s">
        <v>104</v>
      </c>
      <c r="I54" s="9" t="s">
        <v>53</v>
      </c>
      <c r="J54" s="9" t="s">
        <v>50</v>
      </c>
      <c r="K54" s="6">
        <v>239567</v>
      </c>
      <c r="L54" s="6">
        <v>14515</v>
      </c>
      <c r="M54" s="6">
        <v>13753</v>
      </c>
      <c r="N54" s="6">
        <v>8162</v>
      </c>
      <c r="O54" s="6">
        <v>1717</v>
      </c>
      <c r="P54" s="6">
        <v>24</v>
      </c>
      <c r="Q54" s="6">
        <v>3850</v>
      </c>
      <c r="R54" s="6">
        <v>762</v>
      </c>
      <c r="S54" s="6">
        <v>101217</v>
      </c>
      <c r="T54" s="6">
        <v>4538</v>
      </c>
      <c r="U54" s="6">
        <v>26</v>
      </c>
      <c r="V54" s="6">
        <v>96653</v>
      </c>
      <c r="W54" s="6">
        <v>123835</v>
      </c>
      <c r="X54" s="6">
        <v>5477</v>
      </c>
      <c r="Y54" s="6">
        <v>4209</v>
      </c>
      <c r="Z54" s="6">
        <v>625</v>
      </c>
      <c r="AA54" s="6">
        <v>8</v>
      </c>
      <c r="AB54" s="6">
        <v>635</v>
      </c>
    </row>
    <row r="55" spans="1:28">
      <c r="A55" s="9" t="s">
        <v>27</v>
      </c>
      <c r="B55" s="9" t="s">
        <v>28</v>
      </c>
      <c r="C55" s="9" t="s">
        <v>76</v>
      </c>
      <c r="D55" s="9" t="s">
        <v>77</v>
      </c>
      <c r="E55" s="9" t="s">
        <v>28</v>
      </c>
      <c r="F55" s="9" t="s">
        <v>76</v>
      </c>
      <c r="G55" s="9" t="s">
        <v>78</v>
      </c>
      <c r="H55" s="9" t="s">
        <v>104</v>
      </c>
      <c r="I55" s="9" t="s">
        <v>53</v>
      </c>
      <c r="J55" s="9" t="s">
        <v>51</v>
      </c>
      <c r="K55" s="6">
        <v>77973</v>
      </c>
      <c r="L55" s="6">
        <v>2156</v>
      </c>
      <c r="M55" s="6">
        <v>2081</v>
      </c>
      <c r="N55" s="6">
        <v>1059</v>
      </c>
      <c r="O55" s="6">
        <v>353</v>
      </c>
      <c r="P55" s="6">
        <v>2</v>
      </c>
      <c r="Q55" s="6">
        <v>667</v>
      </c>
      <c r="R55" s="6">
        <v>75</v>
      </c>
      <c r="S55" s="6">
        <v>43551</v>
      </c>
      <c r="T55" s="6">
        <v>1189</v>
      </c>
      <c r="U55" s="6">
        <v>8</v>
      </c>
      <c r="V55" s="6">
        <v>42354</v>
      </c>
      <c r="W55" s="6">
        <v>32266</v>
      </c>
      <c r="X55" s="6">
        <v>548</v>
      </c>
      <c r="Y55" s="6">
        <v>390</v>
      </c>
      <c r="Z55" s="6">
        <v>80</v>
      </c>
      <c r="AA55" s="10" t="s">
        <v>55</v>
      </c>
      <c r="AB55" s="6">
        <v>78</v>
      </c>
    </row>
    <row r="56" spans="1:28">
      <c r="A56" s="9" t="s">
        <v>27</v>
      </c>
      <c r="B56" s="9" t="s">
        <v>28</v>
      </c>
      <c r="C56" s="9" t="s">
        <v>76</v>
      </c>
      <c r="D56" s="9" t="s">
        <v>77</v>
      </c>
      <c r="E56" s="9" t="s">
        <v>28</v>
      </c>
      <c r="F56" s="9" t="s">
        <v>76</v>
      </c>
      <c r="G56" s="9" t="s">
        <v>78</v>
      </c>
      <c r="H56" s="9" t="s">
        <v>104</v>
      </c>
      <c r="I56" s="9" t="s">
        <v>53</v>
      </c>
      <c r="J56" s="9" t="s">
        <v>52</v>
      </c>
      <c r="K56" s="6">
        <v>2106823</v>
      </c>
      <c r="L56" s="6">
        <v>169622</v>
      </c>
      <c r="M56" s="6">
        <v>162521</v>
      </c>
      <c r="N56" s="6">
        <v>154314</v>
      </c>
      <c r="O56" s="6">
        <v>1796</v>
      </c>
      <c r="P56" s="6">
        <v>573</v>
      </c>
      <c r="Q56" s="6">
        <v>5838</v>
      </c>
      <c r="R56" s="6">
        <v>7101</v>
      </c>
      <c r="S56" s="6">
        <v>45438</v>
      </c>
      <c r="T56" s="6">
        <v>2022</v>
      </c>
      <c r="U56" s="6">
        <v>701</v>
      </c>
      <c r="V56" s="6">
        <v>42715</v>
      </c>
      <c r="W56" s="6">
        <v>1891763</v>
      </c>
      <c r="X56" s="6">
        <v>55229</v>
      </c>
      <c r="Y56" s="6">
        <v>51326</v>
      </c>
      <c r="Z56" s="6">
        <v>1062</v>
      </c>
      <c r="AA56" s="6">
        <v>516</v>
      </c>
      <c r="AB56" s="6">
        <v>2325</v>
      </c>
    </row>
    <row r="57" spans="1:28">
      <c r="A57" s="9" t="s">
        <v>27</v>
      </c>
      <c r="B57" s="9" t="s">
        <v>28</v>
      </c>
      <c r="C57" s="9" t="s">
        <v>76</v>
      </c>
      <c r="D57" s="9" t="s">
        <v>77</v>
      </c>
      <c r="E57" s="9" t="s">
        <v>28</v>
      </c>
      <c r="F57" s="9" t="s">
        <v>76</v>
      </c>
      <c r="G57" s="9" t="s">
        <v>78</v>
      </c>
      <c r="H57" s="9" t="s">
        <v>104</v>
      </c>
      <c r="I57" s="9" t="s">
        <v>54</v>
      </c>
      <c r="J57" s="9" t="s">
        <v>30</v>
      </c>
      <c r="K57" s="6">
        <v>2121676</v>
      </c>
      <c r="L57" s="6">
        <v>153130</v>
      </c>
      <c r="M57" s="6">
        <v>147621</v>
      </c>
      <c r="N57" s="6">
        <v>116158</v>
      </c>
      <c r="O57" s="6">
        <v>23889</v>
      </c>
      <c r="P57" s="6">
        <v>722</v>
      </c>
      <c r="Q57" s="6">
        <v>6852</v>
      </c>
      <c r="R57" s="6">
        <v>5509</v>
      </c>
      <c r="S57" s="6">
        <v>388884</v>
      </c>
      <c r="T57" s="6">
        <v>76246</v>
      </c>
      <c r="U57" s="6">
        <v>1102</v>
      </c>
      <c r="V57" s="6">
        <v>311536</v>
      </c>
      <c r="W57" s="6">
        <v>1579662</v>
      </c>
      <c r="X57" s="6">
        <v>81659</v>
      </c>
      <c r="Y57" s="6">
        <v>62278</v>
      </c>
      <c r="Z57" s="6">
        <v>15794</v>
      </c>
      <c r="AA57" s="6">
        <v>660</v>
      </c>
      <c r="AB57" s="6">
        <v>2927</v>
      </c>
    </row>
    <row r="58" spans="1:28">
      <c r="A58" s="9" t="s">
        <v>27</v>
      </c>
      <c r="B58" s="9" t="s">
        <v>28</v>
      </c>
      <c r="C58" s="9" t="s">
        <v>76</v>
      </c>
      <c r="D58" s="9" t="s">
        <v>77</v>
      </c>
      <c r="E58" s="9" t="s">
        <v>28</v>
      </c>
      <c r="F58" s="9" t="s">
        <v>76</v>
      </c>
      <c r="G58" s="9" t="s">
        <v>78</v>
      </c>
      <c r="H58" s="9" t="s">
        <v>104</v>
      </c>
      <c r="I58" s="9" t="s">
        <v>54</v>
      </c>
      <c r="J58" s="9" t="s">
        <v>31</v>
      </c>
      <c r="K58" s="6">
        <v>13380</v>
      </c>
      <c r="L58" s="6">
        <v>1077</v>
      </c>
      <c r="M58" s="6">
        <v>1053</v>
      </c>
      <c r="N58" s="6">
        <v>960</v>
      </c>
      <c r="O58" s="6">
        <v>5</v>
      </c>
      <c r="P58" s="6">
        <v>82</v>
      </c>
      <c r="Q58" s="6">
        <v>6</v>
      </c>
      <c r="R58" s="6">
        <v>24</v>
      </c>
      <c r="S58" s="6">
        <v>527</v>
      </c>
      <c r="T58" s="6">
        <v>20</v>
      </c>
      <c r="U58" s="6">
        <v>338</v>
      </c>
      <c r="V58" s="6">
        <v>169</v>
      </c>
      <c r="W58" s="6">
        <v>11776</v>
      </c>
      <c r="X58" s="6">
        <v>301</v>
      </c>
      <c r="Y58" s="6">
        <v>211</v>
      </c>
      <c r="Z58" s="6">
        <v>5</v>
      </c>
      <c r="AA58" s="6">
        <v>80</v>
      </c>
      <c r="AB58" s="6">
        <v>5</v>
      </c>
    </row>
    <row r="59" spans="1:28">
      <c r="A59" s="9" t="s">
        <v>27</v>
      </c>
      <c r="B59" s="9" t="s">
        <v>28</v>
      </c>
      <c r="C59" s="9" t="s">
        <v>76</v>
      </c>
      <c r="D59" s="9" t="s">
        <v>77</v>
      </c>
      <c r="E59" s="9" t="s">
        <v>28</v>
      </c>
      <c r="F59" s="9" t="s">
        <v>76</v>
      </c>
      <c r="G59" s="9" t="s">
        <v>78</v>
      </c>
      <c r="H59" s="9" t="s">
        <v>104</v>
      </c>
      <c r="I59" s="9" t="s">
        <v>54</v>
      </c>
      <c r="J59" s="9" t="s">
        <v>32</v>
      </c>
      <c r="K59" s="6">
        <v>165138</v>
      </c>
      <c r="L59" s="6">
        <v>14917</v>
      </c>
      <c r="M59" s="6">
        <v>14800</v>
      </c>
      <c r="N59" s="6">
        <v>14292</v>
      </c>
      <c r="O59" s="6">
        <v>89</v>
      </c>
      <c r="P59" s="6">
        <v>344</v>
      </c>
      <c r="Q59" s="6">
        <v>75</v>
      </c>
      <c r="R59" s="6">
        <v>117</v>
      </c>
      <c r="S59" s="6">
        <v>764</v>
      </c>
      <c r="T59" s="6">
        <v>113</v>
      </c>
      <c r="U59" s="6">
        <v>354</v>
      </c>
      <c r="V59" s="6">
        <v>297</v>
      </c>
      <c r="W59" s="6">
        <v>149457</v>
      </c>
      <c r="X59" s="6">
        <v>2874</v>
      </c>
      <c r="Y59" s="6">
        <v>2429</v>
      </c>
      <c r="Z59" s="6">
        <v>67</v>
      </c>
      <c r="AA59" s="6">
        <v>329</v>
      </c>
      <c r="AB59" s="6">
        <v>49</v>
      </c>
    </row>
    <row r="60" spans="1:28">
      <c r="A60" s="9" t="s">
        <v>27</v>
      </c>
      <c r="B60" s="9" t="s">
        <v>28</v>
      </c>
      <c r="C60" s="9" t="s">
        <v>76</v>
      </c>
      <c r="D60" s="9" t="s">
        <v>77</v>
      </c>
      <c r="E60" s="9" t="s">
        <v>28</v>
      </c>
      <c r="F60" s="9" t="s">
        <v>76</v>
      </c>
      <c r="G60" s="9" t="s">
        <v>78</v>
      </c>
      <c r="H60" s="9" t="s">
        <v>104</v>
      </c>
      <c r="I60" s="9" t="s">
        <v>54</v>
      </c>
      <c r="J60" s="9" t="s">
        <v>33</v>
      </c>
      <c r="K60" s="6">
        <v>201314</v>
      </c>
      <c r="L60" s="6">
        <v>14248</v>
      </c>
      <c r="M60" s="6">
        <v>14078</v>
      </c>
      <c r="N60" s="6">
        <v>13719</v>
      </c>
      <c r="O60" s="6">
        <v>154</v>
      </c>
      <c r="P60" s="6">
        <v>115</v>
      </c>
      <c r="Q60" s="6">
        <v>90</v>
      </c>
      <c r="R60" s="6">
        <v>170</v>
      </c>
      <c r="S60" s="6">
        <v>642</v>
      </c>
      <c r="T60" s="6">
        <v>163</v>
      </c>
      <c r="U60" s="6">
        <v>124</v>
      </c>
      <c r="V60" s="6">
        <v>355</v>
      </c>
      <c r="W60" s="6">
        <v>186424</v>
      </c>
      <c r="X60" s="6">
        <v>2752</v>
      </c>
      <c r="Y60" s="6">
        <v>2459</v>
      </c>
      <c r="Z60" s="6">
        <v>123</v>
      </c>
      <c r="AA60" s="6">
        <v>115</v>
      </c>
      <c r="AB60" s="6">
        <v>55</v>
      </c>
    </row>
    <row r="61" spans="1:28">
      <c r="A61" s="9" t="s">
        <v>27</v>
      </c>
      <c r="B61" s="9" t="s">
        <v>28</v>
      </c>
      <c r="C61" s="9" t="s">
        <v>76</v>
      </c>
      <c r="D61" s="9" t="s">
        <v>77</v>
      </c>
      <c r="E61" s="9" t="s">
        <v>28</v>
      </c>
      <c r="F61" s="9" t="s">
        <v>76</v>
      </c>
      <c r="G61" s="9" t="s">
        <v>78</v>
      </c>
      <c r="H61" s="9" t="s">
        <v>104</v>
      </c>
      <c r="I61" s="9" t="s">
        <v>54</v>
      </c>
      <c r="J61" s="9" t="s">
        <v>34</v>
      </c>
      <c r="K61" s="6">
        <v>151196</v>
      </c>
      <c r="L61" s="6">
        <v>8690</v>
      </c>
      <c r="M61" s="6">
        <v>8442</v>
      </c>
      <c r="N61" s="6">
        <v>8010</v>
      </c>
      <c r="O61" s="6">
        <v>245</v>
      </c>
      <c r="P61" s="6">
        <v>41</v>
      </c>
      <c r="Q61" s="6">
        <v>146</v>
      </c>
      <c r="R61" s="6">
        <v>248</v>
      </c>
      <c r="S61" s="6">
        <v>811</v>
      </c>
      <c r="T61" s="6">
        <v>294</v>
      </c>
      <c r="U61" s="6">
        <v>45</v>
      </c>
      <c r="V61" s="6">
        <v>472</v>
      </c>
      <c r="W61" s="6">
        <v>141695</v>
      </c>
      <c r="X61" s="6">
        <v>2800</v>
      </c>
      <c r="Y61" s="6">
        <v>2442</v>
      </c>
      <c r="Z61" s="6">
        <v>210</v>
      </c>
      <c r="AA61" s="6">
        <v>40</v>
      </c>
      <c r="AB61" s="6">
        <v>108</v>
      </c>
    </row>
    <row r="62" spans="1:28">
      <c r="A62" s="9" t="s">
        <v>27</v>
      </c>
      <c r="B62" s="9" t="s">
        <v>28</v>
      </c>
      <c r="C62" s="9" t="s">
        <v>76</v>
      </c>
      <c r="D62" s="9" t="s">
        <v>77</v>
      </c>
      <c r="E62" s="9" t="s">
        <v>28</v>
      </c>
      <c r="F62" s="9" t="s">
        <v>76</v>
      </c>
      <c r="G62" s="9" t="s">
        <v>78</v>
      </c>
      <c r="H62" s="9" t="s">
        <v>104</v>
      </c>
      <c r="I62" s="9" t="s">
        <v>54</v>
      </c>
      <c r="J62" s="9" t="s">
        <v>35</v>
      </c>
      <c r="K62" s="6">
        <v>133483</v>
      </c>
      <c r="L62" s="6">
        <v>7773</v>
      </c>
      <c r="M62" s="6">
        <v>7481</v>
      </c>
      <c r="N62" s="6">
        <v>6914</v>
      </c>
      <c r="O62" s="6">
        <v>371</v>
      </c>
      <c r="P62" s="6">
        <v>26</v>
      </c>
      <c r="Q62" s="6">
        <v>170</v>
      </c>
      <c r="R62" s="6">
        <v>292</v>
      </c>
      <c r="S62" s="6">
        <v>1116</v>
      </c>
      <c r="T62" s="6">
        <v>436</v>
      </c>
      <c r="U62" s="6">
        <v>28</v>
      </c>
      <c r="V62" s="6">
        <v>652</v>
      </c>
      <c r="W62" s="6">
        <v>124594</v>
      </c>
      <c r="X62" s="6">
        <v>3393</v>
      </c>
      <c r="Y62" s="6">
        <v>2955</v>
      </c>
      <c r="Z62" s="6">
        <v>301</v>
      </c>
      <c r="AA62" s="6">
        <v>24</v>
      </c>
      <c r="AB62" s="6">
        <v>113</v>
      </c>
    </row>
    <row r="63" spans="1:28">
      <c r="A63" s="9" t="s">
        <v>27</v>
      </c>
      <c r="B63" s="9" t="s">
        <v>28</v>
      </c>
      <c r="C63" s="9" t="s">
        <v>76</v>
      </c>
      <c r="D63" s="9" t="s">
        <v>77</v>
      </c>
      <c r="E63" s="9" t="s">
        <v>28</v>
      </c>
      <c r="F63" s="9" t="s">
        <v>76</v>
      </c>
      <c r="G63" s="9" t="s">
        <v>78</v>
      </c>
      <c r="H63" s="9" t="s">
        <v>104</v>
      </c>
      <c r="I63" s="9" t="s">
        <v>54</v>
      </c>
      <c r="J63" s="9" t="s">
        <v>36</v>
      </c>
      <c r="K63" s="6">
        <v>133919</v>
      </c>
      <c r="L63" s="6">
        <v>8660</v>
      </c>
      <c r="M63" s="6">
        <v>8263</v>
      </c>
      <c r="N63" s="6">
        <v>7423</v>
      </c>
      <c r="O63" s="6">
        <v>618</v>
      </c>
      <c r="P63" s="6">
        <v>15</v>
      </c>
      <c r="Q63" s="6">
        <v>207</v>
      </c>
      <c r="R63" s="6">
        <v>397</v>
      </c>
      <c r="S63" s="6">
        <v>1656</v>
      </c>
      <c r="T63" s="6">
        <v>581</v>
      </c>
      <c r="U63" s="6">
        <v>30</v>
      </c>
      <c r="V63" s="6">
        <v>1045</v>
      </c>
      <c r="W63" s="6">
        <v>123603</v>
      </c>
      <c r="X63" s="6">
        <v>5010</v>
      </c>
      <c r="Y63" s="6">
        <v>4362</v>
      </c>
      <c r="Z63" s="6">
        <v>499</v>
      </c>
      <c r="AA63" s="6">
        <v>14</v>
      </c>
      <c r="AB63" s="6">
        <v>135</v>
      </c>
    </row>
    <row r="64" spans="1:28">
      <c r="A64" s="9" t="s">
        <v>27</v>
      </c>
      <c r="B64" s="9" t="s">
        <v>28</v>
      </c>
      <c r="C64" s="9" t="s">
        <v>76</v>
      </c>
      <c r="D64" s="9" t="s">
        <v>77</v>
      </c>
      <c r="E64" s="9" t="s">
        <v>28</v>
      </c>
      <c r="F64" s="9" t="s">
        <v>76</v>
      </c>
      <c r="G64" s="9" t="s">
        <v>78</v>
      </c>
      <c r="H64" s="9" t="s">
        <v>104</v>
      </c>
      <c r="I64" s="9" t="s">
        <v>54</v>
      </c>
      <c r="J64" s="9" t="s">
        <v>37</v>
      </c>
      <c r="K64" s="6">
        <v>156392</v>
      </c>
      <c r="L64" s="6">
        <v>11376</v>
      </c>
      <c r="M64" s="6">
        <v>10716</v>
      </c>
      <c r="N64" s="6">
        <v>9402</v>
      </c>
      <c r="O64" s="6">
        <v>1027</v>
      </c>
      <c r="P64" s="6">
        <v>14</v>
      </c>
      <c r="Q64" s="6">
        <v>273</v>
      </c>
      <c r="R64" s="6">
        <v>660</v>
      </c>
      <c r="S64" s="6">
        <v>2890</v>
      </c>
      <c r="T64" s="6">
        <v>1023</v>
      </c>
      <c r="U64" s="6">
        <v>18</v>
      </c>
      <c r="V64" s="6">
        <v>1849</v>
      </c>
      <c r="W64" s="6">
        <v>142126</v>
      </c>
      <c r="X64" s="6">
        <v>7512</v>
      </c>
      <c r="Y64" s="6">
        <v>6480</v>
      </c>
      <c r="Z64" s="6">
        <v>858</v>
      </c>
      <c r="AA64" s="6">
        <v>14</v>
      </c>
      <c r="AB64" s="6">
        <v>160</v>
      </c>
    </row>
    <row r="65" spans="1:28">
      <c r="A65" s="9" t="s">
        <v>27</v>
      </c>
      <c r="B65" s="9" t="s">
        <v>28</v>
      </c>
      <c r="C65" s="9" t="s">
        <v>76</v>
      </c>
      <c r="D65" s="9" t="s">
        <v>77</v>
      </c>
      <c r="E65" s="9" t="s">
        <v>28</v>
      </c>
      <c r="F65" s="9" t="s">
        <v>76</v>
      </c>
      <c r="G65" s="9" t="s">
        <v>78</v>
      </c>
      <c r="H65" s="9" t="s">
        <v>104</v>
      </c>
      <c r="I65" s="9" t="s">
        <v>54</v>
      </c>
      <c r="J65" s="9" t="s">
        <v>38</v>
      </c>
      <c r="K65" s="6">
        <v>135979</v>
      </c>
      <c r="L65" s="6">
        <v>11255</v>
      </c>
      <c r="M65" s="6">
        <v>10598</v>
      </c>
      <c r="N65" s="6">
        <v>9062</v>
      </c>
      <c r="O65" s="6">
        <v>1184</v>
      </c>
      <c r="P65" s="6">
        <v>12</v>
      </c>
      <c r="Q65" s="6">
        <v>340</v>
      </c>
      <c r="R65" s="6">
        <v>657</v>
      </c>
      <c r="S65" s="6">
        <v>3636</v>
      </c>
      <c r="T65" s="6">
        <v>1265</v>
      </c>
      <c r="U65" s="6">
        <v>14</v>
      </c>
      <c r="V65" s="6">
        <v>2357</v>
      </c>
      <c r="W65" s="6">
        <v>121088</v>
      </c>
      <c r="X65" s="6">
        <v>7943</v>
      </c>
      <c r="Y65" s="6">
        <v>6747</v>
      </c>
      <c r="Z65" s="6">
        <v>986</v>
      </c>
      <c r="AA65" s="6">
        <v>10</v>
      </c>
      <c r="AB65" s="6">
        <v>200</v>
      </c>
    </row>
    <row r="66" spans="1:28">
      <c r="A66" s="9" t="s">
        <v>27</v>
      </c>
      <c r="B66" s="9" t="s">
        <v>28</v>
      </c>
      <c r="C66" s="9" t="s">
        <v>76</v>
      </c>
      <c r="D66" s="9" t="s">
        <v>77</v>
      </c>
      <c r="E66" s="9" t="s">
        <v>28</v>
      </c>
      <c r="F66" s="9" t="s">
        <v>76</v>
      </c>
      <c r="G66" s="9" t="s">
        <v>78</v>
      </c>
      <c r="H66" s="9" t="s">
        <v>104</v>
      </c>
      <c r="I66" s="9" t="s">
        <v>54</v>
      </c>
      <c r="J66" s="9" t="s">
        <v>39</v>
      </c>
      <c r="K66" s="6">
        <v>103135</v>
      </c>
      <c r="L66" s="6">
        <v>10936</v>
      </c>
      <c r="M66" s="6">
        <v>10251</v>
      </c>
      <c r="N66" s="6">
        <v>8502</v>
      </c>
      <c r="O66" s="6">
        <v>1338</v>
      </c>
      <c r="P66" s="6">
        <v>5</v>
      </c>
      <c r="Q66" s="6">
        <v>406</v>
      </c>
      <c r="R66" s="6">
        <v>685</v>
      </c>
      <c r="S66" s="6">
        <v>4665</v>
      </c>
      <c r="T66" s="6">
        <v>1704</v>
      </c>
      <c r="U66" s="6">
        <v>11</v>
      </c>
      <c r="V66" s="6">
        <v>2950</v>
      </c>
      <c r="W66" s="6">
        <v>87534</v>
      </c>
      <c r="X66" s="6">
        <v>8111</v>
      </c>
      <c r="Y66" s="6">
        <v>6778</v>
      </c>
      <c r="Z66" s="6">
        <v>1099</v>
      </c>
      <c r="AA66" s="6">
        <v>3</v>
      </c>
      <c r="AB66" s="6">
        <v>231</v>
      </c>
    </row>
    <row r="67" spans="1:28">
      <c r="A67" s="9" t="s">
        <v>27</v>
      </c>
      <c r="B67" s="9" t="s">
        <v>28</v>
      </c>
      <c r="C67" s="9" t="s">
        <v>76</v>
      </c>
      <c r="D67" s="9" t="s">
        <v>77</v>
      </c>
      <c r="E67" s="9" t="s">
        <v>28</v>
      </c>
      <c r="F67" s="9" t="s">
        <v>76</v>
      </c>
      <c r="G67" s="9" t="s">
        <v>78</v>
      </c>
      <c r="H67" s="9" t="s">
        <v>104</v>
      </c>
      <c r="I67" s="9" t="s">
        <v>54</v>
      </c>
      <c r="J67" s="9" t="s">
        <v>40</v>
      </c>
      <c r="K67" s="6">
        <v>80546</v>
      </c>
      <c r="L67" s="6">
        <v>11663</v>
      </c>
      <c r="M67" s="6">
        <v>10995</v>
      </c>
      <c r="N67" s="6">
        <v>8736</v>
      </c>
      <c r="O67" s="6">
        <v>1744</v>
      </c>
      <c r="P67" s="6">
        <v>10</v>
      </c>
      <c r="Q67" s="6">
        <v>505</v>
      </c>
      <c r="R67" s="6">
        <v>668</v>
      </c>
      <c r="S67" s="6">
        <v>7200</v>
      </c>
      <c r="T67" s="6">
        <v>2655</v>
      </c>
      <c r="U67" s="6">
        <v>7</v>
      </c>
      <c r="V67" s="6">
        <v>4538</v>
      </c>
      <c r="W67" s="6">
        <v>61683</v>
      </c>
      <c r="X67" s="6">
        <v>9001</v>
      </c>
      <c r="Y67" s="6">
        <v>7267</v>
      </c>
      <c r="Z67" s="6">
        <v>1434</v>
      </c>
      <c r="AA67" s="6">
        <v>8</v>
      </c>
      <c r="AB67" s="6">
        <v>292</v>
      </c>
    </row>
    <row r="68" spans="1:28">
      <c r="A68" s="9" t="s">
        <v>27</v>
      </c>
      <c r="B68" s="9" t="s">
        <v>28</v>
      </c>
      <c r="C68" s="9" t="s">
        <v>76</v>
      </c>
      <c r="D68" s="9" t="s">
        <v>77</v>
      </c>
      <c r="E68" s="9" t="s">
        <v>28</v>
      </c>
      <c r="F68" s="9" t="s">
        <v>76</v>
      </c>
      <c r="G68" s="9" t="s">
        <v>78</v>
      </c>
      <c r="H68" s="9" t="s">
        <v>104</v>
      </c>
      <c r="I68" s="9" t="s">
        <v>54</v>
      </c>
      <c r="J68" s="9" t="s">
        <v>41</v>
      </c>
      <c r="K68" s="6">
        <v>89927</v>
      </c>
      <c r="L68" s="6">
        <v>14917</v>
      </c>
      <c r="M68" s="6">
        <v>14325</v>
      </c>
      <c r="N68" s="6">
        <v>9977</v>
      </c>
      <c r="O68" s="6">
        <v>3499</v>
      </c>
      <c r="P68" s="6">
        <v>13</v>
      </c>
      <c r="Q68" s="6">
        <v>836</v>
      </c>
      <c r="R68" s="6">
        <v>592</v>
      </c>
      <c r="S68" s="6">
        <v>17015</v>
      </c>
      <c r="T68" s="6">
        <v>6283</v>
      </c>
      <c r="U68" s="6">
        <v>7</v>
      </c>
      <c r="V68" s="6">
        <v>10725</v>
      </c>
      <c r="W68" s="6">
        <v>57995</v>
      </c>
      <c r="X68" s="6">
        <v>11352</v>
      </c>
      <c r="Y68" s="6">
        <v>8065</v>
      </c>
      <c r="Z68" s="6">
        <v>2821</v>
      </c>
      <c r="AA68" s="6">
        <v>10</v>
      </c>
      <c r="AB68" s="6">
        <v>456</v>
      </c>
    </row>
    <row r="69" spans="1:28">
      <c r="A69" s="9" t="s">
        <v>27</v>
      </c>
      <c r="B69" s="9" t="s">
        <v>28</v>
      </c>
      <c r="C69" s="9" t="s">
        <v>76</v>
      </c>
      <c r="D69" s="9" t="s">
        <v>77</v>
      </c>
      <c r="E69" s="9" t="s">
        <v>28</v>
      </c>
      <c r="F69" s="9" t="s">
        <v>76</v>
      </c>
      <c r="G69" s="9" t="s">
        <v>78</v>
      </c>
      <c r="H69" s="9" t="s">
        <v>104</v>
      </c>
      <c r="I69" s="9" t="s">
        <v>54</v>
      </c>
      <c r="J69" s="9" t="s">
        <v>42</v>
      </c>
      <c r="K69" s="6">
        <v>130289</v>
      </c>
      <c r="L69" s="6">
        <v>17340</v>
      </c>
      <c r="M69" s="6">
        <v>16803</v>
      </c>
      <c r="N69" s="6">
        <v>10192</v>
      </c>
      <c r="O69" s="6">
        <v>5402</v>
      </c>
      <c r="P69" s="6">
        <v>6</v>
      </c>
      <c r="Q69" s="6">
        <v>1203</v>
      </c>
      <c r="R69" s="6">
        <v>537</v>
      </c>
      <c r="S69" s="6">
        <v>37636</v>
      </c>
      <c r="T69" s="6">
        <v>14077</v>
      </c>
      <c r="U69" s="6">
        <v>26</v>
      </c>
      <c r="V69" s="6">
        <v>23533</v>
      </c>
      <c r="W69" s="6">
        <v>75313</v>
      </c>
      <c r="X69" s="6">
        <v>12011</v>
      </c>
      <c r="Y69" s="6">
        <v>7467</v>
      </c>
      <c r="Z69" s="6">
        <v>3978</v>
      </c>
      <c r="AA69" s="6">
        <v>4</v>
      </c>
      <c r="AB69" s="6">
        <v>562</v>
      </c>
    </row>
    <row r="70" spans="1:28">
      <c r="A70" s="9" t="s">
        <v>27</v>
      </c>
      <c r="B70" s="9" t="s">
        <v>28</v>
      </c>
      <c r="C70" s="9" t="s">
        <v>76</v>
      </c>
      <c r="D70" s="9" t="s">
        <v>77</v>
      </c>
      <c r="E70" s="9" t="s">
        <v>28</v>
      </c>
      <c r="F70" s="9" t="s">
        <v>76</v>
      </c>
      <c r="G70" s="9" t="s">
        <v>78</v>
      </c>
      <c r="H70" s="9" t="s">
        <v>104</v>
      </c>
      <c r="I70" s="9" t="s">
        <v>54</v>
      </c>
      <c r="J70" s="9" t="s">
        <v>43</v>
      </c>
      <c r="K70" s="6">
        <v>147446</v>
      </c>
      <c r="L70" s="6">
        <v>11123</v>
      </c>
      <c r="M70" s="6">
        <v>10852</v>
      </c>
      <c r="N70" s="6">
        <v>5590</v>
      </c>
      <c r="O70" s="6">
        <v>4176</v>
      </c>
      <c r="P70" s="6">
        <v>11</v>
      </c>
      <c r="Q70" s="6">
        <v>1075</v>
      </c>
      <c r="R70" s="6">
        <v>271</v>
      </c>
      <c r="S70" s="6">
        <v>56127</v>
      </c>
      <c r="T70" s="6">
        <v>18167</v>
      </c>
      <c r="U70" s="6">
        <v>28</v>
      </c>
      <c r="V70" s="6">
        <v>37932</v>
      </c>
      <c r="W70" s="6">
        <v>80196</v>
      </c>
      <c r="X70" s="6">
        <v>5884</v>
      </c>
      <c r="Y70" s="6">
        <v>3277</v>
      </c>
      <c r="Z70" s="6">
        <v>2260</v>
      </c>
      <c r="AA70" s="6">
        <v>4</v>
      </c>
      <c r="AB70" s="6">
        <v>343</v>
      </c>
    </row>
    <row r="71" spans="1:28">
      <c r="A71" s="9" t="s">
        <v>27</v>
      </c>
      <c r="B71" s="9" t="s">
        <v>28</v>
      </c>
      <c r="C71" s="9" t="s">
        <v>76</v>
      </c>
      <c r="D71" s="9" t="s">
        <v>77</v>
      </c>
      <c r="E71" s="9" t="s">
        <v>28</v>
      </c>
      <c r="F71" s="9" t="s">
        <v>76</v>
      </c>
      <c r="G71" s="9" t="s">
        <v>78</v>
      </c>
      <c r="H71" s="9" t="s">
        <v>104</v>
      </c>
      <c r="I71" s="9" t="s">
        <v>54</v>
      </c>
      <c r="J71" s="9" t="s">
        <v>44</v>
      </c>
      <c r="K71" s="6">
        <v>167689</v>
      </c>
      <c r="L71" s="6">
        <v>5381</v>
      </c>
      <c r="M71" s="6">
        <v>5265</v>
      </c>
      <c r="N71" s="6">
        <v>2145</v>
      </c>
      <c r="O71" s="6">
        <v>2328</v>
      </c>
      <c r="P71" s="6">
        <v>16</v>
      </c>
      <c r="Q71" s="6">
        <v>776</v>
      </c>
      <c r="R71" s="6">
        <v>116</v>
      </c>
      <c r="S71" s="6">
        <v>71826</v>
      </c>
      <c r="T71" s="6">
        <v>16058</v>
      </c>
      <c r="U71" s="6">
        <v>36</v>
      </c>
      <c r="V71" s="6">
        <v>55732</v>
      </c>
      <c r="W71" s="6">
        <v>90482</v>
      </c>
      <c r="X71" s="6">
        <v>1889</v>
      </c>
      <c r="Y71" s="6">
        <v>960</v>
      </c>
      <c r="Z71" s="6">
        <v>785</v>
      </c>
      <c r="AA71" s="6">
        <v>4</v>
      </c>
      <c r="AB71" s="6">
        <v>140</v>
      </c>
    </row>
    <row r="72" spans="1:28">
      <c r="A72" s="9" t="s">
        <v>27</v>
      </c>
      <c r="B72" s="9" t="s">
        <v>28</v>
      </c>
      <c r="C72" s="9" t="s">
        <v>76</v>
      </c>
      <c r="D72" s="9" t="s">
        <v>77</v>
      </c>
      <c r="E72" s="9" t="s">
        <v>28</v>
      </c>
      <c r="F72" s="9" t="s">
        <v>76</v>
      </c>
      <c r="G72" s="9" t="s">
        <v>78</v>
      </c>
      <c r="H72" s="9" t="s">
        <v>104</v>
      </c>
      <c r="I72" s="9" t="s">
        <v>54</v>
      </c>
      <c r="J72" s="9" t="s">
        <v>45</v>
      </c>
      <c r="K72" s="6">
        <v>165235</v>
      </c>
      <c r="L72" s="6">
        <v>2606</v>
      </c>
      <c r="M72" s="6">
        <v>2558</v>
      </c>
      <c r="N72" s="6">
        <v>881</v>
      </c>
      <c r="O72" s="6">
        <v>1197</v>
      </c>
      <c r="P72" s="6">
        <v>11</v>
      </c>
      <c r="Q72" s="6">
        <v>469</v>
      </c>
      <c r="R72" s="6">
        <v>48</v>
      </c>
      <c r="S72" s="6">
        <v>83544</v>
      </c>
      <c r="T72" s="6">
        <v>9597</v>
      </c>
      <c r="U72" s="6">
        <v>20</v>
      </c>
      <c r="V72" s="6">
        <v>73927</v>
      </c>
      <c r="W72" s="6">
        <v>79085</v>
      </c>
      <c r="X72" s="6">
        <v>609</v>
      </c>
      <c r="Y72" s="6">
        <v>285</v>
      </c>
      <c r="Z72" s="6">
        <v>264</v>
      </c>
      <c r="AA72" s="6">
        <v>1</v>
      </c>
      <c r="AB72" s="6">
        <v>59</v>
      </c>
    </row>
    <row r="73" spans="1:28">
      <c r="A73" s="9" t="s">
        <v>27</v>
      </c>
      <c r="B73" s="9" t="s">
        <v>28</v>
      </c>
      <c r="C73" s="9" t="s">
        <v>76</v>
      </c>
      <c r="D73" s="9" t="s">
        <v>77</v>
      </c>
      <c r="E73" s="9" t="s">
        <v>28</v>
      </c>
      <c r="F73" s="9" t="s">
        <v>76</v>
      </c>
      <c r="G73" s="9" t="s">
        <v>78</v>
      </c>
      <c r="H73" s="9" t="s">
        <v>104</v>
      </c>
      <c r="I73" s="9" t="s">
        <v>54</v>
      </c>
      <c r="J73" s="9" t="s">
        <v>46</v>
      </c>
      <c r="K73" s="6">
        <v>104478</v>
      </c>
      <c r="L73" s="6">
        <v>958</v>
      </c>
      <c r="M73" s="6">
        <v>935</v>
      </c>
      <c r="N73" s="6">
        <v>283</v>
      </c>
      <c r="O73" s="6">
        <v>435</v>
      </c>
      <c r="P73" s="6">
        <v>1</v>
      </c>
      <c r="Q73" s="6">
        <v>216</v>
      </c>
      <c r="R73" s="6">
        <v>23</v>
      </c>
      <c r="S73" s="6">
        <v>66004</v>
      </c>
      <c r="T73" s="6">
        <v>3174</v>
      </c>
      <c r="U73" s="6">
        <v>13</v>
      </c>
      <c r="V73" s="6">
        <v>62817</v>
      </c>
      <c r="W73" s="6">
        <v>37516</v>
      </c>
      <c r="X73" s="6">
        <v>181</v>
      </c>
      <c r="Y73" s="6">
        <v>78</v>
      </c>
      <c r="Z73" s="6">
        <v>88</v>
      </c>
      <c r="AA73" s="10" t="s">
        <v>55</v>
      </c>
      <c r="AB73" s="6">
        <v>15</v>
      </c>
    </row>
    <row r="74" spans="1:28">
      <c r="A74" s="9" t="s">
        <v>27</v>
      </c>
      <c r="B74" s="9" t="s">
        <v>28</v>
      </c>
      <c r="C74" s="9" t="s">
        <v>76</v>
      </c>
      <c r="D74" s="9" t="s">
        <v>77</v>
      </c>
      <c r="E74" s="9" t="s">
        <v>28</v>
      </c>
      <c r="F74" s="9" t="s">
        <v>76</v>
      </c>
      <c r="G74" s="9" t="s">
        <v>78</v>
      </c>
      <c r="H74" s="9" t="s">
        <v>104</v>
      </c>
      <c r="I74" s="9" t="s">
        <v>54</v>
      </c>
      <c r="J74" s="9" t="s">
        <v>47</v>
      </c>
      <c r="K74" s="6">
        <v>42130</v>
      </c>
      <c r="L74" s="6">
        <v>210</v>
      </c>
      <c r="M74" s="6">
        <v>206</v>
      </c>
      <c r="N74" s="6">
        <v>70</v>
      </c>
      <c r="O74" s="6">
        <v>77</v>
      </c>
      <c r="P74" s="10" t="s">
        <v>55</v>
      </c>
      <c r="Q74" s="6">
        <v>59</v>
      </c>
      <c r="R74" s="6">
        <v>4</v>
      </c>
      <c r="S74" s="6">
        <v>32825</v>
      </c>
      <c r="T74" s="6">
        <v>636</v>
      </c>
      <c r="U74" s="6">
        <v>3</v>
      </c>
      <c r="V74" s="6">
        <v>32186</v>
      </c>
      <c r="W74" s="6">
        <v>9095</v>
      </c>
      <c r="X74" s="6">
        <v>36</v>
      </c>
      <c r="Y74" s="6">
        <v>16</v>
      </c>
      <c r="Z74" s="6">
        <v>16</v>
      </c>
      <c r="AA74" s="10" t="s">
        <v>55</v>
      </c>
      <c r="AB74" s="6">
        <v>4</v>
      </c>
    </row>
    <row r="75" spans="1:28">
      <c r="A75" s="9" t="s">
        <v>27</v>
      </c>
      <c r="B75" s="9" t="s">
        <v>28</v>
      </c>
      <c r="C75" s="9" t="s">
        <v>76</v>
      </c>
      <c r="D75" s="9" t="s">
        <v>77</v>
      </c>
      <c r="E75" s="9" t="s">
        <v>28</v>
      </c>
      <c r="F75" s="9" t="s">
        <v>76</v>
      </c>
      <c r="G75" s="9" t="s">
        <v>78</v>
      </c>
      <c r="H75" s="9" t="s">
        <v>104</v>
      </c>
      <c r="I75" s="9" t="s">
        <v>54</v>
      </c>
      <c r="J75" s="9" t="s">
        <v>48</v>
      </c>
      <c r="K75" s="6">
        <v>1274482</v>
      </c>
      <c r="L75" s="6">
        <v>100595</v>
      </c>
      <c r="M75" s="6">
        <v>96677</v>
      </c>
      <c r="N75" s="6">
        <v>87020</v>
      </c>
      <c r="O75" s="6">
        <v>6775</v>
      </c>
      <c r="P75" s="6">
        <v>664</v>
      </c>
      <c r="Q75" s="6">
        <v>2218</v>
      </c>
      <c r="R75" s="6">
        <v>3918</v>
      </c>
      <c r="S75" s="6">
        <v>23907</v>
      </c>
      <c r="T75" s="6">
        <v>8254</v>
      </c>
      <c r="U75" s="6">
        <v>969</v>
      </c>
      <c r="V75" s="6">
        <v>14684</v>
      </c>
      <c r="W75" s="6">
        <v>1149980</v>
      </c>
      <c r="X75" s="6">
        <v>49697</v>
      </c>
      <c r="Y75" s="6">
        <v>42130</v>
      </c>
      <c r="Z75" s="6">
        <v>5582</v>
      </c>
      <c r="AA75" s="6">
        <v>637</v>
      </c>
      <c r="AB75" s="6">
        <v>1348</v>
      </c>
    </row>
    <row r="76" spans="1:28">
      <c r="A76" s="9" t="s">
        <v>27</v>
      </c>
      <c r="B76" s="9" t="s">
        <v>28</v>
      </c>
      <c r="C76" s="9" t="s">
        <v>76</v>
      </c>
      <c r="D76" s="9" t="s">
        <v>77</v>
      </c>
      <c r="E76" s="9" t="s">
        <v>28</v>
      </c>
      <c r="F76" s="9" t="s">
        <v>76</v>
      </c>
      <c r="G76" s="9" t="s">
        <v>78</v>
      </c>
      <c r="H76" s="9" t="s">
        <v>104</v>
      </c>
      <c r="I76" s="9" t="s">
        <v>54</v>
      </c>
      <c r="J76" s="9" t="s">
        <v>49</v>
      </c>
      <c r="K76" s="6">
        <v>847194</v>
      </c>
      <c r="L76" s="6">
        <v>52535</v>
      </c>
      <c r="M76" s="6">
        <v>50944</v>
      </c>
      <c r="N76" s="6">
        <v>29138</v>
      </c>
      <c r="O76" s="6">
        <v>17114</v>
      </c>
      <c r="P76" s="6">
        <v>58</v>
      </c>
      <c r="Q76" s="6">
        <v>4634</v>
      </c>
      <c r="R76" s="6">
        <v>1591</v>
      </c>
      <c r="S76" s="6">
        <v>364977</v>
      </c>
      <c r="T76" s="6">
        <v>67992</v>
      </c>
      <c r="U76" s="6">
        <v>133</v>
      </c>
      <c r="V76" s="6">
        <v>296852</v>
      </c>
      <c r="W76" s="6">
        <v>429682</v>
      </c>
      <c r="X76" s="6">
        <v>31962</v>
      </c>
      <c r="Y76" s="6">
        <v>20148</v>
      </c>
      <c r="Z76" s="6">
        <v>10212</v>
      </c>
      <c r="AA76" s="6">
        <v>23</v>
      </c>
      <c r="AB76" s="6">
        <v>1579</v>
      </c>
    </row>
    <row r="77" spans="1:28">
      <c r="A77" s="9" t="s">
        <v>27</v>
      </c>
      <c r="B77" s="9" t="s">
        <v>28</v>
      </c>
      <c r="C77" s="9" t="s">
        <v>76</v>
      </c>
      <c r="D77" s="9" t="s">
        <v>77</v>
      </c>
      <c r="E77" s="9" t="s">
        <v>28</v>
      </c>
      <c r="F77" s="9" t="s">
        <v>76</v>
      </c>
      <c r="G77" s="9" t="s">
        <v>78</v>
      </c>
      <c r="H77" s="9" t="s">
        <v>104</v>
      </c>
      <c r="I77" s="9" t="s">
        <v>54</v>
      </c>
      <c r="J77" s="9" t="s">
        <v>50</v>
      </c>
      <c r="K77" s="6">
        <v>626978</v>
      </c>
      <c r="L77" s="6">
        <v>20278</v>
      </c>
      <c r="M77" s="6">
        <v>19816</v>
      </c>
      <c r="N77" s="6">
        <v>8969</v>
      </c>
      <c r="O77" s="6">
        <v>8213</v>
      </c>
      <c r="P77" s="6">
        <v>39</v>
      </c>
      <c r="Q77" s="6">
        <v>2595</v>
      </c>
      <c r="R77" s="6">
        <v>462</v>
      </c>
      <c r="S77" s="6">
        <v>310326</v>
      </c>
      <c r="T77" s="6">
        <v>47632</v>
      </c>
      <c r="U77" s="6">
        <v>100</v>
      </c>
      <c r="V77" s="6">
        <v>262594</v>
      </c>
      <c r="W77" s="6">
        <v>296374</v>
      </c>
      <c r="X77" s="6">
        <v>8599</v>
      </c>
      <c r="Y77" s="6">
        <v>4616</v>
      </c>
      <c r="Z77" s="6">
        <v>3413</v>
      </c>
      <c r="AA77" s="6">
        <v>9</v>
      </c>
      <c r="AB77" s="6">
        <v>561</v>
      </c>
    </row>
    <row r="78" spans="1:28">
      <c r="A78" s="9" t="s">
        <v>27</v>
      </c>
      <c r="B78" s="9" t="s">
        <v>28</v>
      </c>
      <c r="C78" s="9" t="s">
        <v>76</v>
      </c>
      <c r="D78" s="9" t="s">
        <v>77</v>
      </c>
      <c r="E78" s="9" t="s">
        <v>28</v>
      </c>
      <c r="F78" s="9" t="s">
        <v>76</v>
      </c>
      <c r="G78" s="9" t="s">
        <v>78</v>
      </c>
      <c r="H78" s="9" t="s">
        <v>104</v>
      </c>
      <c r="I78" s="9" t="s">
        <v>54</v>
      </c>
      <c r="J78" s="9" t="s">
        <v>51</v>
      </c>
      <c r="K78" s="6">
        <v>311843</v>
      </c>
      <c r="L78" s="6">
        <v>3774</v>
      </c>
      <c r="M78" s="6">
        <v>3699</v>
      </c>
      <c r="N78" s="6">
        <v>1234</v>
      </c>
      <c r="O78" s="6">
        <v>1709</v>
      </c>
      <c r="P78" s="6">
        <v>12</v>
      </c>
      <c r="Q78" s="6">
        <v>744</v>
      </c>
      <c r="R78" s="6">
        <v>75</v>
      </c>
      <c r="S78" s="6">
        <v>182373</v>
      </c>
      <c r="T78" s="6">
        <v>13407</v>
      </c>
      <c r="U78" s="6">
        <v>36</v>
      </c>
      <c r="V78" s="6">
        <v>168930</v>
      </c>
      <c r="W78" s="6">
        <v>125696</v>
      </c>
      <c r="X78" s="6">
        <v>826</v>
      </c>
      <c r="Y78" s="6">
        <v>379</v>
      </c>
      <c r="Z78" s="6">
        <v>368</v>
      </c>
      <c r="AA78" s="6">
        <v>1</v>
      </c>
      <c r="AB78" s="6">
        <v>78</v>
      </c>
    </row>
    <row r="79" spans="1:28">
      <c r="A79" s="9" t="s">
        <v>27</v>
      </c>
      <c r="B79" s="9" t="s">
        <v>28</v>
      </c>
      <c r="C79" s="9" t="s">
        <v>76</v>
      </c>
      <c r="D79" s="9" t="s">
        <v>77</v>
      </c>
      <c r="E79" s="9" t="s">
        <v>28</v>
      </c>
      <c r="F79" s="9" t="s">
        <v>76</v>
      </c>
      <c r="G79" s="9" t="s">
        <v>78</v>
      </c>
      <c r="H79" s="9" t="s">
        <v>104</v>
      </c>
      <c r="I79" s="9" t="s">
        <v>54</v>
      </c>
      <c r="J79" s="9" t="s">
        <v>52</v>
      </c>
      <c r="K79" s="6">
        <v>1351029</v>
      </c>
      <c r="L79" s="6">
        <v>114435</v>
      </c>
      <c r="M79" s="6">
        <v>109949</v>
      </c>
      <c r="N79" s="6">
        <v>96037</v>
      </c>
      <c r="O79" s="6">
        <v>10269</v>
      </c>
      <c r="P79" s="6">
        <v>595</v>
      </c>
      <c r="Q79" s="6">
        <v>3048</v>
      </c>
      <c r="R79" s="6">
        <v>4486</v>
      </c>
      <c r="S79" s="6">
        <v>40395</v>
      </c>
      <c r="T79" s="6">
        <v>14517</v>
      </c>
      <c r="U79" s="6">
        <v>638</v>
      </c>
      <c r="V79" s="6">
        <v>25240</v>
      </c>
      <c r="W79" s="6">
        <v>1196199</v>
      </c>
      <c r="X79" s="6">
        <v>60748</v>
      </c>
      <c r="Y79" s="6">
        <v>49984</v>
      </c>
      <c r="Z79" s="6">
        <v>8398</v>
      </c>
      <c r="AA79" s="6">
        <v>567</v>
      </c>
      <c r="AB79" s="6">
        <v>1799</v>
      </c>
    </row>
    <row r="80" spans="1:28">
      <c r="A80" s="9" t="s">
        <v>27</v>
      </c>
      <c r="B80" s="9" t="s">
        <v>57</v>
      </c>
      <c r="C80" s="9" t="s">
        <v>79</v>
      </c>
      <c r="D80" s="9" t="s">
        <v>77</v>
      </c>
      <c r="E80" s="9" t="s">
        <v>57</v>
      </c>
      <c r="F80" s="9" t="s">
        <v>79</v>
      </c>
      <c r="G80" s="9" t="s">
        <v>80</v>
      </c>
      <c r="H80" s="9" t="s">
        <v>104</v>
      </c>
      <c r="I80" s="9" t="s">
        <v>6</v>
      </c>
      <c r="J80" s="9" t="s">
        <v>30</v>
      </c>
      <c r="K80" s="6">
        <v>34308</v>
      </c>
      <c r="L80" s="6">
        <v>3041</v>
      </c>
      <c r="M80" s="6">
        <v>2895</v>
      </c>
      <c r="N80" s="6">
        <v>2395</v>
      </c>
      <c r="O80" s="6">
        <v>291</v>
      </c>
      <c r="P80" s="6">
        <v>21</v>
      </c>
      <c r="Q80" s="6">
        <v>188</v>
      </c>
      <c r="R80" s="6">
        <v>146</v>
      </c>
      <c r="S80" s="6">
        <v>7794</v>
      </c>
      <c r="T80" s="6">
        <v>815</v>
      </c>
      <c r="U80" s="6">
        <v>25</v>
      </c>
      <c r="V80" s="6">
        <v>6954</v>
      </c>
      <c r="W80" s="6">
        <v>23473</v>
      </c>
      <c r="X80" s="6">
        <v>1760</v>
      </c>
      <c r="Y80" s="6">
        <v>1509</v>
      </c>
      <c r="Z80" s="6">
        <v>170</v>
      </c>
      <c r="AA80" s="6">
        <v>18</v>
      </c>
      <c r="AB80" s="6">
        <v>63</v>
      </c>
    </row>
    <row r="81" spans="1:28">
      <c r="A81" s="9" t="s">
        <v>27</v>
      </c>
      <c r="B81" s="9" t="s">
        <v>57</v>
      </c>
      <c r="C81" s="9" t="s">
        <v>79</v>
      </c>
      <c r="D81" s="9" t="s">
        <v>77</v>
      </c>
      <c r="E81" s="9" t="s">
        <v>57</v>
      </c>
      <c r="F81" s="9" t="s">
        <v>79</v>
      </c>
      <c r="G81" s="9" t="s">
        <v>80</v>
      </c>
      <c r="H81" s="9" t="s">
        <v>104</v>
      </c>
      <c r="I81" s="9" t="s">
        <v>6</v>
      </c>
      <c r="J81" s="9" t="s">
        <v>31</v>
      </c>
      <c r="K81" s="6">
        <v>230</v>
      </c>
      <c r="L81" s="6">
        <v>32</v>
      </c>
      <c r="M81" s="6">
        <v>30</v>
      </c>
      <c r="N81" s="6">
        <v>26</v>
      </c>
      <c r="O81" s="10" t="s">
        <v>55</v>
      </c>
      <c r="P81" s="6">
        <v>4</v>
      </c>
      <c r="Q81" s="10" t="s">
        <v>55</v>
      </c>
      <c r="R81" s="6">
        <v>2</v>
      </c>
      <c r="S81" s="6">
        <v>11</v>
      </c>
      <c r="T81" s="10" t="s">
        <v>55</v>
      </c>
      <c r="U81" s="6">
        <v>9</v>
      </c>
      <c r="V81" s="6">
        <v>2</v>
      </c>
      <c r="W81" s="6">
        <v>187</v>
      </c>
      <c r="X81" s="6">
        <v>18</v>
      </c>
      <c r="Y81" s="6">
        <v>14</v>
      </c>
      <c r="Z81" s="10" t="s">
        <v>55</v>
      </c>
      <c r="AA81" s="6">
        <v>4</v>
      </c>
      <c r="AB81" s="10" t="s">
        <v>55</v>
      </c>
    </row>
    <row r="82" spans="1:28">
      <c r="A82" s="9" t="s">
        <v>27</v>
      </c>
      <c r="B82" s="9" t="s">
        <v>57</v>
      </c>
      <c r="C82" s="9" t="s">
        <v>79</v>
      </c>
      <c r="D82" s="9" t="s">
        <v>77</v>
      </c>
      <c r="E82" s="9" t="s">
        <v>57</v>
      </c>
      <c r="F82" s="9" t="s">
        <v>79</v>
      </c>
      <c r="G82" s="9" t="s">
        <v>80</v>
      </c>
      <c r="H82" s="9" t="s">
        <v>104</v>
      </c>
      <c r="I82" s="9" t="s">
        <v>6</v>
      </c>
      <c r="J82" s="9" t="s">
        <v>32</v>
      </c>
      <c r="K82" s="6">
        <v>2187</v>
      </c>
      <c r="L82" s="6">
        <v>209</v>
      </c>
      <c r="M82" s="6">
        <v>207</v>
      </c>
      <c r="N82" s="6">
        <v>194</v>
      </c>
      <c r="O82" s="6">
        <v>1</v>
      </c>
      <c r="P82" s="6">
        <v>10</v>
      </c>
      <c r="Q82" s="6">
        <v>2</v>
      </c>
      <c r="R82" s="6">
        <v>2</v>
      </c>
      <c r="S82" s="6">
        <v>13</v>
      </c>
      <c r="T82" s="6">
        <v>1</v>
      </c>
      <c r="U82" s="6">
        <v>7</v>
      </c>
      <c r="V82" s="6">
        <v>5</v>
      </c>
      <c r="W82" s="6">
        <v>1965</v>
      </c>
      <c r="X82" s="6">
        <v>110</v>
      </c>
      <c r="Y82" s="6">
        <v>99</v>
      </c>
      <c r="Z82" s="6">
        <v>1</v>
      </c>
      <c r="AA82" s="6">
        <v>9</v>
      </c>
      <c r="AB82" s="6">
        <v>1</v>
      </c>
    </row>
    <row r="83" spans="1:28">
      <c r="A83" s="9" t="s">
        <v>27</v>
      </c>
      <c r="B83" s="9" t="s">
        <v>57</v>
      </c>
      <c r="C83" s="9" t="s">
        <v>79</v>
      </c>
      <c r="D83" s="9" t="s">
        <v>77</v>
      </c>
      <c r="E83" s="9" t="s">
        <v>57</v>
      </c>
      <c r="F83" s="9" t="s">
        <v>79</v>
      </c>
      <c r="G83" s="9" t="s">
        <v>80</v>
      </c>
      <c r="H83" s="9" t="s">
        <v>104</v>
      </c>
      <c r="I83" s="9" t="s">
        <v>6</v>
      </c>
      <c r="J83" s="9" t="s">
        <v>33</v>
      </c>
      <c r="K83" s="6">
        <v>2811</v>
      </c>
      <c r="L83" s="6">
        <v>218</v>
      </c>
      <c r="M83" s="6">
        <v>216</v>
      </c>
      <c r="N83" s="6">
        <v>209</v>
      </c>
      <c r="O83" s="10" t="s">
        <v>55</v>
      </c>
      <c r="P83" s="6">
        <v>3</v>
      </c>
      <c r="Q83" s="6">
        <v>4</v>
      </c>
      <c r="R83" s="6">
        <v>2</v>
      </c>
      <c r="S83" s="6">
        <v>9</v>
      </c>
      <c r="T83" s="6">
        <v>1</v>
      </c>
      <c r="U83" s="6">
        <v>4</v>
      </c>
      <c r="V83" s="6">
        <v>4</v>
      </c>
      <c r="W83" s="6">
        <v>2584</v>
      </c>
      <c r="X83" s="6">
        <v>98</v>
      </c>
      <c r="Y83" s="6">
        <v>94</v>
      </c>
      <c r="Z83" s="10" t="s">
        <v>55</v>
      </c>
      <c r="AA83" s="6">
        <v>3</v>
      </c>
      <c r="AB83" s="6">
        <v>1</v>
      </c>
    </row>
    <row r="84" spans="1:28">
      <c r="A84" s="9" t="s">
        <v>27</v>
      </c>
      <c r="B84" s="9" t="s">
        <v>57</v>
      </c>
      <c r="C84" s="9" t="s">
        <v>79</v>
      </c>
      <c r="D84" s="9" t="s">
        <v>77</v>
      </c>
      <c r="E84" s="9" t="s">
        <v>57</v>
      </c>
      <c r="F84" s="9" t="s">
        <v>79</v>
      </c>
      <c r="G84" s="9" t="s">
        <v>80</v>
      </c>
      <c r="H84" s="9" t="s">
        <v>104</v>
      </c>
      <c r="I84" s="9" t="s">
        <v>6</v>
      </c>
      <c r="J84" s="9" t="s">
        <v>34</v>
      </c>
      <c r="K84" s="6">
        <v>2326</v>
      </c>
      <c r="L84" s="6">
        <v>140</v>
      </c>
      <c r="M84" s="6">
        <v>136</v>
      </c>
      <c r="N84" s="6">
        <v>131</v>
      </c>
      <c r="O84" s="6">
        <v>2</v>
      </c>
      <c r="P84" s="10" t="s">
        <v>55</v>
      </c>
      <c r="Q84" s="6">
        <v>3</v>
      </c>
      <c r="R84" s="6">
        <v>4</v>
      </c>
      <c r="S84" s="6">
        <v>20</v>
      </c>
      <c r="T84" s="6">
        <v>4</v>
      </c>
      <c r="U84" s="6">
        <v>1</v>
      </c>
      <c r="V84" s="6">
        <v>15</v>
      </c>
      <c r="W84" s="6">
        <v>2166</v>
      </c>
      <c r="X84" s="6">
        <v>60</v>
      </c>
      <c r="Y84" s="6">
        <v>58</v>
      </c>
      <c r="Z84" s="6">
        <v>1</v>
      </c>
      <c r="AA84" s="10" t="s">
        <v>55</v>
      </c>
      <c r="AB84" s="6">
        <v>1</v>
      </c>
    </row>
    <row r="85" spans="1:28">
      <c r="A85" s="9" t="s">
        <v>27</v>
      </c>
      <c r="B85" s="9" t="s">
        <v>57</v>
      </c>
      <c r="C85" s="9" t="s">
        <v>79</v>
      </c>
      <c r="D85" s="9" t="s">
        <v>77</v>
      </c>
      <c r="E85" s="9" t="s">
        <v>57</v>
      </c>
      <c r="F85" s="9" t="s">
        <v>79</v>
      </c>
      <c r="G85" s="9" t="s">
        <v>80</v>
      </c>
      <c r="H85" s="9" t="s">
        <v>104</v>
      </c>
      <c r="I85" s="9" t="s">
        <v>6</v>
      </c>
      <c r="J85" s="9" t="s">
        <v>35</v>
      </c>
      <c r="K85" s="6">
        <v>2362</v>
      </c>
      <c r="L85" s="6">
        <v>152</v>
      </c>
      <c r="M85" s="6">
        <v>146</v>
      </c>
      <c r="N85" s="6">
        <v>138</v>
      </c>
      <c r="O85" s="6">
        <v>6</v>
      </c>
      <c r="P85" s="10" t="s">
        <v>55</v>
      </c>
      <c r="Q85" s="6">
        <v>2</v>
      </c>
      <c r="R85" s="6">
        <v>6</v>
      </c>
      <c r="S85" s="6">
        <v>38</v>
      </c>
      <c r="T85" s="6">
        <v>7</v>
      </c>
      <c r="U85" s="6">
        <v>1</v>
      </c>
      <c r="V85" s="6">
        <v>30</v>
      </c>
      <c r="W85" s="6">
        <v>2172</v>
      </c>
      <c r="X85" s="6">
        <v>85</v>
      </c>
      <c r="Y85" s="6">
        <v>80</v>
      </c>
      <c r="Z85" s="6">
        <v>4</v>
      </c>
      <c r="AA85" s="10" t="s">
        <v>55</v>
      </c>
      <c r="AB85" s="6">
        <v>1</v>
      </c>
    </row>
    <row r="86" spans="1:28">
      <c r="A86" s="9" t="s">
        <v>27</v>
      </c>
      <c r="B86" s="9" t="s">
        <v>57</v>
      </c>
      <c r="C86" s="9" t="s">
        <v>79</v>
      </c>
      <c r="D86" s="9" t="s">
        <v>77</v>
      </c>
      <c r="E86" s="9" t="s">
        <v>57</v>
      </c>
      <c r="F86" s="9" t="s">
        <v>79</v>
      </c>
      <c r="G86" s="9" t="s">
        <v>80</v>
      </c>
      <c r="H86" s="9" t="s">
        <v>104</v>
      </c>
      <c r="I86" s="9" t="s">
        <v>6</v>
      </c>
      <c r="J86" s="9" t="s">
        <v>36</v>
      </c>
      <c r="K86" s="6">
        <v>2472</v>
      </c>
      <c r="L86" s="6">
        <v>196</v>
      </c>
      <c r="M86" s="6">
        <v>186</v>
      </c>
      <c r="N86" s="6">
        <v>172</v>
      </c>
      <c r="O86" s="6">
        <v>9</v>
      </c>
      <c r="P86" s="6">
        <v>1</v>
      </c>
      <c r="Q86" s="6">
        <v>4</v>
      </c>
      <c r="R86" s="6">
        <v>10</v>
      </c>
      <c r="S86" s="6">
        <v>31</v>
      </c>
      <c r="T86" s="6">
        <v>2</v>
      </c>
      <c r="U86" s="10" t="s">
        <v>55</v>
      </c>
      <c r="V86" s="6">
        <v>29</v>
      </c>
      <c r="W86" s="6">
        <v>2245</v>
      </c>
      <c r="X86" s="6">
        <v>124</v>
      </c>
      <c r="Y86" s="6">
        <v>114</v>
      </c>
      <c r="Z86" s="6">
        <v>6</v>
      </c>
      <c r="AA86" s="6">
        <v>1</v>
      </c>
      <c r="AB86" s="6">
        <v>3</v>
      </c>
    </row>
    <row r="87" spans="1:28">
      <c r="A87" s="9" t="s">
        <v>27</v>
      </c>
      <c r="B87" s="9" t="s">
        <v>57</v>
      </c>
      <c r="C87" s="9" t="s">
        <v>79</v>
      </c>
      <c r="D87" s="9" t="s">
        <v>77</v>
      </c>
      <c r="E87" s="9" t="s">
        <v>57</v>
      </c>
      <c r="F87" s="9" t="s">
        <v>79</v>
      </c>
      <c r="G87" s="9" t="s">
        <v>80</v>
      </c>
      <c r="H87" s="9" t="s">
        <v>104</v>
      </c>
      <c r="I87" s="9" t="s">
        <v>6</v>
      </c>
      <c r="J87" s="9" t="s">
        <v>37</v>
      </c>
      <c r="K87" s="6">
        <v>2609</v>
      </c>
      <c r="L87" s="6">
        <v>240</v>
      </c>
      <c r="M87" s="6">
        <v>219</v>
      </c>
      <c r="N87" s="6">
        <v>198</v>
      </c>
      <c r="O87" s="6">
        <v>10</v>
      </c>
      <c r="P87" s="10" t="s">
        <v>55</v>
      </c>
      <c r="Q87" s="6">
        <v>11</v>
      </c>
      <c r="R87" s="6">
        <v>21</v>
      </c>
      <c r="S87" s="6">
        <v>51</v>
      </c>
      <c r="T87" s="6">
        <v>9</v>
      </c>
      <c r="U87" s="10" t="s">
        <v>55</v>
      </c>
      <c r="V87" s="6">
        <v>42</v>
      </c>
      <c r="W87" s="6">
        <v>2318</v>
      </c>
      <c r="X87" s="6">
        <v>156</v>
      </c>
      <c r="Y87" s="6">
        <v>140</v>
      </c>
      <c r="Z87" s="6">
        <v>9</v>
      </c>
      <c r="AA87" s="10" t="s">
        <v>55</v>
      </c>
      <c r="AB87" s="6">
        <v>7</v>
      </c>
    </row>
    <row r="88" spans="1:28">
      <c r="A88" s="9" t="s">
        <v>27</v>
      </c>
      <c r="B88" s="9" t="s">
        <v>57</v>
      </c>
      <c r="C88" s="9" t="s">
        <v>79</v>
      </c>
      <c r="D88" s="9" t="s">
        <v>77</v>
      </c>
      <c r="E88" s="9" t="s">
        <v>57</v>
      </c>
      <c r="F88" s="9" t="s">
        <v>79</v>
      </c>
      <c r="G88" s="9" t="s">
        <v>80</v>
      </c>
      <c r="H88" s="9" t="s">
        <v>104</v>
      </c>
      <c r="I88" s="9" t="s">
        <v>6</v>
      </c>
      <c r="J88" s="9" t="s">
        <v>38</v>
      </c>
      <c r="K88" s="6">
        <v>2200</v>
      </c>
      <c r="L88" s="6">
        <v>261</v>
      </c>
      <c r="M88" s="6">
        <v>243</v>
      </c>
      <c r="N88" s="6">
        <v>211</v>
      </c>
      <c r="O88" s="6">
        <v>23</v>
      </c>
      <c r="P88" s="10" t="s">
        <v>55</v>
      </c>
      <c r="Q88" s="6">
        <v>9</v>
      </c>
      <c r="R88" s="6">
        <v>18</v>
      </c>
      <c r="S88" s="6">
        <v>74</v>
      </c>
      <c r="T88" s="6">
        <v>10</v>
      </c>
      <c r="U88" s="6">
        <v>1</v>
      </c>
      <c r="V88" s="6">
        <v>63</v>
      </c>
      <c r="W88" s="6">
        <v>1865</v>
      </c>
      <c r="X88" s="6">
        <v>173</v>
      </c>
      <c r="Y88" s="6">
        <v>148</v>
      </c>
      <c r="Z88" s="6">
        <v>19</v>
      </c>
      <c r="AA88" s="10" t="s">
        <v>55</v>
      </c>
      <c r="AB88" s="6">
        <v>6</v>
      </c>
    </row>
    <row r="89" spans="1:28">
      <c r="A89" s="9" t="s">
        <v>27</v>
      </c>
      <c r="B89" s="9" t="s">
        <v>57</v>
      </c>
      <c r="C89" s="9" t="s">
        <v>79</v>
      </c>
      <c r="D89" s="9" t="s">
        <v>77</v>
      </c>
      <c r="E89" s="9" t="s">
        <v>57</v>
      </c>
      <c r="F89" s="9" t="s">
        <v>79</v>
      </c>
      <c r="G89" s="9" t="s">
        <v>80</v>
      </c>
      <c r="H89" s="9" t="s">
        <v>104</v>
      </c>
      <c r="I89" s="9" t="s">
        <v>6</v>
      </c>
      <c r="J89" s="9" t="s">
        <v>39</v>
      </c>
      <c r="K89" s="6">
        <v>1886</v>
      </c>
      <c r="L89" s="6">
        <v>249</v>
      </c>
      <c r="M89" s="6">
        <v>234</v>
      </c>
      <c r="N89" s="6">
        <v>206</v>
      </c>
      <c r="O89" s="6">
        <v>14</v>
      </c>
      <c r="P89" s="6">
        <v>1</v>
      </c>
      <c r="Q89" s="6">
        <v>13</v>
      </c>
      <c r="R89" s="6">
        <v>15</v>
      </c>
      <c r="S89" s="6">
        <v>93</v>
      </c>
      <c r="T89" s="6">
        <v>19</v>
      </c>
      <c r="U89" s="10" t="s">
        <v>55</v>
      </c>
      <c r="V89" s="6">
        <v>74</v>
      </c>
      <c r="W89" s="6">
        <v>1544</v>
      </c>
      <c r="X89" s="6">
        <v>173</v>
      </c>
      <c r="Y89" s="6">
        <v>156</v>
      </c>
      <c r="Z89" s="6">
        <v>10</v>
      </c>
      <c r="AA89" s="10" t="s">
        <v>55</v>
      </c>
      <c r="AB89" s="6">
        <v>7</v>
      </c>
    </row>
    <row r="90" spans="1:28">
      <c r="A90" s="9" t="s">
        <v>27</v>
      </c>
      <c r="B90" s="9" t="s">
        <v>57</v>
      </c>
      <c r="C90" s="9" t="s">
        <v>79</v>
      </c>
      <c r="D90" s="9" t="s">
        <v>77</v>
      </c>
      <c r="E90" s="9" t="s">
        <v>57</v>
      </c>
      <c r="F90" s="9" t="s">
        <v>79</v>
      </c>
      <c r="G90" s="9" t="s">
        <v>80</v>
      </c>
      <c r="H90" s="9" t="s">
        <v>104</v>
      </c>
      <c r="I90" s="9" t="s">
        <v>6</v>
      </c>
      <c r="J90" s="9" t="s">
        <v>40</v>
      </c>
      <c r="K90" s="6">
        <v>1841</v>
      </c>
      <c r="L90" s="6">
        <v>336</v>
      </c>
      <c r="M90" s="6">
        <v>320</v>
      </c>
      <c r="N90" s="6">
        <v>281</v>
      </c>
      <c r="O90" s="6">
        <v>23</v>
      </c>
      <c r="P90" s="10" t="s">
        <v>55</v>
      </c>
      <c r="Q90" s="6">
        <v>16</v>
      </c>
      <c r="R90" s="6">
        <v>16</v>
      </c>
      <c r="S90" s="6">
        <v>213</v>
      </c>
      <c r="T90" s="6">
        <v>43</v>
      </c>
      <c r="U90" s="10" t="s">
        <v>55</v>
      </c>
      <c r="V90" s="6">
        <v>170</v>
      </c>
      <c r="W90" s="6">
        <v>1292</v>
      </c>
      <c r="X90" s="6">
        <v>234</v>
      </c>
      <c r="Y90" s="6">
        <v>211</v>
      </c>
      <c r="Z90" s="6">
        <v>16</v>
      </c>
      <c r="AA90" s="10" t="s">
        <v>55</v>
      </c>
      <c r="AB90" s="6">
        <v>7</v>
      </c>
    </row>
    <row r="91" spans="1:28">
      <c r="A91" s="9" t="s">
        <v>27</v>
      </c>
      <c r="B91" s="9" t="s">
        <v>57</v>
      </c>
      <c r="C91" s="9" t="s">
        <v>79</v>
      </c>
      <c r="D91" s="9" t="s">
        <v>77</v>
      </c>
      <c r="E91" s="9" t="s">
        <v>57</v>
      </c>
      <c r="F91" s="9" t="s">
        <v>79</v>
      </c>
      <c r="G91" s="9" t="s">
        <v>80</v>
      </c>
      <c r="H91" s="9" t="s">
        <v>104</v>
      </c>
      <c r="I91" s="9" t="s">
        <v>6</v>
      </c>
      <c r="J91" s="9" t="s">
        <v>41</v>
      </c>
      <c r="K91" s="6">
        <v>1974</v>
      </c>
      <c r="L91" s="6">
        <v>378</v>
      </c>
      <c r="M91" s="6">
        <v>354</v>
      </c>
      <c r="N91" s="6">
        <v>258</v>
      </c>
      <c r="O91" s="6">
        <v>52</v>
      </c>
      <c r="P91" s="6">
        <v>1</v>
      </c>
      <c r="Q91" s="6">
        <v>43</v>
      </c>
      <c r="R91" s="6">
        <v>24</v>
      </c>
      <c r="S91" s="6">
        <v>475</v>
      </c>
      <c r="T91" s="6">
        <v>90</v>
      </c>
      <c r="U91" s="10" t="s">
        <v>55</v>
      </c>
      <c r="V91" s="6">
        <v>385</v>
      </c>
      <c r="W91" s="6">
        <v>1121</v>
      </c>
      <c r="X91" s="6">
        <v>241</v>
      </c>
      <c r="Y91" s="6">
        <v>183</v>
      </c>
      <c r="Z91" s="6">
        <v>43</v>
      </c>
      <c r="AA91" s="6">
        <v>1</v>
      </c>
      <c r="AB91" s="6">
        <v>14</v>
      </c>
    </row>
    <row r="92" spans="1:28">
      <c r="A92" s="9" t="s">
        <v>27</v>
      </c>
      <c r="B92" s="9" t="s">
        <v>57</v>
      </c>
      <c r="C92" s="9" t="s">
        <v>79</v>
      </c>
      <c r="D92" s="9" t="s">
        <v>77</v>
      </c>
      <c r="E92" s="9" t="s">
        <v>57</v>
      </c>
      <c r="F92" s="9" t="s">
        <v>79</v>
      </c>
      <c r="G92" s="9" t="s">
        <v>80</v>
      </c>
      <c r="H92" s="9" t="s">
        <v>104</v>
      </c>
      <c r="I92" s="9" t="s">
        <v>6</v>
      </c>
      <c r="J92" s="9" t="s">
        <v>42</v>
      </c>
      <c r="K92" s="6">
        <v>2156</v>
      </c>
      <c r="L92" s="6">
        <v>320</v>
      </c>
      <c r="M92" s="6">
        <v>307</v>
      </c>
      <c r="N92" s="6">
        <v>226</v>
      </c>
      <c r="O92" s="6">
        <v>58</v>
      </c>
      <c r="P92" s="10" t="s">
        <v>55</v>
      </c>
      <c r="Q92" s="6">
        <v>23</v>
      </c>
      <c r="R92" s="6">
        <v>13</v>
      </c>
      <c r="S92" s="6">
        <v>716</v>
      </c>
      <c r="T92" s="6">
        <v>148</v>
      </c>
      <c r="U92" s="6">
        <v>1</v>
      </c>
      <c r="V92" s="6">
        <v>567</v>
      </c>
      <c r="W92" s="6">
        <v>1120</v>
      </c>
      <c r="X92" s="6">
        <v>186</v>
      </c>
      <c r="Y92" s="6">
        <v>149</v>
      </c>
      <c r="Z92" s="6">
        <v>31</v>
      </c>
      <c r="AA92" s="10" t="s">
        <v>55</v>
      </c>
      <c r="AB92" s="6">
        <v>6</v>
      </c>
    </row>
    <row r="93" spans="1:28">
      <c r="A93" s="9" t="s">
        <v>27</v>
      </c>
      <c r="B93" s="9" t="s">
        <v>57</v>
      </c>
      <c r="C93" s="9" t="s">
        <v>79</v>
      </c>
      <c r="D93" s="9" t="s">
        <v>77</v>
      </c>
      <c r="E93" s="9" t="s">
        <v>57</v>
      </c>
      <c r="F93" s="9" t="s">
        <v>79</v>
      </c>
      <c r="G93" s="9" t="s">
        <v>80</v>
      </c>
      <c r="H93" s="9" t="s">
        <v>104</v>
      </c>
      <c r="I93" s="9" t="s">
        <v>6</v>
      </c>
      <c r="J93" s="9" t="s">
        <v>43</v>
      </c>
      <c r="K93" s="6">
        <v>1869</v>
      </c>
      <c r="L93" s="6">
        <v>159</v>
      </c>
      <c r="M93" s="6">
        <v>149</v>
      </c>
      <c r="N93" s="6">
        <v>86</v>
      </c>
      <c r="O93" s="6">
        <v>42</v>
      </c>
      <c r="P93" s="10" t="s">
        <v>55</v>
      </c>
      <c r="Q93" s="6">
        <v>21</v>
      </c>
      <c r="R93" s="6">
        <v>10</v>
      </c>
      <c r="S93" s="6">
        <v>846</v>
      </c>
      <c r="T93" s="6">
        <v>166</v>
      </c>
      <c r="U93" s="10" t="s">
        <v>55</v>
      </c>
      <c r="V93" s="6">
        <v>680</v>
      </c>
      <c r="W93" s="6">
        <v>864</v>
      </c>
      <c r="X93" s="6">
        <v>66</v>
      </c>
      <c r="Y93" s="6">
        <v>43</v>
      </c>
      <c r="Z93" s="6">
        <v>18</v>
      </c>
      <c r="AA93" s="10" t="s">
        <v>55</v>
      </c>
      <c r="AB93" s="6">
        <v>5</v>
      </c>
    </row>
    <row r="94" spans="1:28">
      <c r="A94" s="9" t="s">
        <v>27</v>
      </c>
      <c r="B94" s="9" t="s">
        <v>57</v>
      </c>
      <c r="C94" s="9" t="s">
        <v>79</v>
      </c>
      <c r="D94" s="9" t="s">
        <v>77</v>
      </c>
      <c r="E94" s="9" t="s">
        <v>57</v>
      </c>
      <c r="F94" s="9" t="s">
        <v>79</v>
      </c>
      <c r="G94" s="9" t="s">
        <v>80</v>
      </c>
      <c r="H94" s="9" t="s">
        <v>104</v>
      </c>
      <c r="I94" s="9" t="s">
        <v>6</v>
      </c>
      <c r="J94" s="9" t="s">
        <v>44</v>
      </c>
      <c r="K94" s="6">
        <v>2220</v>
      </c>
      <c r="L94" s="6">
        <v>85</v>
      </c>
      <c r="M94" s="6">
        <v>83</v>
      </c>
      <c r="N94" s="6">
        <v>34</v>
      </c>
      <c r="O94" s="6">
        <v>26</v>
      </c>
      <c r="P94" s="10" t="s">
        <v>55</v>
      </c>
      <c r="Q94" s="6">
        <v>23</v>
      </c>
      <c r="R94" s="6">
        <v>2</v>
      </c>
      <c r="S94" s="6">
        <v>1241</v>
      </c>
      <c r="T94" s="6">
        <v>157</v>
      </c>
      <c r="U94" s="10" t="s">
        <v>55</v>
      </c>
      <c r="V94" s="6">
        <v>1084</v>
      </c>
      <c r="W94" s="6">
        <v>894</v>
      </c>
      <c r="X94" s="6">
        <v>24</v>
      </c>
      <c r="Y94" s="6">
        <v>13</v>
      </c>
      <c r="Z94" s="6">
        <v>8</v>
      </c>
      <c r="AA94" s="10" t="s">
        <v>55</v>
      </c>
      <c r="AB94" s="6">
        <v>3</v>
      </c>
    </row>
    <row r="95" spans="1:28">
      <c r="A95" s="9" t="s">
        <v>27</v>
      </c>
      <c r="B95" s="9" t="s">
        <v>57</v>
      </c>
      <c r="C95" s="9" t="s">
        <v>79</v>
      </c>
      <c r="D95" s="9" t="s">
        <v>77</v>
      </c>
      <c r="E95" s="9" t="s">
        <v>57</v>
      </c>
      <c r="F95" s="9" t="s">
        <v>79</v>
      </c>
      <c r="G95" s="9" t="s">
        <v>80</v>
      </c>
      <c r="H95" s="9" t="s">
        <v>104</v>
      </c>
      <c r="I95" s="9" t="s">
        <v>6</v>
      </c>
      <c r="J95" s="9" t="s">
        <v>45</v>
      </c>
      <c r="K95" s="6">
        <v>2449</v>
      </c>
      <c r="L95" s="6">
        <v>42</v>
      </c>
      <c r="M95" s="6">
        <v>42</v>
      </c>
      <c r="N95" s="6">
        <v>19</v>
      </c>
      <c r="O95" s="6">
        <v>14</v>
      </c>
      <c r="P95" s="6">
        <v>1</v>
      </c>
      <c r="Q95" s="6">
        <v>8</v>
      </c>
      <c r="R95" s="10" t="s">
        <v>55</v>
      </c>
      <c r="S95" s="6">
        <v>1695</v>
      </c>
      <c r="T95" s="6">
        <v>115</v>
      </c>
      <c r="U95" s="6">
        <v>1</v>
      </c>
      <c r="V95" s="6">
        <v>1579</v>
      </c>
      <c r="W95" s="6">
        <v>712</v>
      </c>
      <c r="X95" s="6">
        <v>11</v>
      </c>
      <c r="Y95" s="6">
        <v>7</v>
      </c>
      <c r="Z95" s="6">
        <v>3</v>
      </c>
      <c r="AA95" s="10" t="s">
        <v>55</v>
      </c>
      <c r="AB95" s="6">
        <v>1</v>
      </c>
    </row>
    <row r="96" spans="1:28">
      <c r="A96" s="9" t="s">
        <v>27</v>
      </c>
      <c r="B96" s="9" t="s">
        <v>57</v>
      </c>
      <c r="C96" s="9" t="s">
        <v>79</v>
      </c>
      <c r="D96" s="9" t="s">
        <v>77</v>
      </c>
      <c r="E96" s="9" t="s">
        <v>57</v>
      </c>
      <c r="F96" s="9" t="s">
        <v>79</v>
      </c>
      <c r="G96" s="9" t="s">
        <v>80</v>
      </c>
      <c r="H96" s="9" t="s">
        <v>104</v>
      </c>
      <c r="I96" s="9" t="s">
        <v>6</v>
      </c>
      <c r="J96" s="9" t="s">
        <v>46</v>
      </c>
      <c r="K96" s="6">
        <v>1842</v>
      </c>
      <c r="L96" s="6">
        <v>16</v>
      </c>
      <c r="M96" s="6">
        <v>15</v>
      </c>
      <c r="N96" s="6">
        <v>4</v>
      </c>
      <c r="O96" s="6">
        <v>8</v>
      </c>
      <c r="P96" s="10" t="s">
        <v>55</v>
      </c>
      <c r="Q96" s="6">
        <v>3</v>
      </c>
      <c r="R96" s="6">
        <v>1</v>
      </c>
      <c r="S96" s="6">
        <v>1478</v>
      </c>
      <c r="T96" s="6">
        <v>37</v>
      </c>
      <c r="U96" s="10" t="s">
        <v>55</v>
      </c>
      <c r="V96" s="6">
        <v>1441</v>
      </c>
      <c r="W96" s="6">
        <v>348</v>
      </c>
      <c r="X96" s="6">
        <v>1</v>
      </c>
      <c r="Y96" s="10" t="s">
        <v>55</v>
      </c>
      <c r="Z96" s="6">
        <v>1</v>
      </c>
      <c r="AA96" s="10" t="s">
        <v>55</v>
      </c>
      <c r="AB96" s="10" t="s">
        <v>55</v>
      </c>
    </row>
    <row r="97" spans="1:28">
      <c r="A97" s="9" t="s">
        <v>27</v>
      </c>
      <c r="B97" s="9" t="s">
        <v>57</v>
      </c>
      <c r="C97" s="9" t="s">
        <v>79</v>
      </c>
      <c r="D97" s="9" t="s">
        <v>77</v>
      </c>
      <c r="E97" s="9" t="s">
        <v>57</v>
      </c>
      <c r="F97" s="9" t="s">
        <v>79</v>
      </c>
      <c r="G97" s="9" t="s">
        <v>80</v>
      </c>
      <c r="H97" s="9" t="s">
        <v>104</v>
      </c>
      <c r="I97" s="9" t="s">
        <v>6</v>
      </c>
      <c r="J97" s="9" t="s">
        <v>47</v>
      </c>
      <c r="K97" s="6">
        <v>874</v>
      </c>
      <c r="L97" s="6">
        <v>8</v>
      </c>
      <c r="M97" s="6">
        <v>8</v>
      </c>
      <c r="N97" s="6">
        <v>2</v>
      </c>
      <c r="O97" s="6">
        <v>3</v>
      </c>
      <c r="P97" s="10" t="s">
        <v>55</v>
      </c>
      <c r="Q97" s="6">
        <v>3</v>
      </c>
      <c r="R97" s="10" t="s">
        <v>55</v>
      </c>
      <c r="S97" s="6">
        <v>790</v>
      </c>
      <c r="T97" s="6">
        <v>6</v>
      </c>
      <c r="U97" s="10" t="s">
        <v>55</v>
      </c>
      <c r="V97" s="6">
        <v>784</v>
      </c>
      <c r="W97" s="6">
        <v>76</v>
      </c>
      <c r="X97" s="10" t="s">
        <v>55</v>
      </c>
      <c r="Y97" s="10" t="s">
        <v>55</v>
      </c>
      <c r="Z97" s="10" t="s">
        <v>55</v>
      </c>
      <c r="AA97" s="10" t="s">
        <v>55</v>
      </c>
      <c r="AB97" s="10" t="s">
        <v>55</v>
      </c>
    </row>
    <row r="98" spans="1:28">
      <c r="A98" s="9" t="s">
        <v>27</v>
      </c>
      <c r="B98" s="9" t="s">
        <v>57</v>
      </c>
      <c r="C98" s="9" t="s">
        <v>79</v>
      </c>
      <c r="D98" s="9" t="s">
        <v>77</v>
      </c>
      <c r="E98" s="9" t="s">
        <v>57</v>
      </c>
      <c r="F98" s="9" t="s">
        <v>79</v>
      </c>
      <c r="G98" s="9" t="s">
        <v>80</v>
      </c>
      <c r="H98" s="9" t="s">
        <v>104</v>
      </c>
      <c r="I98" s="9" t="s">
        <v>6</v>
      </c>
      <c r="J98" s="9" t="s">
        <v>48</v>
      </c>
      <c r="K98" s="6">
        <v>20924</v>
      </c>
      <c r="L98" s="6">
        <v>2033</v>
      </c>
      <c r="M98" s="6">
        <v>1937</v>
      </c>
      <c r="N98" s="6">
        <v>1766</v>
      </c>
      <c r="O98" s="6">
        <v>88</v>
      </c>
      <c r="P98" s="6">
        <v>19</v>
      </c>
      <c r="Q98" s="6">
        <v>64</v>
      </c>
      <c r="R98" s="6">
        <v>96</v>
      </c>
      <c r="S98" s="6">
        <v>553</v>
      </c>
      <c r="T98" s="6">
        <v>96</v>
      </c>
      <c r="U98" s="6">
        <v>23</v>
      </c>
      <c r="V98" s="6">
        <v>434</v>
      </c>
      <c r="W98" s="6">
        <v>18338</v>
      </c>
      <c r="X98" s="6">
        <v>1231</v>
      </c>
      <c r="Y98" s="6">
        <v>1114</v>
      </c>
      <c r="Z98" s="6">
        <v>66</v>
      </c>
      <c r="AA98" s="6">
        <v>17</v>
      </c>
      <c r="AB98" s="6">
        <v>34</v>
      </c>
    </row>
    <row r="99" spans="1:28">
      <c r="A99" s="9" t="s">
        <v>27</v>
      </c>
      <c r="B99" s="9" t="s">
        <v>57</v>
      </c>
      <c r="C99" s="9" t="s">
        <v>79</v>
      </c>
      <c r="D99" s="9" t="s">
        <v>77</v>
      </c>
      <c r="E99" s="9" t="s">
        <v>57</v>
      </c>
      <c r="F99" s="9" t="s">
        <v>79</v>
      </c>
      <c r="G99" s="9" t="s">
        <v>80</v>
      </c>
      <c r="H99" s="9" t="s">
        <v>104</v>
      </c>
      <c r="I99" s="9" t="s">
        <v>6</v>
      </c>
      <c r="J99" s="9" t="s">
        <v>49</v>
      </c>
      <c r="K99" s="6">
        <v>13384</v>
      </c>
      <c r="L99" s="6">
        <v>1008</v>
      </c>
      <c r="M99" s="6">
        <v>958</v>
      </c>
      <c r="N99" s="6">
        <v>629</v>
      </c>
      <c r="O99" s="6">
        <v>203</v>
      </c>
      <c r="P99" s="6">
        <v>2</v>
      </c>
      <c r="Q99" s="6">
        <v>124</v>
      </c>
      <c r="R99" s="6">
        <v>50</v>
      </c>
      <c r="S99" s="6">
        <v>7241</v>
      </c>
      <c r="T99" s="6">
        <v>719</v>
      </c>
      <c r="U99" s="6">
        <v>2</v>
      </c>
      <c r="V99" s="6">
        <v>6520</v>
      </c>
      <c r="W99" s="6">
        <v>5135</v>
      </c>
      <c r="X99" s="6">
        <v>529</v>
      </c>
      <c r="Y99" s="6">
        <v>395</v>
      </c>
      <c r="Z99" s="6">
        <v>104</v>
      </c>
      <c r="AA99" s="6">
        <v>1</v>
      </c>
      <c r="AB99" s="6">
        <v>29</v>
      </c>
    </row>
    <row r="100" spans="1:28">
      <c r="A100" s="9" t="s">
        <v>27</v>
      </c>
      <c r="B100" s="9" t="s">
        <v>57</v>
      </c>
      <c r="C100" s="9" t="s">
        <v>79</v>
      </c>
      <c r="D100" s="9" t="s">
        <v>77</v>
      </c>
      <c r="E100" s="9" t="s">
        <v>57</v>
      </c>
      <c r="F100" s="9" t="s">
        <v>79</v>
      </c>
      <c r="G100" s="9" t="s">
        <v>80</v>
      </c>
      <c r="H100" s="9" t="s">
        <v>104</v>
      </c>
      <c r="I100" s="9" t="s">
        <v>6</v>
      </c>
      <c r="J100" s="9" t="s">
        <v>50</v>
      </c>
      <c r="K100" s="6">
        <v>9254</v>
      </c>
      <c r="L100" s="6">
        <v>310</v>
      </c>
      <c r="M100" s="6">
        <v>297</v>
      </c>
      <c r="N100" s="6">
        <v>145</v>
      </c>
      <c r="O100" s="6">
        <v>93</v>
      </c>
      <c r="P100" s="6">
        <v>1</v>
      </c>
      <c r="Q100" s="6">
        <v>58</v>
      </c>
      <c r="R100" s="6">
        <v>13</v>
      </c>
      <c r="S100" s="6">
        <v>6050</v>
      </c>
      <c r="T100" s="6">
        <v>481</v>
      </c>
      <c r="U100" s="6">
        <v>1</v>
      </c>
      <c r="V100" s="6">
        <v>5568</v>
      </c>
      <c r="W100" s="6">
        <v>2894</v>
      </c>
      <c r="X100" s="6">
        <v>102</v>
      </c>
      <c r="Y100" s="6">
        <v>63</v>
      </c>
      <c r="Z100" s="6">
        <v>30</v>
      </c>
      <c r="AA100" s="10" t="s">
        <v>55</v>
      </c>
      <c r="AB100" s="6">
        <v>9</v>
      </c>
    </row>
    <row r="101" spans="1:28">
      <c r="A101" s="9" t="s">
        <v>27</v>
      </c>
      <c r="B101" s="9" t="s">
        <v>57</v>
      </c>
      <c r="C101" s="9" t="s">
        <v>79</v>
      </c>
      <c r="D101" s="9" t="s">
        <v>77</v>
      </c>
      <c r="E101" s="9" t="s">
        <v>57</v>
      </c>
      <c r="F101" s="9" t="s">
        <v>79</v>
      </c>
      <c r="G101" s="9" t="s">
        <v>80</v>
      </c>
      <c r="H101" s="9" t="s">
        <v>104</v>
      </c>
      <c r="I101" s="9" t="s">
        <v>6</v>
      </c>
      <c r="J101" s="9" t="s">
        <v>51</v>
      </c>
      <c r="K101" s="6">
        <v>5165</v>
      </c>
      <c r="L101" s="6">
        <v>66</v>
      </c>
      <c r="M101" s="6">
        <v>65</v>
      </c>
      <c r="N101" s="6">
        <v>25</v>
      </c>
      <c r="O101" s="6">
        <v>25</v>
      </c>
      <c r="P101" s="6">
        <v>1</v>
      </c>
      <c r="Q101" s="6">
        <v>14</v>
      </c>
      <c r="R101" s="6">
        <v>1</v>
      </c>
      <c r="S101" s="6">
        <v>3963</v>
      </c>
      <c r="T101" s="6">
        <v>158</v>
      </c>
      <c r="U101" s="6">
        <v>1</v>
      </c>
      <c r="V101" s="6">
        <v>3804</v>
      </c>
      <c r="W101" s="6">
        <v>1136</v>
      </c>
      <c r="X101" s="6">
        <v>12</v>
      </c>
      <c r="Y101" s="6">
        <v>7</v>
      </c>
      <c r="Z101" s="6">
        <v>4</v>
      </c>
      <c r="AA101" s="10" t="s">
        <v>55</v>
      </c>
      <c r="AB101" s="6">
        <v>1</v>
      </c>
    </row>
    <row r="102" spans="1:28">
      <c r="A102" s="9" t="s">
        <v>27</v>
      </c>
      <c r="B102" s="9" t="s">
        <v>57</v>
      </c>
      <c r="C102" s="9" t="s">
        <v>79</v>
      </c>
      <c r="D102" s="9" t="s">
        <v>77</v>
      </c>
      <c r="E102" s="9" t="s">
        <v>57</v>
      </c>
      <c r="F102" s="9" t="s">
        <v>79</v>
      </c>
      <c r="G102" s="9" t="s">
        <v>80</v>
      </c>
      <c r="H102" s="9" t="s">
        <v>104</v>
      </c>
      <c r="I102" s="9" t="s">
        <v>6</v>
      </c>
      <c r="J102" s="9" t="s">
        <v>52</v>
      </c>
      <c r="K102" s="6">
        <v>22668</v>
      </c>
      <c r="L102" s="6">
        <v>2379</v>
      </c>
      <c r="M102" s="6">
        <v>2261</v>
      </c>
      <c r="N102" s="6">
        <v>1998</v>
      </c>
      <c r="O102" s="6">
        <v>140</v>
      </c>
      <c r="P102" s="6">
        <v>16</v>
      </c>
      <c r="Q102" s="6">
        <v>107</v>
      </c>
      <c r="R102" s="6">
        <v>118</v>
      </c>
      <c r="S102" s="6">
        <v>1017</v>
      </c>
      <c r="T102" s="6">
        <v>186</v>
      </c>
      <c r="U102" s="6">
        <v>14</v>
      </c>
      <c r="V102" s="6">
        <v>817</v>
      </c>
      <c r="W102" s="6">
        <v>19272</v>
      </c>
      <c r="X102" s="6">
        <v>1454</v>
      </c>
      <c r="Y102" s="6">
        <v>1283</v>
      </c>
      <c r="Z102" s="6">
        <v>109</v>
      </c>
      <c r="AA102" s="6">
        <v>14</v>
      </c>
      <c r="AB102" s="6">
        <v>48</v>
      </c>
    </row>
    <row r="103" spans="1:28">
      <c r="A103" s="9" t="s">
        <v>27</v>
      </c>
      <c r="B103" s="9" t="s">
        <v>57</v>
      </c>
      <c r="C103" s="9" t="s">
        <v>79</v>
      </c>
      <c r="D103" s="9" t="s">
        <v>77</v>
      </c>
      <c r="E103" s="9" t="s">
        <v>57</v>
      </c>
      <c r="F103" s="9" t="s">
        <v>79</v>
      </c>
      <c r="G103" s="9" t="s">
        <v>80</v>
      </c>
      <c r="H103" s="9" t="s">
        <v>104</v>
      </c>
      <c r="I103" s="9" t="s">
        <v>53</v>
      </c>
      <c r="J103" s="9" t="s">
        <v>30</v>
      </c>
      <c r="K103" s="6">
        <v>16764</v>
      </c>
      <c r="L103" s="6">
        <v>1514</v>
      </c>
      <c r="M103" s="6">
        <v>1431</v>
      </c>
      <c r="N103" s="6">
        <v>1270</v>
      </c>
      <c r="O103" s="6">
        <v>42</v>
      </c>
      <c r="P103" s="6">
        <v>9</v>
      </c>
      <c r="Q103" s="6">
        <v>110</v>
      </c>
      <c r="R103" s="6">
        <v>83</v>
      </c>
      <c r="S103" s="6">
        <v>2226</v>
      </c>
      <c r="T103" s="6">
        <v>100</v>
      </c>
      <c r="U103" s="6">
        <v>9</v>
      </c>
      <c r="V103" s="6">
        <v>2117</v>
      </c>
      <c r="W103" s="6">
        <v>13024</v>
      </c>
      <c r="X103" s="6">
        <v>712</v>
      </c>
      <c r="Y103" s="6">
        <v>661</v>
      </c>
      <c r="Z103" s="6">
        <v>16</v>
      </c>
      <c r="AA103" s="6">
        <v>8</v>
      </c>
      <c r="AB103" s="6">
        <v>27</v>
      </c>
    </row>
    <row r="104" spans="1:28">
      <c r="A104" s="9" t="s">
        <v>27</v>
      </c>
      <c r="B104" s="9" t="s">
        <v>57</v>
      </c>
      <c r="C104" s="9" t="s">
        <v>79</v>
      </c>
      <c r="D104" s="9" t="s">
        <v>77</v>
      </c>
      <c r="E104" s="9" t="s">
        <v>57</v>
      </c>
      <c r="F104" s="9" t="s">
        <v>79</v>
      </c>
      <c r="G104" s="9" t="s">
        <v>80</v>
      </c>
      <c r="H104" s="9" t="s">
        <v>104</v>
      </c>
      <c r="I104" s="9" t="s">
        <v>53</v>
      </c>
      <c r="J104" s="9" t="s">
        <v>31</v>
      </c>
      <c r="K104" s="6">
        <v>123</v>
      </c>
      <c r="L104" s="6">
        <v>18</v>
      </c>
      <c r="M104" s="6">
        <v>17</v>
      </c>
      <c r="N104" s="6">
        <v>16</v>
      </c>
      <c r="O104" s="10" t="s">
        <v>55</v>
      </c>
      <c r="P104" s="6">
        <v>1</v>
      </c>
      <c r="Q104" s="10" t="s">
        <v>55</v>
      </c>
      <c r="R104" s="6">
        <v>1</v>
      </c>
      <c r="S104" s="6">
        <v>4</v>
      </c>
      <c r="T104" s="10" t="s">
        <v>55</v>
      </c>
      <c r="U104" s="6">
        <v>3</v>
      </c>
      <c r="V104" s="6">
        <v>1</v>
      </c>
      <c r="W104" s="6">
        <v>101</v>
      </c>
      <c r="X104" s="6">
        <v>8</v>
      </c>
      <c r="Y104" s="6">
        <v>7</v>
      </c>
      <c r="Z104" s="10" t="s">
        <v>55</v>
      </c>
      <c r="AA104" s="6">
        <v>1</v>
      </c>
      <c r="AB104" s="10" t="s">
        <v>55</v>
      </c>
    </row>
    <row r="105" spans="1:28">
      <c r="A105" s="9" t="s">
        <v>27</v>
      </c>
      <c r="B105" s="9" t="s">
        <v>57</v>
      </c>
      <c r="C105" s="9" t="s">
        <v>79</v>
      </c>
      <c r="D105" s="9" t="s">
        <v>77</v>
      </c>
      <c r="E105" s="9" t="s">
        <v>57</v>
      </c>
      <c r="F105" s="9" t="s">
        <v>79</v>
      </c>
      <c r="G105" s="9" t="s">
        <v>80</v>
      </c>
      <c r="H105" s="9" t="s">
        <v>104</v>
      </c>
      <c r="I105" s="9" t="s">
        <v>53</v>
      </c>
      <c r="J105" s="9" t="s">
        <v>32</v>
      </c>
      <c r="K105" s="6">
        <v>1301</v>
      </c>
      <c r="L105" s="6">
        <v>120</v>
      </c>
      <c r="M105" s="6">
        <v>118</v>
      </c>
      <c r="N105" s="6">
        <v>113</v>
      </c>
      <c r="O105" s="10" t="s">
        <v>55</v>
      </c>
      <c r="P105" s="6">
        <v>4</v>
      </c>
      <c r="Q105" s="6">
        <v>1</v>
      </c>
      <c r="R105" s="6">
        <v>2</v>
      </c>
      <c r="S105" s="6">
        <v>5</v>
      </c>
      <c r="T105" s="10" t="s">
        <v>55</v>
      </c>
      <c r="U105" s="6">
        <v>3</v>
      </c>
      <c r="V105" s="6">
        <v>2</v>
      </c>
      <c r="W105" s="6">
        <v>1176</v>
      </c>
      <c r="X105" s="6">
        <v>60</v>
      </c>
      <c r="Y105" s="6">
        <v>55</v>
      </c>
      <c r="Z105" s="10" t="s">
        <v>55</v>
      </c>
      <c r="AA105" s="6">
        <v>4</v>
      </c>
      <c r="AB105" s="6">
        <v>1</v>
      </c>
    </row>
    <row r="106" spans="1:28">
      <c r="A106" s="9" t="s">
        <v>27</v>
      </c>
      <c r="B106" s="9" t="s">
        <v>57</v>
      </c>
      <c r="C106" s="9" t="s">
        <v>79</v>
      </c>
      <c r="D106" s="9" t="s">
        <v>77</v>
      </c>
      <c r="E106" s="9" t="s">
        <v>57</v>
      </c>
      <c r="F106" s="9" t="s">
        <v>79</v>
      </c>
      <c r="G106" s="9" t="s">
        <v>80</v>
      </c>
      <c r="H106" s="9" t="s">
        <v>104</v>
      </c>
      <c r="I106" s="9" t="s">
        <v>53</v>
      </c>
      <c r="J106" s="9" t="s">
        <v>33</v>
      </c>
      <c r="K106" s="6">
        <v>1703</v>
      </c>
      <c r="L106" s="6">
        <v>144</v>
      </c>
      <c r="M106" s="6">
        <v>143</v>
      </c>
      <c r="N106" s="6">
        <v>140</v>
      </c>
      <c r="O106" s="10" t="s">
        <v>55</v>
      </c>
      <c r="P106" s="6">
        <v>2</v>
      </c>
      <c r="Q106" s="6">
        <v>1</v>
      </c>
      <c r="R106" s="6">
        <v>1</v>
      </c>
      <c r="S106" s="6">
        <v>4</v>
      </c>
      <c r="T106" s="10" t="s">
        <v>55</v>
      </c>
      <c r="U106" s="6">
        <v>2</v>
      </c>
      <c r="V106" s="6">
        <v>2</v>
      </c>
      <c r="W106" s="6">
        <v>1555</v>
      </c>
      <c r="X106" s="6">
        <v>52</v>
      </c>
      <c r="Y106" s="6">
        <v>49</v>
      </c>
      <c r="Z106" s="10" t="s">
        <v>55</v>
      </c>
      <c r="AA106" s="6">
        <v>2</v>
      </c>
      <c r="AB106" s="6">
        <v>1</v>
      </c>
    </row>
    <row r="107" spans="1:28">
      <c r="A107" s="9" t="s">
        <v>27</v>
      </c>
      <c r="B107" s="9" t="s">
        <v>57</v>
      </c>
      <c r="C107" s="9" t="s">
        <v>79</v>
      </c>
      <c r="D107" s="9" t="s">
        <v>77</v>
      </c>
      <c r="E107" s="9" t="s">
        <v>57</v>
      </c>
      <c r="F107" s="9" t="s">
        <v>79</v>
      </c>
      <c r="G107" s="9" t="s">
        <v>80</v>
      </c>
      <c r="H107" s="9" t="s">
        <v>104</v>
      </c>
      <c r="I107" s="9" t="s">
        <v>53</v>
      </c>
      <c r="J107" s="9" t="s">
        <v>34</v>
      </c>
      <c r="K107" s="6">
        <v>1425</v>
      </c>
      <c r="L107" s="6">
        <v>82</v>
      </c>
      <c r="M107" s="6">
        <v>80</v>
      </c>
      <c r="N107" s="6">
        <v>78</v>
      </c>
      <c r="O107" s="10" t="s">
        <v>55</v>
      </c>
      <c r="P107" s="10" t="s">
        <v>55</v>
      </c>
      <c r="Q107" s="6">
        <v>2</v>
      </c>
      <c r="R107" s="6">
        <v>2</v>
      </c>
      <c r="S107" s="6">
        <v>7</v>
      </c>
      <c r="T107" s="10" t="s">
        <v>55</v>
      </c>
      <c r="U107" s="10" t="s">
        <v>55</v>
      </c>
      <c r="V107" s="6">
        <v>7</v>
      </c>
      <c r="W107" s="6">
        <v>1336</v>
      </c>
      <c r="X107" s="6">
        <v>24</v>
      </c>
      <c r="Y107" s="6">
        <v>24</v>
      </c>
      <c r="Z107" s="10" t="s">
        <v>55</v>
      </c>
      <c r="AA107" s="10" t="s">
        <v>55</v>
      </c>
      <c r="AB107" s="10" t="s">
        <v>55</v>
      </c>
    </row>
    <row r="108" spans="1:28">
      <c r="A108" s="9" t="s">
        <v>27</v>
      </c>
      <c r="B108" s="9" t="s">
        <v>57</v>
      </c>
      <c r="C108" s="9" t="s">
        <v>79</v>
      </c>
      <c r="D108" s="9" t="s">
        <v>77</v>
      </c>
      <c r="E108" s="9" t="s">
        <v>57</v>
      </c>
      <c r="F108" s="9" t="s">
        <v>79</v>
      </c>
      <c r="G108" s="9" t="s">
        <v>80</v>
      </c>
      <c r="H108" s="9" t="s">
        <v>104</v>
      </c>
      <c r="I108" s="9" t="s">
        <v>53</v>
      </c>
      <c r="J108" s="9" t="s">
        <v>35</v>
      </c>
      <c r="K108" s="6">
        <v>1405</v>
      </c>
      <c r="L108" s="6">
        <v>74</v>
      </c>
      <c r="M108" s="6">
        <v>72</v>
      </c>
      <c r="N108" s="6">
        <v>71</v>
      </c>
      <c r="O108" s="10" t="s">
        <v>55</v>
      </c>
      <c r="P108" s="10" t="s">
        <v>55</v>
      </c>
      <c r="Q108" s="6">
        <v>1</v>
      </c>
      <c r="R108" s="6">
        <v>2</v>
      </c>
      <c r="S108" s="6">
        <v>15</v>
      </c>
      <c r="T108" s="10" t="s">
        <v>55</v>
      </c>
      <c r="U108" s="10" t="s">
        <v>55</v>
      </c>
      <c r="V108" s="6">
        <v>15</v>
      </c>
      <c r="W108" s="6">
        <v>1316</v>
      </c>
      <c r="X108" s="6">
        <v>29</v>
      </c>
      <c r="Y108" s="6">
        <v>29</v>
      </c>
      <c r="Z108" s="10" t="s">
        <v>55</v>
      </c>
      <c r="AA108" s="10" t="s">
        <v>55</v>
      </c>
      <c r="AB108" s="10" t="s">
        <v>55</v>
      </c>
    </row>
    <row r="109" spans="1:28">
      <c r="A109" s="9" t="s">
        <v>27</v>
      </c>
      <c r="B109" s="9" t="s">
        <v>57</v>
      </c>
      <c r="C109" s="9" t="s">
        <v>79</v>
      </c>
      <c r="D109" s="9" t="s">
        <v>77</v>
      </c>
      <c r="E109" s="9" t="s">
        <v>57</v>
      </c>
      <c r="F109" s="9" t="s">
        <v>79</v>
      </c>
      <c r="G109" s="9" t="s">
        <v>80</v>
      </c>
      <c r="H109" s="9" t="s">
        <v>104</v>
      </c>
      <c r="I109" s="9" t="s">
        <v>53</v>
      </c>
      <c r="J109" s="9" t="s">
        <v>36</v>
      </c>
      <c r="K109" s="6">
        <v>1416</v>
      </c>
      <c r="L109" s="6">
        <v>96</v>
      </c>
      <c r="M109" s="6">
        <v>92</v>
      </c>
      <c r="N109" s="6">
        <v>88</v>
      </c>
      <c r="O109" s="6">
        <v>2</v>
      </c>
      <c r="P109" s="6">
        <v>1</v>
      </c>
      <c r="Q109" s="6">
        <v>1</v>
      </c>
      <c r="R109" s="6">
        <v>4</v>
      </c>
      <c r="S109" s="6">
        <v>20</v>
      </c>
      <c r="T109" s="10" t="s">
        <v>55</v>
      </c>
      <c r="U109" s="10" t="s">
        <v>55</v>
      </c>
      <c r="V109" s="6">
        <v>20</v>
      </c>
      <c r="W109" s="6">
        <v>1300</v>
      </c>
      <c r="X109" s="6">
        <v>45</v>
      </c>
      <c r="Y109" s="6">
        <v>43</v>
      </c>
      <c r="Z109" s="6">
        <v>1</v>
      </c>
      <c r="AA109" s="6">
        <v>1</v>
      </c>
      <c r="AB109" s="10" t="s">
        <v>55</v>
      </c>
    </row>
    <row r="110" spans="1:28">
      <c r="A110" s="9" t="s">
        <v>27</v>
      </c>
      <c r="B110" s="9" t="s">
        <v>57</v>
      </c>
      <c r="C110" s="9" t="s">
        <v>79</v>
      </c>
      <c r="D110" s="9" t="s">
        <v>77</v>
      </c>
      <c r="E110" s="9" t="s">
        <v>57</v>
      </c>
      <c r="F110" s="9" t="s">
        <v>79</v>
      </c>
      <c r="G110" s="9" t="s">
        <v>80</v>
      </c>
      <c r="H110" s="9" t="s">
        <v>104</v>
      </c>
      <c r="I110" s="9" t="s">
        <v>53</v>
      </c>
      <c r="J110" s="9" t="s">
        <v>37</v>
      </c>
      <c r="K110" s="6">
        <v>1494</v>
      </c>
      <c r="L110" s="6">
        <v>104</v>
      </c>
      <c r="M110" s="6">
        <v>99</v>
      </c>
      <c r="N110" s="6">
        <v>90</v>
      </c>
      <c r="O110" s="6">
        <v>1</v>
      </c>
      <c r="P110" s="10" t="s">
        <v>55</v>
      </c>
      <c r="Q110" s="6">
        <v>8</v>
      </c>
      <c r="R110" s="6">
        <v>5</v>
      </c>
      <c r="S110" s="6">
        <v>28</v>
      </c>
      <c r="T110" s="6">
        <v>2</v>
      </c>
      <c r="U110" s="10" t="s">
        <v>55</v>
      </c>
      <c r="V110" s="6">
        <v>26</v>
      </c>
      <c r="W110" s="6">
        <v>1362</v>
      </c>
      <c r="X110" s="6">
        <v>53</v>
      </c>
      <c r="Y110" s="6">
        <v>48</v>
      </c>
      <c r="Z110" s="10" t="s">
        <v>55</v>
      </c>
      <c r="AA110" s="10" t="s">
        <v>55</v>
      </c>
      <c r="AB110" s="6">
        <v>5</v>
      </c>
    </row>
    <row r="111" spans="1:28">
      <c r="A111" s="9" t="s">
        <v>27</v>
      </c>
      <c r="B111" s="9" t="s">
        <v>57</v>
      </c>
      <c r="C111" s="9" t="s">
        <v>79</v>
      </c>
      <c r="D111" s="9" t="s">
        <v>77</v>
      </c>
      <c r="E111" s="9" t="s">
        <v>57</v>
      </c>
      <c r="F111" s="9" t="s">
        <v>79</v>
      </c>
      <c r="G111" s="9" t="s">
        <v>80</v>
      </c>
      <c r="H111" s="9" t="s">
        <v>104</v>
      </c>
      <c r="I111" s="9" t="s">
        <v>53</v>
      </c>
      <c r="J111" s="9" t="s">
        <v>38</v>
      </c>
      <c r="K111" s="6">
        <v>1331</v>
      </c>
      <c r="L111" s="6">
        <v>132</v>
      </c>
      <c r="M111" s="6">
        <v>125</v>
      </c>
      <c r="N111" s="6">
        <v>119</v>
      </c>
      <c r="O111" s="6">
        <v>1</v>
      </c>
      <c r="P111" s="10" t="s">
        <v>55</v>
      </c>
      <c r="Q111" s="6">
        <v>5</v>
      </c>
      <c r="R111" s="6">
        <v>7</v>
      </c>
      <c r="S111" s="6">
        <v>32</v>
      </c>
      <c r="T111" s="6">
        <v>2</v>
      </c>
      <c r="U111" s="10" t="s">
        <v>55</v>
      </c>
      <c r="V111" s="6">
        <v>30</v>
      </c>
      <c r="W111" s="6">
        <v>1167</v>
      </c>
      <c r="X111" s="6">
        <v>76</v>
      </c>
      <c r="Y111" s="6">
        <v>73</v>
      </c>
      <c r="Z111" s="10" t="s">
        <v>55</v>
      </c>
      <c r="AA111" s="10" t="s">
        <v>55</v>
      </c>
      <c r="AB111" s="6">
        <v>3</v>
      </c>
    </row>
    <row r="112" spans="1:28">
      <c r="A112" s="9" t="s">
        <v>27</v>
      </c>
      <c r="B112" s="9" t="s">
        <v>57</v>
      </c>
      <c r="C112" s="9" t="s">
        <v>79</v>
      </c>
      <c r="D112" s="9" t="s">
        <v>77</v>
      </c>
      <c r="E112" s="9" t="s">
        <v>57</v>
      </c>
      <c r="F112" s="9" t="s">
        <v>79</v>
      </c>
      <c r="G112" s="9" t="s">
        <v>80</v>
      </c>
      <c r="H112" s="9" t="s">
        <v>104</v>
      </c>
      <c r="I112" s="9" t="s">
        <v>53</v>
      </c>
      <c r="J112" s="9" t="s">
        <v>39</v>
      </c>
      <c r="K112" s="6">
        <v>1078</v>
      </c>
      <c r="L112" s="6">
        <v>135</v>
      </c>
      <c r="M112" s="6">
        <v>127</v>
      </c>
      <c r="N112" s="6">
        <v>115</v>
      </c>
      <c r="O112" s="6">
        <v>2</v>
      </c>
      <c r="P112" s="6">
        <v>1</v>
      </c>
      <c r="Q112" s="6">
        <v>9</v>
      </c>
      <c r="R112" s="6">
        <v>8</v>
      </c>
      <c r="S112" s="6">
        <v>45</v>
      </c>
      <c r="T112" s="6">
        <v>4</v>
      </c>
      <c r="U112" s="10" t="s">
        <v>55</v>
      </c>
      <c r="V112" s="6">
        <v>41</v>
      </c>
      <c r="W112" s="6">
        <v>898</v>
      </c>
      <c r="X112" s="6">
        <v>82</v>
      </c>
      <c r="Y112" s="6">
        <v>77</v>
      </c>
      <c r="Z112" s="6">
        <v>1</v>
      </c>
      <c r="AA112" s="10" t="s">
        <v>55</v>
      </c>
      <c r="AB112" s="6">
        <v>4</v>
      </c>
    </row>
    <row r="113" spans="1:28">
      <c r="A113" s="9" t="s">
        <v>27</v>
      </c>
      <c r="B113" s="9" t="s">
        <v>57</v>
      </c>
      <c r="C113" s="9" t="s">
        <v>79</v>
      </c>
      <c r="D113" s="9" t="s">
        <v>77</v>
      </c>
      <c r="E113" s="9" t="s">
        <v>57</v>
      </c>
      <c r="F113" s="9" t="s">
        <v>79</v>
      </c>
      <c r="G113" s="9" t="s">
        <v>80</v>
      </c>
      <c r="H113" s="9" t="s">
        <v>104</v>
      </c>
      <c r="I113" s="9" t="s">
        <v>53</v>
      </c>
      <c r="J113" s="9" t="s">
        <v>40</v>
      </c>
      <c r="K113" s="6">
        <v>1076</v>
      </c>
      <c r="L113" s="6">
        <v>156</v>
      </c>
      <c r="M113" s="6">
        <v>144</v>
      </c>
      <c r="N113" s="6">
        <v>128</v>
      </c>
      <c r="O113" s="6">
        <v>6</v>
      </c>
      <c r="P113" s="10" t="s">
        <v>55</v>
      </c>
      <c r="Q113" s="6">
        <v>10</v>
      </c>
      <c r="R113" s="6">
        <v>12</v>
      </c>
      <c r="S113" s="6">
        <v>106</v>
      </c>
      <c r="T113" s="6">
        <v>9</v>
      </c>
      <c r="U113" s="10" t="s">
        <v>55</v>
      </c>
      <c r="V113" s="6">
        <v>97</v>
      </c>
      <c r="W113" s="6">
        <v>814</v>
      </c>
      <c r="X113" s="6">
        <v>87</v>
      </c>
      <c r="Y113" s="6">
        <v>82</v>
      </c>
      <c r="Z113" s="6">
        <v>3</v>
      </c>
      <c r="AA113" s="10" t="s">
        <v>55</v>
      </c>
      <c r="AB113" s="6">
        <v>2</v>
      </c>
    </row>
    <row r="114" spans="1:28">
      <c r="A114" s="9" t="s">
        <v>27</v>
      </c>
      <c r="B114" s="9" t="s">
        <v>57</v>
      </c>
      <c r="C114" s="9" t="s">
        <v>79</v>
      </c>
      <c r="D114" s="9" t="s">
        <v>77</v>
      </c>
      <c r="E114" s="9" t="s">
        <v>57</v>
      </c>
      <c r="F114" s="9" t="s">
        <v>79</v>
      </c>
      <c r="G114" s="9" t="s">
        <v>80</v>
      </c>
      <c r="H114" s="9" t="s">
        <v>104</v>
      </c>
      <c r="I114" s="9" t="s">
        <v>53</v>
      </c>
      <c r="J114" s="9" t="s">
        <v>41</v>
      </c>
      <c r="K114" s="6">
        <v>1105</v>
      </c>
      <c r="L114" s="6">
        <v>187</v>
      </c>
      <c r="M114" s="6">
        <v>168</v>
      </c>
      <c r="N114" s="6">
        <v>135</v>
      </c>
      <c r="O114" s="6">
        <v>8</v>
      </c>
      <c r="P114" s="10" t="s">
        <v>55</v>
      </c>
      <c r="Q114" s="6">
        <v>25</v>
      </c>
      <c r="R114" s="6">
        <v>19</v>
      </c>
      <c r="S114" s="6">
        <v>248</v>
      </c>
      <c r="T114" s="6">
        <v>15</v>
      </c>
      <c r="U114" s="10" t="s">
        <v>55</v>
      </c>
      <c r="V114" s="6">
        <v>233</v>
      </c>
      <c r="W114" s="6">
        <v>670</v>
      </c>
      <c r="X114" s="6">
        <v>94</v>
      </c>
      <c r="Y114" s="6">
        <v>83</v>
      </c>
      <c r="Z114" s="6">
        <v>6</v>
      </c>
      <c r="AA114" s="10" t="s">
        <v>55</v>
      </c>
      <c r="AB114" s="6">
        <v>5</v>
      </c>
    </row>
    <row r="115" spans="1:28">
      <c r="A115" s="9" t="s">
        <v>27</v>
      </c>
      <c r="B115" s="9" t="s">
        <v>57</v>
      </c>
      <c r="C115" s="9" t="s">
        <v>79</v>
      </c>
      <c r="D115" s="9" t="s">
        <v>77</v>
      </c>
      <c r="E115" s="9" t="s">
        <v>57</v>
      </c>
      <c r="F115" s="9" t="s">
        <v>79</v>
      </c>
      <c r="G115" s="9" t="s">
        <v>80</v>
      </c>
      <c r="H115" s="9" t="s">
        <v>104</v>
      </c>
      <c r="I115" s="9" t="s">
        <v>53</v>
      </c>
      <c r="J115" s="9" t="s">
        <v>42</v>
      </c>
      <c r="K115" s="6">
        <v>1032</v>
      </c>
      <c r="L115" s="6">
        <v>151</v>
      </c>
      <c r="M115" s="6">
        <v>140</v>
      </c>
      <c r="N115" s="6">
        <v>112</v>
      </c>
      <c r="O115" s="6">
        <v>11</v>
      </c>
      <c r="P115" s="10" t="s">
        <v>55</v>
      </c>
      <c r="Q115" s="6">
        <v>17</v>
      </c>
      <c r="R115" s="6">
        <v>11</v>
      </c>
      <c r="S115" s="6">
        <v>312</v>
      </c>
      <c r="T115" s="6">
        <v>18</v>
      </c>
      <c r="U115" s="10" t="s">
        <v>55</v>
      </c>
      <c r="V115" s="6">
        <v>294</v>
      </c>
      <c r="W115" s="6">
        <v>569</v>
      </c>
      <c r="X115" s="6">
        <v>68</v>
      </c>
      <c r="Y115" s="6">
        <v>62</v>
      </c>
      <c r="Z115" s="6">
        <v>3</v>
      </c>
      <c r="AA115" s="10" t="s">
        <v>55</v>
      </c>
      <c r="AB115" s="6">
        <v>3</v>
      </c>
    </row>
    <row r="116" spans="1:28">
      <c r="A116" s="9" t="s">
        <v>27</v>
      </c>
      <c r="B116" s="9" t="s">
        <v>57</v>
      </c>
      <c r="C116" s="9" t="s">
        <v>79</v>
      </c>
      <c r="D116" s="9" t="s">
        <v>77</v>
      </c>
      <c r="E116" s="9" t="s">
        <v>57</v>
      </c>
      <c r="F116" s="9" t="s">
        <v>79</v>
      </c>
      <c r="G116" s="9" t="s">
        <v>80</v>
      </c>
      <c r="H116" s="9" t="s">
        <v>104</v>
      </c>
      <c r="I116" s="9" t="s">
        <v>53</v>
      </c>
      <c r="J116" s="9" t="s">
        <v>43</v>
      </c>
      <c r="K116" s="6">
        <v>661</v>
      </c>
      <c r="L116" s="6">
        <v>64</v>
      </c>
      <c r="M116" s="6">
        <v>56</v>
      </c>
      <c r="N116" s="6">
        <v>41</v>
      </c>
      <c r="O116" s="6">
        <v>3</v>
      </c>
      <c r="P116" s="10" t="s">
        <v>55</v>
      </c>
      <c r="Q116" s="6">
        <v>12</v>
      </c>
      <c r="R116" s="6">
        <v>8</v>
      </c>
      <c r="S116" s="6">
        <v>279</v>
      </c>
      <c r="T116" s="6">
        <v>18</v>
      </c>
      <c r="U116" s="10" t="s">
        <v>55</v>
      </c>
      <c r="V116" s="6">
        <v>261</v>
      </c>
      <c r="W116" s="6">
        <v>318</v>
      </c>
      <c r="X116" s="6">
        <v>21</v>
      </c>
      <c r="Y116" s="6">
        <v>19</v>
      </c>
      <c r="Z116" s="6">
        <v>1</v>
      </c>
      <c r="AA116" s="10" t="s">
        <v>55</v>
      </c>
      <c r="AB116" s="6">
        <v>1</v>
      </c>
    </row>
    <row r="117" spans="1:28">
      <c r="A117" s="9" t="s">
        <v>27</v>
      </c>
      <c r="B117" s="9" t="s">
        <v>57</v>
      </c>
      <c r="C117" s="9" t="s">
        <v>79</v>
      </c>
      <c r="D117" s="9" t="s">
        <v>77</v>
      </c>
      <c r="E117" s="9" t="s">
        <v>57</v>
      </c>
      <c r="F117" s="9" t="s">
        <v>79</v>
      </c>
      <c r="G117" s="9" t="s">
        <v>80</v>
      </c>
      <c r="H117" s="9" t="s">
        <v>104</v>
      </c>
      <c r="I117" s="9" t="s">
        <v>53</v>
      </c>
      <c r="J117" s="9" t="s">
        <v>44</v>
      </c>
      <c r="K117" s="6">
        <v>601</v>
      </c>
      <c r="L117" s="6">
        <v>35</v>
      </c>
      <c r="M117" s="6">
        <v>34</v>
      </c>
      <c r="N117" s="6">
        <v>14</v>
      </c>
      <c r="O117" s="6">
        <v>5</v>
      </c>
      <c r="P117" s="10" t="s">
        <v>55</v>
      </c>
      <c r="Q117" s="6">
        <v>15</v>
      </c>
      <c r="R117" s="6">
        <v>1</v>
      </c>
      <c r="S117" s="6">
        <v>347</v>
      </c>
      <c r="T117" s="6">
        <v>19</v>
      </c>
      <c r="U117" s="10" t="s">
        <v>55</v>
      </c>
      <c r="V117" s="6">
        <v>328</v>
      </c>
      <c r="W117" s="6">
        <v>219</v>
      </c>
      <c r="X117" s="6">
        <v>9</v>
      </c>
      <c r="Y117" s="6">
        <v>6</v>
      </c>
      <c r="Z117" s="6">
        <v>1</v>
      </c>
      <c r="AA117" s="10" t="s">
        <v>55</v>
      </c>
      <c r="AB117" s="6">
        <v>2</v>
      </c>
    </row>
    <row r="118" spans="1:28">
      <c r="A118" s="9" t="s">
        <v>27</v>
      </c>
      <c r="B118" s="9" t="s">
        <v>57</v>
      </c>
      <c r="C118" s="9" t="s">
        <v>79</v>
      </c>
      <c r="D118" s="9" t="s">
        <v>77</v>
      </c>
      <c r="E118" s="9" t="s">
        <v>57</v>
      </c>
      <c r="F118" s="9" t="s">
        <v>79</v>
      </c>
      <c r="G118" s="9" t="s">
        <v>80</v>
      </c>
      <c r="H118" s="9" t="s">
        <v>104</v>
      </c>
      <c r="I118" s="9" t="s">
        <v>53</v>
      </c>
      <c r="J118" s="9" t="s">
        <v>45</v>
      </c>
      <c r="K118" s="6">
        <v>585</v>
      </c>
      <c r="L118" s="6">
        <v>12</v>
      </c>
      <c r="M118" s="6">
        <v>12</v>
      </c>
      <c r="N118" s="6">
        <v>8</v>
      </c>
      <c r="O118" s="6">
        <v>3</v>
      </c>
      <c r="P118" s="10" t="s">
        <v>55</v>
      </c>
      <c r="Q118" s="6">
        <v>1</v>
      </c>
      <c r="R118" s="10" t="s">
        <v>55</v>
      </c>
      <c r="S118" s="6">
        <v>412</v>
      </c>
      <c r="T118" s="6">
        <v>10</v>
      </c>
      <c r="U118" s="6">
        <v>1</v>
      </c>
      <c r="V118" s="6">
        <v>401</v>
      </c>
      <c r="W118" s="6">
        <v>161</v>
      </c>
      <c r="X118" s="6">
        <v>4</v>
      </c>
      <c r="Y118" s="6">
        <v>4</v>
      </c>
      <c r="Z118" s="10" t="s">
        <v>55</v>
      </c>
      <c r="AA118" s="10" t="s">
        <v>55</v>
      </c>
      <c r="AB118" s="10" t="s">
        <v>55</v>
      </c>
    </row>
    <row r="119" spans="1:28">
      <c r="A119" s="9" t="s">
        <v>27</v>
      </c>
      <c r="B119" s="9" t="s">
        <v>57</v>
      </c>
      <c r="C119" s="9" t="s">
        <v>79</v>
      </c>
      <c r="D119" s="9" t="s">
        <v>77</v>
      </c>
      <c r="E119" s="9" t="s">
        <v>57</v>
      </c>
      <c r="F119" s="9" t="s">
        <v>79</v>
      </c>
      <c r="G119" s="9" t="s">
        <v>80</v>
      </c>
      <c r="H119" s="9" t="s">
        <v>104</v>
      </c>
      <c r="I119" s="9" t="s">
        <v>53</v>
      </c>
      <c r="J119" s="9" t="s">
        <v>46</v>
      </c>
      <c r="K119" s="6">
        <v>309</v>
      </c>
      <c r="L119" s="6">
        <v>3</v>
      </c>
      <c r="M119" s="6">
        <v>3</v>
      </c>
      <c r="N119" s="6">
        <v>2</v>
      </c>
      <c r="O119" s="10" t="s">
        <v>55</v>
      </c>
      <c r="P119" s="10" t="s">
        <v>55</v>
      </c>
      <c r="Q119" s="6">
        <v>1</v>
      </c>
      <c r="R119" s="10" t="s">
        <v>55</v>
      </c>
      <c r="S119" s="6">
        <v>258</v>
      </c>
      <c r="T119" s="6">
        <v>2</v>
      </c>
      <c r="U119" s="10" t="s">
        <v>55</v>
      </c>
      <c r="V119" s="6">
        <v>256</v>
      </c>
      <c r="W119" s="6">
        <v>48</v>
      </c>
      <c r="X119" s="10" t="s">
        <v>55</v>
      </c>
      <c r="Y119" s="10" t="s">
        <v>55</v>
      </c>
      <c r="Z119" s="10" t="s">
        <v>55</v>
      </c>
      <c r="AA119" s="10" t="s">
        <v>55</v>
      </c>
      <c r="AB119" s="10" t="s">
        <v>55</v>
      </c>
    </row>
    <row r="120" spans="1:28">
      <c r="A120" s="9" t="s">
        <v>27</v>
      </c>
      <c r="B120" s="9" t="s">
        <v>57</v>
      </c>
      <c r="C120" s="9" t="s">
        <v>79</v>
      </c>
      <c r="D120" s="9" t="s">
        <v>77</v>
      </c>
      <c r="E120" s="9" t="s">
        <v>57</v>
      </c>
      <c r="F120" s="9" t="s">
        <v>79</v>
      </c>
      <c r="G120" s="9" t="s">
        <v>80</v>
      </c>
      <c r="H120" s="9" t="s">
        <v>104</v>
      </c>
      <c r="I120" s="9" t="s">
        <v>53</v>
      </c>
      <c r="J120" s="9" t="s">
        <v>47</v>
      </c>
      <c r="K120" s="6">
        <v>119</v>
      </c>
      <c r="L120" s="6">
        <v>1</v>
      </c>
      <c r="M120" s="6">
        <v>1</v>
      </c>
      <c r="N120" s="10" t="s">
        <v>55</v>
      </c>
      <c r="O120" s="10" t="s">
        <v>55</v>
      </c>
      <c r="P120" s="10" t="s">
        <v>55</v>
      </c>
      <c r="Q120" s="6">
        <v>1</v>
      </c>
      <c r="R120" s="10" t="s">
        <v>55</v>
      </c>
      <c r="S120" s="6">
        <v>104</v>
      </c>
      <c r="T120" s="6">
        <v>1</v>
      </c>
      <c r="U120" s="10" t="s">
        <v>55</v>
      </c>
      <c r="V120" s="6">
        <v>103</v>
      </c>
      <c r="W120" s="6">
        <v>14</v>
      </c>
      <c r="X120" s="10" t="s">
        <v>55</v>
      </c>
      <c r="Y120" s="10" t="s">
        <v>55</v>
      </c>
      <c r="Z120" s="10" t="s">
        <v>55</v>
      </c>
      <c r="AA120" s="10" t="s">
        <v>55</v>
      </c>
      <c r="AB120" s="10" t="s">
        <v>55</v>
      </c>
    </row>
    <row r="121" spans="1:28">
      <c r="A121" s="9" t="s">
        <v>27</v>
      </c>
      <c r="B121" s="9" t="s">
        <v>57</v>
      </c>
      <c r="C121" s="9" t="s">
        <v>79</v>
      </c>
      <c r="D121" s="9" t="s">
        <v>77</v>
      </c>
      <c r="E121" s="9" t="s">
        <v>57</v>
      </c>
      <c r="F121" s="9" t="s">
        <v>79</v>
      </c>
      <c r="G121" s="9" t="s">
        <v>80</v>
      </c>
      <c r="H121" s="9" t="s">
        <v>104</v>
      </c>
      <c r="I121" s="9" t="s">
        <v>53</v>
      </c>
      <c r="J121" s="9" t="s">
        <v>48</v>
      </c>
      <c r="K121" s="6">
        <v>12352</v>
      </c>
      <c r="L121" s="6">
        <v>1061</v>
      </c>
      <c r="M121" s="6">
        <v>1017</v>
      </c>
      <c r="N121" s="6">
        <v>958</v>
      </c>
      <c r="O121" s="6">
        <v>12</v>
      </c>
      <c r="P121" s="6">
        <v>9</v>
      </c>
      <c r="Q121" s="6">
        <v>38</v>
      </c>
      <c r="R121" s="6">
        <v>44</v>
      </c>
      <c r="S121" s="6">
        <v>266</v>
      </c>
      <c r="T121" s="6">
        <v>17</v>
      </c>
      <c r="U121" s="6">
        <v>8</v>
      </c>
      <c r="V121" s="6">
        <v>241</v>
      </c>
      <c r="W121" s="6">
        <v>11025</v>
      </c>
      <c r="X121" s="6">
        <v>516</v>
      </c>
      <c r="Y121" s="6">
        <v>487</v>
      </c>
      <c r="Z121" s="6">
        <v>5</v>
      </c>
      <c r="AA121" s="6">
        <v>8</v>
      </c>
      <c r="AB121" s="6">
        <v>16</v>
      </c>
    </row>
    <row r="122" spans="1:28">
      <c r="A122" s="9" t="s">
        <v>27</v>
      </c>
      <c r="B122" s="9" t="s">
        <v>57</v>
      </c>
      <c r="C122" s="9" t="s">
        <v>79</v>
      </c>
      <c r="D122" s="9" t="s">
        <v>77</v>
      </c>
      <c r="E122" s="9" t="s">
        <v>57</v>
      </c>
      <c r="F122" s="9" t="s">
        <v>79</v>
      </c>
      <c r="G122" s="9" t="s">
        <v>80</v>
      </c>
      <c r="H122" s="9" t="s">
        <v>104</v>
      </c>
      <c r="I122" s="9" t="s">
        <v>53</v>
      </c>
      <c r="J122" s="9" t="s">
        <v>49</v>
      </c>
      <c r="K122" s="6">
        <v>4412</v>
      </c>
      <c r="L122" s="6">
        <v>453</v>
      </c>
      <c r="M122" s="6">
        <v>414</v>
      </c>
      <c r="N122" s="6">
        <v>312</v>
      </c>
      <c r="O122" s="6">
        <v>30</v>
      </c>
      <c r="P122" s="10" t="s">
        <v>55</v>
      </c>
      <c r="Q122" s="6">
        <v>72</v>
      </c>
      <c r="R122" s="6">
        <v>39</v>
      </c>
      <c r="S122" s="6">
        <v>1960</v>
      </c>
      <c r="T122" s="6">
        <v>83</v>
      </c>
      <c r="U122" s="6">
        <v>1</v>
      </c>
      <c r="V122" s="6">
        <v>1876</v>
      </c>
      <c r="W122" s="6">
        <v>1999</v>
      </c>
      <c r="X122" s="6">
        <v>196</v>
      </c>
      <c r="Y122" s="6">
        <v>174</v>
      </c>
      <c r="Z122" s="6">
        <v>11</v>
      </c>
      <c r="AA122" s="10" t="s">
        <v>55</v>
      </c>
      <c r="AB122" s="6">
        <v>11</v>
      </c>
    </row>
    <row r="123" spans="1:28">
      <c r="A123" s="9" t="s">
        <v>27</v>
      </c>
      <c r="B123" s="9" t="s">
        <v>57</v>
      </c>
      <c r="C123" s="9" t="s">
        <v>79</v>
      </c>
      <c r="D123" s="9" t="s">
        <v>77</v>
      </c>
      <c r="E123" s="9" t="s">
        <v>57</v>
      </c>
      <c r="F123" s="9" t="s">
        <v>79</v>
      </c>
      <c r="G123" s="9" t="s">
        <v>80</v>
      </c>
      <c r="H123" s="9" t="s">
        <v>104</v>
      </c>
      <c r="I123" s="9" t="s">
        <v>53</v>
      </c>
      <c r="J123" s="9" t="s">
        <v>50</v>
      </c>
      <c r="K123" s="6">
        <v>2275</v>
      </c>
      <c r="L123" s="6">
        <v>115</v>
      </c>
      <c r="M123" s="6">
        <v>106</v>
      </c>
      <c r="N123" s="6">
        <v>65</v>
      </c>
      <c r="O123" s="6">
        <v>11</v>
      </c>
      <c r="P123" s="10" t="s">
        <v>55</v>
      </c>
      <c r="Q123" s="6">
        <v>30</v>
      </c>
      <c r="R123" s="6">
        <v>9</v>
      </c>
      <c r="S123" s="6">
        <v>1400</v>
      </c>
      <c r="T123" s="6">
        <v>50</v>
      </c>
      <c r="U123" s="6">
        <v>1</v>
      </c>
      <c r="V123" s="6">
        <v>1349</v>
      </c>
      <c r="W123" s="6">
        <v>760</v>
      </c>
      <c r="X123" s="6">
        <v>34</v>
      </c>
      <c r="Y123" s="6">
        <v>29</v>
      </c>
      <c r="Z123" s="6">
        <v>2</v>
      </c>
      <c r="AA123" s="10" t="s">
        <v>55</v>
      </c>
      <c r="AB123" s="6">
        <v>3</v>
      </c>
    </row>
    <row r="124" spans="1:28">
      <c r="A124" s="9" t="s">
        <v>27</v>
      </c>
      <c r="B124" s="9" t="s">
        <v>57</v>
      </c>
      <c r="C124" s="9" t="s">
        <v>79</v>
      </c>
      <c r="D124" s="9" t="s">
        <v>77</v>
      </c>
      <c r="E124" s="9" t="s">
        <v>57</v>
      </c>
      <c r="F124" s="9" t="s">
        <v>79</v>
      </c>
      <c r="G124" s="9" t="s">
        <v>80</v>
      </c>
      <c r="H124" s="9" t="s">
        <v>104</v>
      </c>
      <c r="I124" s="9" t="s">
        <v>53</v>
      </c>
      <c r="J124" s="9" t="s">
        <v>51</v>
      </c>
      <c r="K124" s="6">
        <v>1013</v>
      </c>
      <c r="L124" s="6">
        <v>16</v>
      </c>
      <c r="M124" s="6">
        <v>16</v>
      </c>
      <c r="N124" s="6">
        <v>10</v>
      </c>
      <c r="O124" s="6">
        <v>3</v>
      </c>
      <c r="P124" s="10" t="s">
        <v>55</v>
      </c>
      <c r="Q124" s="6">
        <v>3</v>
      </c>
      <c r="R124" s="10" t="s">
        <v>55</v>
      </c>
      <c r="S124" s="6">
        <v>774</v>
      </c>
      <c r="T124" s="6">
        <v>13</v>
      </c>
      <c r="U124" s="6">
        <v>1</v>
      </c>
      <c r="V124" s="6">
        <v>760</v>
      </c>
      <c r="W124" s="6">
        <v>223</v>
      </c>
      <c r="X124" s="6">
        <v>4</v>
      </c>
      <c r="Y124" s="6">
        <v>4</v>
      </c>
      <c r="Z124" s="10" t="s">
        <v>55</v>
      </c>
      <c r="AA124" s="10" t="s">
        <v>55</v>
      </c>
      <c r="AB124" s="10" t="s">
        <v>55</v>
      </c>
    </row>
    <row r="125" spans="1:28">
      <c r="A125" s="9" t="s">
        <v>27</v>
      </c>
      <c r="B125" s="9" t="s">
        <v>57</v>
      </c>
      <c r="C125" s="9" t="s">
        <v>79</v>
      </c>
      <c r="D125" s="9" t="s">
        <v>77</v>
      </c>
      <c r="E125" s="9" t="s">
        <v>57</v>
      </c>
      <c r="F125" s="9" t="s">
        <v>79</v>
      </c>
      <c r="G125" s="9" t="s">
        <v>80</v>
      </c>
      <c r="H125" s="9" t="s">
        <v>104</v>
      </c>
      <c r="I125" s="9" t="s">
        <v>53</v>
      </c>
      <c r="J125" s="9" t="s">
        <v>52</v>
      </c>
      <c r="K125" s="6">
        <v>13334</v>
      </c>
      <c r="L125" s="6">
        <v>1230</v>
      </c>
      <c r="M125" s="6">
        <v>1168</v>
      </c>
      <c r="N125" s="6">
        <v>1077</v>
      </c>
      <c r="O125" s="6">
        <v>20</v>
      </c>
      <c r="P125" s="6">
        <v>8</v>
      </c>
      <c r="Q125" s="6">
        <v>63</v>
      </c>
      <c r="R125" s="6">
        <v>62</v>
      </c>
      <c r="S125" s="6">
        <v>510</v>
      </c>
      <c r="T125" s="6">
        <v>32</v>
      </c>
      <c r="U125" s="6">
        <v>5</v>
      </c>
      <c r="V125" s="6">
        <v>473</v>
      </c>
      <c r="W125" s="6">
        <v>11594</v>
      </c>
      <c r="X125" s="6">
        <v>602</v>
      </c>
      <c r="Y125" s="6">
        <v>563</v>
      </c>
      <c r="Z125" s="6">
        <v>11</v>
      </c>
      <c r="AA125" s="6">
        <v>7</v>
      </c>
      <c r="AB125" s="6">
        <v>21</v>
      </c>
    </row>
    <row r="126" spans="1:28">
      <c r="A126" s="9" t="s">
        <v>27</v>
      </c>
      <c r="B126" s="9" t="s">
        <v>57</v>
      </c>
      <c r="C126" s="9" t="s">
        <v>79</v>
      </c>
      <c r="D126" s="9" t="s">
        <v>77</v>
      </c>
      <c r="E126" s="9" t="s">
        <v>57</v>
      </c>
      <c r="F126" s="9" t="s">
        <v>79</v>
      </c>
      <c r="G126" s="9" t="s">
        <v>80</v>
      </c>
      <c r="H126" s="9" t="s">
        <v>104</v>
      </c>
      <c r="I126" s="9" t="s">
        <v>54</v>
      </c>
      <c r="J126" s="9" t="s">
        <v>30</v>
      </c>
      <c r="K126" s="6">
        <v>17544</v>
      </c>
      <c r="L126" s="6">
        <v>1527</v>
      </c>
      <c r="M126" s="6">
        <v>1464</v>
      </c>
      <c r="N126" s="6">
        <v>1125</v>
      </c>
      <c r="O126" s="6">
        <v>249</v>
      </c>
      <c r="P126" s="6">
        <v>12</v>
      </c>
      <c r="Q126" s="6">
        <v>78</v>
      </c>
      <c r="R126" s="6">
        <v>63</v>
      </c>
      <c r="S126" s="6">
        <v>5568</v>
      </c>
      <c r="T126" s="6">
        <v>715</v>
      </c>
      <c r="U126" s="6">
        <v>16</v>
      </c>
      <c r="V126" s="6">
        <v>4837</v>
      </c>
      <c r="W126" s="6">
        <v>10449</v>
      </c>
      <c r="X126" s="6">
        <v>1048</v>
      </c>
      <c r="Y126" s="6">
        <v>848</v>
      </c>
      <c r="Z126" s="6">
        <v>154</v>
      </c>
      <c r="AA126" s="6">
        <v>10</v>
      </c>
      <c r="AB126" s="6">
        <v>36</v>
      </c>
    </row>
    <row r="127" spans="1:28">
      <c r="A127" s="9" t="s">
        <v>27</v>
      </c>
      <c r="B127" s="9" t="s">
        <v>57</v>
      </c>
      <c r="C127" s="9" t="s">
        <v>79</v>
      </c>
      <c r="D127" s="9" t="s">
        <v>77</v>
      </c>
      <c r="E127" s="9" t="s">
        <v>57</v>
      </c>
      <c r="F127" s="9" t="s">
        <v>79</v>
      </c>
      <c r="G127" s="9" t="s">
        <v>80</v>
      </c>
      <c r="H127" s="9" t="s">
        <v>104</v>
      </c>
      <c r="I127" s="9" t="s">
        <v>54</v>
      </c>
      <c r="J127" s="9" t="s">
        <v>31</v>
      </c>
      <c r="K127" s="6">
        <v>107</v>
      </c>
      <c r="L127" s="6">
        <v>14</v>
      </c>
      <c r="M127" s="6">
        <v>13</v>
      </c>
      <c r="N127" s="6">
        <v>10</v>
      </c>
      <c r="O127" s="10" t="s">
        <v>55</v>
      </c>
      <c r="P127" s="6">
        <v>3</v>
      </c>
      <c r="Q127" s="10" t="s">
        <v>55</v>
      </c>
      <c r="R127" s="6">
        <v>1</v>
      </c>
      <c r="S127" s="6">
        <v>7</v>
      </c>
      <c r="T127" s="10" t="s">
        <v>55</v>
      </c>
      <c r="U127" s="6">
        <v>6</v>
      </c>
      <c r="V127" s="6">
        <v>1</v>
      </c>
      <c r="W127" s="6">
        <v>86</v>
      </c>
      <c r="X127" s="6">
        <v>10</v>
      </c>
      <c r="Y127" s="6">
        <v>7</v>
      </c>
      <c r="Z127" s="10" t="s">
        <v>55</v>
      </c>
      <c r="AA127" s="6">
        <v>3</v>
      </c>
      <c r="AB127" s="10" t="s">
        <v>55</v>
      </c>
    </row>
    <row r="128" spans="1:28">
      <c r="A128" s="9" t="s">
        <v>27</v>
      </c>
      <c r="B128" s="9" t="s">
        <v>57</v>
      </c>
      <c r="C128" s="9" t="s">
        <v>79</v>
      </c>
      <c r="D128" s="9" t="s">
        <v>77</v>
      </c>
      <c r="E128" s="9" t="s">
        <v>57</v>
      </c>
      <c r="F128" s="9" t="s">
        <v>79</v>
      </c>
      <c r="G128" s="9" t="s">
        <v>80</v>
      </c>
      <c r="H128" s="9" t="s">
        <v>104</v>
      </c>
      <c r="I128" s="9" t="s">
        <v>54</v>
      </c>
      <c r="J128" s="9" t="s">
        <v>32</v>
      </c>
      <c r="K128" s="6">
        <v>886</v>
      </c>
      <c r="L128" s="6">
        <v>89</v>
      </c>
      <c r="M128" s="6">
        <v>89</v>
      </c>
      <c r="N128" s="6">
        <v>81</v>
      </c>
      <c r="O128" s="6">
        <v>1</v>
      </c>
      <c r="P128" s="6">
        <v>6</v>
      </c>
      <c r="Q128" s="6">
        <v>1</v>
      </c>
      <c r="R128" s="10" t="s">
        <v>55</v>
      </c>
      <c r="S128" s="6">
        <v>8</v>
      </c>
      <c r="T128" s="6">
        <v>1</v>
      </c>
      <c r="U128" s="6">
        <v>4</v>
      </c>
      <c r="V128" s="6">
        <v>3</v>
      </c>
      <c r="W128" s="6">
        <v>789</v>
      </c>
      <c r="X128" s="6">
        <v>50</v>
      </c>
      <c r="Y128" s="6">
        <v>44</v>
      </c>
      <c r="Z128" s="6">
        <v>1</v>
      </c>
      <c r="AA128" s="6">
        <v>5</v>
      </c>
      <c r="AB128" s="10" t="s">
        <v>55</v>
      </c>
    </row>
    <row r="129" spans="1:28">
      <c r="A129" s="9" t="s">
        <v>27</v>
      </c>
      <c r="B129" s="9" t="s">
        <v>57</v>
      </c>
      <c r="C129" s="9" t="s">
        <v>79</v>
      </c>
      <c r="D129" s="9" t="s">
        <v>77</v>
      </c>
      <c r="E129" s="9" t="s">
        <v>57</v>
      </c>
      <c r="F129" s="9" t="s">
        <v>79</v>
      </c>
      <c r="G129" s="9" t="s">
        <v>80</v>
      </c>
      <c r="H129" s="9" t="s">
        <v>104</v>
      </c>
      <c r="I129" s="9" t="s">
        <v>54</v>
      </c>
      <c r="J129" s="9" t="s">
        <v>33</v>
      </c>
      <c r="K129" s="6">
        <v>1108</v>
      </c>
      <c r="L129" s="6">
        <v>74</v>
      </c>
      <c r="M129" s="6">
        <v>73</v>
      </c>
      <c r="N129" s="6">
        <v>69</v>
      </c>
      <c r="O129" s="10" t="s">
        <v>55</v>
      </c>
      <c r="P129" s="6">
        <v>1</v>
      </c>
      <c r="Q129" s="6">
        <v>3</v>
      </c>
      <c r="R129" s="6">
        <v>1</v>
      </c>
      <c r="S129" s="6">
        <v>5</v>
      </c>
      <c r="T129" s="6">
        <v>1</v>
      </c>
      <c r="U129" s="6">
        <v>2</v>
      </c>
      <c r="V129" s="6">
        <v>2</v>
      </c>
      <c r="W129" s="6">
        <v>1029</v>
      </c>
      <c r="X129" s="6">
        <v>46</v>
      </c>
      <c r="Y129" s="6">
        <v>45</v>
      </c>
      <c r="Z129" s="10" t="s">
        <v>55</v>
      </c>
      <c r="AA129" s="6">
        <v>1</v>
      </c>
      <c r="AB129" s="10" t="s">
        <v>55</v>
      </c>
    </row>
    <row r="130" spans="1:28">
      <c r="A130" s="9" t="s">
        <v>27</v>
      </c>
      <c r="B130" s="9" t="s">
        <v>57</v>
      </c>
      <c r="C130" s="9" t="s">
        <v>79</v>
      </c>
      <c r="D130" s="9" t="s">
        <v>77</v>
      </c>
      <c r="E130" s="9" t="s">
        <v>57</v>
      </c>
      <c r="F130" s="9" t="s">
        <v>79</v>
      </c>
      <c r="G130" s="9" t="s">
        <v>80</v>
      </c>
      <c r="H130" s="9" t="s">
        <v>104</v>
      </c>
      <c r="I130" s="9" t="s">
        <v>54</v>
      </c>
      <c r="J130" s="9" t="s">
        <v>34</v>
      </c>
      <c r="K130" s="6">
        <v>901</v>
      </c>
      <c r="L130" s="6">
        <v>58</v>
      </c>
      <c r="M130" s="6">
        <v>56</v>
      </c>
      <c r="N130" s="6">
        <v>53</v>
      </c>
      <c r="O130" s="6">
        <v>2</v>
      </c>
      <c r="P130" s="10" t="s">
        <v>55</v>
      </c>
      <c r="Q130" s="6">
        <v>1</v>
      </c>
      <c r="R130" s="6">
        <v>2</v>
      </c>
      <c r="S130" s="6">
        <v>13</v>
      </c>
      <c r="T130" s="6">
        <v>4</v>
      </c>
      <c r="U130" s="6">
        <v>1</v>
      </c>
      <c r="V130" s="6">
        <v>8</v>
      </c>
      <c r="W130" s="6">
        <v>830</v>
      </c>
      <c r="X130" s="6">
        <v>36</v>
      </c>
      <c r="Y130" s="6">
        <v>34</v>
      </c>
      <c r="Z130" s="6">
        <v>1</v>
      </c>
      <c r="AA130" s="10" t="s">
        <v>55</v>
      </c>
      <c r="AB130" s="6">
        <v>1</v>
      </c>
    </row>
    <row r="131" spans="1:28">
      <c r="A131" s="9" t="s">
        <v>27</v>
      </c>
      <c r="B131" s="9" t="s">
        <v>57</v>
      </c>
      <c r="C131" s="9" t="s">
        <v>79</v>
      </c>
      <c r="D131" s="9" t="s">
        <v>77</v>
      </c>
      <c r="E131" s="9" t="s">
        <v>57</v>
      </c>
      <c r="F131" s="9" t="s">
        <v>79</v>
      </c>
      <c r="G131" s="9" t="s">
        <v>80</v>
      </c>
      <c r="H131" s="9" t="s">
        <v>104</v>
      </c>
      <c r="I131" s="9" t="s">
        <v>54</v>
      </c>
      <c r="J131" s="9" t="s">
        <v>35</v>
      </c>
      <c r="K131" s="6">
        <v>957</v>
      </c>
      <c r="L131" s="6">
        <v>78</v>
      </c>
      <c r="M131" s="6">
        <v>74</v>
      </c>
      <c r="N131" s="6">
        <v>67</v>
      </c>
      <c r="O131" s="6">
        <v>6</v>
      </c>
      <c r="P131" s="10" t="s">
        <v>55</v>
      </c>
      <c r="Q131" s="6">
        <v>1</v>
      </c>
      <c r="R131" s="6">
        <v>4</v>
      </c>
      <c r="S131" s="6">
        <v>23</v>
      </c>
      <c r="T131" s="6">
        <v>7</v>
      </c>
      <c r="U131" s="6">
        <v>1</v>
      </c>
      <c r="V131" s="6">
        <v>15</v>
      </c>
      <c r="W131" s="6">
        <v>856</v>
      </c>
      <c r="X131" s="6">
        <v>56</v>
      </c>
      <c r="Y131" s="6">
        <v>51</v>
      </c>
      <c r="Z131" s="6">
        <v>4</v>
      </c>
      <c r="AA131" s="10" t="s">
        <v>55</v>
      </c>
      <c r="AB131" s="6">
        <v>1</v>
      </c>
    </row>
    <row r="132" spans="1:28">
      <c r="A132" s="9" t="s">
        <v>27</v>
      </c>
      <c r="B132" s="9" t="s">
        <v>57</v>
      </c>
      <c r="C132" s="9" t="s">
        <v>79</v>
      </c>
      <c r="D132" s="9" t="s">
        <v>77</v>
      </c>
      <c r="E132" s="9" t="s">
        <v>57</v>
      </c>
      <c r="F132" s="9" t="s">
        <v>79</v>
      </c>
      <c r="G132" s="9" t="s">
        <v>80</v>
      </c>
      <c r="H132" s="9" t="s">
        <v>104</v>
      </c>
      <c r="I132" s="9" t="s">
        <v>54</v>
      </c>
      <c r="J132" s="9" t="s">
        <v>36</v>
      </c>
      <c r="K132" s="6">
        <v>1056</v>
      </c>
      <c r="L132" s="6">
        <v>100</v>
      </c>
      <c r="M132" s="6">
        <v>94</v>
      </c>
      <c r="N132" s="6">
        <v>84</v>
      </c>
      <c r="O132" s="6">
        <v>7</v>
      </c>
      <c r="P132" s="10" t="s">
        <v>55</v>
      </c>
      <c r="Q132" s="6">
        <v>3</v>
      </c>
      <c r="R132" s="6">
        <v>6</v>
      </c>
      <c r="S132" s="6">
        <v>11</v>
      </c>
      <c r="T132" s="6">
        <v>2</v>
      </c>
      <c r="U132" s="10" t="s">
        <v>55</v>
      </c>
      <c r="V132" s="6">
        <v>9</v>
      </c>
      <c r="W132" s="6">
        <v>945</v>
      </c>
      <c r="X132" s="6">
        <v>79</v>
      </c>
      <c r="Y132" s="6">
        <v>71</v>
      </c>
      <c r="Z132" s="6">
        <v>5</v>
      </c>
      <c r="AA132" s="10" t="s">
        <v>55</v>
      </c>
      <c r="AB132" s="6">
        <v>3</v>
      </c>
    </row>
    <row r="133" spans="1:28">
      <c r="A133" s="9" t="s">
        <v>27</v>
      </c>
      <c r="B133" s="9" t="s">
        <v>57</v>
      </c>
      <c r="C133" s="9" t="s">
        <v>79</v>
      </c>
      <c r="D133" s="9" t="s">
        <v>77</v>
      </c>
      <c r="E133" s="9" t="s">
        <v>57</v>
      </c>
      <c r="F133" s="9" t="s">
        <v>79</v>
      </c>
      <c r="G133" s="9" t="s">
        <v>80</v>
      </c>
      <c r="H133" s="9" t="s">
        <v>104</v>
      </c>
      <c r="I133" s="9" t="s">
        <v>54</v>
      </c>
      <c r="J133" s="9" t="s">
        <v>37</v>
      </c>
      <c r="K133" s="6">
        <v>1115</v>
      </c>
      <c r="L133" s="6">
        <v>136</v>
      </c>
      <c r="M133" s="6">
        <v>120</v>
      </c>
      <c r="N133" s="6">
        <v>108</v>
      </c>
      <c r="O133" s="6">
        <v>9</v>
      </c>
      <c r="P133" s="10" t="s">
        <v>55</v>
      </c>
      <c r="Q133" s="6">
        <v>3</v>
      </c>
      <c r="R133" s="6">
        <v>16</v>
      </c>
      <c r="S133" s="6">
        <v>23</v>
      </c>
      <c r="T133" s="6">
        <v>7</v>
      </c>
      <c r="U133" s="10" t="s">
        <v>55</v>
      </c>
      <c r="V133" s="6">
        <v>16</v>
      </c>
      <c r="W133" s="6">
        <v>956</v>
      </c>
      <c r="X133" s="6">
        <v>103</v>
      </c>
      <c r="Y133" s="6">
        <v>92</v>
      </c>
      <c r="Z133" s="6">
        <v>9</v>
      </c>
      <c r="AA133" s="10" t="s">
        <v>55</v>
      </c>
      <c r="AB133" s="6">
        <v>2</v>
      </c>
    </row>
    <row r="134" spans="1:28">
      <c r="A134" s="9" t="s">
        <v>27</v>
      </c>
      <c r="B134" s="9" t="s">
        <v>57</v>
      </c>
      <c r="C134" s="9" t="s">
        <v>79</v>
      </c>
      <c r="D134" s="9" t="s">
        <v>77</v>
      </c>
      <c r="E134" s="9" t="s">
        <v>57</v>
      </c>
      <c r="F134" s="9" t="s">
        <v>79</v>
      </c>
      <c r="G134" s="9" t="s">
        <v>80</v>
      </c>
      <c r="H134" s="9" t="s">
        <v>104</v>
      </c>
      <c r="I134" s="9" t="s">
        <v>54</v>
      </c>
      <c r="J134" s="9" t="s">
        <v>38</v>
      </c>
      <c r="K134" s="6">
        <v>869</v>
      </c>
      <c r="L134" s="6">
        <v>129</v>
      </c>
      <c r="M134" s="6">
        <v>118</v>
      </c>
      <c r="N134" s="6">
        <v>92</v>
      </c>
      <c r="O134" s="6">
        <v>22</v>
      </c>
      <c r="P134" s="10" t="s">
        <v>55</v>
      </c>
      <c r="Q134" s="6">
        <v>4</v>
      </c>
      <c r="R134" s="6">
        <v>11</v>
      </c>
      <c r="S134" s="6">
        <v>42</v>
      </c>
      <c r="T134" s="6">
        <v>8</v>
      </c>
      <c r="U134" s="6">
        <v>1</v>
      </c>
      <c r="V134" s="6">
        <v>33</v>
      </c>
      <c r="W134" s="6">
        <v>698</v>
      </c>
      <c r="X134" s="6">
        <v>97</v>
      </c>
      <c r="Y134" s="6">
        <v>75</v>
      </c>
      <c r="Z134" s="6">
        <v>19</v>
      </c>
      <c r="AA134" s="10" t="s">
        <v>55</v>
      </c>
      <c r="AB134" s="6">
        <v>3</v>
      </c>
    </row>
    <row r="135" spans="1:28">
      <c r="A135" s="9" t="s">
        <v>27</v>
      </c>
      <c r="B135" s="9" t="s">
        <v>57</v>
      </c>
      <c r="C135" s="9" t="s">
        <v>79</v>
      </c>
      <c r="D135" s="9" t="s">
        <v>77</v>
      </c>
      <c r="E135" s="9" t="s">
        <v>57</v>
      </c>
      <c r="F135" s="9" t="s">
        <v>79</v>
      </c>
      <c r="G135" s="9" t="s">
        <v>80</v>
      </c>
      <c r="H135" s="9" t="s">
        <v>104</v>
      </c>
      <c r="I135" s="9" t="s">
        <v>54</v>
      </c>
      <c r="J135" s="9" t="s">
        <v>39</v>
      </c>
      <c r="K135" s="6">
        <v>808</v>
      </c>
      <c r="L135" s="6">
        <v>114</v>
      </c>
      <c r="M135" s="6">
        <v>107</v>
      </c>
      <c r="N135" s="6">
        <v>91</v>
      </c>
      <c r="O135" s="6">
        <v>12</v>
      </c>
      <c r="P135" s="10" t="s">
        <v>55</v>
      </c>
      <c r="Q135" s="6">
        <v>4</v>
      </c>
      <c r="R135" s="6">
        <v>7</v>
      </c>
      <c r="S135" s="6">
        <v>48</v>
      </c>
      <c r="T135" s="6">
        <v>15</v>
      </c>
      <c r="U135" s="10" t="s">
        <v>55</v>
      </c>
      <c r="V135" s="6">
        <v>33</v>
      </c>
      <c r="W135" s="6">
        <v>646</v>
      </c>
      <c r="X135" s="6">
        <v>91</v>
      </c>
      <c r="Y135" s="6">
        <v>79</v>
      </c>
      <c r="Z135" s="6">
        <v>9</v>
      </c>
      <c r="AA135" s="10" t="s">
        <v>55</v>
      </c>
      <c r="AB135" s="6">
        <v>3</v>
      </c>
    </row>
    <row r="136" spans="1:28">
      <c r="A136" s="9" t="s">
        <v>27</v>
      </c>
      <c r="B136" s="9" t="s">
        <v>57</v>
      </c>
      <c r="C136" s="9" t="s">
        <v>79</v>
      </c>
      <c r="D136" s="9" t="s">
        <v>77</v>
      </c>
      <c r="E136" s="9" t="s">
        <v>57</v>
      </c>
      <c r="F136" s="9" t="s">
        <v>79</v>
      </c>
      <c r="G136" s="9" t="s">
        <v>80</v>
      </c>
      <c r="H136" s="9" t="s">
        <v>104</v>
      </c>
      <c r="I136" s="9" t="s">
        <v>54</v>
      </c>
      <c r="J136" s="9" t="s">
        <v>40</v>
      </c>
      <c r="K136" s="6">
        <v>765</v>
      </c>
      <c r="L136" s="6">
        <v>180</v>
      </c>
      <c r="M136" s="6">
        <v>176</v>
      </c>
      <c r="N136" s="6">
        <v>153</v>
      </c>
      <c r="O136" s="6">
        <v>17</v>
      </c>
      <c r="P136" s="10" t="s">
        <v>55</v>
      </c>
      <c r="Q136" s="6">
        <v>6</v>
      </c>
      <c r="R136" s="6">
        <v>4</v>
      </c>
      <c r="S136" s="6">
        <v>107</v>
      </c>
      <c r="T136" s="6">
        <v>34</v>
      </c>
      <c r="U136" s="10" t="s">
        <v>55</v>
      </c>
      <c r="V136" s="6">
        <v>73</v>
      </c>
      <c r="W136" s="6">
        <v>478</v>
      </c>
      <c r="X136" s="6">
        <v>147</v>
      </c>
      <c r="Y136" s="6">
        <v>129</v>
      </c>
      <c r="Z136" s="6">
        <v>13</v>
      </c>
      <c r="AA136" s="10" t="s">
        <v>55</v>
      </c>
      <c r="AB136" s="6">
        <v>5</v>
      </c>
    </row>
    <row r="137" spans="1:28">
      <c r="A137" s="9" t="s">
        <v>27</v>
      </c>
      <c r="B137" s="9" t="s">
        <v>57</v>
      </c>
      <c r="C137" s="9" t="s">
        <v>79</v>
      </c>
      <c r="D137" s="9" t="s">
        <v>77</v>
      </c>
      <c r="E137" s="9" t="s">
        <v>57</v>
      </c>
      <c r="F137" s="9" t="s">
        <v>79</v>
      </c>
      <c r="G137" s="9" t="s">
        <v>80</v>
      </c>
      <c r="H137" s="9" t="s">
        <v>104</v>
      </c>
      <c r="I137" s="9" t="s">
        <v>54</v>
      </c>
      <c r="J137" s="9" t="s">
        <v>41</v>
      </c>
      <c r="K137" s="6">
        <v>869</v>
      </c>
      <c r="L137" s="6">
        <v>191</v>
      </c>
      <c r="M137" s="6">
        <v>186</v>
      </c>
      <c r="N137" s="6">
        <v>123</v>
      </c>
      <c r="O137" s="6">
        <v>44</v>
      </c>
      <c r="P137" s="6">
        <v>1</v>
      </c>
      <c r="Q137" s="6">
        <v>18</v>
      </c>
      <c r="R137" s="6">
        <v>5</v>
      </c>
      <c r="S137" s="6">
        <v>227</v>
      </c>
      <c r="T137" s="6">
        <v>75</v>
      </c>
      <c r="U137" s="10" t="s">
        <v>55</v>
      </c>
      <c r="V137" s="6">
        <v>152</v>
      </c>
      <c r="W137" s="6">
        <v>451</v>
      </c>
      <c r="X137" s="6">
        <v>147</v>
      </c>
      <c r="Y137" s="6">
        <v>100</v>
      </c>
      <c r="Z137" s="6">
        <v>37</v>
      </c>
      <c r="AA137" s="6">
        <v>1</v>
      </c>
      <c r="AB137" s="6">
        <v>9</v>
      </c>
    </row>
    <row r="138" spans="1:28">
      <c r="A138" s="9" t="s">
        <v>27</v>
      </c>
      <c r="B138" s="9" t="s">
        <v>57</v>
      </c>
      <c r="C138" s="9" t="s">
        <v>79</v>
      </c>
      <c r="D138" s="9" t="s">
        <v>77</v>
      </c>
      <c r="E138" s="9" t="s">
        <v>57</v>
      </c>
      <c r="F138" s="9" t="s">
        <v>79</v>
      </c>
      <c r="G138" s="9" t="s">
        <v>80</v>
      </c>
      <c r="H138" s="9" t="s">
        <v>104</v>
      </c>
      <c r="I138" s="9" t="s">
        <v>54</v>
      </c>
      <c r="J138" s="9" t="s">
        <v>42</v>
      </c>
      <c r="K138" s="6">
        <v>1124</v>
      </c>
      <c r="L138" s="6">
        <v>169</v>
      </c>
      <c r="M138" s="6">
        <v>167</v>
      </c>
      <c r="N138" s="6">
        <v>114</v>
      </c>
      <c r="O138" s="6">
        <v>47</v>
      </c>
      <c r="P138" s="10" t="s">
        <v>55</v>
      </c>
      <c r="Q138" s="6">
        <v>6</v>
      </c>
      <c r="R138" s="6">
        <v>2</v>
      </c>
      <c r="S138" s="6">
        <v>404</v>
      </c>
      <c r="T138" s="6">
        <v>130</v>
      </c>
      <c r="U138" s="6">
        <v>1</v>
      </c>
      <c r="V138" s="6">
        <v>273</v>
      </c>
      <c r="W138" s="6">
        <v>551</v>
      </c>
      <c r="X138" s="6">
        <v>118</v>
      </c>
      <c r="Y138" s="6">
        <v>87</v>
      </c>
      <c r="Z138" s="6">
        <v>28</v>
      </c>
      <c r="AA138" s="10" t="s">
        <v>55</v>
      </c>
      <c r="AB138" s="6">
        <v>3</v>
      </c>
    </row>
    <row r="139" spans="1:28">
      <c r="A139" s="9" t="s">
        <v>27</v>
      </c>
      <c r="B139" s="9" t="s">
        <v>57</v>
      </c>
      <c r="C139" s="9" t="s">
        <v>79</v>
      </c>
      <c r="D139" s="9" t="s">
        <v>77</v>
      </c>
      <c r="E139" s="9" t="s">
        <v>57</v>
      </c>
      <c r="F139" s="9" t="s">
        <v>79</v>
      </c>
      <c r="G139" s="9" t="s">
        <v>80</v>
      </c>
      <c r="H139" s="9" t="s">
        <v>104</v>
      </c>
      <c r="I139" s="9" t="s">
        <v>54</v>
      </c>
      <c r="J139" s="9" t="s">
        <v>43</v>
      </c>
      <c r="K139" s="6">
        <v>1208</v>
      </c>
      <c r="L139" s="6">
        <v>95</v>
      </c>
      <c r="M139" s="6">
        <v>93</v>
      </c>
      <c r="N139" s="6">
        <v>45</v>
      </c>
      <c r="O139" s="6">
        <v>39</v>
      </c>
      <c r="P139" s="10" t="s">
        <v>55</v>
      </c>
      <c r="Q139" s="6">
        <v>9</v>
      </c>
      <c r="R139" s="6">
        <v>2</v>
      </c>
      <c r="S139" s="6">
        <v>567</v>
      </c>
      <c r="T139" s="6">
        <v>148</v>
      </c>
      <c r="U139" s="10" t="s">
        <v>55</v>
      </c>
      <c r="V139" s="6">
        <v>419</v>
      </c>
      <c r="W139" s="6">
        <v>546</v>
      </c>
      <c r="X139" s="6">
        <v>45</v>
      </c>
      <c r="Y139" s="6">
        <v>24</v>
      </c>
      <c r="Z139" s="6">
        <v>17</v>
      </c>
      <c r="AA139" s="10" t="s">
        <v>55</v>
      </c>
      <c r="AB139" s="6">
        <v>4</v>
      </c>
    </row>
    <row r="140" spans="1:28">
      <c r="A140" s="9" t="s">
        <v>27</v>
      </c>
      <c r="B140" s="9" t="s">
        <v>57</v>
      </c>
      <c r="C140" s="9" t="s">
        <v>79</v>
      </c>
      <c r="D140" s="9" t="s">
        <v>77</v>
      </c>
      <c r="E140" s="9" t="s">
        <v>57</v>
      </c>
      <c r="F140" s="9" t="s">
        <v>79</v>
      </c>
      <c r="G140" s="9" t="s">
        <v>80</v>
      </c>
      <c r="H140" s="9" t="s">
        <v>104</v>
      </c>
      <c r="I140" s="9" t="s">
        <v>54</v>
      </c>
      <c r="J140" s="9" t="s">
        <v>44</v>
      </c>
      <c r="K140" s="6">
        <v>1619</v>
      </c>
      <c r="L140" s="6">
        <v>50</v>
      </c>
      <c r="M140" s="6">
        <v>49</v>
      </c>
      <c r="N140" s="6">
        <v>20</v>
      </c>
      <c r="O140" s="6">
        <v>21</v>
      </c>
      <c r="P140" s="10" t="s">
        <v>55</v>
      </c>
      <c r="Q140" s="6">
        <v>8</v>
      </c>
      <c r="R140" s="6">
        <v>1</v>
      </c>
      <c r="S140" s="6">
        <v>894</v>
      </c>
      <c r="T140" s="6">
        <v>138</v>
      </c>
      <c r="U140" s="10" t="s">
        <v>55</v>
      </c>
      <c r="V140" s="6">
        <v>756</v>
      </c>
      <c r="W140" s="6">
        <v>675</v>
      </c>
      <c r="X140" s="6">
        <v>15</v>
      </c>
      <c r="Y140" s="6">
        <v>7</v>
      </c>
      <c r="Z140" s="6">
        <v>7</v>
      </c>
      <c r="AA140" s="10" t="s">
        <v>55</v>
      </c>
      <c r="AB140" s="6">
        <v>1</v>
      </c>
    </row>
    <row r="141" spans="1:28">
      <c r="A141" s="9" t="s">
        <v>27</v>
      </c>
      <c r="B141" s="9" t="s">
        <v>57</v>
      </c>
      <c r="C141" s="9" t="s">
        <v>79</v>
      </c>
      <c r="D141" s="9" t="s">
        <v>77</v>
      </c>
      <c r="E141" s="9" t="s">
        <v>57</v>
      </c>
      <c r="F141" s="9" t="s">
        <v>79</v>
      </c>
      <c r="G141" s="9" t="s">
        <v>80</v>
      </c>
      <c r="H141" s="9" t="s">
        <v>104</v>
      </c>
      <c r="I141" s="9" t="s">
        <v>54</v>
      </c>
      <c r="J141" s="9" t="s">
        <v>45</v>
      </c>
      <c r="K141" s="6">
        <v>1864</v>
      </c>
      <c r="L141" s="6">
        <v>30</v>
      </c>
      <c r="M141" s="6">
        <v>30</v>
      </c>
      <c r="N141" s="6">
        <v>11</v>
      </c>
      <c r="O141" s="6">
        <v>11</v>
      </c>
      <c r="P141" s="6">
        <v>1</v>
      </c>
      <c r="Q141" s="6">
        <v>7</v>
      </c>
      <c r="R141" s="10" t="s">
        <v>55</v>
      </c>
      <c r="S141" s="6">
        <v>1283</v>
      </c>
      <c r="T141" s="6">
        <v>105</v>
      </c>
      <c r="U141" s="10" t="s">
        <v>55</v>
      </c>
      <c r="V141" s="6">
        <v>1178</v>
      </c>
      <c r="W141" s="6">
        <v>551</v>
      </c>
      <c r="X141" s="6">
        <v>7</v>
      </c>
      <c r="Y141" s="6">
        <v>3</v>
      </c>
      <c r="Z141" s="6">
        <v>3</v>
      </c>
      <c r="AA141" s="10" t="s">
        <v>55</v>
      </c>
      <c r="AB141" s="6">
        <v>1</v>
      </c>
    </row>
    <row r="142" spans="1:28">
      <c r="A142" s="9" t="s">
        <v>27</v>
      </c>
      <c r="B142" s="9" t="s">
        <v>57</v>
      </c>
      <c r="C142" s="9" t="s">
        <v>79</v>
      </c>
      <c r="D142" s="9" t="s">
        <v>77</v>
      </c>
      <c r="E142" s="9" t="s">
        <v>57</v>
      </c>
      <c r="F142" s="9" t="s">
        <v>79</v>
      </c>
      <c r="G142" s="9" t="s">
        <v>80</v>
      </c>
      <c r="H142" s="9" t="s">
        <v>104</v>
      </c>
      <c r="I142" s="9" t="s">
        <v>54</v>
      </c>
      <c r="J142" s="9" t="s">
        <v>46</v>
      </c>
      <c r="K142" s="6">
        <v>1533</v>
      </c>
      <c r="L142" s="6">
        <v>13</v>
      </c>
      <c r="M142" s="6">
        <v>12</v>
      </c>
      <c r="N142" s="6">
        <v>2</v>
      </c>
      <c r="O142" s="6">
        <v>8</v>
      </c>
      <c r="P142" s="10" t="s">
        <v>55</v>
      </c>
      <c r="Q142" s="6">
        <v>2</v>
      </c>
      <c r="R142" s="6">
        <v>1</v>
      </c>
      <c r="S142" s="6">
        <v>1220</v>
      </c>
      <c r="T142" s="6">
        <v>35</v>
      </c>
      <c r="U142" s="10" t="s">
        <v>55</v>
      </c>
      <c r="V142" s="6">
        <v>1185</v>
      </c>
      <c r="W142" s="6">
        <v>300</v>
      </c>
      <c r="X142" s="6">
        <v>1</v>
      </c>
      <c r="Y142" s="10" t="s">
        <v>55</v>
      </c>
      <c r="Z142" s="6">
        <v>1</v>
      </c>
      <c r="AA142" s="10" t="s">
        <v>55</v>
      </c>
      <c r="AB142" s="10" t="s">
        <v>55</v>
      </c>
    </row>
    <row r="143" spans="1:28">
      <c r="A143" s="9" t="s">
        <v>27</v>
      </c>
      <c r="B143" s="9" t="s">
        <v>57</v>
      </c>
      <c r="C143" s="9" t="s">
        <v>79</v>
      </c>
      <c r="D143" s="9" t="s">
        <v>77</v>
      </c>
      <c r="E143" s="9" t="s">
        <v>57</v>
      </c>
      <c r="F143" s="9" t="s">
        <v>79</v>
      </c>
      <c r="G143" s="9" t="s">
        <v>80</v>
      </c>
      <c r="H143" s="9" t="s">
        <v>104</v>
      </c>
      <c r="I143" s="9" t="s">
        <v>54</v>
      </c>
      <c r="J143" s="9" t="s">
        <v>47</v>
      </c>
      <c r="K143" s="6">
        <v>755</v>
      </c>
      <c r="L143" s="6">
        <v>7</v>
      </c>
      <c r="M143" s="6">
        <v>7</v>
      </c>
      <c r="N143" s="6">
        <v>2</v>
      </c>
      <c r="O143" s="6">
        <v>3</v>
      </c>
      <c r="P143" s="10" t="s">
        <v>55</v>
      </c>
      <c r="Q143" s="6">
        <v>2</v>
      </c>
      <c r="R143" s="10" t="s">
        <v>55</v>
      </c>
      <c r="S143" s="6">
        <v>686</v>
      </c>
      <c r="T143" s="6">
        <v>5</v>
      </c>
      <c r="U143" s="10" t="s">
        <v>55</v>
      </c>
      <c r="V143" s="6">
        <v>681</v>
      </c>
      <c r="W143" s="6">
        <v>62</v>
      </c>
      <c r="X143" s="10" t="s">
        <v>55</v>
      </c>
      <c r="Y143" s="10" t="s">
        <v>55</v>
      </c>
      <c r="Z143" s="10" t="s">
        <v>55</v>
      </c>
      <c r="AA143" s="10" t="s">
        <v>55</v>
      </c>
      <c r="AB143" s="10" t="s">
        <v>55</v>
      </c>
    </row>
    <row r="144" spans="1:28">
      <c r="A144" s="9" t="s">
        <v>27</v>
      </c>
      <c r="B144" s="9" t="s">
        <v>57</v>
      </c>
      <c r="C144" s="9" t="s">
        <v>79</v>
      </c>
      <c r="D144" s="9" t="s">
        <v>77</v>
      </c>
      <c r="E144" s="9" t="s">
        <v>57</v>
      </c>
      <c r="F144" s="9" t="s">
        <v>79</v>
      </c>
      <c r="G144" s="9" t="s">
        <v>80</v>
      </c>
      <c r="H144" s="9" t="s">
        <v>104</v>
      </c>
      <c r="I144" s="9" t="s">
        <v>54</v>
      </c>
      <c r="J144" s="9" t="s">
        <v>48</v>
      </c>
      <c r="K144" s="6">
        <v>8572</v>
      </c>
      <c r="L144" s="6">
        <v>972</v>
      </c>
      <c r="M144" s="6">
        <v>920</v>
      </c>
      <c r="N144" s="6">
        <v>808</v>
      </c>
      <c r="O144" s="6">
        <v>76</v>
      </c>
      <c r="P144" s="6">
        <v>10</v>
      </c>
      <c r="Q144" s="6">
        <v>26</v>
      </c>
      <c r="R144" s="6">
        <v>52</v>
      </c>
      <c r="S144" s="6">
        <v>287</v>
      </c>
      <c r="T144" s="6">
        <v>79</v>
      </c>
      <c r="U144" s="6">
        <v>15</v>
      </c>
      <c r="V144" s="6">
        <v>193</v>
      </c>
      <c r="W144" s="6">
        <v>7313</v>
      </c>
      <c r="X144" s="6">
        <v>715</v>
      </c>
      <c r="Y144" s="6">
        <v>627</v>
      </c>
      <c r="Z144" s="6">
        <v>61</v>
      </c>
      <c r="AA144" s="6">
        <v>9</v>
      </c>
      <c r="AB144" s="6">
        <v>18</v>
      </c>
    </row>
    <row r="145" spans="1:28">
      <c r="A145" s="9" t="s">
        <v>27</v>
      </c>
      <c r="B145" s="9" t="s">
        <v>57</v>
      </c>
      <c r="C145" s="9" t="s">
        <v>79</v>
      </c>
      <c r="D145" s="9" t="s">
        <v>77</v>
      </c>
      <c r="E145" s="9" t="s">
        <v>57</v>
      </c>
      <c r="F145" s="9" t="s">
        <v>79</v>
      </c>
      <c r="G145" s="9" t="s">
        <v>80</v>
      </c>
      <c r="H145" s="9" t="s">
        <v>104</v>
      </c>
      <c r="I145" s="9" t="s">
        <v>54</v>
      </c>
      <c r="J145" s="9" t="s">
        <v>49</v>
      </c>
      <c r="K145" s="6">
        <v>8972</v>
      </c>
      <c r="L145" s="6">
        <v>555</v>
      </c>
      <c r="M145" s="6">
        <v>544</v>
      </c>
      <c r="N145" s="6">
        <v>317</v>
      </c>
      <c r="O145" s="6">
        <v>173</v>
      </c>
      <c r="P145" s="6">
        <v>2</v>
      </c>
      <c r="Q145" s="6">
        <v>52</v>
      </c>
      <c r="R145" s="6">
        <v>11</v>
      </c>
      <c r="S145" s="6">
        <v>5281</v>
      </c>
      <c r="T145" s="6">
        <v>636</v>
      </c>
      <c r="U145" s="6">
        <v>1</v>
      </c>
      <c r="V145" s="6">
        <v>4644</v>
      </c>
      <c r="W145" s="6">
        <v>3136</v>
      </c>
      <c r="X145" s="6">
        <v>333</v>
      </c>
      <c r="Y145" s="6">
        <v>221</v>
      </c>
      <c r="Z145" s="6">
        <v>93</v>
      </c>
      <c r="AA145" s="6">
        <v>1</v>
      </c>
      <c r="AB145" s="6">
        <v>18</v>
      </c>
    </row>
    <row r="146" spans="1:28">
      <c r="A146" s="9" t="s">
        <v>27</v>
      </c>
      <c r="B146" s="9" t="s">
        <v>57</v>
      </c>
      <c r="C146" s="9" t="s">
        <v>79</v>
      </c>
      <c r="D146" s="9" t="s">
        <v>77</v>
      </c>
      <c r="E146" s="9" t="s">
        <v>57</v>
      </c>
      <c r="F146" s="9" t="s">
        <v>79</v>
      </c>
      <c r="G146" s="9" t="s">
        <v>80</v>
      </c>
      <c r="H146" s="9" t="s">
        <v>104</v>
      </c>
      <c r="I146" s="9" t="s">
        <v>54</v>
      </c>
      <c r="J146" s="9" t="s">
        <v>50</v>
      </c>
      <c r="K146" s="6">
        <v>6979</v>
      </c>
      <c r="L146" s="6">
        <v>195</v>
      </c>
      <c r="M146" s="6">
        <v>191</v>
      </c>
      <c r="N146" s="6">
        <v>80</v>
      </c>
      <c r="O146" s="6">
        <v>82</v>
      </c>
      <c r="P146" s="6">
        <v>1</v>
      </c>
      <c r="Q146" s="6">
        <v>28</v>
      </c>
      <c r="R146" s="6">
        <v>4</v>
      </c>
      <c r="S146" s="6">
        <v>4650</v>
      </c>
      <c r="T146" s="6">
        <v>431</v>
      </c>
      <c r="U146" s="10" t="s">
        <v>55</v>
      </c>
      <c r="V146" s="6">
        <v>4219</v>
      </c>
      <c r="W146" s="6">
        <v>2134</v>
      </c>
      <c r="X146" s="6">
        <v>68</v>
      </c>
      <c r="Y146" s="6">
        <v>34</v>
      </c>
      <c r="Z146" s="6">
        <v>28</v>
      </c>
      <c r="AA146" s="10" t="s">
        <v>55</v>
      </c>
      <c r="AB146" s="6">
        <v>6</v>
      </c>
    </row>
    <row r="147" spans="1:28">
      <c r="A147" s="9" t="s">
        <v>27</v>
      </c>
      <c r="B147" s="9" t="s">
        <v>57</v>
      </c>
      <c r="C147" s="9" t="s">
        <v>79</v>
      </c>
      <c r="D147" s="9" t="s">
        <v>77</v>
      </c>
      <c r="E147" s="9" t="s">
        <v>57</v>
      </c>
      <c r="F147" s="9" t="s">
        <v>79</v>
      </c>
      <c r="G147" s="9" t="s">
        <v>80</v>
      </c>
      <c r="H147" s="9" t="s">
        <v>104</v>
      </c>
      <c r="I147" s="9" t="s">
        <v>54</v>
      </c>
      <c r="J147" s="9" t="s">
        <v>51</v>
      </c>
      <c r="K147" s="6">
        <v>4152</v>
      </c>
      <c r="L147" s="6">
        <v>50</v>
      </c>
      <c r="M147" s="6">
        <v>49</v>
      </c>
      <c r="N147" s="6">
        <v>15</v>
      </c>
      <c r="O147" s="6">
        <v>22</v>
      </c>
      <c r="P147" s="6">
        <v>1</v>
      </c>
      <c r="Q147" s="6">
        <v>11</v>
      </c>
      <c r="R147" s="6">
        <v>1</v>
      </c>
      <c r="S147" s="6">
        <v>3189</v>
      </c>
      <c r="T147" s="6">
        <v>145</v>
      </c>
      <c r="U147" s="10" t="s">
        <v>55</v>
      </c>
      <c r="V147" s="6">
        <v>3044</v>
      </c>
      <c r="W147" s="6">
        <v>913</v>
      </c>
      <c r="X147" s="6">
        <v>8</v>
      </c>
      <c r="Y147" s="6">
        <v>3</v>
      </c>
      <c r="Z147" s="6">
        <v>4</v>
      </c>
      <c r="AA147" s="10" t="s">
        <v>55</v>
      </c>
      <c r="AB147" s="6">
        <v>1</v>
      </c>
    </row>
    <row r="148" spans="1:28">
      <c r="A148" s="9" t="s">
        <v>27</v>
      </c>
      <c r="B148" s="9" t="s">
        <v>57</v>
      </c>
      <c r="C148" s="9" t="s">
        <v>79</v>
      </c>
      <c r="D148" s="9" t="s">
        <v>77</v>
      </c>
      <c r="E148" s="9" t="s">
        <v>57</v>
      </c>
      <c r="F148" s="9" t="s">
        <v>79</v>
      </c>
      <c r="G148" s="9" t="s">
        <v>80</v>
      </c>
      <c r="H148" s="9" t="s">
        <v>104</v>
      </c>
      <c r="I148" s="9" t="s">
        <v>54</v>
      </c>
      <c r="J148" s="9" t="s">
        <v>52</v>
      </c>
      <c r="K148" s="6">
        <v>9334</v>
      </c>
      <c r="L148" s="6">
        <v>1149</v>
      </c>
      <c r="M148" s="6">
        <v>1093</v>
      </c>
      <c r="N148" s="6">
        <v>921</v>
      </c>
      <c r="O148" s="6">
        <v>120</v>
      </c>
      <c r="P148" s="6">
        <v>8</v>
      </c>
      <c r="Q148" s="6">
        <v>44</v>
      </c>
      <c r="R148" s="6">
        <v>56</v>
      </c>
      <c r="S148" s="6">
        <v>507</v>
      </c>
      <c r="T148" s="6">
        <v>154</v>
      </c>
      <c r="U148" s="6">
        <v>9</v>
      </c>
      <c r="V148" s="6">
        <v>344</v>
      </c>
      <c r="W148" s="6">
        <v>7678</v>
      </c>
      <c r="X148" s="6">
        <v>852</v>
      </c>
      <c r="Y148" s="6">
        <v>720</v>
      </c>
      <c r="Z148" s="6">
        <v>98</v>
      </c>
      <c r="AA148" s="6">
        <v>7</v>
      </c>
      <c r="AB148" s="6">
        <v>27</v>
      </c>
    </row>
    <row r="149" spans="1:28">
      <c r="A149" s="9" t="s">
        <v>56</v>
      </c>
      <c r="B149" s="9" t="s">
        <v>57</v>
      </c>
      <c r="C149" s="9" t="s">
        <v>81</v>
      </c>
      <c r="D149" s="9"/>
      <c r="E149" s="9" t="s">
        <v>57</v>
      </c>
      <c r="F149" s="9" t="s">
        <v>81</v>
      </c>
      <c r="G149" s="9" t="s">
        <v>82</v>
      </c>
      <c r="H149" s="9" t="s">
        <v>104</v>
      </c>
      <c r="I149" s="9" t="s">
        <v>6</v>
      </c>
      <c r="J149" s="9" t="s">
        <v>30</v>
      </c>
      <c r="K149" s="6">
        <v>1883</v>
      </c>
      <c r="L149" s="6">
        <v>133</v>
      </c>
      <c r="M149" s="6">
        <v>133</v>
      </c>
      <c r="N149" s="6">
        <v>128</v>
      </c>
      <c r="O149" s="6">
        <v>4</v>
      </c>
      <c r="P149" s="10" t="s">
        <v>55</v>
      </c>
      <c r="Q149" s="6">
        <v>1</v>
      </c>
      <c r="R149" s="10" t="s">
        <v>55</v>
      </c>
      <c r="S149" s="6">
        <v>430</v>
      </c>
      <c r="T149" s="6">
        <v>26</v>
      </c>
      <c r="U149" s="10" t="s">
        <v>55</v>
      </c>
      <c r="V149" s="6">
        <v>404</v>
      </c>
      <c r="W149" s="6">
        <v>1320</v>
      </c>
      <c r="X149" s="6">
        <v>75</v>
      </c>
      <c r="Y149" s="6">
        <v>72</v>
      </c>
      <c r="Z149" s="6">
        <v>2</v>
      </c>
      <c r="AA149" s="10" t="s">
        <v>55</v>
      </c>
      <c r="AB149" s="6">
        <v>1</v>
      </c>
    </row>
    <row r="150" spans="1:28">
      <c r="A150" s="9" t="s">
        <v>56</v>
      </c>
      <c r="B150" s="9" t="s">
        <v>57</v>
      </c>
      <c r="C150" s="9" t="s">
        <v>81</v>
      </c>
      <c r="D150" s="9"/>
      <c r="E150" s="9" t="s">
        <v>57</v>
      </c>
      <c r="F150" s="9" t="s">
        <v>81</v>
      </c>
      <c r="G150" s="9" t="s">
        <v>82</v>
      </c>
      <c r="H150" s="9" t="s">
        <v>104</v>
      </c>
      <c r="I150" s="9" t="s">
        <v>6</v>
      </c>
      <c r="J150" s="9" t="s">
        <v>31</v>
      </c>
      <c r="K150" s="6">
        <v>10</v>
      </c>
      <c r="L150" s="6">
        <v>2</v>
      </c>
      <c r="M150" s="6">
        <v>2</v>
      </c>
      <c r="N150" s="6">
        <v>2</v>
      </c>
      <c r="O150" s="10" t="s">
        <v>55</v>
      </c>
      <c r="P150" s="10" t="s">
        <v>55</v>
      </c>
      <c r="Q150" s="10" t="s">
        <v>55</v>
      </c>
      <c r="R150" s="10" t="s">
        <v>55</v>
      </c>
      <c r="S150" s="10" t="s">
        <v>55</v>
      </c>
      <c r="T150" s="10" t="s">
        <v>55</v>
      </c>
      <c r="U150" s="10" t="s">
        <v>55</v>
      </c>
      <c r="V150" s="10" t="s">
        <v>55</v>
      </c>
      <c r="W150" s="6">
        <v>8</v>
      </c>
      <c r="X150" s="10" t="s">
        <v>55</v>
      </c>
      <c r="Y150" s="10" t="s">
        <v>55</v>
      </c>
      <c r="Z150" s="10" t="s">
        <v>55</v>
      </c>
      <c r="AA150" s="10" t="s">
        <v>55</v>
      </c>
      <c r="AB150" s="10" t="s">
        <v>55</v>
      </c>
    </row>
    <row r="151" spans="1:28">
      <c r="A151" s="9" t="s">
        <v>56</v>
      </c>
      <c r="B151" s="9" t="s">
        <v>57</v>
      </c>
      <c r="C151" s="9" t="s">
        <v>81</v>
      </c>
      <c r="D151" s="9"/>
      <c r="E151" s="9" t="s">
        <v>57</v>
      </c>
      <c r="F151" s="9" t="s">
        <v>81</v>
      </c>
      <c r="G151" s="9" t="s">
        <v>82</v>
      </c>
      <c r="H151" s="9" t="s">
        <v>104</v>
      </c>
      <c r="I151" s="9" t="s">
        <v>6</v>
      </c>
      <c r="J151" s="9" t="s">
        <v>32</v>
      </c>
      <c r="K151" s="6">
        <v>126</v>
      </c>
      <c r="L151" s="6">
        <v>21</v>
      </c>
      <c r="M151" s="6">
        <v>21</v>
      </c>
      <c r="N151" s="6">
        <v>21</v>
      </c>
      <c r="O151" s="10" t="s">
        <v>55</v>
      </c>
      <c r="P151" s="10" t="s">
        <v>55</v>
      </c>
      <c r="Q151" s="10" t="s">
        <v>55</v>
      </c>
      <c r="R151" s="10" t="s">
        <v>55</v>
      </c>
      <c r="S151" s="10" t="s">
        <v>55</v>
      </c>
      <c r="T151" s="10" t="s">
        <v>55</v>
      </c>
      <c r="U151" s="10" t="s">
        <v>55</v>
      </c>
      <c r="V151" s="10" t="s">
        <v>55</v>
      </c>
      <c r="W151" s="6">
        <v>105</v>
      </c>
      <c r="X151" s="6">
        <v>14</v>
      </c>
      <c r="Y151" s="6">
        <v>14</v>
      </c>
      <c r="Z151" s="10" t="s">
        <v>55</v>
      </c>
      <c r="AA151" s="10" t="s">
        <v>55</v>
      </c>
      <c r="AB151" s="10" t="s">
        <v>55</v>
      </c>
    </row>
    <row r="152" spans="1:28">
      <c r="A152" s="9" t="s">
        <v>56</v>
      </c>
      <c r="B152" s="9" t="s">
        <v>57</v>
      </c>
      <c r="C152" s="9" t="s">
        <v>81</v>
      </c>
      <c r="D152" s="9"/>
      <c r="E152" s="9" t="s">
        <v>57</v>
      </c>
      <c r="F152" s="9" t="s">
        <v>81</v>
      </c>
      <c r="G152" s="9" t="s">
        <v>82</v>
      </c>
      <c r="H152" s="9" t="s">
        <v>104</v>
      </c>
      <c r="I152" s="9" t="s">
        <v>6</v>
      </c>
      <c r="J152" s="9" t="s">
        <v>33</v>
      </c>
      <c r="K152" s="6">
        <v>190</v>
      </c>
      <c r="L152" s="6">
        <v>30</v>
      </c>
      <c r="M152" s="6">
        <v>30</v>
      </c>
      <c r="N152" s="6">
        <v>30</v>
      </c>
      <c r="O152" s="10" t="s">
        <v>55</v>
      </c>
      <c r="P152" s="10" t="s">
        <v>55</v>
      </c>
      <c r="Q152" s="10" t="s">
        <v>55</v>
      </c>
      <c r="R152" s="10" t="s">
        <v>55</v>
      </c>
      <c r="S152" s="10" t="s">
        <v>55</v>
      </c>
      <c r="T152" s="10" t="s">
        <v>55</v>
      </c>
      <c r="U152" s="10" t="s">
        <v>55</v>
      </c>
      <c r="V152" s="10" t="s">
        <v>55</v>
      </c>
      <c r="W152" s="6">
        <v>160</v>
      </c>
      <c r="X152" s="6">
        <v>15</v>
      </c>
      <c r="Y152" s="6">
        <v>15</v>
      </c>
      <c r="Z152" s="10" t="s">
        <v>55</v>
      </c>
      <c r="AA152" s="10" t="s">
        <v>55</v>
      </c>
      <c r="AB152" s="10" t="s">
        <v>55</v>
      </c>
    </row>
    <row r="153" spans="1:28">
      <c r="A153" s="9" t="s">
        <v>56</v>
      </c>
      <c r="B153" s="9" t="s">
        <v>57</v>
      </c>
      <c r="C153" s="9" t="s">
        <v>81</v>
      </c>
      <c r="D153" s="9"/>
      <c r="E153" s="9" t="s">
        <v>57</v>
      </c>
      <c r="F153" s="9" t="s">
        <v>81</v>
      </c>
      <c r="G153" s="9" t="s">
        <v>82</v>
      </c>
      <c r="H153" s="9" t="s">
        <v>104</v>
      </c>
      <c r="I153" s="9" t="s">
        <v>6</v>
      </c>
      <c r="J153" s="9" t="s">
        <v>34</v>
      </c>
      <c r="K153" s="6">
        <v>149</v>
      </c>
      <c r="L153" s="6">
        <v>10</v>
      </c>
      <c r="M153" s="6">
        <v>10</v>
      </c>
      <c r="N153" s="6">
        <v>10</v>
      </c>
      <c r="O153" s="10" t="s">
        <v>55</v>
      </c>
      <c r="P153" s="10" t="s">
        <v>55</v>
      </c>
      <c r="Q153" s="10" t="s">
        <v>55</v>
      </c>
      <c r="R153" s="10" t="s">
        <v>55</v>
      </c>
      <c r="S153" s="10" t="s">
        <v>55</v>
      </c>
      <c r="T153" s="10" t="s">
        <v>55</v>
      </c>
      <c r="U153" s="10" t="s">
        <v>55</v>
      </c>
      <c r="V153" s="10" t="s">
        <v>55</v>
      </c>
      <c r="W153" s="6">
        <v>139</v>
      </c>
      <c r="X153" s="6">
        <v>4</v>
      </c>
      <c r="Y153" s="6">
        <v>4</v>
      </c>
      <c r="Z153" s="10" t="s">
        <v>55</v>
      </c>
      <c r="AA153" s="10" t="s">
        <v>55</v>
      </c>
      <c r="AB153" s="10" t="s">
        <v>55</v>
      </c>
    </row>
    <row r="154" spans="1:28">
      <c r="A154" s="9" t="s">
        <v>56</v>
      </c>
      <c r="B154" s="9" t="s">
        <v>57</v>
      </c>
      <c r="C154" s="9" t="s">
        <v>81</v>
      </c>
      <c r="D154" s="9"/>
      <c r="E154" s="9" t="s">
        <v>57</v>
      </c>
      <c r="F154" s="9" t="s">
        <v>81</v>
      </c>
      <c r="G154" s="9" t="s">
        <v>82</v>
      </c>
      <c r="H154" s="9" t="s">
        <v>104</v>
      </c>
      <c r="I154" s="9" t="s">
        <v>6</v>
      </c>
      <c r="J154" s="9" t="s">
        <v>35</v>
      </c>
      <c r="K154" s="6">
        <v>143</v>
      </c>
      <c r="L154" s="6">
        <v>10</v>
      </c>
      <c r="M154" s="6">
        <v>10</v>
      </c>
      <c r="N154" s="6">
        <v>10</v>
      </c>
      <c r="O154" s="10" t="s">
        <v>55</v>
      </c>
      <c r="P154" s="10" t="s">
        <v>55</v>
      </c>
      <c r="Q154" s="10" t="s">
        <v>55</v>
      </c>
      <c r="R154" s="10" t="s">
        <v>55</v>
      </c>
      <c r="S154" s="10" t="s">
        <v>55</v>
      </c>
      <c r="T154" s="10" t="s">
        <v>55</v>
      </c>
      <c r="U154" s="10" t="s">
        <v>55</v>
      </c>
      <c r="V154" s="10" t="s">
        <v>55</v>
      </c>
      <c r="W154" s="6">
        <v>133</v>
      </c>
      <c r="X154" s="6">
        <v>4</v>
      </c>
      <c r="Y154" s="6">
        <v>4</v>
      </c>
      <c r="Z154" s="10" t="s">
        <v>55</v>
      </c>
      <c r="AA154" s="10" t="s">
        <v>55</v>
      </c>
      <c r="AB154" s="10" t="s">
        <v>55</v>
      </c>
    </row>
    <row r="155" spans="1:28">
      <c r="A155" s="9" t="s">
        <v>56</v>
      </c>
      <c r="B155" s="9" t="s">
        <v>57</v>
      </c>
      <c r="C155" s="9" t="s">
        <v>81</v>
      </c>
      <c r="D155" s="9"/>
      <c r="E155" s="9" t="s">
        <v>57</v>
      </c>
      <c r="F155" s="9" t="s">
        <v>81</v>
      </c>
      <c r="G155" s="9" t="s">
        <v>82</v>
      </c>
      <c r="H155" s="9" t="s">
        <v>104</v>
      </c>
      <c r="I155" s="9" t="s">
        <v>6</v>
      </c>
      <c r="J155" s="9" t="s">
        <v>36</v>
      </c>
      <c r="K155" s="6">
        <v>154</v>
      </c>
      <c r="L155" s="6">
        <v>13</v>
      </c>
      <c r="M155" s="6">
        <v>13</v>
      </c>
      <c r="N155" s="6">
        <v>13</v>
      </c>
      <c r="O155" s="10" t="s">
        <v>55</v>
      </c>
      <c r="P155" s="10" t="s">
        <v>55</v>
      </c>
      <c r="Q155" s="10" t="s">
        <v>55</v>
      </c>
      <c r="R155" s="10" t="s">
        <v>55</v>
      </c>
      <c r="S155" s="6">
        <v>1</v>
      </c>
      <c r="T155" s="10" t="s">
        <v>55</v>
      </c>
      <c r="U155" s="10" t="s">
        <v>55</v>
      </c>
      <c r="V155" s="6">
        <v>1</v>
      </c>
      <c r="W155" s="6">
        <v>140</v>
      </c>
      <c r="X155" s="6">
        <v>7</v>
      </c>
      <c r="Y155" s="6">
        <v>7</v>
      </c>
      <c r="Z155" s="10" t="s">
        <v>55</v>
      </c>
      <c r="AA155" s="10" t="s">
        <v>55</v>
      </c>
      <c r="AB155" s="10" t="s">
        <v>55</v>
      </c>
    </row>
    <row r="156" spans="1:28">
      <c r="A156" s="9" t="s">
        <v>56</v>
      </c>
      <c r="B156" s="9" t="s">
        <v>57</v>
      </c>
      <c r="C156" s="9" t="s">
        <v>81</v>
      </c>
      <c r="D156" s="9"/>
      <c r="E156" s="9" t="s">
        <v>57</v>
      </c>
      <c r="F156" s="9" t="s">
        <v>81</v>
      </c>
      <c r="G156" s="9" t="s">
        <v>82</v>
      </c>
      <c r="H156" s="9" t="s">
        <v>104</v>
      </c>
      <c r="I156" s="9" t="s">
        <v>6</v>
      </c>
      <c r="J156" s="9" t="s">
        <v>37</v>
      </c>
      <c r="K156" s="6">
        <v>137</v>
      </c>
      <c r="L156" s="6">
        <v>7</v>
      </c>
      <c r="M156" s="6">
        <v>7</v>
      </c>
      <c r="N156" s="6">
        <v>6</v>
      </c>
      <c r="O156" s="10" t="s">
        <v>55</v>
      </c>
      <c r="P156" s="10" t="s">
        <v>55</v>
      </c>
      <c r="Q156" s="6">
        <v>1</v>
      </c>
      <c r="R156" s="10" t="s">
        <v>55</v>
      </c>
      <c r="S156" s="6">
        <v>1</v>
      </c>
      <c r="T156" s="10" t="s">
        <v>55</v>
      </c>
      <c r="U156" s="10" t="s">
        <v>55</v>
      </c>
      <c r="V156" s="6">
        <v>1</v>
      </c>
      <c r="W156" s="6">
        <v>129</v>
      </c>
      <c r="X156" s="6">
        <v>3</v>
      </c>
      <c r="Y156" s="6">
        <v>2</v>
      </c>
      <c r="Z156" s="10" t="s">
        <v>55</v>
      </c>
      <c r="AA156" s="10" t="s">
        <v>55</v>
      </c>
      <c r="AB156" s="6">
        <v>1</v>
      </c>
    </row>
    <row r="157" spans="1:28">
      <c r="A157" s="9" t="s">
        <v>56</v>
      </c>
      <c r="B157" s="9" t="s">
        <v>57</v>
      </c>
      <c r="C157" s="9" t="s">
        <v>81</v>
      </c>
      <c r="D157" s="9"/>
      <c r="E157" s="9" t="s">
        <v>57</v>
      </c>
      <c r="F157" s="9" t="s">
        <v>81</v>
      </c>
      <c r="G157" s="9" t="s">
        <v>82</v>
      </c>
      <c r="H157" s="9" t="s">
        <v>104</v>
      </c>
      <c r="I157" s="9" t="s">
        <v>6</v>
      </c>
      <c r="J157" s="9" t="s">
        <v>38</v>
      </c>
      <c r="K157" s="6">
        <v>105</v>
      </c>
      <c r="L157" s="6">
        <v>6</v>
      </c>
      <c r="M157" s="6">
        <v>6</v>
      </c>
      <c r="N157" s="6">
        <v>6</v>
      </c>
      <c r="O157" s="10" t="s">
        <v>55</v>
      </c>
      <c r="P157" s="10" t="s">
        <v>55</v>
      </c>
      <c r="Q157" s="10" t="s">
        <v>55</v>
      </c>
      <c r="R157" s="10" t="s">
        <v>55</v>
      </c>
      <c r="S157" s="10" t="s">
        <v>55</v>
      </c>
      <c r="T157" s="10" t="s">
        <v>55</v>
      </c>
      <c r="U157" s="10" t="s">
        <v>55</v>
      </c>
      <c r="V157" s="10" t="s">
        <v>55</v>
      </c>
      <c r="W157" s="6">
        <v>99</v>
      </c>
      <c r="X157" s="6">
        <v>2</v>
      </c>
      <c r="Y157" s="6">
        <v>2</v>
      </c>
      <c r="Z157" s="10" t="s">
        <v>55</v>
      </c>
      <c r="AA157" s="10" t="s">
        <v>55</v>
      </c>
      <c r="AB157" s="10" t="s">
        <v>55</v>
      </c>
    </row>
    <row r="158" spans="1:28">
      <c r="A158" s="9" t="s">
        <v>56</v>
      </c>
      <c r="B158" s="9" t="s">
        <v>57</v>
      </c>
      <c r="C158" s="9" t="s">
        <v>81</v>
      </c>
      <c r="D158" s="9"/>
      <c r="E158" s="9" t="s">
        <v>57</v>
      </c>
      <c r="F158" s="9" t="s">
        <v>81</v>
      </c>
      <c r="G158" s="9" t="s">
        <v>82</v>
      </c>
      <c r="H158" s="9" t="s">
        <v>104</v>
      </c>
      <c r="I158" s="9" t="s">
        <v>6</v>
      </c>
      <c r="J158" s="9" t="s">
        <v>39</v>
      </c>
      <c r="K158" s="6">
        <v>109</v>
      </c>
      <c r="L158" s="6">
        <v>13</v>
      </c>
      <c r="M158" s="6">
        <v>13</v>
      </c>
      <c r="N158" s="6">
        <v>12</v>
      </c>
      <c r="O158" s="6">
        <v>1</v>
      </c>
      <c r="P158" s="10" t="s">
        <v>55</v>
      </c>
      <c r="Q158" s="10" t="s">
        <v>55</v>
      </c>
      <c r="R158" s="10" t="s">
        <v>55</v>
      </c>
      <c r="S158" s="6">
        <v>5</v>
      </c>
      <c r="T158" s="6">
        <v>1</v>
      </c>
      <c r="U158" s="10" t="s">
        <v>55</v>
      </c>
      <c r="V158" s="6">
        <v>4</v>
      </c>
      <c r="W158" s="6">
        <v>91</v>
      </c>
      <c r="X158" s="6">
        <v>10</v>
      </c>
      <c r="Y158" s="6">
        <v>10</v>
      </c>
      <c r="Z158" s="10" t="s">
        <v>55</v>
      </c>
      <c r="AA158" s="10" t="s">
        <v>55</v>
      </c>
      <c r="AB158" s="10" t="s">
        <v>55</v>
      </c>
    </row>
    <row r="159" spans="1:28">
      <c r="A159" s="9" t="s">
        <v>56</v>
      </c>
      <c r="B159" s="9" t="s">
        <v>57</v>
      </c>
      <c r="C159" s="9" t="s">
        <v>81</v>
      </c>
      <c r="D159" s="9"/>
      <c r="E159" s="9" t="s">
        <v>57</v>
      </c>
      <c r="F159" s="9" t="s">
        <v>81</v>
      </c>
      <c r="G159" s="9" t="s">
        <v>82</v>
      </c>
      <c r="H159" s="9" t="s">
        <v>104</v>
      </c>
      <c r="I159" s="9" t="s">
        <v>6</v>
      </c>
      <c r="J159" s="9" t="s">
        <v>40</v>
      </c>
      <c r="K159" s="6">
        <v>122</v>
      </c>
      <c r="L159" s="6">
        <v>12</v>
      </c>
      <c r="M159" s="6">
        <v>12</v>
      </c>
      <c r="N159" s="6">
        <v>12</v>
      </c>
      <c r="O159" s="10" t="s">
        <v>55</v>
      </c>
      <c r="P159" s="10" t="s">
        <v>55</v>
      </c>
      <c r="Q159" s="10" t="s">
        <v>55</v>
      </c>
      <c r="R159" s="10" t="s">
        <v>55</v>
      </c>
      <c r="S159" s="6">
        <v>15</v>
      </c>
      <c r="T159" s="6">
        <v>5</v>
      </c>
      <c r="U159" s="10" t="s">
        <v>55</v>
      </c>
      <c r="V159" s="6">
        <v>10</v>
      </c>
      <c r="W159" s="6">
        <v>95</v>
      </c>
      <c r="X159" s="6">
        <v>11</v>
      </c>
      <c r="Y159" s="6">
        <v>11</v>
      </c>
      <c r="Z159" s="10" t="s">
        <v>55</v>
      </c>
      <c r="AA159" s="10" t="s">
        <v>55</v>
      </c>
      <c r="AB159" s="10" t="s">
        <v>55</v>
      </c>
    </row>
    <row r="160" spans="1:28">
      <c r="A160" s="9" t="s">
        <v>56</v>
      </c>
      <c r="B160" s="9" t="s">
        <v>57</v>
      </c>
      <c r="C160" s="9" t="s">
        <v>81</v>
      </c>
      <c r="D160" s="9"/>
      <c r="E160" s="9" t="s">
        <v>57</v>
      </c>
      <c r="F160" s="9" t="s">
        <v>81</v>
      </c>
      <c r="G160" s="9" t="s">
        <v>82</v>
      </c>
      <c r="H160" s="9" t="s">
        <v>104</v>
      </c>
      <c r="I160" s="9" t="s">
        <v>6</v>
      </c>
      <c r="J160" s="9" t="s">
        <v>41</v>
      </c>
      <c r="K160" s="6">
        <v>101</v>
      </c>
      <c r="L160" s="6">
        <v>7</v>
      </c>
      <c r="M160" s="6">
        <v>7</v>
      </c>
      <c r="N160" s="6">
        <v>5</v>
      </c>
      <c r="O160" s="6">
        <v>2</v>
      </c>
      <c r="P160" s="10" t="s">
        <v>55</v>
      </c>
      <c r="Q160" s="10" t="s">
        <v>55</v>
      </c>
      <c r="R160" s="10" t="s">
        <v>55</v>
      </c>
      <c r="S160" s="6">
        <v>22</v>
      </c>
      <c r="T160" s="6">
        <v>5</v>
      </c>
      <c r="U160" s="10" t="s">
        <v>55</v>
      </c>
      <c r="V160" s="6">
        <v>17</v>
      </c>
      <c r="W160" s="6">
        <v>72</v>
      </c>
      <c r="X160" s="6">
        <v>4</v>
      </c>
      <c r="Y160" s="6">
        <v>2</v>
      </c>
      <c r="Z160" s="6">
        <v>2</v>
      </c>
      <c r="AA160" s="10" t="s">
        <v>55</v>
      </c>
      <c r="AB160" s="10" t="s">
        <v>55</v>
      </c>
    </row>
    <row r="161" spans="1:28">
      <c r="A161" s="9" t="s">
        <v>56</v>
      </c>
      <c r="B161" s="9" t="s">
        <v>57</v>
      </c>
      <c r="C161" s="9" t="s">
        <v>81</v>
      </c>
      <c r="D161" s="9"/>
      <c r="E161" s="9" t="s">
        <v>57</v>
      </c>
      <c r="F161" s="9" t="s">
        <v>81</v>
      </c>
      <c r="G161" s="9" t="s">
        <v>82</v>
      </c>
      <c r="H161" s="9" t="s">
        <v>104</v>
      </c>
      <c r="I161" s="9" t="s">
        <v>6</v>
      </c>
      <c r="J161" s="9" t="s">
        <v>42</v>
      </c>
      <c r="K161" s="6">
        <v>90</v>
      </c>
      <c r="L161" s="6">
        <v>1</v>
      </c>
      <c r="M161" s="6">
        <v>1</v>
      </c>
      <c r="N161" s="6">
        <v>1</v>
      </c>
      <c r="O161" s="10" t="s">
        <v>55</v>
      </c>
      <c r="P161" s="10" t="s">
        <v>55</v>
      </c>
      <c r="Q161" s="10" t="s">
        <v>55</v>
      </c>
      <c r="R161" s="10" t="s">
        <v>55</v>
      </c>
      <c r="S161" s="6">
        <v>36</v>
      </c>
      <c r="T161" s="6">
        <v>5</v>
      </c>
      <c r="U161" s="10" t="s">
        <v>55</v>
      </c>
      <c r="V161" s="6">
        <v>31</v>
      </c>
      <c r="W161" s="6">
        <v>53</v>
      </c>
      <c r="X161" s="6">
        <v>1</v>
      </c>
      <c r="Y161" s="6">
        <v>1</v>
      </c>
      <c r="Z161" s="10" t="s">
        <v>55</v>
      </c>
      <c r="AA161" s="10" t="s">
        <v>55</v>
      </c>
      <c r="AB161" s="10" t="s">
        <v>55</v>
      </c>
    </row>
    <row r="162" spans="1:28">
      <c r="A162" s="9" t="s">
        <v>56</v>
      </c>
      <c r="B162" s="9" t="s">
        <v>57</v>
      </c>
      <c r="C162" s="9" t="s">
        <v>81</v>
      </c>
      <c r="D162" s="9"/>
      <c r="E162" s="9" t="s">
        <v>57</v>
      </c>
      <c r="F162" s="9" t="s">
        <v>81</v>
      </c>
      <c r="G162" s="9" t="s">
        <v>82</v>
      </c>
      <c r="H162" s="9" t="s">
        <v>104</v>
      </c>
      <c r="I162" s="9" t="s">
        <v>6</v>
      </c>
      <c r="J162" s="9" t="s">
        <v>43</v>
      </c>
      <c r="K162" s="6">
        <v>90</v>
      </c>
      <c r="L162" s="10" t="s">
        <v>55</v>
      </c>
      <c r="M162" s="10" t="s">
        <v>55</v>
      </c>
      <c r="N162" s="10" t="s">
        <v>55</v>
      </c>
      <c r="O162" s="10" t="s">
        <v>55</v>
      </c>
      <c r="P162" s="10" t="s">
        <v>55</v>
      </c>
      <c r="Q162" s="10" t="s">
        <v>55</v>
      </c>
      <c r="R162" s="10" t="s">
        <v>55</v>
      </c>
      <c r="S162" s="6">
        <v>54</v>
      </c>
      <c r="T162" s="6">
        <v>5</v>
      </c>
      <c r="U162" s="10" t="s">
        <v>55</v>
      </c>
      <c r="V162" s="6">
        <v>49</v>
      </c>
      <c r="W162" s="6">
        <v>36</v>
      </c>
      <c r="X162" s="10" t="s">
        <v>55</v>
      </c>
      <c r="Y162" s="10" t="s">
        <v>55</v>
      </c>
      <c r="Z162" s="10" t="s">
        <v>55</v>
      </c>
      <c r="AA162" s="10" t="s">
        <v>55</v>
      </c>
      <c r="AB162" s="10" t="s">
        <v>55</v>
      </c>
    </row>
    <row r="163" spans="1:28">
      <c r="A163" s="9" t="s">
        <v>56</v>
      </c>
      <c r="B163" s="9" t="s">
        <v>57</v>
      </c>
      <c r="C163" s="9" t="s">
        <v>81</v>
      </c>
      <c r="D163" s="9"/>
      <c r="E163" s="9" t="s">
        <v>57</v>
      </c>
      <c r="F163" s="9" t="s">
        <v>81</v>
      </c>
      <c r="G163" s="9" t="s">
        <v>82</v>
      </c>
      <c r="H163" s="9" t="s">
        <v>104</v>
      </c>
      <c r="I163" s="9" t="s">
        <v>6</v>
      </c>
      <c r="J163" s="9" t="s">
        <v>44</v>
      </c>
      <c r="K163" s="6">
        <v>111</v>
      </c>
      <c r="L163" s="10" t="s">
        <v>55</v>
      </c>
      <c r="M163" s="10" t="s">
        <v>55</v>
      </c>
      <c r="N163" s="10" t="s">
        <v>55</v>
      </c>
      <c r="O163" s="10" t="s">
        <v>55</v>
      </c>
      <c r="P163" s="10" t="s">
        <v>55</v>
      </c>
      <c r="Q163" s="10" t="s">
        <v>55</v>
      </c>
      <c r="R163" s="10" t="s">
        <v>55</v>
      </c>
      <c r="S163" s="6">
        <v>85</v>
      </c>
      <c r="T163" s="6">
        <v>4</v>
      </c>
      <c r="U163" s="10" t="s">
        <v>55</v>
      </c>
      <c r="V163" s="6">
        <v>81</v>
      </c>
      <c r="W163" s="6">
        <v>26</v>
      </c>
      <c r="X163" s="10" t="s">
        <v>55</v>
      </c>
      <c r="Y163" s="10" t="s">
        <v>55</v>
      </c>
      <c r="Z163" s="10" t="s">
        <v>55</v>
      </c>
      <c r="AA163" s="10" t="s">
        <v>55</v>
      </c>
      <c r="AB163" s="10" t="s">
        <v>55</v>
      </c>
    </row>
    <row r="164" spans="1:28">
      <c r="A164" s="9" t="s">
        <v>56</v>
      </c>
      <c r="B164" s="9" t="s">
        <v>57</v>
      </c>
      <c r="C164" s="9" t="s">
        <v>81</v>
      </c>
      <c r="D164" s="9"/>
      <c r="E164" s="9" t="s">
        <v>57</v>
      </c>
      <c r="F164" s="9" t="s">
        <v>81</v>
      </c>
      <c r="G164" s="9" t="s">
        <v>82</v>
      </c>
      <c r="H164" s="9" t="s">
        <v>104</v>
      </c>
      <c r="I164" s="9" t="s">
        <v>6</v>
      </c>
      <c r="J164" s="9" t="s">
        <v>45</v>
      </c>
      <c r="K164" s="6">
        <v>124</v>
      </c>
      <c r="L164" s="6">
        <v>1</v>
      </c>
      <c r="M164" s="6">
        <v>1</v>
      </c>
      <c r="N164" s="10" t="s">
        <v>55</v>
      </c>
      <c r="O164" s="6">
        <v>1</v>
      </c>
      <c r="P164" s="10" t="s">
        <v>55</v>
      </c>
      <c r="Q164" s="10" t="s">
        <v>55</v>
      </c>
      <c r="R164" s="10" t="s">
        <v>55</v>
      </c>
      <c r="S164" s="6">
        <v>100</v>
      </c>
      <c r="T164" s="6">
        <v>1</v>
      </c>
      <c r="U164" s="10" t="s">
        <v>55</v>
      </c>
      <c r="V164" s="6">
        <v>99</v>
      </c>
      <c r="W164" s="6">
        <v>23</v>
      </c>
      <c r="X164" s="10" t="s">
        <v>55</v>
      </c>
      <c r="Y164" s="10" t="s">
        <v>55</v>
      </c>
      <c r="Z164" s="10" t="s">
        <v>55</v>
      </c>
      <c r="AA164" s="10" t="s">
        <v>55</v>
      </c>
      <c r="AB164" s="10" t="s">
        <v>55</v>
      </c>
    </row>
    <row r="165" spans="1:28">
      <c r="A165" s="9" t="s">
        <v>56</v>
      </c>
      <c r="B165" s="9" t="s">
        <v>57</v>
      </c>
      <c r="C165" s="9" t="s">
        <v>81</v>
      </c>
      <c r="D165" s="9"/>
      <c r="E165" s="9" t="s">
        <v>57</v>
      </c>
      <c r="F165" s="9" t="s">
        <v>81</v>
      </c>
      <c r="G165" s="9" t="s">
        <v>82</v>
      </c>
      <c r="H165" s="9" t="s">
        <v>104</v>
      </c>
      <c r="I165" s="9" t="s">
        <v>6</v>
      </c>
      <c r="J165" s="9" t="s">
        <v>46</v>
      </c>
      <c r="K165" s="6">
        <v>79</v>
      </c>
      <c r="L165" s="10" t="s">
        <v>55</v>
      </c>
      <c r="M165" s="10" t="s">
        <v>55</v>
      </c>
      <c r="N165" s="10" t="s">
        <v>55</v>
      </c>
      <c r="O165" s="10" t="s">
        <v>55</v>
      </c>
      <c r="P165" s="10" t="s">
        <v>55</v>
      </c>
      <c r="Q165" s="10" t="s">
        <v>55</v>
      </c>
      <c r="R165" s="10" t="s">
        <v>55</v>
      </c>
      <c r="S165" s="6">
        <v>70</v>
      </c>
      <c r="T165" s="10" t="s">
        <v>55</v>
      </c>
      <c r="U165" s="10" t="s">
        <v>55</v>
      </c>
      <c r="V165" s="6">
        <v>70</v>
      </c>
      <c r="W165" s="6">
        <v>9</v>
      </c>
      <c r="X165" s="10" t="s">
        <v>55</v>
      </c>
      <c r="Y165" s="10" t="s">
        <v>55</v>
      </c>
      <c r="Z165" s="10" t="s">
        <v>55</v>
      </c>
      <c r="AA165" s="10" t="s">
        <v>55</v>
      </c>
      <c r="AB165" s="10" t="s">
        <v>55</v>
      </c>
    </row>
    <row r="166" spans="1:28">
      <c r="A166" s="9" t="s">
        <v>56</v>
      </c>
      <c r="B166" s="9" t="s">
        <v>57</v>
      </c>
      <c r="C166" s="9" t="s">
        <v>81</v>
      </c>
      <c r="D166" s="9"/>
      <c r="E166" s="9" t="s">
        <v>57</v>
      </c>
      <c r="F166" s="9" t="s">
        <v>81</v>
      </c>
      <c r="G166" s="9" t="s">
        <v>82</v>
      </c>
      <c r="H166" s="9" t="s">
        <v>104</v>
      </c>
      <c r="I166" s="9" t="s">
        <v>6</v>
      </c>
      <c r="J166" s="9" t="s">
        <v>47</v>
      </c>
      <c r="K166" s="6">
        <v>43</v>
      </c>
      <c r="L166" s="10" t="s">
        <v>55</v>
      </c>
      <c r="M166" s="10" t="s">
        <v>55</v>
      </c>
      <c r="N166" s="10" t="s">
        <v>55</v>
      </c>
      <c r="O166" s="10" t="s">
        <v>55</v>
      </c>
      <c r="P166" s="10" t="s">
        <v>55</v>
      </c>
      <c r="Q166" s="10" t="s">
        <v>55</v>
      </c>
      <c r="R166" s="10" t="s">
        <v>55</v>
      </c>
      <c r="S166" s="6">
        <v>41</v>
      </c>
      <c r="T166" s="10" t="s">
        <v>55</v>
      </c>
      <c r="U166" s="10" t="s">
        <v>55</v>
      </c>
      <c r="V166" s="6">
        <v>41</v>
      </c>
      <c r="W166" s="6">
        <v>2</v>
      </c>
      <c r="X166" s="10" t="s">
        <v>55</v>
      </c>
      <c r="Y166" s="10" t="s">
        <v>55</v>
      </c>
      <c r="Z166" s="10" t="s">
        <v>55</v>
      </c>
      <c r="AA166" s="10" t="s">
        <v>55</v>
      </c>
      <c r="AB166" s="10" t="s">
        <v>55</v>
      </c>
    </row>
    <row r="167" spans="1:28">
      <c r="A167" s="9" t="s">
        <v>56</v>
      </c>
      <c r="B167" s="9" t="s">
        <v>57</v>
      </c>
      <c r="C167" s="9" t="s">
        <v>81</v>
      </c>
      <c r="D167" s="9"/>
      <c r="E167" s="9" t="s">
        <v>57</v>
      </c>
      <c r="F167" s="9" t="s">
        <v>81</v>
      </c>
      <c r="G167" s="9" t="s">
        <v>82</v>
      </c>
      <c r="H167" s="9" t="s">
        <v>104</v>
      </c>
      <c r="I167" s="9" t="s">
        <v>6</v>
      </c>
      <c r="J167" s="9" t="s">
        <v>48</v>
      </c>
      <c r="K167" s="6">
        <v>1245</v>
      </c>
      <c r="L167" s="6">
        <v>124</v>
      </c>
      <c r="M167" s="6">
        <v>124</v>
      </c>
      <c r="N167" s="6">
        <v>122</v>
      </c>
      <c r="O167" s="6">
        <v>1</v>
      </c>
      <c r="P167" s="10" t="s">
        <v>55</v>
      </c>
      <c r="Q167" s="6">
        <v>1</v>
      </c>
      <c r="R167" s="10" t="s">
        <v>55</v>
      </c>
      <c r="S167" s="6">
        <v>22</v>
      </c>
      <c r="T167" s="6">
        <v>6</v>
      </c>
      <c r="U167" s="10" t="s">
        <v>55</v>
      </c>
      <c r="V167" s="6">
        <v>16</v>
      </c>
      <c r="W167" s="6">
        <v>1099</v>
      </c>
      <c r="X167" s="6">
        <v>70</v>
      </c>
      <c r="Y167" s="6">
        <v>69</v>
      </c>
      <c r="Z167" s="10" t="s">
        <v>55</v>
      </c>
      <c r="AA167" s="10" t="s">
        <v>55</v>
      </c>
      <c r="AB167" s="6">
        <v>1</v>
      </c>
    </row>
    <row r="168" spans="1:28">
      <c r="A168" s="9" t="s">
        <v>56</v>
      </c>
      <c r="B168" s="9" t="s">
        <v>57</v>
      </c>
      <c r="C168" s="9" t="s">
        <v>81</v>
      </c>
      <c r="D168" s="9"/>
      <c r="E168" s="9" t="s">
        <v>57</v>
      </c>
      <c r="F168" s="9" t="s">
        <v>81</v>
      </c>
      <c r="G168" s="9" t="s">
        <v>82</v>
      </c>
      <c r="H168" s="9" t="s">
        <v>104</v>
      </c>
      <c r="I168" s="9" t="s">
        <v>6</v>
      </c>
      <c r="J168" s="9" t="s">
        <v>49</v>
      </c>
      <c r="K168" s="6">
        <v>638</v>
      </c>
      <c r="L168" s="6">
        <v>9</v>
      </c>
      <c r="M168" s="6">
        <v>9</v>
      </c>
      <c r="N168" s="6">
        <v>6</v>
      </c>
      <c r="O168" s="6">
        <v>3</v>
      </c>
      <c r="P168" s="10" t="s">
        <v>55</v>
      </c>
      <c r="Q168" s="10" t="s">
        <v>55</v>
      </c>
      <c r="R168" s="10" t="s">
        <v>55</v>
      </c>
      <c r="S168" s="6">
        <v>408</v>
      </c>
      <c r="T168" s="6">
        <v>20</v>
      </c>
      <c r="U168" s="10" t="s">
        <v>55</v>
      </c>
      <c r="V168" s="6">
        <v>388</v>
      </c>
      <c r="W168" s="6">
        <v>221</v>
      </c>
      <c r="X168" s="6">
        <v>5</v>
      </c>
      <c r="Y168" s="6">
        <v>3</v>
      </c>
      <c r="Z168" s="6">
        <v>2</v>
      </c>
      <c r="AA168" s="10" t="s">
        <v>55</v>
      </c>
      <c r="AB168" s="10" t="s">
        <v>55</v>
      </c>
    </row>
    <row r="169" spans="1:28">
      <c r="A169" s="9" t="s">
        <v>56</v>
      </c>
      <c r="B169" s="9" t="s">
        <v>57</v>
      </c>
      <c r="C169" s="9" t="s">
        <v>81</v>
      </c>
      <c r="D169" s="9"/>
      <c r="E169" s="9" t="s">
        <v>57</v>
      </c>
      <c r="F169" s="9" t="s">
        <v>81</v>
      </c>
      <c r="G169" s="9" t="s">
        <v>82</v>
      </c>
      <c r="H169" s="9" t="s">
        <v>104</v>
      </c>
      <c r="I169" s="9" t="s">
        <v>6</v>
      </c>
      <c r="J169" s="9" t="s">
        <v>50</v>
      </c>
      <c r="K169" s="6">
        <v>447</v>
      </c>
      <c r="L169" s="6">
        <v>1</v>
      </c>
      <c r="M169" s="6">
        <v>1</v>
      </c>
      <c r="N169" s="10" t="s">
        <v>55</v>
      </c>
      <c r="O169" s="6">
        <v>1</v>
      </c>
      <c r="P169" s="10" t="s">
        <v>55</v>
      </c>
      <c r="Q169" s="10" t="s">
        <v>55</v>
      </c>
      <c r="R169" s="10" t="s">
        <v>55</v>
      </c>
      <c r="S169" s="6">
        <v>350</v>
      </c>
      <c r="T169" s="6">
        <v>10</v>
      </c>
      <c r="U169" s="10" t="s">
        <v>55</v>
      </c>
      <c r="V169" s="6">
        <v>340</v>
      </c>
      <c r="W169" s="6">
        <v>96</v>
      </c>
      <c r="X169" s="10" t="s">
        <v>55</v>
      </c>
      <c r="Y169" s="10" t="s">
        <v>55</v>
      </c>
      <c r="Z169" s="10" t="s">
        <v>55</v>
      </c>
      <c r="AA169" s="10" t="s">
        <v>55</v>
      </c>
      <c r="AB169" s="10" t="s">
        <v>55</v>
      </c>
    </row>
    <row r="170" spans="1:28">
      <c r="A170" s="9" t="s">
        <v>56</v>
      </c>
      <c r="B170" s="9" t="s">
        <v>57</v>
      </c>
      <c r="C170" s="9" t="s">
        <v>81</v>
      </c>
      <c r="D170" s="9"/>
      <c r="E170" s="9" t="s">
        <v>57</v>
      </c>
      <c r="F170" s="9" t="s">
        <v>81</v>
      </c>
      <c r="G170" s="9" t="s">
        <v>82</v>
      </c>
      <c r="H170" s="9" t="s">
        <v>104</v>
      </c>
      <c r="I170" s="9" t="s">
        <v>6</v>
      </c>
      <c r="J170" s="9" t="s">
        <v>51</v>
      </c>
      <c r="K170" s="6">
        <v>246</v>
      </c>
      <c r="L170" s="6">
        <v>1</v>
      </c>
      <c r="M170" s="6">
        <v>1</v>
      </c>
      <c r="N170" s="10" t="s">
        <v>55</v>
      </c>
      <c r="O170" s="6">
        <v>1</v>
      </c>
      <c r="P170" s="10" t="s">
        <v>55</v>
      </c>
      <c r="Q170" s="10" t="s">
        <v>55</v>
      </c>
      <c r="R170" s="10" t="s">
        <v>55</v>
      </c>
      <c r="S170" s="6">
        <v>211</v>
      </c>
      <c r="T170" s="6">
        <v>1</v>
      </c>
      <c r="U170" s="10" t="s">
        <v>55</v>
      </c>
      <c r="V170" s="6">
        <v>210</v>
      </c>
      <c r="W170" s="6">
        <v>34</v>
      </c>
      <c r="X170" s="10" t="s">
        <v>55</v>
      </c>
      <c r="Y170" s="10" t="s">
        <v>55</v>
      </c>
      <c r="Z170" s="10" t="s">
        <v>55</v>
      </c>
      <c r="AA170" s="10" t="s">
        <v>55</v>
      </c>
      <c r="AB170" s="10" t="s">
        <v>55</v>
      </c>
    </row>
    <row r="171" spans="1:28">
      <c r="A171" s="9" t="s">
        <v>56</v>
      </c>
      <c r="B171" s="9" t="s">
        <v>57</v>
      </c>
      <c r="C171" s="9" t="s">
        <v>81</v>
      </c>
      <c r="D171" s="9"/>
      <c r="E171" s="9" t="s">
        <v>57</v>
      </c>
      <c r="F171" s="9" t="s">
        <v>81</v>
      </c>
      <c r="G171" s="9" t="s">
        <v>82</v>
      </c>
      <c r="H171" s="9" t="s">
        <v>104</v>
      </c>
      <c r="I171" s="9" t="s">
        <v>6</v>
      </c>
      <c r="J171" s="9" t="s">
        <v>52</v>
      </c>
      <c r="K171" s="6">
        <v>1336</v>
      </c>
      <c r="L171" s="6">
        <v>129</v>
      </c>
      <c r="M171" s="6">
        <v>129</v>
      </c>
      <c r="N171" s="6">
        <v>125</v>
      </c>
      <c r="O171" s="6">
        <v>3</v>
      </c>
      <c r="P171" s="10" t="s">
        <v>55</v>
      </c>
      <c r="Q171" s="6">
        <v>1</v>
      </c>
      <c r="R171" s="10" t="s">
        <v>55</v>
      </c>
      <c r="S171" s="6">
        <v>44</v>
      </c>
      <c r="T171" s="6">
        <v>11</v>
      </c>
      <c r="U171" s="10" t="s">
        <v>55</v>
      </c>
      <c r="V171" s="6">
        <v>33</v>
      </c>
      <c r="W171" s="6">
        <v>1163</v>
      </c>
      <c r="X171" s="6">
        <v>74</v>
      </c>
      <c r="Y171" s="6">
        <v>71</v>
      </c>
      <c r="Z171" s="6">
        <v>2</v>
      </c>
      <c r="AA171" s="10" t="s">
        <v>55</v>
      </c>
      <c r="AB171" s="6">
        <v>1</v>
      </c>
    </row>
    <row r="172" spans="1:28">
      <c r="A172" s="9" t="s">
        <v>56</v>
      </c>
      <c r="B172" s="9" t="s">
        <v>57</v>
      </c>
      <c r="C172" s="9" t="s">
        <v>81</v>
      </c>
      <c r="D172" s="9"/>
      <c r="E172" s="9" t="s">
        <v>57</v>
      </c>
      <c r="F172" s="9" t="s">
        <v>81</v>
      </c>
      <c r="G172" s="9" t="s">
        <v>82</v>
      </c>
      <c r="H172" s="9" t="s">
        <v>104</v>
      </c>
      <c r="I172" s="9" t="s">
        <v>53</v>
      </c>
      <c r="J172" s="9" t="s">
        <v>30</v>
      </c>
      <c r="K172" s="6">
        <v>882</v>
      </c>
      <c r="L172" s="6">
        <v>67</v>
      </c>
      <c r="M172" s="6">
        <v>67</v>
      </c>
      <c r="N172" s="6">
        <v>66</v>
      </c>
      <c r="O172" s="6">
        <v>1</v>
      </c>
      <c r="P172" s="10" t="s">
        <v>55</v>
      </c>
      <c r="Q172" s="10" t="s">
        <v>55</v>
      </c>
      <c r="R172" s="10" t="s">
        <v>55</v>
      </c>
      <c r="S172" s="6">
        <v>118</v>
      </c>
      <c r="T172" s="6">
        <v>5</v>
      </c>
      <c r="U172" s="10" t="s">
        <v>55</v>
      </c>
      <c r="V172" s="6">
        <v>113</v>
      </c>
      <c r="W172" s="6">
        <v>697</v>
      </c>
      <c r="X172" s="6">
        <v>35</v>
      </c>
      <c r="Y172" s="6">
        <v>35</v>
      </c>
      <c r="Z172" s="10" t="s">
        <v>55</v>
      </c>
      <c r="AA172" s="10" t="s">
        <v>55</v>
      </c>
      <c r="AB172" s="10" t="s">
        <v>55</v>
      </c>
    </row>
    <row r="173" spans="1:28">
      <c r="A173" s="9" t="s">
        <v>56</v>
      </c>
      <c r="B173" s="9" t="s">
        <v>57</v>
      </c>
      <c r="C173" s="9" t="s">
        <v>81</v>
      </c>
      <c r="D173" s="9"/>
      <c r="E173" s="9" t="s">
        <v>57</v>
      </c>
      <c r="F173" s="9" t="s">
        <v>81</v>
      </c>
      <c r="G173" s="9" t="s">
        <v>82</v>
      </c>
      <c r="H173" s="9" t="s">
        <v>104</v>
      </c>
      <c r="I173" s="9" t="s">
        <v>53</v>
      </c>
      <c r="J173" s="9" t="s">
        <v>31</v>
      </c>
      <c r="K173" s="6">
        <v>7</v>
      </c>
      <c r="L173" s="6">
        <v>2</v>
      </c>
      <c r="M173" s="6">
        <v>2</v>
      </c>
      <c r="N173" s="6">
        <v>2</v>
      </c>
      <c r="O173" s="10" t="s">
        <v>55</v>
      </c>
      <c r="P173" s="10" t="s">
        <v>55</v>
      </c>
      <c r="Q173" s="10" t="s">
        <v>55</v>
      </c>
      <c r="R173" s="10" t="s">
        <v>55</v>
      </c>
      <c r="S173" s="10" t="s">
        <v>55</v>
      </c>
      <c r="T173" s="10" t="s">
        <v>55</v>
      </c>
      <c r="U173" s="10" t="s">
        <v>55</v>
      </c>
      <c r="V173" s="10" t="s">
        <v>55</v>
      </c>
      <c r="W173" s="6">
        <v>5</v>
      </c>
      <c r="X173" s="10" t="s">
        <v>55</v>
      </c>
      <c r="Y173" s="10" t="s">
        <v>55</v>
      </c>
      <c r="Z173" s="10" t="s">
        <v>55</v>
      </c>
      <c r="AA173" s="10" t="s">
        <v>55</v>
      </c>
      <c r="AB173" s="10" t="s">
        <v>55</v>
      </c>
    </row>
    <row r="174" spans="1:28">
      <c r="A174" s="9" t="s">
        <v>56</v>
      </c>
      <c r="B174" s="9" t="s">
        <v>57</v>
      </c>
      <c r="C174" s="9" t="s">
        <v>81</v>
      </c>
      <c r="D174" s="9"/>
      <c r="E174" s="9" t="s">
        <v>57</v>
      </c>
      <c r="F174" s="9" t="s">
        <v>81</v>
      </c>
      <c r="G174" s="9" t="s">
        <v>82</v>
      </c>
      <c r="H174" s="9" t="s">
        <v>104</v>
      </c>
      <c r="I174" s="9" t="s">
        <v>53</v>
      </c>
      <c r="J174" s="9" t="s">
        <v>32</v>
      </c>
      <c r="K174" s="6">
        <v>66</v>
      </c>
      <c r="L174" s="6">
        <v>12</v>
      </c>
      <c r="M174" s="6">
        <v>12</v>
      </c>
      <c r="N174" s="6">
        <v>12</v>
      </c>
      <c r="O174" s="10" t="s">
        <v>55</v>
      </c>
      <c r="P174" s="10" t="s">
        <v>55</v>
      </c>
      <c r="Q174" s="10" t="s">
        <v>55</v>
      </c>
      <c r="R174" s="10" t="s">
        <v>55</v>
      </c>
      <c r="S174" s="10" t="s">
        <v>55</v>
      </c>
      <c r="T174" s="10" t="s">
        <v>55</v>
      </c>
      <c r="U174" s="10" t="s">
        <v>55</v>
      </c>
      <c r="V174" s="10" t="s">
        <v>55</v>
      </c>
      <c r="W174" s="6">
        <v>54</v>
      </c>
      <c r="X174" s="6">
        <v>8</v>
      </c>
      <c r="Y174" s="6">
        <v>8</v>
      </c>
      <c r="Z174" s="10" t="s">
        <v>55</v>
      </c>
      <c r="AA174" s="10" t="s">
        <v>55</v>
      </c>
      <c r="AB174" s="10" t="s">
        <v>55</v>
      </c>
    </row>
    <row r="175" spans="1:28">
      <c r="A175" s="9" t="s">
        <v>56</v>
      </c>
      <c r="B175" s="9" t="s">
        <v>57</v>
      </c>
      <c r="C175" s="9" t="s">
        <v>81</v>
      </c>
      <c r="D175" s="9"/>
      <c r="E175" s="9" t="s">
        <v>57</v>
      </c>
      <c r="F175" s="9" t="s">
        <v>81</v>
      </c>
      <c r="G175" s="9" t="s">
        <v>82</v>
      </c>
      <c r="H175" s="9" t="s">
        <v>104</v>
      </c>
      <c r="I175" s="9" t="s">
        <v>53</v>
      </c>
      <c r="J175" s="9" t="s">
        <v>33</v>
      </c>
      <c r="K175" s="6">
        <v>103</v>
      </c>
      <c r="L175" s="6">
        <v>17</v>
      </c>
      <c r="M175" s="6">
        <v>17</v>
      </c>
      <c r="N175" s="6">
        <v>17</v>
      </c>
      <c r="O175" s="10" t="s">
        <v>55</v>
      </c>
      <c r="P175" s="10" t="s">
        <v>55</v>
      </c>
      <c r="Q175" s="10" t="s">
        <v>55</v>
      </c>
      <c r="R175" s="10" t="s">
        <v>55</v>
      </c>
      <c r="S175" s="10" t="s">
        <v>55</v>
      </c>
      <c r="T175" s="10" t="s">
        <v>55</v>
      </c>
      <c r="U175" s="10" t="s">
        <v>55</v>
      </c>
      <c r="V175" s="10" t="s">
        <v>55</v>
      </c>
      <c r="W175" s="6">
        <v>86</v>
      </c>
      <c r="X175" s="6">
        <v>9</v>
      </c>
      <c r="Y175" s="6">
        <v>9</v>
      </c>
      <c r="Z175" s="10" t="s">
        <v>55</v>
      </c>
      <c r="AA175" s="10" t="s">
        <v>55</v>
      </c>
      <c r="AB175" s="10" t="s">
        <v>55</v>
      </c>
    </row>
    <row r="176" spans="1:28">
      <c r="A176" s="9" t="s">
        <v>56</v>
      </c>
      <c r="B176" s="9" t="s">
        <v>57</v>
      </c>
      <c r="C176" s="9" t="s">
        <v>81</v>
      </c>
      <c r="D176" s="9"/>
      <c r="E176" s="9" t="s">
        <v>57</v>
      </c>
      <c r="F176" s="9" t="s">
        <v>81</v>
      </c>
      <c r="G176" s="9" t="s">
        <v>82</v>
      </c>
      <c r="H176" s="9" t="s">
        <v>104</v>
      </c>
      <c r="I176" s="9" t="s">
        <v>53</v>
      </c>
      <c r="J176" s="9" t="s">
        <v>34</v>
      </c>
      <c r="K176" s="6">
        <v>78</v>
      </c>
      <c r="L176" s="6">
        <v>4</v>
      </c>
      <c r="M176" s="6">
        <v>4</v>
      </c>
      <c r="N176" s="6">
        <v>4</v>
      </c>
      <c r="O176" s="10" t="s">
        <v>55</v>
      </c>
      <c r="P176" s="10" t="s">
        <v>55</v>
      </c>
      <c r="Q176" s="10" t="s">
        <v>55</v>
      </c>
      <c r="R176" s="10" t="s">
        <v>55</v>
      </c>
      <c r="S176" s="10" t="s">
        <v>55</v>
      </c>
      <c r="T176" s="10" t="s">
        <v>55</v>
      </c>
      <c r="U176" s="10" t="s">
        <v>55</v>
      </c>
      <c r="V176" s="10" t="s">
        <v>55</v>
      </c>
      <c r="W176" s="6">
        <v>74</v>
      </c>
      <c r="X176" s="6">
        <v>1</v>
      </c>
      <c r="Y176" s="6">
        <v>1</v>
      </c>
      <c r="Z176" s="10" t="s">
        <v>55</v>
      </c>
      <c r="AA176" s="10" t="s">
        <v>55</v>
      </c>
      <c r="AB176" s="10" t="s">
        <v>55</v>
      </c>
    </row>
    <row r="177" spans="1:28">
      <c r="A177" s="9" t="s">
        <v>56</v>
      </c>
      <c r="B177" s="9" t="s">
        <v>57</v>
      </c>
      <c r="C177" s="9" t="s">
        <v>81</v>
      </c>
      <c r="D177" s="9"/>
      <c r="E177" s="9" t="s">
        <v>57</v>
      </c>
      <c r="F177" s="9" t="s">
        <v>81</v>
      </c>
      <c r="G177" s="9" t="s">
        <v>82</v>
      </c>
      <c r="H177" s="9" t="s">
        <v>104</v>
      </c>
      <c r="I177" s="9" t="s">
        <v>53</v>
      </c>
      <c r="J177" s="9" t="s">
        <v>35</v>
      </c>
      <c r="K177" s="6">
        <v>74</v>
      </c>
      <c r="L177" s="6">
        <v>1</v>
      </c>
      <c r="M177" s="6">
        <v>1</v>
      </c>
      <c r="N177" s="6">
        <v>1</v>
      </c>
      <c r="O177" s="10" t="s">
        <v>55</v>
      </c>
      <c r="P177" s="10" t="s">
        <v>55</v>
      </c>
      <c r="Q177" s="10" t="s">
        <v>55</v>
      </c>
      <c r="R177" s="10" t="s">
        <v>55</v>
      </c>
      <c r="S177" s="10" t="s">
        <v>55</v>
      </c>
      <c r="T177" s="10" t="s">
        <v>55</v>
      </c>
      <c r="U177" s="10" t="s">
        <v>55</v>
      </c>
      <c r="V177" s="10" t="s">
        <v>55</v>
      </c>
      <c r="W177" s="6">
        <v>73</v>
      </c>
      <c r="X177" s="10" t="s">
        <v>55</v>
      </c>
      <c r="Y177" s="10" t="s">
        <v>55</v>
      </c>
      <c r="Z177" s="10" t="s">
        <v>55</v>
      </c>
      <c r="AA177" s="10" t="s">
        <v>55</v>
      </c>
      <c r="AB177" s="10" t="s">
        <v>55</v>
      </c>
    </row>
    <row r="178" spans="1:28">
      <c r="A178" s="9" t="s">
        <v>56</v>
      </c>
      <c r="B178" s="9" t="s">
        <v>57</v>
      </c>
      <c r="C178" s="9" t="s">
        <v>81</v>
      </c>
      <c r="D178" s="9"/>
      <c r="E178" s="9" t="s">
        <v>57</v>
      </c>
      <c r="F178" s="9" t="s">
        <v>81</v>
      </c>
      <c r="G178" s="9" t="s">
        <v>82</v>
      </c>
      <c r="H178" s="9" t="s">
        <v>104</v>
      </c>
      <c r="I178" s="9" t="s">
        <v>53</v>
      </c>
      <c r="J178" s="9" t="s">
        <v>36</v>
      </c>
      <c r="K178" s="6">
        <v>77</v>
      </c>
      <c r="L178" s="6">
        <v>4</v>
      </c>
      <c r="M178" s="6">
        <v>4</v>
      </c>
      <c r="N178" s="6">
        <v>4</v>
      </c>
      <c r="O178" s="10" t="s">
        <v>55</v>
      </c>
      <c r="P178" s="10" t="s">
        <v>55</v>
      </c>
      <c r="Q178" s="10" t="s">
        <v>55</v>
      </c>
      <c r="R178" s="10" t="s">
        <v>55</v>
      </c>
      <c r="S178" s="10" t="s">
        <v>55</v>
      </c>
      <c r="T178" s="10" t="s">
        <v>55</v>
      </c>
      <c r="U178" s="10" t="s">
        <v>55</v>
      </c>
      <c r="V178" s="10" t="s">
        <v>55</v>
      </c>
      <c r="W178" s="6">
        <v>73</v>
      </c>
      <c r="X178" s="6">
        <v>1</v>
      </c>
      <c r="Y178" s="6">
        <v>1</v>
      </c>
      <c r="Z178" s="10" t="s">
        <v>55</v>
      </c>
      <c r="AA178" s="10" t="s">
        <v>55</v>
      </c>
      <c r="AB178" s="10" t="s">
        <v>55</v>
      </c>
    </row>
    <row r="179" spans="1:28">
      <c r="A179" s="9" t="s">
        <v>56</v>
      </c>
      <c r="B179" s="9" t="s">
        <v>57</v>
      </c>
      <c r="C179" s="9" t="s">
        <v>81</v>
      </c>
      <c r="D179" s="9"/>
      <c r="E179" s="9" t="s">
        <v>57</v>
      </c>
      <c r="F179" s="9" t="s">
        <v>81</v>
      </c>
      <c r="G179" s="9" t="s">
        <v>82</v>
      </c>
      <c r="H179" s="9" t="s">
        <v>104</v>
      </c>
      <c r="I179" s="9" t="s">
        <v>53</v>
      </c>
      <c r="J179" s="9" t="s">
        <v>37</v>
      </c>
      <c r="K179" s="6">
        <v>75</v>
      </c>
      <c r="L179" s="6">
        <v>3</v>
      </c>
      <c r="M179" s="6">
        <v>3</v>
      </c>
      <c r="N179" s="6">
        <v>3</v>
      </c>
      <c r="O179" s="10" t="s">
        <v>55</v>
      </c>
      <c r="P179" s="10" t="s">
        <v>55</v>
      </c>
      <c r="Q179" s="10" t="s">
        <v>55</v>
      </c>
      <c r="R179" s="10" t="s">
        <v>55</v>
      </c>
      <c r="S179" s="10" t="s">
        <v>55</v>
      </c>
      <c r="T179" s="10" t="s">
        <v>55</v>
      </c>
      <c r="U179" s="10" t="s">
        <v>55</v>
      </c>
      <c r="V179" s="10" t="s">
        <v>55</v>
      </c>
      <c r="W179" s="6">
        <v>72</v>
      </c>
      <c r="X179" s="10" t="s">
        <v>55</v>
      </c>
      <c r="Y179" s="10" t="s">
        <v>55</v>
      </c>
      <c r="Z179" s="10" t="s">
        <v>55</v>
      </c>
      <c r="AA179" s="10" t="s">
        <v>55</v>
      </c>
      <c r="AB179" s="10" t="s">
        <v>55</v>
      </c>
    </row>
    <row r="180" spans="1:28">
      <c r="A180" s="9" t="s">
        <v>56</v>
      </c>
      <c r="B180" s="9" t="s">
        <v>57</v>
      </c>
      <c r="C180" s="9" t="s">
        <v>81</v>
      </c>
      <c r="D180" s="9"/>
      <c r="E180" s="9" t="s">
        <v>57</v>
      </c>
      <c r="F180" s="9" t="s">
        <v>81</v>
      </c>
      <c r="G180" s="9" t="s">
        <v>82</v>
      </c>
      <c r="H180" s="9" t="s">
        <v>104</v>
      </c>
      <c r="I180" s="9" t="s">
        <v>53</v>
      </c>
      <c r="J180" s="9" t="s">
        <v>38</v>
      </c>
      <c r="K180" s="6">
        <v>61</v>
      </c>
      <c r="L180" s="6">
        <v>2</v>
      </c>
      <c r="M180" s="6">
        <v>2</v>
      </c>
      <c r="N180" s="6">
        <v>2</v>
      </c>
      <c r="O180" s="10" t="s">
        <v>55</v>
      </c>
      <c r="P180" s="10" t="s">
        <v>55</v>
      </c>
      <c r="Q180" s="10" t="s">
        <v>55</v>
      </c>
      <c r="R180" s="10" t="s">
        <v>55</v>
      </c>
      <c r="S180" s="10" t="s">
        <v>55</v>
      </c>
      <c r="T180" s="10" t="s">
        <v>55</v>
      </c>
      <c r="U180" s="10" t="s">
        <v>55</v>
      </c>
      <c r="V180" s="10" t="s">
        <v>55</v>
      </c>
      <c r="W180" s="6">
        <v>59</v>
      </c>
      <c r="X180" s="10" t="s">
        <v>55</v>
      </c>
      <c r="Y180" s="10" t="s">
        <v>55</v>
      </c>
      <c r="Z180" s="10" t="s">
        <v>55</v>
      </c>
      <c r="AA180" s="10" t="s">
        <v>55</v>
      </c>
      <c r="AB180" s="10" t="s">
        <v>55</v>
      </c>
    </row>
    <row r="181" spans="1:28">
      <c r="A181" s="9" t="s">
        <v>56</v>
      </c>
      <c r="B181" s="9" t="s">
        <v>57</v>
      </c>
      <c r="C181" s="9" t="s">
        <v>81</v>
      </c>
      <c r="D181" s="9"/>
      <c r="E181" s="9" t="s">
        <v>57</v>
      </c>
      <c r="F181" s="9" t="s">
        <v>81</v>
      </c>
      <c r="G181" s="9" t="s">
        <v>82</v>
      </c>
      <c r="H181" s="9" t="s">
        <v>104</v>
      </c>
      <c r="I181" s="9" t="s">
        <v>53</v>
      </c>
      <c r="J181" s="9" t="s">
        <v>39</v>
      </c>
      <c r="K181" s="6">
        <v>62</v>
      </c>
      <c r="L181" s="6">
        <v>8</v>
      </c>
      <c r="M181" s="6">
        <v>8</v>
      </c>
      <c r="N181" s="6">
        <v>8</v>
      </c>
      <c r="O181" s="10" t="s">
        <v>55</v>
      </c>
      <c r="P181" s="10" t="s">
        <v>55</v>
      </c>
      <c r="Q181" s="10" t="s">
        <v>55</v>
      </c>
      <c r="R181" s="10" t="s">
        <v>55</v>
      </c>
      <c r="S181" s="6">
        <v>3</v>
      </c>
      <c r="T181" s="6">
        <v>1</v>
      </c>
      <c r="U181" s="10" t="s">
        <v>55</v>
      </c>
      <c r="V181" s="6">
        <v>2</v>
      </c>
      <c r="W181" s="6">
        <v>51</v>
      </c>
      <c r="X181" s="6">
        <v>6</v>
      </c>
      <c r="Y181" s="6">
        <v>6</v>
      </c>
      <c r="Z181" s="10" t="s">
        <v>55</v>
      </c>
      <c r="AA181" s="10" t="s">
        <v>55</v>
      </c>
      <c r="AB181" s="10" t="s">
        <v>55</v>
      </c>
    </row>
    <row r="182" spans="1:28">
      <c r="A182" s="9" t="s">
        <v>56</v>
      </c>
      <c r="B182" s="9" t="s">
        <v>57</v>
      </c>
      <c r="C182" s="9" t="s">
        <v>81</v>
      </c>
      <c r="D182" s="9"/>
      <c r="E182" s="9" t="s">
        <v>57</v>
      </c>
      <c r="F182" s="9" t="s">
        <v>81</v>
      </c>
      <c r="G182" s="9" t="s">
        <v>82</v>
      </c>
      <c r="H182" s="9" t="s">
        <v>104</v>
      </c>
      <c r="I182" s="9" t="s">
        <v>53</v>
      </c>
      <c r="J182" s="9" t="s">
        <v>40</v>
      </c>
      <c r="K182" s="6">
        <v>67</v>
      </c>
      <c r="L182" s="6">
        <v>8</v>
      </c>
      <c r="M182" s="6">
        <v>8</v>
      </c>
      <c r="N182" s="6">
        <v>8</v>
      </c>
      <c r="O182" s="10" t="s">
        <v>55</v>
      </c>
      <c r="P182" s="10" t="s">
        <v>55</v>
      </c>
      <c r="Q182" s="10" t="s">
        <v>55</v>
      </c>
      <c r="R182" s="10" t="s">
        <v>55</v>
      </c>
      <c r="S182" s="6">
        <v>8</v>
      </c>
      <c r="T182" s="6">
        <v>1</v>
      </c>
      <c r="U182" s="10" t="s">
        <v>55</v>
      </c>
      <c r="V182" s="6">
        <v>7</v>
      </c>
      <c r="W182" s="6">
        <v>51</v>
      </c>
      <c r="X182" s="6">
        <v>7</v>
      </c>
      <c r="Y182" s="6">
        <v>7</v>
      </c>
      <c r="Z182" s="10" t="s">
        <v>55</v>
      </c>
      <c r="AA182" s="10" t="s">
        <v>55</v>
      </c>
      <c r="AB182" s="10" t="s">
        <v>55</v>
      </c>
    </row>
    <row r="183" spans="1:28">
      <c r="A183" s="9" t="s">
        <v>56</v>
      </c>
      <c r="B183" s="9" t="s">
        <v>57</v>
      </c>
      <c r="C183" s="9" t="s">
        <v>81</v>
      </c>
      <c r="D183" s="9"/>
      <c r="E183" s="9" t="s">
        <v>57</v>
      </c>
      <c r="F183" s="9" t="s">
        <v>81</v>
      </c>
      <c r="G183" s="9" t="s">
        <v>82</v>
      </c>
      <c r="H183" s="9" t="s">
        <v>104</v>
      </c>
      <c r="I183" s="9" t="s">
        <v>53</v>
      </c>
      <c r="J183" s="9" t="s">
        <v>41</v>
      </c>
      <c r="K183" s="6">
        <v>61</v>
      </c>
      <c r="L183" s="6">
        <v>4</v>
      </c>
      <c r="M183" s="6">
        <v>4</v>
      </c>
      <c r="N183" s="6">
        <v>4</v>
      </c>
      <c r="O183" s="10" t="s">
        <v>55</v>
      </c>
      <c r="P183" s="10" t="s">
        <v>55</v>
      </c>
      <c r="Q183" s="10" t="s">
        <v>55</v>
      </c>
      <c r="R183" s="10" t="s">
        <v>55</v>
      </c>
      <c r="S183" s="6">
        <v>15</v>
      </c>
      <c r="T183" s="6">
        <v>1</v>
      </c>
      <c r="U183" s="10" t="s">
        <v>55</v>
      </c>
      <c r="V183" s="6">
        <v>14</v>
      </c>
      <c r="W183" s="6">
        <v>42</v>
      </c>
      <c r="X183" s="6">
        <v>2</v>
      </c>
      <c r="Y183" s="6">
        <v>2</v>
      </c>
      <c r="Z183" s="10" t="s">
        <v>55</v>
      </c>
      <c r="AA183" s="10" t="s">
        <v>55</v>
      </c>
      <c r="AB183" s="10" t="s">
        <v>55</v>
      </c>
    </row>
    <row r="184" spans="1:28">
      <c r="A184" s="9" t="s">
        <v>56</v>
      </c>
      <c r="B184" s="9" t="s">
        <v>57</v>
      </c>
      <c r="C184" s="9" t="s">
        <v>81</v>
      </c>
      <c r="D184" s="9"/>
      <c r="E184" s="9" t="s">
        <v>57</v>
      </c>
      <c r="F184" s="9" t="s">
        <v>81</v>
      </c>
      <c r="G184" s="9" t="s">
        <v>82</v>
      </c>
      <c r="H184" s="9" t="s">
        <v>104</v>
      </c>
      <c r="I184" s="9" t="s">
        <v>53</v>
      </c>
      <c r="J184" s="9" t="s">
        <v>42</v>
      </c>
      <c r="K184" s="6">
        <v>44</v>
      </c>
      <c r="L184" s="6">
        <v>1</v>
      </c>
      <c r="M184" s="6">
        <v>1</v>
      </c>
      <c r="N184" s="6">
        <v>1</v>
      </c>
      <c r="O184" s="10" t="s">
        <v>55</v>
      </c>
      <c r="P184" s="10" t="s">
        <v>55</v>
      </c>
      <c r="Q184" s="10" t="s">
        <v>55</v>
      </c>
      <c r="R184" s="10" t="s">
        <v>55</v>
      </c>
      <c r="S184" s="6">
        <v>20</v>
      </c>
      <c r="T184" s="6">
        <v>1</v>
      </c>
      <c r="U184" s="10" t="s">
        <v>55</v>
      </c>
      <c r="V184" s="6">
        <v>19</v>
      </c>
      <c r="W184" s="6">
        <v>23</v>
      </c>
      <c r="X184" s="6">
        <v>1</v>
      </c>
      <c r="Y184" s="6">
        <v>1</v>
      </c>
      <c r="Z184" s="10" t="s">
        <v>55</v>
      </c>
      <c r="AA184" s="10" t="s">
        <v>55</v>
      </c>
      <c r="AB184" s="10" t="s">
        <v>55</v>
      </c>
    </row>
    <row r="185" spans="1:28">
      <c r="A185" s="9" t="s">
        <v>56</v>
      </c>
      <c r="B185" s="9" t="s">
        <v>57</v>
      </c>
      <c r="C185" s="9" t="s">
        <v>81</v>
      </c>
      <c r="D185" s="9"/>
      <c r="E185" s="9" t="s">
        <v>57</v>
      </c>
      <c r="F185" s="9" t="s">
        <v>81</v>
      </c>
      <c r="G185" s="9" t="s">
        <v>82</v>
      </c>
      <c r="H185" s="9" t="s">
        <v>104</v>
      </c>
      <c r="I185" s="9" t="s">
        <v>53</v>
      </c>
      <c r="J185" s="9" t="s">
        <v>43</v>
      </c>
      <c r="K185" s="6">
        <v>36</v>
      </c>
      <c r="L185" s="10" t="s">
        <v>55</v>
      </c>
      <c r="M185" s="10" t="s">
        <v>55</v>
      </c>
      <c r="N185" s="10" t="s">
        <v>55</v>
      </c>
      <c r="O185" s="10" t="s">
        <v>55</v>
      </c>
      <c r="P185" s="10" t="s">
        <v>55</v>
      </c>
      <c r="Q185" s="10" t="s">
        <v>55</v>
      </c>
      <c r="R185" s="10" t="s">
        <v>55</v>
      </c>
      <c r="S185" s="6">
        <v>15</v>
      </c>
      <c r="T185" s="10" t="s">
        <v>55</v>
      </c>
      <c r="U185" s="10" t="s">
        <v>55</v>
      </c>
      <c r="V185" s="6">
        <v>15</v>
      </c>
      <c r="W185" s="6">
        <v>21</v>
      </c>
      <c r="X185" s="10" t="s">
        <v>55</v>
      </c>
      <c r="Y185" s="10" t="s">
        <v>55</v>
      </c>
      <c r="Z185" s="10" t="s">
        <v>55</v>
      </c>
      <c r="AA185" s="10" t="s">
        <v>55</v>
      </c>
      <c r="AB185" s="10" t="s">
        <v>55</v>
      </c>
    </row>
    <row r="186" spans="1:28">
      <c r="A186" s="9" t="s">
        <v>56</v>
      </c>
      <c r="B186" s="9" t="s">
        <v>57</v>
      </c>
      <c r="C186" s="9" t="s">
        <v>81</v>
      </c>
      <c r="D186" s="9"/>
      <c r="E186" s="9" t="s">
        <v>57</v>
      </c>
      <c r="F186" s="9" t="s">
        <v>81</v>
      </c>
      <c r="G186" s="9" t="s">
        <v>82</v>
      </c>
      <c r="H186" s="9" t="s">
        <v>104</v>
      </c>
      <c r="I186" s="9" t="s">
        <v>53</v>
      </c>
      <c r="J186" s="9" t="s">
        <v>44</v>
      </c>
      <c r="K186" s="6">
        <v>27</v>
      </c>
      <c r="L186" s="10" t="s">
        <v>55</v>
      </c>
      <c r="M186" s="10" t="s">
        <v>55</v>
      </c>
      <c r="N186" s="10" t="s">
        <v>55</v>
      </c>
      <c r="O186" s="10" t="s">
        <v>55</v>
      </c>
      <c r="P186" s="10" t="s">
        <v>55</v>
      </c>
      <c r="Q186" s="10" t="s">
        <v>55</v>
      </c>
      <c r="R186" s="10" t="s">
        <v>55</v>
      </c>
      <c r="S186" s="6">
        <v>20</v>
      </c>
      <c r="T186" s="6">
        <v>1</v>
      </c>
      <c r="U186" s="10" t="s">
        <v>55</v>
      </c>
      <c r="V186" s="6">
        <v>19</v>
      </c>
      <c r="W186" s="6">
        <v>7</v>
      </c>
      <c r="X186" s="10" t="s">
        <v>55</v>
      </c>
      <c r="Y186" s="10" t="s">
        <v>55</v>
      </c>
      <c r="Z186" s="10" t="s">
        <v>55</v>
      </c>
      <c r="AA186" s="10" t="s">
        <v>55</v>
      </c>
      <c r="AB186" s="10" t="s">
        <v>55</v>
      </c>
    </row>
    <row r="187" spans="1:28">
      <c r="A187" s="9" t="s">
        <v>56</v>
      </c>
      <c r="B187" s="9" t="s">
        <v>57</v>
      </c>
      <c r="C187" s="9" t="s">
        <v>81</v>
      </c>
      <c r="D187" s="9"/>
      <c r="E187" s="9" t="s">
        <v>57</v>
      </c>
      <c r="F187" s="9" t="s">
        <v>81</v>
      </c>
      <c r="G187" s="9" t="s">
        <v>82</v>
      </c>
      <c r="H187" s="9" t="s">
        <v>104</v>
      </c>
      <c r="I187" s="9" t="s">
        <v>53</v>
      </c>
      <c r="J187" s="9" t="s">
        <v>45</v>
      </c>
      <c r="K187" s="6">
        <v>30</v>
      </c>
      <c r="L187" s="6">
        <v>1</v>
      </c>
      <c r="M187" s="6">
        <v>1</v>
      </c>
      <c r="N187" s="10" t="s">
        <v>55</v>
      </c>
      <c r="O187" s="6">
        <v>1</v>
      </c>
      <c r="P187" s="10" t="s">
        <v>55</v>
      </c>
      <c r="Q187" s="10" t="s">
        <v>55</v>
      </c>
      <c r="R187" s="10" t="s">
        <v>55</v>
      </c>
      <c r="S187" s="6">
        <v>24</v>
      </c>
      <c r="T187" s="10" t="s">
        <v>55</v>
      </c>
      <c r="U187" s="10" t="s">
        <v>55</v>
      </c>
      <c r="V187" s="6">
        <v>24</v>
      </c>
      <c r="W187" s="6">
        <v>5</v>
      </c>
      <c r="X187" s="10" t="s">
        <v>55</v>
      </c>
      <c r="Y187" s="10" t="s">
        <v>55</v>
      </c>
      <c r="Z187" s="10" t="s">
        <v>55</v>
      </c>
      <c r="AA187" s="10" t="s">
        <v>55</v>
      </c>
      <c r="AB187" s="10" t="s">
        <v>55</v>
      </c>
    </row>
    <row r="188" spans="1:28">
      <c r="A188" s="9" t="s">
        <v>56</v>
      </c>
      <c r="B188" s="9" t="s">
        <v>57</v>
      </c>
      <c r="C188" s="9" t="s">
        <v>81</v>
      </c>
      <c r="D188" s="9"/>
      <c r="E188" s="9" t="s">
        <v>57</v>
      </c>
      <c r="F188" s="9" t="s">
        <v>81</v>
      </c>
      <c r="G188" s="9" t="s">
        <v>82</v>
      </c>
      <c r="H188" s="9" t="s">
        <v>104</v>
      </c>
      <c r="I188" s="9" t="s">
        <v>53</v>
      </c>
      <c r="J188" s="9" t="s">
        <v>46</v>
      </c>
      <c r="K188" s="6">
        <v>11</v>
      </c>
      <c r="L188" s="10" t="s">
        <v>55</v>
      </c>
      <c r="M188" s="10" t="s">
        <v>55</v>
      </c>
      <c r="N188" s="10" t="s">
        <v>55</v>
      </c>
      <c r="O188" s="10" t="s">
        <v>55</v>
      </c>
      <c r="P188" s="10" t="s">
        <v>55</v>
      </c>
      <c r="Q188" s="10" t="s">
        <v>55</v>
      </c>
      <c r="R188" s="10" t="s">
        <v>55</v>
      </c>
      <c r="S188" s="6">
        <v>10</v>
      </c>
      <c r="T188" s="10" t="s">
        <v>55</v>
      </c>
      <c r="U188" s="10" t="s">
        <v>55</v>
      </c>
      <c r="V188" s="6">
        <v>10</v>
      </c>
      <c r="W188" s="6">
        <v>1</v>
      </c>
      <c r="X188" s="10" t="s">
        <v>55</v>
      </c>
      <c r="Y188" s="10" t="s">
        <v>55</v>
      </c>
      <c r="Z188" s="10" t="s">
        <v>55</v>
      </c>
      <c r="AA188" s="10" t="s">
        <v>55</v>
      </c>
      <c r="AB188" s="10" t="s">
        <v>55</v>
      </c>
    </row>
    <row r="189" spans="1:28">
      <c r="A189" s="9" t="s">
        <v>56</v>
      </c>
      <c r="B189" s="9" t="s">
        <v>57</v>
      </c>
      <c r="C189" s="9" t="s">
        <v>81</v>
      </c>
      <c r="D189" s="9"/>
      <c r="E189" s="9" t="s">
        <v>57</v>
      </c>
      <c r="F189" s="9" t="s">
        <v>81</v>
      </c>
      <c r="G189" s="9" t="s">
        <v>82</v>
      </c>
      <c r="H189" s="9" t="s">
        <v>104</v>
      </c>
      <c r="I189" s="9" t="s">
        <v>53</v>
      </c>
      <c r="J189" s="9" t="s">
        <v>47</v>
      </c>
      <c r="K189" s="6">
        <v>3</v>
      </c>
      <c r="L189" s="10" t="s">
        <v>55</v>
      </c>
      <c r="M189" s="10" t="s">
        <v>55</v>
      </c>
      <c r="N189" s="10" t="s">
        <v>55</v>
      </c>
      <c r="O189" s="10" t="s">
        <v>55</v>
      </c>
      <c r="P189" s="10" t="s">
        <v>55</v>
      </c>
      <c r="Q189" s="10" t="s">
        <v>55</v>
      </c>
      <c r="R189" s="10" t="s">
        <v>55</v>
      </c>
      <c r="S189" s="6">
        <v>3</v>
      </c>
      <c r="T189" s="10" t="s">
        <v>55</v>
      </c>
      <c r="U189" s="10" t="s">
        <v>55</v>
      </c>
      <c r="V189" s="6">
        <v>3</v>
      </c>
      <c r="W189" s="10" t="s">
        <v>55</v>
      </c>
      <c r="X189" s="10" t="s">
        <v>55</v>
      </c>
      <c r="Y189" s="10" t="s">
        <v>55</v>
      </c>
      <c r="Z189" s="10" t="s">
        <v>55</v>
      </c>
      <c r="AA189" s="10" t="s">
        <v>55</v>
      </c>
      <c r="AB189" s="10" t="s">
        <v>55</v>
      </c>
    </row>
    <row r="190" spans="1:28">
      <c r="A190" s="9" t="s">
        <v>56</v>
      </c>
      <c r="B190" s="9" t="s">
        <v>57</v>
      </c>
      <c r="C190" s="9" t="s">
        <v>81</v>
      </c>
      <c r="D190" s="9"/>
      <c r="E190" s="9" t="s">
        <v>57</v>
      </c>
      <c r="F190" s="9" t="s">
        <v>81</v>
      </c>
      <c r="G190" s="9" t="s">
        <v>82</v>
      </c>
      <c r="H190" s="9" t="s">
        <v>104</v>
      </c>
      <c r="I190" s="9" t="s">
        <v>53</v>
      </c>
      <c r="J190" s="9" t="s">
        <v>48</v>
      </c>
      <c r="K190" s="6">
        <v>670</v>
      </c>
      <c r="L190" s="6">
        <v>61</v>
      </c>
      <c r="M190" s="6">
        <v>61</v>
      </c>
      <c r="N190" s="6">
        <v>61</v>
      </c>
      <c r="O190" s="10" t="s">
        <v>55</v>
      </c>
      <c r="P190" s="10" t="s">
        <v>55</v>
      </c>
      <c r="Q190" s="10" t="s">
        <v>55</v>
      </c>
      <c r="R190" s="10" t="s">
        <v>55</v>
      </c>
      <c r="S190" s="6">
        <v>11</v>
      </c>
      <c r="T190" s="6">
        <v>2</v>
      </c>
      <c r="U190" s="10" t="s">
        <v>55</v>
      </c>
      <c r="V190" s="6">
        <v>9</v>
      </c>
      <c r="W190" s="6">
        <v>598</v>
      </c>
      <c r="X190" s="6">
        <v>32</v>
      </c>
      <c r="Y190" s="6">
        <v>32</v>
      </c>
      <c r="Z190" s="10" t="s">
        <v>55</v>
      </c>
      <c r="AA190" s="10" t="s">
        <v>55</v>
      </c>
      <c r="AB190" s="10" t="s">
        <v>55</v>
      </c>
    </row>
    <row r="191" spans="1:28">
      <c r="A191" s="9" t="s">
        <v>56</v>
      </c>
      <c r="B191" s="9" t="s">
        <v>57</v>
      </c>
      <c r="C191" s="9" t="s">
        <v>81</v>
      </c>
      <c r="D191" s="9"/>
      <c r="E191" s="9" t="s">
        <v>57</v>
      </c>
      <c r="F191" s="9" t="s">
        <v>81</v>
      </c>
      <c r="G191" s="9" t="s">
        <v>82</v>
      </c>
      <c r="H191" s="9" t="s">
        <v>104</v>
      </c>
      <c r="I191" s="9" t="s">
        <v>53</v>
      </c>
      <c r="J191" s="9" t="s">
        <v>49</v>
      </c>
      <c r="K191" s="6">
        <v>212</v>
      </c>
      <c r="L191" s="6">
        <v>6</v>
      </c>
      <c r="M191" s="6">
        <v>6</v>
      </c>
      <c r="N191" s="6">
        <v>5</v>
      </c>
      <c r="O191" s="6">
        <v>1</v>
      </c>
      <c r="P191" s="10" t="s">
        <v>55</v>
      </c>
      <c r="Q191" s="10" t="s">
        <v>55</v>
      </c>
      <c r="R191" s="10" t="s">
        <v>55</v>
      </c>
      <c r="S191" s="6">
        <v>107</v>
      </c>
      <c r="T191" s="6">
        <v>3</v>
      </c>
      <c r="U191" s="10" t="s">
        <v>55</v>
      </c>
      <c r="V191" s="6">
        <v>104</v>
      </c>
      <c r="W191" s="6">
        <v>99</v>
      </c>
      <c r="X191" s="6">
        <v>3</v>
      </c>
      <c r="Y191" s="6">
        <v>3</v>
      </c>
      <c r="Z191" s="10" t="s">
        <v>55</v>
      </c>
      <c r="AA191" s="10" t="s">
        <v>55</v>
      </c>
      <c r="AB191" s="10" t="s">
        <v>55</v>
      </c>
    </row>
    <row r="192" spans="1:28">
      <c r="A192" s="9" t="s">
        <v>56</v>
      </c>
      <c r="B192" s="9" t="s">
        <v>57</v>
      </c>
      <c r="C192" s="9" t="s">
        <v>81</v>
      </c>
      <c r="D192" s="9"/>
      <c r="E192" s="9" t="s">
        <v>57</v>
      </c>
      <c r="F192" s="9" t="s">
        <v>81</v>
      </c>
      <c r="G192" s="9" t="s">
        <v>82</v>
      </c>
      <c r="H192" s="9" t="s">
        <v>104</v>
      </c>
      <c r="I192" s="9" t="s">
        <v>53</v>
      </c>
      <c r="J192" s="9" t="s">
        <v>50</v>
      </c>
      <c r="K192" s="6">
        <v>107</v>
      </c>
      <c r="L192" s="6">
        <v>1</v>
      </c>
      <c r="M192" s="6">
        <v>1</v>
      </c>
      <c r="N192" s="10" t="s">
        <v>55</v>
      </c>
      <c r="O192" s="6">
        <v>1</v>
      </c>
      <c r="P192" s="10" t="s">
        <v>55</v>
      </c>
      <c r="Q192" s="10" t="s">
        <v>55</v>
      </c>
      <c r="R192" s="10" t="s">
        <v>55</v>
      </c>
      <c r="S192" s="6">
        <v>72</v>
      </c>
      <c r="T192" s="6">
        <v>1</v>
      </c>
      <c r="U192" s="10" t="s">
        <v>55</v>
      </c>
      <c r="V192" s="6">
        <v>71</v>
      </c>
      <c r="W192" s="6">
        <v>34</v>
      </c>
      <c r="X192" s="10" t="s">
        <v>55</v>
      </c>
      <c r="Y192" s="10" t="s">
        <v>55</v>
      </c>
      <c r="Z192" s="10" t="s">
        <v>55</v>
      </c>
      <c r="AA192" s="10" t="s">
        <v>55</v>
      </c>
      <c r="AB192" s="10" t="s">
        <v>55</v>
      </c>
    </row>
    <row r="193" spans="1:28">
      <c r="A193" s="9" t="s">
        <v>56</v>
      </c>
      <c r="B193" s="9" t="s">
        <v>57</v>
      </c>
      <c r="C193" s="9" t="s">
        <v>81</v>
      </c>
      <c r="D193" s="9"/>
      <c r="E193" s="9" t="s">
        <v>57</v>
      </c>
      <c r="F193" s="9" t="s">
        <v>81</v>
      </c>
      <c r="G193" s="9" t="s">
        <v>82</v>
      </c>
      <c r="H193" s="9" t="s">
        <v>104</v>
      </c>
      <c r="I193" s="9" t="s">
        <v>53</v>
      </c>
      <c r="J193" s="9" t="s">
        <v>51</v>
      </c>
      <c r="K193" s="6">
        <v>44</v>
      </c>
      <c r="L193" s="6">
        <v>1</v>
      </c>
      <c r="M193" s="6">
        <v>1</v>
      </c>
      <c r="N193" s="10" t="s">
        <v>55</v>
      </c>
      <c r="O193" s="6">
        <v>1</v>
      </c>
      <c r="P193" s="10" t="s">
        <v>55</v>
      </c>
      <c r="Q193" s="10" t="s">
        <v>55</v>
      </c>
      <c r="R193" s="10" t="s">
        <v>55</v>
      </c>
      <c r="S193" s="6">
        <v>37</v>
      </c>
      <c r="T193" s="10" t="s">
        <v>55</v>
      </c>
      <c r="U193" s="10" t="s">
        <v>55</v>
      </c>
      <c r="V193" s="6">
        <v>37</v>
      </c>
      <c r="W193" s="6">
        <v>6</v>
      </c>
      <c r="X193" s="10" t="s">
        <v>55</v>
      </c>
      <c r="Y193" s="10" t="s">
        <v>55</v>
      </c>
      <c r="Z193" s="10" t="s">
        <v>55</v>
      </c>
      <c r="AA193" s="10" t="s">
        <v>55</v>
      </c>
      <c r="AB193" s="10" t="s">
        <v>55</v>
      </c>
    </row>
    <row r="194" spans="1:28">
      <c r="A194" s="9" t="s">
        <v>56</v>
      </c>
      <c r="B194" s="9" t="s">
        <v>57</v>
      </c>
      <c r="C194" s="9" t="s">
        <v>81</v>
      </c>
      <c r="D194" s="9"/>
      <c r="E194" s="9" t="s">
        <v>57</v>
      </c>
      <c r="F194" s="9" t="s">
        <v>81</v>
      </c>
      <c r="G194" s="9" t="s">
        <v>82</v>
      </c>
      <c r="H194" s="9" t="s">
        <v>104</v>
      </c>
      <c r="I194" s="9" t="s">
        <v>53</v>
      </c>
      <c r="J194" s="9" t="s">
        <v>52</v>
      </c>
      <c r="K194" s="6">
        <v>724</v>
      </c>
      <c r="L194" s="6">
        <v>63</v>
      </c>
      <c r="M194" s="6">
        <v>63</v>
      </c>
      <c r="N194" s="6">
        <v>63</v>
      </c>
      <c r="O194" s="10" t="s">
        <v>55</v>
      </c>
      <c r="P194" s="10" t="s">
        <v>55</v>
      </c>
      <c r="Q194" s="10" t="s">
        <v>55</v>
      </c>
      <c r="R194" s="10" t="s">
        <v>55</v>
      </c>
      <c r="S194" s="6">
        <v>26</v>
      </c>
      <c r="T194" s="6">
        <v>3</v>
      </c>
      <c r="U194" s="10" t="s">
        <v>55</v>
      </c>
      <c r="V194" s="6">
        <v>23</v>
      </c>
      <c r="W194" s="6">
        <v>635</v>
      </c>
      <c r="X194" s="6">
        <v>34</v>
      </c>
      <c r="Y194" s="6">
        <v>34</v>
      </c>
      <c r="Z194" s="10" t="s">
        <v>55</v>
      </c>
      <c r="AA194" s="10" t="s">
        <v>55</v>
      </c>
      <c r="AB194" s="10" t="s">
        <v>55</v>
      </c>
    </row>
    <row r="195" spans="1:28">
      <c r="A195" s="9" t="s">
        <v>56</v>
      </c>
      <c r="B195" s="9" t="s">
        <v>57</v>
      </c>
      <c r="C195" s="9" t="s">
        <v>81</v>
      </c>
      <c r="D195" s="9"/>
      <c r="E195" s="9" t="s">
        <v>57</v>
      </c>
      <c r="F195" s="9" t="s">
        <v>81</v>
      </c>
      <c r="G195" s="9" t="s">
        <v>82</v>
      </c>
      <c r="H195" s="9" t="s">
        <v>104</v>
      </c>
      <c r="I195" s="9" t="s">
        <v>54</v>
      </c>
      <c r="J195" s="9" t="s">
        <v>30</v>
      </c>
      <c r="K195" s="6">
        <v>1001</v>
      </c>
      <c r="L195" s="6">
        <v>66</v>
      </c>
      <c r="M195" s="6">
        <v>66</v>
      </c>
      <c r="N195" s="6">
        <v>62</v>
      </c>
      <c r="O195" s="6">
        <v>3</v>
      </c>
      <c r="P195" s="10" t="s">
        <v>55</v>
      </c>
      <c r="Q195" s="6">
        <v>1</v>
      </c>
      <c r="R195" s="10" t="s">
        <v>55</v>
      </c>
      <c r="S195" s="6">
        <v>312</v>
      </c>
      <c r="T195" s="6">
        <v>21</v>
      </c>
      <c r="U195" s="10" t="s">
        <v>55</v>
      </c>
      <c r="V195" s="6">
        <v>291</v>
      </c>
      <c r="W195" s="6">
        <v>623</v>
      </c>
      <c r="X195" s="6">
        <v>40</v>
      </c>
      <c r="Y195" s="6">
        <v>37</v>
      </c>
      <c r="Z195" s="6">
        <v>2</v>
      </c>
      <c r="AA195" s="10" t="s">
        <v>55</v>
      </c>
      <c r="AB195" s="6">
        <v>1</v>
      </c>
    </row>
    <row r="196" spans="1:28">
      <c r="A196" s="9" t="s">
        <v>56</v>
      </c>
      <c r="B196" s="9" t="s">
        <v>57</v>
      </c>
      <c r="C196" s="9" t="s">
        <v>81</v>
      </c>
      <c r="D196" s="9"/>
      <c r="E196" s="9" t="s">
        <v>57</v>
      </c>
      <c r="F196" s="9" t="s">
        <v>81</v>
      </c>
      <c r="G196" s="9" t="s">
        <v>82</v>
      </c>
      <c r="H196" s="9" t="s">
        <v>104</v>
      </c>
      <c r="I196" s="9" t="s">
        <v>54</v>
      </c>
      <c r="J196" s="9" t="s">
        <v>31</v>
      </c>
      <c r="K196" s="6">
        <v>3</v>
      </c>
      <c r="L196" s="10" t="s">
        <v>55</v>
      </c>
      <c r="M196" s="10" t="s">
        <v>55</v>
      </c>
      <c r="N196" s="10" t="s">
        <v>55</v>
      </c>
      <c r="O196" s="10" t="s">
        <v>55</v>
      </c>
      <c r="P196" s="10" t="s">
        <v>55</v>
      </c>
      <c r="Q196" s="10" t="s">
        <v>55</v>
      </c>
      <c r="R196" s="10" t="s">
        <v>55</v>
      </c>
      <c r="S196" s="10" t="s">
        <v>55</v>
      </c>
      <c r="T196" s="10" t="s">
        <v>55</v>
      </c>
      <c r="U196" s="10" t="s">
        <v>55</v>
      </c>
      <c r="V196" s="10" t="s">
        <v>55</v>
      </c>
      <c r="W196" s="6">
        <v>3</v>
      </c>
      <c r="X196" s="10" t="s">
        <v>55</v>
      </c>
      <c r="Y196" s="10" t="s">
        <v>55</v>
      </c>
      <c r="Z196" s="10" t="s">
        <v>55</v>
      </c>
      <c r="AA196" s="10" t="s">
        <v>55</v>
      </c>
      <c r="AB196" s="10" t="s">
        <v>55</v>
      </c>
    </row>
    <row r="197" spans="1:28">
      <c r="A197" s="9" t="s">
        <v>56</v>
      </c>
      <c r="B197" s="9" t="s">
        <v>57</v>
      </c>
      <c r="C197" s="9" t="s">
        <v>81</v>
      </c>
      <c r="D197" s="9"/>
      <c r="E197" s="9" t="s">
        <v>57</v>
      </c>
      <c r="F197" s="9" t="s">
        <v>81</v>
      </c>
      <c r="G197" s="9" t="s">
        <v>82</v>
      </c>
      <c r="H197" s="9" t="s">
        <v>104</v>
      </c>
      <c r="I197" s="9" t="s">
        <v>54</v>
      </c>
      <c r="J197" s="9" t="s">
        <v>32</v>
      </c>
      <c r="K197" s="6">
        <v>60</v>
      </c>
      <c r="L197" s="6">
        <v>9</v>
      </c>
      <c r="M197" s="6">
        <v>9</v>
      </c>
      <c r="N197" s="6">
        <v>9</v>
      </c>
      <c r="O197" s="10" t="s">
        <v>55</v>
      </c>
      <c r="P197" s="10" t="s">
        <v>55</v>
      </c>
      <c r="Q197" s="10" t="s">
        <v>55</v>
      </c>
      <c r="R197" s="10" t="s">
        <v>55</v>
      </c>
      <c r="S197" s="10" t="s">
        <v>55</v>
      </c>
      <c r="T197" s="10" t="s">
        <v>55</v>
      </c>
      <c r="U197" s="10" t="s">
        <v>55</v>
      </c>
      <c r="V197" s="10" t="s">
        <v>55</v>
      </c>
      <c r="W197" s="6">
        <v>51</v>
      </c>
      <c r="X197" s="6">
        <v>6</v>
      </c>
      <c r="Y197" s="6">
        <v>6</v>
      </c>
      <c r="Z197" s="10" t="s">
        <v>55</v>
      </c>
      <c r="AA197" s="10" t="s">
        <v>55</v>
      </c>
      <c r="AB197" s="10" t="s">
        <v>55</v>
      </c>
    </row>
    <row r="198" spans="1:28">
      <c r="A198" s="9" t="s">
        <v>56</v>
      </c>
      <c r="B198" s="9" t="s">
        <v>57</v>
      </c>
      <c r="C198" s="9" t="s">
        <v>81</v>
      </c>
      <c r="D198" s="9"/>
      <c r="E198" s="9" t="s">
        <v>57</v>
      </c>
      <c r="F198" s="9" t="s">
        <v>81</v>
      </c>
      <c r="G198" s="9" t="s">
        <v>82</v>
      </c>
      <c r="H198" s="9" t="s">
        <v>104</v>
      </c>
      <c r="I198" s="9" t="s">
        <v>54</v>
      </c>
      <c r="J198" s="9" t="s">
        <v>33</v>
      </c>
      <c r="K198" s="6">
        <v>87</v>
      </c>
      <c r="L198" s="6">
        <v>13</v>
      </c>
      <c r="M198" s="6">
        <v>13</v>
      </c>
      <c r="N198" s="6">
        <v>13</v>
      </c>
      <c r="O198" s="10" t="s">
        <v>55</v>
      </c>
      <c r="P198" s="10" t="s">
        <v>55</v>
      </c>
      <c r="Q198" s="10" t="s">
        <v>55</v>
      </c>
      <c r="R198" s="10" t="s">
        <v>55</v>
      </c>
      <c r="S198" s="10" t="s">
        <v>55</v>
      </c>
      <c r="T198" s="10" t="s">
        <v>55</v>
      </c>
      <c r="U198" s="10" t="s">
        <v>55</v>
      </c>
      <c r="V198" s="10" t="s">
        <v>55</v>
      </c>
      <c r="W198" s="6">
        <v>74</v>
      </c>
      <c r="X198" s="6">
        <v>6</v>
      </c>
      <c r="Y198" s="6">
        <v>6</v>
      </c>
      <c r="Z198" s="10" t="s">
        <v>55</v>
      </c>
      <c r="AA198" s="10" t="s">
        <v>55</v>
      </c>
      <c r="AB198" s="10" t="s">
        <v>55</v>
      </c>
    </row>
    <row r="199" spans="1:28">
      <c r="A199" s="9" t="s">
        <v>56</v>
      </c>
      <c r="B199" s="9" t="s">
        <v>57</v>
      </c>
      <c r="C199" s="9" t="s">
        <v>81</v>
      </c>
      <c r="D199" s="9"/>
      <c r="E199" s="9" t="s">
        <v>57</v>
      </c>
      <c r="F199" s="9" t="s">
        <v>81</v>
      </c>
      <c r="G199" s="9" t="s">
        <v>82</v>
      </c>
      <c r="H199" s="9" t="s">
        <v>104</v>
      </c>
      <c r="I199" s="9" t="s">
        <v>54</v>
      </c>
      <c r="J199" s="9" t="s">
        <v>34</v>
      </c>
      <c r="K199" s="6">
        <v>71</v>
      </c>
      <c r="L199" s="6">
        <v>6</v>
      </c>
      <c r="M199" s="6">
        <v>6</v>
      </c>
      <c r="N199" s="6">
        <v>6</v>
      </c>
      <c r="O199" s="10" t="s">
        <v>55</v>
      </c>
      <c r="P199" s="10" t="s">
        <v>55</v>
      </c>
      <c r="Q199" s="10" t="s">
        <v>55</v>
      </c>
      <c r="R199" s="10" t="s">
        <v>55</v>
      </c>
      <c r="S199" s="10" t="s">
        <v>55</v>
      </c>
      <c r="T199" s="10" t="s">
        <v>55</v>
      </c>
      <c r="U199" s="10" t="s">
        <v>55</v>
      </c>
      <c r="V199" s="10" t="s">
        <v>55</v>
      </c>
      <c r="W199" s="6">
        <v>65</v>
      </c>
      <c r="X199" s="6">
        <v>3</v>
      </c>
      <c r="Y199" s="6">
        <v>3</v>
      </c>
      <c r="Z199" s="10" t="s">
        <v>55</v>
      </c>
      <c r="AA199" s="10" t="s">
        <v>55</v>
      </c>
      <c r="AB199" s="10" t="s">
        <v>55</v>
      </c>
    </row>
    <row r="200" spans="1:28">
      <c r="A200" s="9" t="s">
        <v>56</v>
      </c>
      <c r="B200" s="9" t="s">
        <v>57</v>
      </c>
      <c r="C200" s="9" t="s">
        <v>81</v>
      </c>
      <c r="D200" s="9"/>
      <c r="E200" s="9" t="s">
        <v>57</v>
      </c>
      <c r="F200" s="9" t="s">
        <v>81</v>
      </c>
      <c r="G200" s="9" t="s">
        <v>82</v>
      </c>
      <c r="H200" s="9" t="s">
        <v>104</v>
      </c>
      <c r="I200" s="9" t="s">
        <v>54</v>
      </c>
      <c r="J200" s="9" t="s">
        <v>35</v>
      </c>
      <c r="K200" s="6">
        <v>69</v>
      </c>
      <c r="L200" s="6">
        <v>9</v>
      </c>
      <c r="M200" s="6">
        <v>9</v>
      </c>
      <c r="N200" s="6">
        <v>9</v>
      </c>
      <c r="O200" s="10" t="s">
        <v>55</v>
      </c>
      <c r="P200" s="10" t="s">
        <v>55</v>
      </c>
      <c r="Q200" s="10" t="s">
        <v>55</v>
      </c>
      <c r="R200" s="10" t="s">
        <v>55</v>
      </c>
      <c r="S200" s="10" t="s">
        <v>55</v>
      </c>
      <c r="T200" s="10" t="s">
        <v>55</v>
      </c>
      <c r="U200" s="10" t="s">
        <v>55</v>
      </c>
      <c r="V200" s="10" t="s">
        <v>55</v>
      </c>
      <c r="W200" s="6">
        <v>60</v>
      </c>
      <c r="X200" s="6">
        <v>4</v>
      </c>
      <c r="Y200" s="6">
        <v>4</v>
      </c>
      <c r="Z200" s="10" t="s">
        <v>55</v>
      </c>
      <c r="AA200" s="10" t="s">
        <v>55</v>
      </c>
      <c r="AB200" s="10" t="s">
        <v>55</v>
      </c>
    </row>
    <row r="201" spans="1:28">
      <c r="A201" s="9" t="s">
        <v>56</v>
      </c>
      <c r="B201" s="9" t="s">
        <v>57</v>
      </c>
      <c r="C201" s="9" t="s">
        <v>81</v>
      </c>
      <c r="D201" s="9"/>
      <c r="E201" s="9" t="s">
        <v>57</v>
      </c>
      <c r="F201" s="9" t="s">
        <v>81</v>
      </c>
      <c r="G201" s="9" t="s">
        <v>82</v>
      </c>
      <c r="H201" s="9" t="s">
        <v>104</v>
      </c>
      <c r="I201" s="9" t="s">
        <v>54</v>
      </c>
      <c r="J201" s="9" t="s">
        <v>36</v>
      </c>
      <c r="K201" s="6">
        <v>77</v>
      </c>
      <c r="L201" s="6">
        <v>9</v>
      </c>
      <c r="M201" s="6">
        <v>9</v>
      </c>
      <c r="N201" s="6">
        <v>9</v>
      </c>
      <c r="O201" s="10" t="s">
        <v>55</v>
      </c>
      <c r="P201" s="10" t="s">
        <v>55</v>
      </c>
      <c r="Q201" s="10" t="s">
        <v>55</v>
      </c>
      <c r="R201" s="10" t="s">
        <v>55</v>
      </c>
      <c r="S201" s="6">
        <v>1</v>
      </c>
      <c r="T201" s="10" t="s">
        <v>55</v>
      </c>
      <c r="U201" s="10" t="s">
        <v>55</v>
      </c>
      <c r="V201" s="6">
        <v>1</v>
      </c>
      <c r="W201" s="6">
        <v>67</v>
      </c>
      <c r="X201" s="6">
        <v>6</v>
      </c>
      <c r="Y201" s="6">
        <v>6</v>
      </c>
      <c r="Z201" s="10" t="s">
        <v>55</v>
      </c>
      <c r="AA201" s="10" t="s">
        <v>55</v>
      </c>
      <c r="AB201" s="10" t="s">
        <v>55</v>
      </c>
    </row>
    <row r="202" spans="1:28">
      <c r="A202" s="9" t="s">
        <v>56</v>
      </c>
      <c r="B202" s="9" t="s">
        <v>57</v>
      </c>
      <c r="C202" s="9" t="s">
        <v>81</v>
      </c>
      <c r="D202" s="9"/>
      <c r="E202" s="9" t="s">
        <v>57</v>
      </c>
      <c r="F202" s="9" t="s">
        <v>81</v>
      </c>
      <c r="G202" s="9" t="s">
        <v>82</v>
      </c>
      <c r="H202" s="9" t="s">
        <v>104</v>
      </c>
      <c r="I202" s="9" t="s">
        <v>54</v>
      </c>
      <c r="J202" s="9" t="s">
        <v>37</v>
      </c>
      <c r="K202" s="6">
        <v>62</v>
      </c>
      <c r="L202" s="6">
        <v>4</v>
      </c>
      <c r="M202" s="6">
        <v>4</v>
      </c>
      <c r="N202" s="6">
        <v>3</v>
      </c>
      <c r="O202" s="10" t="s">
        <v>55</v>
      </c>
      <c r="P202" s="10" t="s">
        <v>55</v>
      </c>
      <c r="Q202" s="6">
        <v>1</v>
      </c>
      <c r="R202" s="10" t="s">
        <v>55</v>
      </c>
      <c r="S202" s="6">
        <v>1</v>
      </c>
      <c r="T202" s="10" t="s">
        <v>55</v>
      </c>
      <c r="U202" s="10" t="s">
        <v>55</v>
      </c>
      <c r="V202" s="6">
        <v>1</v>
      </c>
      <c r="W202" s="6">
        <v>57</v>
      </c>
      <c r="X202" s="6">
        <v>3</v>
      </c>
      <c r="Y202" s="6">
        <v>2</v>
      </c>
      <c r="Z202" s="10" t="s">
        <v>55</v>
      </c>
      <c r="AA202" s="10" t="s">
        <v>55</v>
      </c>
      <c r="AB202" s="6">
        <v>1</v>
      </c>
    </row>
    <row r="203" spans="1:28">
      <c r="A203" s="9" t="s">
        <v>56</v>
      </c>
      <c r="B203" s="9" t="s">
        <v>57</v>
      </c>
      <c r="C203" s="9" t="s">
        <v>81</v>
      </c>
      <c r="D203" s="9"/>
      <c r="E203" s="9" t="s">
        <v>57</v>
      </c>
      <c r="F203" s="9" t="s">
        <v>81</v>
      </c>
      <c r="G203" s="9" t="s">
        <v>82</v>
      </c>
      <c r="H203" s="9" t="s">
        <v>104</v>
      </c>
      <c r="I203" s="9" t="s">
        <v>54</v>
      </c>
      <c r="J203" s="9" t="s">
        <v>38</v>
      </c>
      <c r="K203" s="6">
        <v>44</v>
      </c>
      <c r="L203" s="6">
        <v>4</v>
      </c>
      <c r="M203" s="6">
        <v>4</v>
      </c>
      <c r="N203" s="6">
        <v>4</v>
      </c>
      <c r="O203" s="10" t="s">
        <v>55</v>
      </c>
      <c r="P203" s="10" t="s">
        <v>55</v>
      </c>
      <c r="Q203" s="10" t="s">
        <v>55</v>
      </c>
      <c r="R203" s="10" t="s">
        <v>55</v>
      </c>
      <c r="S203" s="10" t="s">
        <v>55</v>
      </c>
      <c r="T203" s="10" t="s">
        <v>55</v>
      </c>
      <c r="U203" s="10" t="s">
        <v>55</v>
      </c>
      <c r="V203" s="10" t="s">
        <v>55</v>
      </c>
      <c r="W203" s="6">
        <v>40</v>
      </c>
      <c r="X203" s="6">
        <v>2</v>
      </c>
      <c r="Y203" s="6">
        <v>2</v>
      </c>
      <c r="Z203" s="10" t="s">
        <v>55</v>
      </c>
      <c r="AA203" s="10" t="s">
        <v>55</v>
      </c>
      <c r="AB203" s="10" t="s">
        <v>55</v>
      </c>
    </row>
    <row r="204" spans="1:28">
      <c r="A204" s="9" t="s">
        <v>56</v>
      </c>
      <c r="B204" s="9" t="s">
        <v>57</v>
      </c>
      <c r="C204" s="9" t="s">
        <v>81</v>
      </c>
      <c r="D204" s="9"/>
      <c r="E204" s="9" t="s">
        <v>57</v>
      </c>
      <c r="F204" s="9" t="s">
        <v>81</v>
      </c>
      <c r="G204" s="9" t="s">
        <v>82</v>
      </c>
      <c r="H204" s="9" t="s">
        <v>104</v>
      </c>
      <c r="I204" s="9" t="s">
        <v>54</v>
      </c>
      <c r="J204" s="9" t="s">
        <v>39</v>
      </c>
      <c r="K204" s="6">
        <v>47</v>
      </c>
      <c r="L204" s="6">
        <v>5</v>
      </c>
      <c r="M204" s="6">
        <v>5</v>
      </c>
      <c r="N204" s="6">
        <v>4</v>
      </c>
      <c r="O204" s="6">
        <v>1</v>
      </c>
      <c r="P204" s="10" t="s">
        <v>55</v>
      </c>
      <c r="Q204" s="10" t="s">
        <v>55</v>
      </c>
      <c r="R204" s="10" t="s">
        <v>55</v>
      </c>
      <c r="S204" s="6">
        <v>2</v>
      </c>
      <c r="T204" s="10" t="s">
        <v>55</v>
      </c>
      <c r="U204" s="10" t="s">
        <v>55</v>
      </c>
      <c r="V204" s="6">
        <v>2</v>
      </c>
      <c r="W204" s="6">
        <v>40</v>
      </c>
      <c r="X204" s="6">
        <v>4</v>
      </c>
      <c r="Y204" s="6">
        <v>4</v>
      </c>
      <c r="Z204" s="10" t="s">
        <v>55</v>
      </c>
      <c r="AA204" s="10" t="s">
        <v>55</v>
      </c>
      <c r="AB204" s="10" t="s">
        <v>55</v>
      </c>
    </row>
    <row r="205" spans="1:28">
      <c r="A205" s="9" t="s">
        <v>56</v>
      </c>
      <c r="B205" s="9" t="s">
        <v>57</v>
      </c>
      <c r="C205" s="9" t="s">
        <v>81</v>
      </c>
      <c r="D205" s="9"/>
      <c r="E205" s="9" t="s">
        <v>57</v>
      </c>
      <c r="F205" s="9" t="s">
        <v>81</v>
      </c>
      <c r="G205" s="9" t="s">
        <v>82</v>
      </c>
      <c r="H205" s="9" t="s">
        <v>104</v>
      </c>
      <c r="I205" s="9" t="s">
        <v>54</v>
      </c>
      <c r="J205" s="9" t="s">
        <v>40</v>
      </c>
      <c r="K205" s="6">
        <v>55</v>
      </c>
      <c r="L205" s="6">
        <v>4</v>
      </c>
      <c r="M205" s="6">
        <v>4</v>
      </c>
      <c r="N205" s="6">
        <v>4</v>
      </c>
      <c r="O205" s="10" t="s">
        <v>55</v>
      </c>
      <c r="P205" s="10" t="s">
        <v>55</v>
      </c>
      <c r="Q205" s="10" t="s">
        <v>55</v>
      </c>
      <c r="R205" s="10" t="s">
        <v>55</v>
      </c>
      <c r="S205" s="6">
        <v>7</v>
      </c>
      <c r="T205" s="6">
        <v>4</v>
      </c>
      <c r="U205" s="10" t="s">
        <v>55</v>
      </c>
      <c r="V205" s="6">
        <v>3</v>
      </c>
      <c r="W205" s="6">
        <v>44</v>
      </c>
      <c r="X205" s="6">
        <v>4</v>
      </c>
      <c r="Y205" s="6">
        <v>4</v>
      </c>
      <c r="Z205" s="10" t="s">
        <v>55</v>
      </c>
      <c r="AA205" s="10" t="s">
        <v>55</v>
      </c>
      <c r="AB205" s="10" t="s">
        <v>55</v>
      </c>
    </row>
    <row r="206" spans="1:28">
      <c r="A206" s="9" t="s">
        <v>56</v>
      </c>
      <c r="B206" s="9" t="s">
        <v>57</v>
      </c>
      <c r="C206" s="9" t="s">
        <v>81</v>
      </c>
      <c r="D206" s="9"/>
      <c r="E206" s="9" t="s">
        <v>57</v>
      </c>
      <c r="F206" s="9" t="s">
        <v>81</v>
      </c>
      <c r="G206" s="9" t="s">
        <v>82</v>
      </c>
      <c r="H206" s="9" t="s">
        <v>104</v>
      </c>
      <c r="I206" s="9" t="s">
        <v>54</v>
      </c>
      <c r="J206" s="9" t="s">
        <v>41</v>
      </c>
      <c r="K206" s="6">
        <v>40</v>
      </c>
      <c r="L206" s="6">
        <v>3</v>
      </c>
      <c r="M206" s="6">
        <v>3</v>
      </c>
      <c r="N206" s="6">
        <v>1</v>
      </c>
      <c r="O206" s="6">
        <v>2</v>
      </c>
      <c r="P206" s="10" t="s">
        <v>55</v>
      </c>
      <c r="Q206" s="10" t="s">
        <v>55</v>
      </c>
      <c r="R206" s="10" t="s">
        <v>55</v>
      </c>
      <c r="S206" s="6">
        <v>7</v>
      </c>
      <c r="T206" s="6">
        <v>4</v>
      </c>
      <c r="U206" s="10" t="s">
        <v>55</v>
      </c>
      <c r="V206" s="6">
        <v>3</v>
      </c>
      <c r="W206" s="6">
        <v>30</v>
      </c>
      <c r="X206" s="6">
        <v>2</v>
      </c>
      <c r="Y206" s="10" t="s">
        <v>55</v>
      </c>
      <c r="Z206" s="6">
        <v>2</v>
      </c>
      <c r="AA206" s="10" t="s">
        <v>55</v>
      </c>
      <c r="AB206" s="10" t="s">
        <v>55</v>
      </c>
    </row>
    <row r="207" spans="1:28">
      <c r="A207" s="9" t="s">
        <v>56</v>
      </c>
      <c r="B207" s="9" t="s">
        <v>57</v>
      </c>
      <c r="C207" s="9" t="s">
        <v>81</v>
      </c>
      <c r="D207" s="9"/>
      <c r="E207" s="9" t="s">
        <v>57</v>
      </c>
      <c r="F207" s="9" t="s">
        <v>81</v>
      </c>
      <c r="G207" s="9" t="s">
        <v>82</v>
      </c>
      <c r="H207" s="9" t="s">
        <v>104</v>
      </c>
      <c r="I207" s="9" t="s">
        <v>54</v>
      </c>
      <c r="J207" s="9" t="s">
        <v>42</v>
      </c>
      <c r="K207" s="6">
        <v>46</v>
      </c>
      <c r="L207" s="10" t="s">
        <v>55</v>
      </c>
      <c r="M207" s="10" t="s">
        <v>55</v>
      </c>
      <c r="N207" s="10" t="s">
        <v>55</v>
      </c>
      <c r="O207" s="10" t="s">
        <v>55</v>
      </c>
      <c r="P207" s="10" t="s">
        <v>55</v>
      </c>
      <c r="Q207" s="10" t="s">
        <v>55</v>
      </c>
      <c r="R207" s="10" t="s">
        <v>55</v>
      </c>
      <c r="S207" s="6">
        <v>16</v>
      </c>
      <c r="T207" s="6">
        <v>4</v>
      </c>
      <c r="U207" s="10" t="s">
        <v>55</v>
      </c>
      <c r="V207" s="6">
        <v>12</v>
      </c>
      <c r="W207" s="6">
        <v>30</v>
      </c>
      <c r="X207" s="10" t="s">
        <v>55</v>
      </c>
      <c r="Y207" s="10" t="s">
        <v>55</v>
      </c>
      <c r="Z207" s="10" t="s">
        <v>55</v>
      </c>
      <c r="AA207" s="10" t="s">
        <v>55</v>
      </c>
      <c r="AB207" s="10" t="s">
        <v>55</v>
      </c>
    </row>
    <row r="208" spans="1:28">
      <c r="A208" s="9" t="s">
        <v>56</v>
      </c>
      <c r="B208" s="9" t="s">
        <v>57</v>
      </c>
      <c r="C208" s="9" t="s">
        <v>81</v>
      </c>
      <c r="D208" s="9"/>
      <c r="E208" s="9" t="s">
        <v>57</v>
      </c>
      <c r="F208" s="9" t="s">
        <v>81</v>
      </c>
      <c r="G208" s="9" t="s">
        <v>82</v>
      </c>
      <c r="H208" s="9" t="s">
        <v>104</v>
      </c>
      <c r="I208" s="9" t="s">
        <v>54</v>
      </c>
      <c r="J208" s="9" t="s">
        <v>43</v>
      </c>
      <c r="K208" s="6">
        <v>54</v>
      </c>
      <c r="L208" s="10" t="s">
        <v>55</v>
      </c>
      <c r="M208" s="10" t="s">
        <v>55</v>
      </c>
      <c r="N208" s="10" t="s">
        <v>55</v>
      </c>
      <c r="O208" s="10" t="s">
        <v>55</v>
      </c>
      <c r="P208" s="10" t="s">
        <v>55</v>
      </c>
      <c r="Q208" s="10" t="s">
        <v>55</v>
      </c>
      <c r="R208" s="10" t="s">
        <v>55</v>
      </c>
      <c r="S208" s="6">
        <v>39</v>
      </c>
      <c r="T208" s="6">
        <v>5</v>
      </c>
      <c r="U208" s="10" t="s">
        <v>55</v>
      </c>
      <c r="V208" s="6">
        <v>34</v>
      </c>
      <c r="W208" s="6">
        <v>15</v>
      </c>
      <c r="X208" s="10" t="s">
        <v>55</v>
      </c>
      <c r="Y208" s="10" t="s">
        <v>55</v>
      </c>
      <c r="Z208" s="10" t="s">
        <v>55</v>
      </c>
      <c r="AA208" s="10" t="s">
        <v>55</v>
      </c>
      <c r="AB208" s="10" t="s">
        <v>55</v>
      </c>
    </row>
    <row r="209" spans="1:28">
      <c r="A209" s="9" t="s">
        <v>56</v>
      </c>
      <c r="B209" s="9" t="s">
        <v>57</v>
      </c>
      <c r="C209" s="9" t="s">
        <v>81</v>
      </c>
      <c r="D209" s="9"/>
      <c r="E209" s="9" t="s">
        <v>57</v>
      </c>
      <c r="F209" s="9" t="s">
        <v>81</v>
      </c>
      <c r="G209" s="9" t="s">
        <v>82</v>
      </c>
      <c r="H209" s="9" t="s">
        <v>104</v>
      </c>
      <c r="I209" s="9" t="s">
        <v>54</v>
      </c>
      <c r="J209" s="9" t="s">
        <v>44</v>
      </c>
      <c r="K209" s="6">
        <v>84</v>
      </c>
      <c r="L209" s="10" t="s">
        <v>55</v>
      </c>
      <c r="M209" s="10" t="s">
        <v>55</v>
      </c>
      <c r="N209" s="10" t="s">
        <v>55</v>
      </c>
      <c r="O209" s="10" t="s">
        <v>55</v>
      </c>
      <c r="P209" s="10" t="s">
        <v>55</v>
      </c>
      <c r="Q209" s="10" t="s">
        <v>55</v>
      </c>
      <c r="R209" s="10" t="s">
        <v>55</v>
      </c>
      <c r="S209" s="6">
        <v>65</v>
      </c>
      <c r="T209" s="6">
        <v>3</v>
      </c>
      <c r="U209" s="10" t="s">
        <v>55</v>
      </c>
      <c r="V209" s="6">
        <v>62</v>
      </c>
      <c r="W209" s="6">
        <v>19</v>
      </c>
      <c r="X209" s="10" t="s">
        <v>55</v>
      </c>
      <c r="Y209" s="10" t="s">
        <v>55</v>
      </c>
      <c r="Z209" s="10" t="s">
        <v>55</v>
      </c>
      <c r="AA209" s="10" t="s">
        <v>55</v>
      </c>
      <c r="AB209" s="10" t="s">
        <v>55</v>
      </c>
    </row>
    <row r="210" spans="1:28">
      <c r="A210" s="9" t="s">
        <v>56</v>
      </c>
      <c r="B210" s="9" t="s">
        <v>57</v>
      </c>
      <c r="C210" s="9" t="s">
        <v>81</v>
      </c>
      <c r="D210" s="9"/>
      <c r="E210" s="9" t="s">
        <v>57</v>
      </c>
      <c r="F210" s="9" t="s">
        <v>81</v>
      </c>
      <c r="G210" s="9" t="s">
        <v>82</v>
      </c>
      <c r="H210" s="9" t="s">
        <v>104</v>
      </c>
      <c r="I210" s="9" t="s">
        <v>54</v>
      </c>
      <c r="J210" s="9" t="s">
        <v>45</v>
      </c>
      <c r="K210" s="6">
        <v>94</v>
      </c>
      <c r="L210" s="10" t="s">
        <v>55</v>
      </c>
      <c r="M210" s="10" t="s">
        <v>55</v>
      </c>
      <c r="N210" s="10" t="s">
        <v>55</v>
      </c>
      <c r="O210" s="10" t="s">
        <v>55</v>
      </c>
      <c r="P210" s="10" t="s">
        <v>55</v>
      </c>
      <c r="Q210" s="10" t="s">
        <v>55</v>
      </c>
      <c r="R210" s="10" t="s">
        <v>55</v>
      </c>
      <c r="S210" s="6">
        <v>76</v>
      </c>
      <c r="T210" s="6">
        <v>1</v>
      </c>
      <c r="U210" s="10" t="s">
        <v>55</v>
      </c>
      <c r="V210" s="6">
        <v>75</v>
      </c>
      <c r="W210" s="6">
        <v>18</v>
      </c>
      <c r="X210" s="10" t="s">
        <v>55</v>
      </c>
      <c r="Y210" s="10" t="s">
        <v>55</v>
      </c>
      <c r="Z210" s="10" t="s">
        <v>55</v>
      </c>
      <c r="AA210" s="10" t="s">
        <v>55</v>
      </c>
      <c r="AB210" s="10" t="s">
        <v>55</v>
      </c>
    </row>
    <row r="211" spans="1:28">
      <c r="A211" s="9" t="s">
        <v>56</v>
      </c>
      <c r="B211" s="9" t="s">
        <v>57</v>
      </c>
      <c r="C211" s="9" t="s">
        <v>81</v>
      </c>
      <c r="D211" s="9"/>
      <c r="E211" s="9" t="s">
        <v>57</v>
      </c>
      <c r="F211" s="9" t="s">
        <v>81</v>
      </c>
      <c r="G211" s="9" t="s">
        <v>82</v>
      </c>
      <c r="H211" s="9" t="s">
        <v>104</v>
      </c>
      <c r="I211" s="9" t="s">
        <v>54</v>
      </c>
      <c r="J211" s="9" t="s">
        <v>46</v>
      </c>
      <c r="K211" s="6">
        <v>68</v>
      </c>
      <c r="L211" s="10" t="s">
        <v>55</v>
      </c>
      <c r="M211" s="10" t="s">
        <v>55</v>
      </c>
      <c r="N211" s="10" t="s">
        <v>55</v>
      </c>
      <c r="O211" s="10" t="s">
        <v>55</v>
      </c>
      <c r="P211" s="10" t="s">
        <v>55</v>
      </c>
      <c r="Q211" s="10" t="s">
        <v>55</v>
      </c>
      <c r="R211" s="10" t="s">
        <v>55</v>
      </c>
      <c r="S211" s="6">
        <v>60</v>
      </c>
      <c r="T211" s="10" t="s">
        <v>55</v>
      </c>
      <c r="U211" s="10" t="s">
        <v>55</v>
      </c>
      <c r="V211" s="6">
        <v>60</v>
      </c>
      <c r="W211" s="6">
        <v>8</v>
      </c>
      <c r="X211" s="10" t="s">
        <v>55</v>
      </c>
      <c r="Y211" s="10" t="s">
        <v>55</v>
      </c>
      <c r="Z211" s="10" t="s">
        <v>55</v>
      </c>
      <c r="AA211" s="10" t="s">
        <v>55</v>
      </c>
      <c r="AB211" s="10" t="s">
        <v>55</v>
      </c>
    </row>
    <row r="212" spans="1:28">
      <c r="A212" s="9" t="s">
        <v>56</v>
      </c>
      <c r="B212" s="9" t="s">
        <v>57</v>
      </c>
      <c r="C212" s="9" t="s">
        <v>81</v>
      </c>
      <c r="D212" s="9"/>
      <c r="E212" s="9" t="s">
        <v>57</v>
      </c>
      <c r="F212" s="9" t="s">
        <v>81</v>
      </c>
      <c r="G212" s="9" t="s">
        <v>82</v>
      </c>
      <c r="H212" s="9" t="s">
        <v>104</v>
      </c>
      <c r="I212" s="9" t="s">
        <v>54</v>
      </c>
      <c r="J212" s="9" t="s">
        <v>47</v>
      </c>
      <c r="K212" s="6">
        <v>40</v>
      </c>
      <c r="L212" s="10" t="s">
        <v>55</v>
      </c>
      <c r="M212" s="10" t="s">
        <v>55</v>
      </c>
      <c r="N212" s="10" t="s">
        <v>55</v>
      </c>
      <c r="O212" s="10" t="s">
        <v>55</v>
      </c>
      <c r="P212" s="10" t="s">
        <v>55</v>
      </c>
      <c r="Q212" s="10" t="s">
        <v>55</v>
      </c>
      <c r="R212" s="10" t="s">
        <v>55</v>
      </c>
      <c r="S212" s="6">
        <v>38</v>
      </c>
      <c r="T212" s="10" t="s">
        <v>55</v>
      </c>
      <c r="U212" s="10" t="s">
        <v>55</v>
      </c>
      <c r="V212" s="6">
        <v>38</v>
      </c>
      <c r="W212" s="6">
        <v>2</v>
      </c>
      <c r="X212" s="10" t="s">
        <v>55</v>
      </c>
      <c r="Y212" s="10" t="s">
        <v>55</v>
      </c>
      <c r="Z212" s="10" t="s">
        <v>55</v>
      </c>
      <c r="AA212" s="10" t="s">
        <v>55</v>
      </c>
      <c r="AB212" s="10" t="s">
        <v>55</v>
      </c>
    </row>
    <row r="213" spans="1:28">
      <c r="A213" s="9" t="s">
        <v>56</v>
      </c>
      <c r="B213" s="9" t="s">
        <v>57</v>
      </c>
      <c r="C213" s="9" t="s">
        <v>81</v>
      </c>
      <c r="D213" s="9"/>
      <c r="E213" s="9" t="s">
        <v>57</v>
      </c>
      <c r="F213" s="9" t="s">
        <v>81</v>
      </c>
      <c r="G213" s="9" t="s">
        <v>82</v>
      </c>
      <c r="H213" s="9" t="s">
        <v>104</v>
      </c>
      <c r="I213" s="9" t="s">
        <v>54</v>
      </c>
      <c r="J213" s="9" t="s">
        <v>48</v>
      </c>
      <c r="K213" s="6">
        <v>575</v>
      </c>
      <c r="L213" s="6">
        <v>63</v>
      </c>
      <c r="M213" s="6">
        <v>63</v>
      </c>
      <c r="N213" s="6">
        <v>61</v>
      </c>
      <c r="O213" s="6">
        <v>1</v>
      </c>
      <c r="P213" s="10" t="s">
        <v>55</v>
      </c>
      <c r="Q213" s="6">
        <v>1</v>
      </c>
      <c r="R213" s="10" t="s">
        <v>55</v>
      </c>
      <c r="S213" s="6">
        <v>11</v>
      </c>
      <c r="T213" s="6">
        <v>4</v>
      </c>
      <c r="U213" s="10" t="s">
        <v>55</v>
      </c>
      <c r="V213" s="6">
        <v>7</v>
      </c>
      <c r="W213" s="6">
        <v>501</v>
      </c>
      <c r="X213" s="6">
        <v>38</v>
      </c>
      <c r="Y213" s="6">
        <v>37</v>
      </c>
      <c r="Z213" s="10" t="s">
        <v>55</v>
      </c>
      <c r="AA213" s="10" t="s">
        <v>55</v>
      </c>
      <c r="AB213" s="6">
        <v>1</v>
      </c>
    </row>
    <row r="214" spans="1:28">
      <c r="A214" s="9" t="s">
        <v>56</v>
      </c>
      <c r="B214" s="9" t="s">
        <v>57</v>
      </c>
      <c r="C214" s="9" t="s">
        <v>81</v>
      </c>
      <c r="D214" s="9"/>
      <c r="E214" s="9" t="s">
        <v>57</v>
      </c>
      <c r="F214" s="9" t="s">
        <v>81</v>
      </c>
      <c r="G214" s="9" t="s">
        <v>82</v>
      </c>
      <c r="H214" s="9" t="s">
        <v>104</v>
      </c>
      <c r="I214" s="9" t="s">
        <v>54</v>
      </c>
      <c r="J214" s="9" t="s">
        <v>49</v>
      </c>
      <c r="K214" s="6">
        <v>426</v>
      </c>
      <c r="L214" s="6">
        <v>3</v>
      </c>
      <c r="M214" s="6">
        <v>3</v>
      </c>
      <c r="N214" s="6">
        <v>1</v>
      </c>
      <c r="O214" s="6">
        <v>2</v>
      </c>
      <c r="P214" s="10" t="s">
        <v>55</v>
      </c>
      <c r="Q214" s="10" t="s">
        <v>55</v>
      </c>
      <c r="R214" s="10" t="s">
        <v>55</v>
      </c>
      <c r="S214" s="6">
        <v>301</v>
      </c>
      <c r="T214" s="6">
        <v>17</v>
      </c>
      <c r="U214" s="10" t="s">
        <v>55</v>
      </c>
      <c r="V214" s="6">
        <v>284</v>
      </c>
      <c r="W214" s="6">
        <v>122</v>
      </c>
      <c r="X214" s="6">
        <v>2</v>
      </c>
      <c r="Y214" s="10" t="s">
        <v>55</v>
      </c>
      <c r="Z214" s="6">
        <v>2</v>
      </c>
      <c r="AA214" s="10" t="s">
        <v>55</v>
      </c>
      <c r="AB214" s="10" t="s">
        <v>55</v>
      </c>
    </row>
    <row r="215" spans="1:28">
      <c r="A215" s="9" t="s">
        <v>56</v>
      </c>
      <c r="B215" s="9" t="s">
        <v>57</v>
      </c>
      <c r="C215" s="9" t="s">
        <v>81</v>
      </c>
      <c r="D215" s="9"/>
      <c r="E215" s="9" t="s">
        <v>57</v>
      </c>
      <c r="F215" s="9" t="s">
        <v>81</v>
      </c>
      <c r="G215" s="9" t="s">
        <v>82</v>
      </c>
      <c r="H215" s="9" t="s">
        <v>104</v>
      </c>
      <c r="I215" s="9" t="s">
        <v>54</v>
      </c>
      <c r="J215" s="9" t="s">
        <v>50</v>
      </c>
      <c r="K215" s="6">
        <v>340</v>
      </c>
      <c r="L215" s="10" t="s">
        <v>55</v>
      </c>
      <c r="M215" s="10" t="s">
        <v>55</v>
      </c>
      <c r="N215" s="10" t="s">
        <v>55</v>
      </c>
      <c r="O215" s="10" t="s">
        <v>55</v>
      </c>
      <c r="P215" s="10" t="s">
        <v>55</v>
      </c>
      <c r="Q215" s="10" t="s">
        <v>55</v>
      </c>
      <c r="R215" s="10" t="s">
        <v>55</v>
      </c>
      <c r="S215" s="6">
        <v>278</v>
      </c>
      <c r="T215" s="6">
        <v>9</v>
      </c>
      <c r="U215" s="10" t="s">
        <v>55</v>
      </c>
      <c r="V215" s="6">
        <v>269</v>
      </c>
      <c r="W215" s="6">
        <v>62</v>
      </c>
      <c r="X215" s="10" t="s">
        <v>55</v>
      </c>
      <c r="Y215" s="10" t="s">
        <v>55</v>
      </c>
      <c r="Z215" s="10" t="s">
        <v>55</v>
      </c>
      <c r="AA215" s="10" t="s">
        <v>55</v>
      </c>
      <c r="AB215" s="10" t="s">
        <v>55</v>
      </c>
    </row>
    <row r="216" spans="1:28">
      <c r="A216" s="9" t="s">
        <v>56</v>
      </c>
      <c r="B216" s="9" t="s">
        <v>57</v>
      </c>
      <c r="C216" s="9" t="s">
        <v>81</v>
      </c>
      <c r="D216" s="9"/>
      <c r="E216" s="9" t="s">
        <v>57</v>
      </c>
      <c r="F216" s="9" t="s">
        <v>81</v>
      </c>
      <c r="G216" s="9" t="s">
        <v>82</v>
      </c>
      <c r="H216" s="9" t="s">
        <v>104</v>
      </c>
      <c r="I216" s="9" t="s">
        <v>54</v>
      </c>
      <c r="J216" s="9" t="s">
        <v>51</v>
      </c>
      <c r="K216" s="6">
        <v>202</v>
      </c>
      <c r="L216" s="10" t="s">
        <v>55</v>
      </c>
      <c r="M216" s="10" t="s">
        <v>55</v>
      </c>
      <c r="N216" s="10" t="s">
        <v>55</v>
      </c>
      <c r="O216" s="10" t="s">
        <v>55</v>
      </c>
      <c r="P216" s="10" t="s">
        <v>55</v>
      </c>
      <c r="Q216" s="10" t="s">
        <v>55</v>
      </c>
      <c r="R216" s="10" t="s">
        <v>55</v>
      </c>
      <c r="S216" s="6">
        <v>174</v>
      </c>
      <c r="T216" s="6">
        <v>1</v>
      </c>
      <c r="U216" s="10" t="s">
        <v>55</v>
      </c>
      <c r="V216" s="6">
        <v>173</v>
      </c>
      <c r="W216" s="6">
        <v>28</v>
      </c>
      <c r="X216" s="10" t="s">
        <v>55</v>
      </c>
      <c r="Y216" s="10" t="s">
        <v>55</v>
      </c>
      <c r="Z216" s="10" t="s">
        <v>55</v>
      </c>
      <c r="AA216" s="10" t="s">
        <v>55</v>
      </c>
      <c r="AB216" s="10" t="s">
        <v>55</v>
      </c>
    </row>
    <row r="217" spans="1:28">
      <c r="A217" s="9" t="s">
        <v>56</v>
      </c>
      <c r="B217" s="9" t="s">
        <v>57</v>
      </c>
      <c r="C217" s="9" t="s">
        <v>81</v>
      </c>
      <c r="D217" s="9"/>
      <c r="E217" s="9" t="s">
        <v>57</v>
      </c>
      <c r="F217" s="9" t="s">
        <v>81</v>
      </c>
      <c r="G217" s="9" t="s">
        <v>82</v>
      </c>
      <c r="H217" s="9" t="s">
        <v>104</v>
      </c>
      <c r="I217" s="9" t="s">
        <v>54</v>
      </c>
      <c r="J217" s="9" t="s">
        <v>52</v>
      </c>
      <c r="K217" s="6">
        <v>612</v>
      </c>
      <c r="L217" s="6">
        <v>66</v>
      </c>
      <c r="M217" s="6">
        <v>66</v>
      </c>
      <c r="N217" s="6">
        <v>62</v>
      </c>
      <c r="O217" s="6">
        <v>3</v>
      </c>
      <c r="P217" s="10" t="s">
        <v>55</v>
      </c>
      <c r="Q217" s="6">
        <v>1</v>
      </c>
      <c r="R217" s="10" t="s">
        <v>55</v>
      </c>
      <c r="S217" s="6">
        <v>18</v>
      </c>
      <c r="T217" s="6">
        <v>8</v>
      </c>
      <c r="U217" s="10" t="s">
        <v>55</v>
      </c>
      <c r="V217" s="6">
        <v>10</v>
      </c>
      <c r="W217" s="6">
        <v>528</v>
      </c>
      <c r="X217" s="6">
        <v>40</v>
      </c>
      <c r="Y217" s="6">
        <v>37</v>
      </c>
      <c r="Z217" s="6">
        <v>2</v>
      </c>
      <c r="AA217" s="10" t="s">
        <v>55</v>
      </c>
      <c r="AB217" s="6">
        <v>1</v>
      </c>
    </row>
    <row r="218" spans="1:28">
      <c r="A218" s="9" t="s">
        <v>83</v>
      </c>
      <c r="B218" s="9" t="s">
        <v>57</v>
      </c>
      <c r="C218" s="9" t="s">
        <v>81</v>
      </c>
      <c r="D218" s="9" t="s">
        <v>77</v>
      </c>
      <c r="E218" s="9" t="s">
        <v>57</v>
      </c>
      <c r="F218" s="9" t="s">
        <v>81</v>
      </c>
      <c r="G218" s="9" t="s">
        <v>84</v>
      </c>
      <c r="H218" s="9" t="s">
        <v>104</v>
      </c>
      <c r="I218" s="9" t="s">
        <v>6</v>
      </c>
      <c r="J218" s="9" t="s">
        <v>30</v>
      </c>
      <c r="K218" s="6">
        <v>1804</v>
      </c>
      <c r="L218" s="6">
        <v>122</v>
      </c>
      <c r="M218" s="6">
        <v>122</v>
      </c>
      <c r="N218" s="6">
        <v>117</v>
      </c>
      <c r="O218" s="6">
        <v>4</v>
      </c>
      <c r="P218" s="10" t="s">
        <v>55</v>
      </c>
      <c r="Q218" s="6">
        <v>1</v>
      </c>
      <c r="R218" s="10" t="s">
        <v>55</v>
      </c>
      <c r="S218" s="6">
        <v>424</v>
      </c>
      <c r="T218" s="6">
        <v>26</v>
      </c>
      <c r="U218" s="10" t="s">
        <v>55</v>
      </c>
      <c r="V218" s="6">
        <v>398</v>
      </c>
      <c r="W218" s="6">
        <v>1258</v>
      </c>
      <c r="X218" s="6">
        <v>66</v>
      </c>
      <c r="Y218" s="6">
        <v>63</v>
      </c>
      <c r="Z218" s="6">
        <v>2</v>
      </c>
      <c r="AA218" s="10" t="s">
        <v>55</v>
      </c>
      <c r="AB218" s="6">
        <v>1</v>
      </c>
    </row>
    <row r="219" spans="1:28">
      <c r="A219" s="9" t="s">
        <v>83</v>
      </c>
      <c r="B219" s="9" t="s">
        <v>57</v>
      </c>
      <c r="C219" s="9" t="s">
        <v>81</v>
      </c>
      <c r="D219" s="9" t="s">
        <v>77</v>
      </c>
      <c r="E219" s="9" t="s">
        <v>57</v>
      </c>
      <c r="F219" s="9" t="s">
        <v>81</v>
      </c>
      <c r="G219" s="9" t="s">
        <v>84</v>
      </c>
      <c r="H219" s="9" t="s">
        <v>104</v>
      </c>
      <c r="I219" s="9" t="s">
        <v>6</v>
      </c>
      <c r="J219" s="9" t="s">
        <v>31</v>
      </c>
      <c r="K219" s="6">
        <v>10</v>
      </c>
      <c r="L219" s="6">
        <v>2</v>
      </c>
      <c r="M219" s="6">
        <v>2</v>
      </c>
      <c r="N219" s="6">
        <v>2</v>
      </c>
      <c r="O219" s="10" t="s">
        <v>55</v>
      </c>
      <c r="P219" s="10" t="s">
        <v>55</v>
      </c>
      <c r="Q219" s="10" t="s">
        <v>55</v>
      </c>
      <c r="R219" s="10" t="s">
        <v>55</v>
      </c>
      <c r="S219" s="10" t="s">
        <v>55</v>
      </c>
      <c r="T219" s="10" t="s">
        <v>55</v>
      </c>
      <c r="U219" s="10" t="s">
        <v>55</v>
      </c>
      <c r="V219" s="10" t="s">
        <v>55</v>
      </c>
      <c r="W219" s="6">
        <v>8</v>
      </c>
      <c r="X219" s="10" t="s">
        <v>55</v>
      </c>
      <c r="Y219" s="10" t="s">
        <v>55</v>
      </c>
      <c r="Z219" s="10" t="s">
        <v>55</v>
      </c>
      <c r="AA219" s="10" t="s">
        <v>55</v>
      </c>
      <c r="AB219" s="10" t="s">
        <v>55</v>
      </c>
    </row>
    <row r="220" spans="1:28">
      <c r="A220" s="9" t="s">
        <v>83</v>
      </c>
      <c r="B220" s="9" t="s">
        <v>57</v>
      </c>
      <c r="C220" s="9" t="s">
        <v>81</v>
      </c>
      <c r="D220" s="9" t="s">
        <v>77</v>
      </c>
      <c r="E220" s="9" t="s">
        <v>57</v>
      </c>
      <c r="F220" s="9" t="s">
        <v>81</v>
      </c>
      <c r="G220" s="9" t="s">
        <v>84</v>
      </c>
      <c r="H220" s="9" t="s">
        <v>104</v>
      </c>
      <c r="I220" s="9" t="s">
        <v>6</v>
      </c>
      <c r="J220" s="9" t="s">
        <v>32</v>
      </c>
      <c r="K220" s="6">
        <v>112</v>
      </c>
      <c r="L220" s="6">
        <v>18</v>
      </c>
      <c r="M220" s="6">
        <v>18</v>
      </c>
      <c r="N220" s="6">
        <v>18</v>
      </c>
      <c r="O220" s="10" t="s">
        <v>55</v>
      </c>
      <c r="P220" s="10" t="s">
        <v>55</v>
      </c>
      <c r="Q220" s="10" t="s">
        <v>55</v>
      </c>
      <c r="R220" s="10" t="s">
        <v>55</v>
      </c>
      <c r="S220" s="10" t="s">
        <v>55</v>
      </c>
      <c r="T220" s="10" t="s">
        <v>55</v>
      </c>
      <c r="U220" s="10" t="s">
        <v>55</v>
      </c>
      <c r="V220" s="10" t="s">
        <v>55</v>
      </c>
      <c r="W220" s="6">
        <v>94</v>
      </c>
      <c r="X220" s="6">
        <v>11</v>
      </c>
      <c r="Y220" s="6">
        <v>11</v>
      </c>
      <c r="Z220" s="10" t="s">
        <v>55</v>
      </c>
      <c r="AA220" s="10" t="s">
        <v>55</v>
      </c>
      <c r="AB220" s="10" t="s">
        <v>55</v>
      </c>
    </row>
    <row r="221" spans="1:28">
      <c r="A221" s="9" t="s">
        <v>83</v>
      </c>
      <c r="B221" s="9" t="s">
        <v>57</v>
      </c>
      <c r="C221" s="9" t="s">
        <v>81</v>
      </c>
      <c r="D221" s="9" t="s">
        <v>77</v>
      </c>
      <c r="E221" s="9" t="s">
        <v>57</v>
      </c>
      <c r="F221" s="9" t="s">
        <v>81</v>
      </c>
      <c r="G221" s="9" t="s">
        <v>84</v>
      </c>
      <c r="H221" s="9" t="s">
        <v>104</v>
      </c>
      <c r="I221" s="9" t="s">
        <v>6</v>
      </c>
      <c r="J221" s="9" t="s">
        <v>33</v>
      </c>
      <c r="K221" s="6">
        <v>179</v>
      </c>
      <c r="L221" s="6">
        <v>27</v>
      </c>
      <c r="M221" s="6">
        <v>27</v>
      </c>
      <c r="N221" s="6">
        <v>27</v>
      </c>
      <c r="O221" s="10" t="s">
        <v>55</v>
      </c>
      <c r="P221" s="10" t="s">
        <v>55</v>
      </c>
      <c r="Q221" s="10" t="s">
        <v>55</v>
      </c>
      <c r="R221" s="10" t="s">
        <v>55</v>
      </c>
      <c r="S221" s="10" t="s">
        <v>55</v>
      </c>
      <c r="T221" s="10" t="s">
        <v>55</v>
      </c>
      <c r="U221" s="10" t="s">
        <v>55</v>
      </c>
      <c r="V221" s="10" t="s">
        <v>55</v>
      </c>
      <c r="W221" s="6">
        <v>152</v>
      </c>
      <c r="X221" s="6">
        <v>12</v>
      </c>
      <c r="Y221" s="6">
        <v>12</v>
      </c>
      <c r="Z221" s="10" t="s">
        <v>55</v>
      </c>
      <c r="AA221" s="10" t="s">
        <v>55</v>
      </c>
      <c r="AB221" s="10" t="s">
        <v>55</v>
      </c>
    </row>
    <row r="222" spans="1:28">
      <c r="A222" s="9" t="s">
        <v>83</v>
      </c>
      <c r="B222" s="9" t="s">
        <v>57</v>
      </c>
      <c r="C222" s="9" t="s">
        <v>81</v>
      </c>
      <c r="D222" s="9" t="s">
        <v>77</v>
      </c>
      <c r="E222" s="9" t="s">
        <v>57</v>
      </c>
      <c r="F222" s="9" t="s">
        <v>81</v>
      </c>
      <c r="G222" s="9" t="s">
        <v>84</v>
      </c>
      <c r="H222" s="9" t="s">
        <v>104</v>
      </c>
      <c r="I222" s="9" t="s">
        <v>6</v>
      </c>
      <c r="J222" s="9" t="s">
        <v>34</v>
      </c>
      <c r="K222" s="6">
        <v>141</v>
      </c>
      <c r="L222" s="6">
        <v>10</v>
      </c>
      <c r="M222" s="6">
        <v>10</v>
      </c>
      <c r="N222" s="6">
        <v>10</v>
      </c>
      <c r="O222" s="10" t="s">
        <v>55</v>
      </c>
      <c r="P222" s="10" t="s">
        <v>55</v>
      </c>
      <c r="Q222" s="10" t="s">
        <v>55</v>
      </c>
      <c r="R222" s="10" t="s">
        <v>55</v>
      </c>
      <c r="S222" s="10" t="s">
        <v>55</v>
      </c>
      <c r="T222" s="10" t="s">
        <v>55</v>
      </c>
      <c r="U222" s="10" t="s">
        <v>55</v>
      </c>
      <c r="V222" s="10" t="s">
        <v>55</v>
      </c>
      <c r="W222" s="6">
        <v>131</v>
      </c>
      <c r="X222" s="6">
        <v>4</v>
      </c>
      <c r="Y222" s="6">
        <v>4</v>
      </c>
      <c r="Z222" s="10" t="s">
        <v>55</v>
      </c>
      <c r="AA222" s="10" t="s">
        <v>55</v>
      </c>
      <c r="AB222" s="10" t="s">
        <v>55</v>
      </c>
    </row>
    <row r="223" spans="1:28">
      <c r="A223" s="9" t="s">
        <v>83</v>
      </c>
      <c r="B223" s="9" t="s">
        <v>57</v>
      </c>
      <c r="C223" s="9" t="s">
        <v>81</v>
      </c>
      <c r="D223" s="9" t="s">
        <v>77</v>
      </c>
      <c r="E223" s="9" t="s">
        <v>57</v>
      </c>
      <c r="F223" s="9" t="s">
        <v>81</v>
      </c>
      <c r="G223" s="9" t="s">
        <v>84</v>
      </c>
      <c r="H223" s="9" t="s">
        <v>104</v>
      </c>
      <c r="I223" s="9" t="s">
        <v>6</v>
      </c>
      <c r="J223" s="9" t="s">
        <v>35</v>
      </c>
      <c r="K223" s="6">
        <v>136</v>
      </c>
      <c r="L223" s="6">
        <v>9</v>
      </c>
      <c r="M223" s="6">
        <v>9</v>
      </c>
      <c r="N223" s="6">
        <v>9</v>
      </c>
      <c r="O223" s="10" t="s">
        <v>55</v>
      </c>
      <c r="P223" s="10" t="s">
        <v>55</v>
      </c>
      <c r="Q223" s="10" t="s">
        <v>55</v>
      </c>
      <c r="R223" s="10" t="s">
        <v>55</v>
      </c>
      <c r="S223" s="10" t="s">
        <v>55</v>
      </c>
      <c r="T223" s="10" t="s">
        <v>55</v>
      </c>
      <c r="U223" s="10" t="s">
        <v>55</v>
      </c>
      <c r="V223" s="10" t="s">
        <v>55</v>
      </c>
      <c r="W223" s="6">
        <v>127</v>
      </c>
      <c r="X223" s="6">
        <v>3</v>
      </c>
      <c r="Y223" s="6">
        <v>3</v>
      </c>
      <c r="Z223" s="10" t="s">
        <v>55</v>
      </c>
      <c r="AA223" s="10" t="s">
        <v>55</v>
      </c>
      <c r="AB223" s="10" t="s">
        <v>55</v>
      </c>
    </row>
    <row r="224" spans="1:28">
      <c r="A224" s="9" t="s">
        <v>83</v>
      </c>
      <c r="B224" s="9" t="s">
        <v>57</v>
      </c>
      <c r="C224" s="9" t="s">
        <v>81</v>
      </c>
      <c r="D224" s="9" t="s">
        <v>77</v>
      </c>
      <c r="E224" s="9" t="s">
        <v>57</v>
      </c>
      <c r="F224" s="9" t="s">
        <v>81</v>
      </c>
      <c r="G224" s="9" t="s">
        <v>84</v>
      </c>
      <c r="H224" s="9" t="s">
        <v>104</v>
      </c>
      <c r="I224" s="9" t="s">
        <v>6</v>
      </c>
      <c r="J224" s="9" t="s">
        <v>36</v>
      </c>
      <c r="K224" s="6">
        <v>151</v>
      </c>
      <c r="L224" s="6">
        <v>13</v>
      </c>
      <c r="M224" s="6">
        <v>13</v>
      </c>
      <c r="N224" s="6">
        <v>13</v>
      </c>
      <c r="O224" s="10" t="s">
        <v>55</v>
      </c>
      <c r="P224" s="10" t="s">
        <v>55</v>
      </c>
      <c r="Q224" s="10" t="s">
        <v>55</v>
      </c>
      <c r="R224" s="10" t="s">
        <v>55</v>
      </c>
      <c r="S224" s="6">
        <v>1</v>
      </c>
      <c r="T224" s="10" t="s">
        <v>55</v>
      </c>
      <c r="U224" s="10" t="s">
        <v>55</v>
      </c>
      <c r="V224" s="6">
        <v>1</v>
      </c>
      <c r="W224" s="6">
        <v>137</v>
      </c>
      <c r="X224" s="6">
        <v>7</v>
      </c>
      <c r="Y224" s="6">
        <v>7</v>
      </c>
      <c r="Z224" s="10" t="s">
        <v>55</v>
      </c>
      <c r="AA224" s="10" t="s">
        <v>55</v>
      </c>
      <c r="AB224" s="10" t="s">
        <v>55</v>
      </c>
    </row>
    <row r="225" spans="1:28">
      <c r="A225" s="9" t="s">
        <v>83</v>
      </c>
      <c r="B225" s="9" t="s">
        <v>57</v>
      </c>
      <c r="C225" s="9" t="s">
        <v>81</v>
      </c>
      <c r="D225" s="9" t="s">
        <v>77</v>
      </c>
      <c r="E225" s="9" t="s">
        <v>57</v>
      </c>
      <c r="F225" s="9" t="s">
        <v>81</v>
      </c>
      <c r="G225" s="9" t="s">
        <v>84</v>
      </c>
      <c r="H225" s="9" t="s">
        <v>104</v>
      </c>
      <c r="I225" s="9" t="s">
        <v>6</v>
      </c>
      <c r="J225" s="9" t="s">
        <v>37</v>
      </c>
      <c r="K225" s="6">
        <v>133</v>
      </c>
      <c r="L225" s="6">
        <v>7</v>
      </c>
      <c r="M225" s="6">
        <v>7</v>
      </c>
      <c r="N225" s="6">
        <v>6</v>
      </c>
      <c r="O225" s="10" t="s">
        <v>55</v>
      </c>
      <c r="P225" s="10" t="s">
        <v>55</v>
      </c>
      <c r="Q225" s="6">
        <v>1</v>
      </c>
      <c r="R225" s="10" t="s">
        <v>55</v>
      </c>
      <c r="S225" s="6">
        <v>1</v>
      </c>
      <c r="T225" s="10" t="s">
        <v>55</v>
      </c>
      <c r="U225" s="10" t="s">
        <v>55</v>
      </c>
      <c r="V225" s="6">
        <v>1</v>
      </c>
      <c r="W225" s="6">
        <v>125</v>
      </c>
      <c r="X225" s="6">
        <v>3</v>
      </c>
      <c r="Y225" s="6">
        <v>2</v>
      </c>
      <c r="Z225" s="10" t="s">
        <v>55</v>
      </c>
      <c r="AA225" s="10" t="s">
        <v>55</v>
      </c>
      <c r="AB225" s="6">
        <v>1</v>
      </c>
    </row>
    <row r="226" spans="1:28">
      <c r="A226" s="9" t="s">
        <v>83</v>
      </c>
      <c r="B226" s="9" t="s">
        <v>57</v>
      </c>
      <c r="C226" s="9" t="s">
        <v>81</v>
      </c>
      <c r="D226" s="9" t="s">
        <v>77</v>
      </c>
      <c r="E226" s="9" t="s">
        <v>57</v>
      </c>
      <c r="F226" s="9" t="s">
        <v>81</v>
      </c>
      <c r="G226" s="9" t="s">
        <v>84</v>
      </c>
      <c r="H226" s="9" t="s">
        <v>104</v>
      </c>
      <c r="I226" s="9" t="s">
        <v>6</v>
      </c>
      <c r="J226" s="9" t="s">
        <v>38</v>
      </c>
      <c r="K226" s="6">
        <v>102</v>
      </c>
      <c r="L226" s="6">
        <v>6</v>
      </c>
      <c r="M226" s="6">
        <v>6</v>
      </c>
      <c r="N226" s="6">
        <v>6</v>
      </c>
      <c r="O226" s="10" t="s">
        <v>55</v>
      </c>
      <c r="P226" s="10" t="s">
        <v>55</v>
      </c>
      <c r="Q226" s="10" t="s">
        <v>55</v>
      </c>
      <c r="R226" s="10" t="s">
        <v>55</v>
      </c>
      <c r="S226" s="10" t="s">
        <v>55</v>
      </c>
      <c r="T226" s="10" t="s">
        <v>55</v>
      </c>
      <c r="U226" s="10" t="s">
        <v>55</v>
      </c>
      <c r="V226" s="10" t="s">
        <v>55</v>
      </c>
      <c r="W226" s="6">
        <v>96</v>
      </c>
      <c r="X226" s="6">
        <v>2</v>
      </c>
      <c r="Y226" s="6">
        <v>2</v>
      </c>
      <c r="Z226" s="10" t="s">
        <v>55</v>
      </c>
      <c r="AA226" s="10" t="s">
        <v>55</v>
      </c>
      <c r="AB226" s="10" t="s">
        <v>55</v>
      </c>
    </row>
    <row r="227" spans="1:28">
      <c r="A227" s="9" t="s">
        <v>83</v>
      </c>
      <c r="B227" s="9" t="s">
        <v>57</v>
      </c>
      <c r="C227" s="9" t="s">
        <v>81</v>
      </c>
      <c r="D227" s="9" t="s">
        <v>77</v>
      </c>
      <c r="E227" s="9" t="s">
        <v>57</v>
      </c>
      <c r="F227" s="9" t="s">
        <v>81</v>
      </c>
      <c r="G227" s="9" t="s">
        <v>84</v>
      </c>
      <c r="H227" s="9" t="s">
        <v>104</v>
      </c>
      <c r="I227" s="9" t="s">
        <v>6</v>
      </c>
      <c r="J227" s="9" t="s">
        <v>39</v>
      </c>
      <c r="K227" s="6">
        <v>107</v>
      </c>
      <c r="L227" s="6">
        <v>12</v>
      </c>
      <c r="M227" s="6">
        <v>12</v>
      </c>
      <c r="N227" s="6">
        <v>11</v>
      </c>
      <c r="O227" s="6">
        <v>1</v>
      </c>
      <c r="P227" s="10" t="s">
        <v>55</v>
      </c>
      <c r="Q227" s="10" t="s">
        <v>55</v>
      </c>
      <c r="R227" s="10" t="s">
        <v>55</v>
      </c>
      <c r="S227" s="6">
        <v>5</v>
      </c>
      <c r="T227" s="6">
        <v>1</v>
      </c>
      <c r="U227" s="10" t="s">
        <v>55</v>
      </c>
      <c r="V227" s="6">
        <v>4</v>
      </c>
      <c r="W227" s="6">
        <v>90</v>
      </c>
      <c r="X227" s="6">
        <v>10</v>
      </c>
      <c r="Y227" s="6">
        <v>10</v>
      </c>
      <c r="Z227" s="10" t="s">
        <v>55</v>
      </c>
      <c r="AA227" s="10" t="s">
        <v>55</v>
      </c>
      <c r="AB227" s="10" t="s">
        <v>55</v>
      </c>
    </row>
    <row r="228" spans="1:28">
      <c r="A228" s="9" t="s">
        <v>83</v>
      </c>
      <c r="B228" s="9" t="s">
        <v>57</v>
      </c>
      <c r="C228" s="9" t="s">
        <v>81</v>
      </c>
      <c r="D228" s="9" t="s">
        <v>77</v>
      </c>
      <c r="E228" s="9" t="s">
        <v>57</v>
      </c>
      <c r="F228" s="9" t="s">
        <v>81</v>
      </c>
      <c r="G228" s="9" t="s">
        <v>84</v>
      </c>
      <c r="H228" s="9" t="s">
        <v>104</v>
      </c>
      <c r="I228" s="9" t="s">
        <v>6</v>
      </c>
      <c r="J228" s="9" t="s">
        <v>40</v>
      </c>
      <c r="K228" s="6">
        <v>115</v>
      </c>
      <c r="L228" s="6">
        <v>11</v>
      </c>
      <c r="M228" s="6">
        <v>11</v>
      </c>
      <c r="N228" s="6">
        <v>11</v>
      </c>
      <c r="O228" s="10" t="s">
        <v>55</v>
      </c>
      <c r="P228" s="10" t="s">
        <v>55</v>
      </c>
      <c r="Q228" s="10" t="s">
        <v>55</v>
      </c>
      <c r="R228" s="10" t="s">
        <v>55</v>
      </c>
      <c r="S228" s="6">
        <v>15</v>
      </c>
      <c r="T228" s="6">
        <v>5</v>
      </c>
      <c r="U228" s="10" t="s">
        <v>55</v>
      </c>
      <c r="V228" s="6">
        <v>10</v>
      </c>
      <c r="W228" s="6">
        <v>89</v>
      </c>
      <c r="X228" s="6">
        <v>10</v>
      </c>
      <c r="Y228" s="6">
        <v>10</v>
      </c>
      <c r="Z228" s="10" t="s">
        <v>55</v>
      </c>
      <c r="AA228" s="10" t="s">
        <v>55</v>
      </c>
      <c r="AB228" s="10" t="s">
        <v>55</v>
      </c>
    </row>
    <row r="229" spans="1:28">
      <c r="A229" s="9" t="s">
        <v>83</v>
      </c>
      <c r="B229" s="9" t="s">
        <v>57</v>
      </c>
      <c r="C229" s="9" t="s">
        <v>81</v>
      </c>
      <c r="D229" s="9" t="s">
        <v>77</v>
      </c>
      <c r="E229" s="9" t="s">
        <v>57</v>
      </c>
      <c r="F229" s="9" t="s">
        <v>81</v>
      </c>
      <c r="G229" s="9" t="s">
        <v>84</v>
      </c>
      <c r="H229" s="9" t="s">
        <v>104</v>
      </c>
      <c r="I229" s="9" t="s">
        <v>6</v>
      </c>
      <c r="J229" s="9" t="s">
        <v>41</v>
      </c>
      <c r="K229" s="6">
        <v>94</v>
      </c>
      <c r="L229" s="6">
        <v>6</v>
      </c>
      <c r="M229" s="6">
        <v>6</v>
      </c>
      <c r="N229" s="6">
        <v>4</v>
      </c>
      <c r="O229" s="6">
        <v>2</v>
      </c>
      <c r="P229" s="10" t="s">
        <v>55</v>
      </c>
      <c r="Q229" s="10" t="s">
        <v>55</v>
      </c>
      <c r="R229" s="10" t="s">
        <v>55</v>
      </c>
      <c r="S229" s="6">
        <v>21</v>
      </c>
      <c r="T229" s="6">
        <v>5</v>
      </c>
      <c r="U229" s="10" t="s">
        <v>55</v>
      </c>
      <c r="V229" s="6">
        <v>16</v>
      </c>
      <c r="W229" s="6">
        <v>67</v>
      </c>
      <c r="X229" s="6">
        <v>4</v>
      </c>
      <c r="Y229" s="6">
        <v>2</v>
      </c>
      <c r="Z229" s="6">
        <v>2</v>
      </c>
      <c r="AA229" s="10" t="s">
        <v>55</v>
      </c>
      <c r="AB229" s="10" t="s">
        <v>55</v>
      </c>
    </row>
    <row r="230" spans="1:28">
      <c r="A230" s="9" t="s">
        <v>83</v>
      </c>
      <c r="B230" s="9" t="s">
        <v>57</v>
      </c>
      <c r="C230" s="9" t="s">
        <v>81</v>
      </c>
      <c r="D230" s="9" t="s">
        <v>77</v>
      </c>
      <c r="E230" s="9" t="s">
        <v>57</v>
      </c>
      <c r="F230" s="9" t="s">
        <v>81</v>
      </c>
      <c r="G230" s="9" t="s">
        <v>84</v>
      </c>
      <c r="H230" s="9" t="s">
        <v>104</v>
      </c>
      <c r="I230" s="9" t="s">
        <v>6</v>
      </c>
      <c r="J230" s="9" t="s">
        <v>42</v>
      </c>
      <c r="K230" s="6">
        <v>89</v>
      </c>
      <c r="L230" s="10" t="s">
        <v>55</v>
      </c>
      <c r="M230" s="10" t="s">
        <v>55</v>
      </c>
      <c r="N230" s="10" t="s">
        <v>55</v>
      </c>
      <c r="O230" s="10" t="s">
        <v>55</v>
      </c>
      <c r="P230" s="10" t="s">
        <v>55</v>
      </c>
      <c r="Q230" s="10" t="s">
        <v>55</v>
      </c>
      <c r="R230" s="10" t="s">
        <v>55</v>
      </c>
      <c r="S230" s="6">
        <v>36</v>
      </c>
      <c r="T230" s="6">
        <v>5</v>
      </c>
      <c r="U230" s="10" t="s">
        <v>55</v>
      </c>
      <c r="V230" s="6">
        <v>31</v>
      </c>
      <c r="W230" s="6">
        <v>53</v>
      </c>
      <c r="X230" s="10" t="s">
        <v>55</v>
      </c>
      <c r="Y230" s="10" t="s">
        <v>55</v>
      </c>
      <c r="Z230" s="10" t="s">
        <v>55</v>
      </c>
      <c r="AA230" s="10" t="s">
        <v>55</v>
      </c>
      <c r="AB230" s="10" t="s">
        <v>55</v>
      </c>
    </row>
    <row r="231" spans="1:28">
      <c r="A231" s="9" t="s">
        <v>83</v>
      </c>
      <c r="B231" s="9" t="s">
        <v>57</v>
      </c>
      <c r="C231" s="9" t="s">
        <v>81</v>
      </c>
      <c r="D231" s="9" t="s">
        <v>77</v>
      </c>
      <c r="E231" s="9" t="s">
        <v>57</v>
      </c>
      <c r="F231" s="9" t="s">
        <v>81</v>
      </c>
      <c r="G231" s="9" t="s">
        <v>84</v>
      </c>
      <c r="H231" s="9" t="s">
        <v>104</v>
      </c>
      <c r="I231" s="9" t="s">
        <v>6</v>
      </c>
      <c r="J231" s="9" t="s">
        <v>43</v>
      </c>
      <c r="K231" s="6">
        <v>86</v>
      </c>
      <c r="L231" s="10" t="s">
        <v>55</v>
      </c>
      <c r="M231" s="10" t="s">
        <v>55</v>
      </c>
      <c r="N231" s="10" t="s">
        <v>55</v>
      </c>
      <c r="O231" s="10" t="s">
        <v>55</v>
      </c>
      <c r="P231" s="10" t="s">
        <v>55</v>
      </c>
      <c r="Q231" s="10" t="s">
        <v>55</v>
      </c>
      <c r="R231" s="10" t="s">
        <v>55</v>
      </c>
      <c r="S231" s="6">
        <v>51</v>
      </c>
      <c r="T231" s="6">
        <v>5</v>
      </c>
      <c r="U231" s="10" t="s">
        <v>55</v>
      </c>
      <c r="V231" s="6">
        <v>46</v>
      </c>
      <c r="W231" s="6">
        <v>35</v>
      </c>
      <c r="X231" s="10" t="s">
        <v>55</v>
      </c>
      <c r="Y231" s="10" t="s">
        <v>55</v>
      </c>
      <c r="Z231" s="10" t="s">
        <v>55</v>
      </c>
      <c r="AA231" s="10" t="s">
        <v>55</v>
      </c>
      <c r="AB231" s="10" t="s">
        <v>55</v>
      </c>
    </row>
    <row r="232" spans="1:28">
      <c r="A232" s="9" t="s">
        <v>83</v>
      </c>
      <c r="B232" s="9" t="s">
        <v>57</v>
      </c>
      <c r="C232" s="9" t="s">
        <v>81</v>
      </c>
      <c r="D232" s="9" t="s">
        <v>77</v>
      </c>
      <c r="E232" s="9" t="s">
        <v>57</v>
      </c>
      <c r="F232" s="9" t="s">
        <v>81</v>
      </c>
      <c r="G232" s="9" t="s">
        <v>84</v>
      </c>
      <c r="H232" s="9" t="s">
        <v>104</v>
      </c>
      <c r="I232" s="9" t="s">
        <v>6</v>
      </c>
      <c r="J232" s="9" t="s">
        <v>44</v>
      </c>
      <c r="K232" s="6">
        <v>107</v>
      </c>
      <c r="L232" s="10" t="s">
        <v>55</v>
      </c>
      <c r="M232" s="10" t="s">
        <v>55</v>
      </c>
      <c r="N232" s="10" t="s">
        <v>55</v>
      </c>
      <c r="O232" s="10" t="s">
        <v>55</v>
      </c>
      <c r="P232" s="10" t="s">
        <v>55</v>
      </c>
      <c r="Q232" s="10" t="s">
        <v>55</v>
      </c>
      <c r="R232" s="10" t="s">
        <v>55</v>
      </c>
      <c r="S232" s="6">
        <v>85</v>
      </c>
      <c r="T232" s="6">
        <v>4</v>
      </c>
      <c r="U232" s="10" t="s">
        <v>55</v>
      </c>
      <c r="V232" s="6">
        <v>81</v>
      </c>
      <c r="W232" s="6">
        <v>22</v>
      </c>
      <c r="X232" s="10" t="s">
        <v>55</v>
      </c>
      <c r="Y232" s="10" t="s">
        <v>55</v>
      </c>
      <c r="Z232" s="10" t="s">
        <v>55</v>
      </c>
      <c r="AA232" s="10" t="s">
        <v>55</v>
      </c>
      <c r="AB232" s="10" t="s">
        <v>55</v>
      </c>
    </row>
    <row r="233" spans="1:28">
      <c r="A233" s="9" t="s">
        <v>83</v>
      </c>
      <c r="B233" s="9" t="s">
        <v>57</v>
      </c>
      <c r="C233" s="9" t="s">
        <v>81</v>
      </c>
      <c r="D233" s="9" t="s">
        <v>77</v>
      </c>
      <c r="E233" s="9" t="s">
        <v>57</v>
      </c>
      <c r="F233" s="9" t="s">
        <v>81</v>
      </c>
      <c r="G233" s="9" t="s">
        <v>84</v>
      </c>
      <c r="H233" s="9" t="s">
        <v>104</v>
      </c>
      <c r="I233" s="9" t="s">
        <v>6</v>
      </c>
      <c r="J233" s="9" t="s">
        <v>45</v>
      </c>
      <c r="K233" s="6">
        <v>122</v>
      </c>
      <c r="L233" s="6">
        <v>1</v>
      </c>
      <c r="M233" s="6">
        <v>1</v>
      </c>
      <c r="N233" s="10" t="s">
        <v>55</v>
      </c>
      <c r="O233" s="6">
        <v>1</v>
      </c>
      <c r="P233" s="10" t="s">
        <v>55</v>
      </c>
      <c r="Q233" s="10" t="s">
        <v>55</v>
      </c>
      <c r="R233" s="10" t="s">
        <v>55</v>
      </c>
      <c r="S233" s="6">
        <v>100</v>
      </c>
      <c r="T233" s="6">
        <v>1</v>
      </c>
      <c r="U233" s="10" t="s">
        <v>55</v>
      </c>
      <c r="V233" s="6">
        <v>99</v>
      </c>
      <c r="W233" s="6">
        <v>21</v>
      </c>
      <c r="X233" s="10" t="s">
        <v>55</v>
      </c>
      <c r="Y233" s="10" t="s">
        <v>55</v>
      </c>
      <c r="Z233" s="10" t="s">
        <v>55</v>
      </c>
      <c r="AA233" s="10" t="s">
        <v>55</v>
      </c>
      <c r="AB233" s="10" t="s">
        <v>55</v>
      </c>
    </row>
    <row r="234" spans="1:28">
      <c r="A234" s="9" t="s">
        <v>83</v>
      </c>
      <c r="B234" s="9" t="s">
        <v>57</v>
      </c>
      <c r="C234" s="9" t="s">
        <v>81</v>
      </c>
      <c r="D234" s="9" t="s">
        <v>77</v>
      </c>
      <c r="E234" s="9" t="s">
        <v>57</v>
      </c>
      <c r="F234" s="9" t="s">
        <v>81</v>
      </c>
      <c r="G234" s="9" t="s">
        <v>84</v>
      </c>
      <c r="H234" s="9" t="s">
        <v>104</v>
      </c>
      <c r="I234" s="9" t="s">
        <v>6</v>
      </c>
      <c r="J234" s="9" t="s">
        <v>46</v>
      </c>
      <c r="K234" s="6">
        <v>77</v>
      </c>
      <c r="L234" s="10" t="s">
        <v>55</v>
      </c>
      <c r="M234" s="10" t="s">
        <v>55</v>
      </c>
      <c r="N234" s="10" t="s">
        <v>55</v>
      </c>
      <c r="O234" s="10" t="s">
        <v>55</v>
      </c>
      <c r="P234" s="10" t="s">
        <v>55</v>
      </c>
      <c r="Q234" s="10" t="s">
        <v>55</v>
      </c>
      <c r="R234" s="10" t="s">
        <v>55</v>
      </c>
      <c r="S234" s="6">
        <v>68</v>
      </c>
      <c r="T234" s="10" t="s">
        <v>55</v>
      </c>
      <c r="U234" s="10" t="s">
        <v>55</v>
      </c>
      <c r="V234" s="6">
        <v>68</v>
      </c>
      <c r="W234" s="6">
        <v>9</v>
      </c>
      <c r="X234" s="10" t="s">
        <v>55</v>
      </c>
      <c r="Y234" s="10" t="s">
        <v>55</v>
      </c>
      <c r="Z234" s="10" t="s">
        <v>55</v>
      </c>
      <c r="AA234" s="10" t="s">
        <v>55</v>
      </c>
      <c r="AB234" s="10" t="s">
        <v>55</v>
      </c>
    </row>
    <row r="235" spans="1:28">
      <c r="A235" s="9" t="s">
        <v>83</v>
      </c>
      <c r="B235" s="9" t="s">
        <v>57</v>
      </c>
      <c r="C235" s="9" t="s">
        <v>81</v>
      </c>
      <c r="D235" s="9" t="s">
        <v>77</v>
      </c>
      <c r="E235" s="9" t="s">
        <v>57</v>
      </c>
      <c r="F235" s="9" t="s">
        <v>81</v>
      </c>
      <c r="G235" s="9" t="s">
        <v>84</v>
      </c>
      <c r="H235" s="9" t="s">
        <v>104</v>
      </c>
      <c r="I235" s="9" t="s">
        <v>6</v>
      </c>
      <c r="J235" s="9" t="s">
        <v>47</v>
      </c>
      <c r="K235" s="6">
        <v>43</v>
      </c>
      <c r="L235" s="10" t="s">
        <v>55</v>
      </c>
      <c r="M235" s="10" t="s">
        <v>55</v>
      </c>
      <c r="N235" s="10" t="s">
        <v>55</v>
      </c>
      <c r="O235" s="10" t="s">
        <v>55</v>
      </c>
      <c r="P235" s="10" t="s">
        <v>55</v>
      </c>
      <c r="Q235" s="10" t="s">
        <v>55</v>
      </c>
      <c r="R235" s="10" t="s">
        <v>55</v>
      </c>
      <c r="S235" s="6">
        <v>41</v>
      </c>
      <c r="T235" s="10" t="s">
        <v>55</v>
      </c>
      <c r="U235" s="10" t="s">
        <v>55</v>
      </c>
      <c r="V235" s="6">
        <v>41</v>
      </c>
      <c r="W235" s="6">
        <v>2</v>
      </c>
      <c r="X235" s="10" t="s">
        <v>55</v>
      </c>
      <c r="Y235" s="10" t="s">
        <v>55</v>
      </c>
      <c r="Z235" s="10" t="s">
        <v>55</v>
      </c>
      <c r="AA235" s="10" t="s">
        <v>55</v>
      </c>
      <c r="AB235" s="10" t="s">
        <v>55</v>
      </c>
    </row>
    <row r="236" spans="1:28">
      <c r="A236" s="9" t="s">
        <v>83</v>
      </c>
      <c r="B236" s="9" t="s">
        <v>57</v>
      </c>
      <c r="C236" s="9" t="s">
        <v>81</v>
      </c>
      <c r="D236" s="9" t="s">
        <v>77</v>
      </c>
      <c r="E236" s="9" t="s">
        <v>57</v>
      </c>
      <c r="F236" s="9" t="s">
        <v>81</v>
      </c>
      <c r="G236" s="9" t="s">
        <v>84</v>
      </c>
      <c r="H236" s="9" t="s">
        <v>104</v>
      </c>
      <c r="I236" s="9" t="s">
        <v>6</v>
      </c>
      <c r="J236" s="9" t="s">
        <v>48</v>
      </c>
      <c r="K236" s="6">
        <v>1186</v>
      </c>
      <c r="L236" s="6">
        <v>115</v>
      </c>
      <c r="M236" s="6">
        <v>115</v>
      </c>
      <c r="N236" s="6">
        <v>113</v>
      </c>
      <c r="O236" s="6">
        <v>1</v>
      </c>
      <c r="P236" s="10" t="s">
        <v>55</v>
      </c>
      <c r="Q236" s="6">
        <v>1</v>
      </c>
      <c r="R236" s="10" t="s">
        <v>55</v>
      </c>
      <c r="S236" s="6">
        <v>22</v>
      </c>
      <c r="T236" s="6">
        <v>6</v>
      </c>
      <c r="U236" s="10" t="s">
        <v>55</v>
      </c>
      <c r="V236" s="6">
        <v>16</v>
      </c>
      <c r="W236" s="6">
        <v>1049</v>
      </c>
      <c r="X236" s="6">
        <v>62</v>
      </c>
      <c r="Y236" s="6">
        <v>61</v>
      </c>
      <c r="Z236" s="10" t="s">
        <v>55</v>
      </c>
      <c r="AA236" s="10" t="s">
        <v>55</v>
      </c>
      <c r="AB236" s="6">
        <v>1</v>
      </c>
    </row>
    <row r="237" spans="1:28">
      <c r="A237" s="9" t="s">
        <v>83</v>
      </c>
      <c r="B237" s="9" t="s">
        <v>57</v>
      </c>
      <c r="C237" s="9" t="s">
        <v>81</v>
      </c>
      <c r="D237" s="9" t="s">
        <v>77</v>
      </c>
      <c r="E237" s="9" t="s">
        <v>57</v>
      </c>
      <c r="F237" s="9" t="s">
        <v>81</v>
      </c>
      <c r="G237" s="9" t="s">
        <v>84</v>
      </c>
      <c r="H237" s="9" t="s">
        <v>104</v>
      </c>
      <c r="I237" s="9" t="s">
        <v>6</v>
      </c>
      <c r="J237" s="9" t="s">
        <v>49</v>
      </c>
      <c r="K237" s="6">
        <v>618</v>
      </c>
      <c r="L237" s="6">
        <v>7</v>
      </c>
      <c r="M237" s="6">
        <v>7</v>
      </c>
      <c r="N237" s="6">
        <v>4</v>
      </c>
      <c r="O237" s="6">
        <v>3</v>
      </c>
      <c r="P237" s="10" t="s">
        <v>55</v>
      </c>
      <c r="Q237" s="10" t="s">
        <v>55</v>
      </c>
      <c r="R237" s="10" t="s">
        <v>55</v>
      </c>
      <c r="S237" s="6">
        <v>402</v>
      </c>
      <c r="T237" s="6">
        <v>20</v>
      </c>
      <c r="U237" s="10" t="s">
        <v>55</v>
      </c>
      <c r="V237" s="6">
        <v>382</v>
      </c>
      <c r="W237" s="6">
        <v>209</v>
      </c>
      <c r="X237" s="6">
        <v>4</v>
      </c>
      <c r="Y237" s="6">
        <v>2</v>
      </c>
      <c r="Z237" s="6">
        <v>2</v>
      </c>
      <c r="AA237" s="10" t="s">
        <v>55</v>
      </c>
      <c r="AB237" s="10" t="s">
        <v>55</v>
      </c>
    </row>
    <row r="238" spans="1:28">
      <c r="A238" s="9" t="s">
        <v>83</v>
      </c>
      <c r="B238" s="9" t="s">
        <v>57</v>
      </c>
      <c r="C238" s="9" t="s">
        <v>81</v>
      </c>
      <c r="D238" s="9" t="s">
        <v>77</v>
      </c>
      <c r="E238" s="9" t="s">
        <v>57</v>
      </c>
      <c r="F238" s="9" t="s">
        <v>81</v>
      </c>
      <c r="G238" s="9" t="s">
        <v>84</v>
      </c>
      <c r="H238" s="9" t="s">
        <v>104</v>
      </c>
      <c r="I238" s="9" t="s">
        <v>6</v>
      </c>
      <c r="J238" s="9" t="s">
        <v>50</v>
      </c>
      <c r="K238" s="6">
        <v>435</v>
      </c>
      <c r="L238" s="6">
        <v>1</v>
      </c>
      <c r="M238" s="6">
        <v>1</v>
      </c>
      <c r="N238" s="10" t="s">
        <v>55</v>
      </c>
      <c r="O238" s="6">
        <v>1</v>
      </c>
      <c r="P238" s="10" t="s">
        <v>55</v>
      </c>
      <c r="Q238" s="10" t="s">
        <v>55</v>
      </c>
      <c r="R238" s="10" t="s">
        <v>55</v>
      </c>
      <c r="S238" s="6">
        <v>345</v>
      </c>
      <c r="T238" s="6">
        <v>10</v>
      </c>
      <c r="U238" s="10" t="s">
        <v>55</v>
      </c>
      <c r="V238" s="6">
        <v>335</v>
      </c>
      <c r="W238" s="6">
        <v>89</v>
      </c>
      <c r="X238" s="10" t="s">
        <v>55</v>
      </c>
      <c r="Y238" s="10" t="s">
        <v>55</v>
      </c>
      <c r="Z238" s="10" t="s">
        <v>55</v>
      </c>
      <c r="AA238" s="10" t="s">
        <v>55</v>
      </c>
      <c r="AB238" s="10" t="s">
        <v>55</v>
      </c>
    </row>
    <row r="239" spans="1:28">
      <c r="A239" s="9" t="s">
        <v>83</v>
      </c>
      <c r="B239" s="9" t="s">
        <v>57</v>
      </c>
      <c r="C239" s="9" t="s">
        <v>81</v>
      </c>
      <c r="D239" s="9" t="s">
        <v>77</v>
      </c>
      <c r="E239" s="9" t="s">
        <v>57</v>
      </c>
      <c r="F239" s="9" t="s">
        <v>81</v>
      </c>
      <c r="G239" s="9" t="s">
        <v>84</v>
      </c>
      <c r="H239" s="9" t="s">
        <v>104</v>
      </c>
      <c r="I239" s="9" t="s">
        <v>6</v>
      </c>
      <c r="J239" s="9" t="s">
        <v>51</v>
      </c>
      <c r="K239" s="6">
        <v>242</v>
      </c>
      <c r="L239" s="6">
        <v>1</v>
      </c>
      <c r="M239" s="6">
        <v>1</v>
      </c>
      <c r="N239" s="10" t="s">
        <v>55</v>
      </c>
      <c r="O239" s="6">
        <v>1</v>
      </c>
      <c r="P239" s="10" t="s">
        <v>55</v>
      </c>
      <c r="Q239" s="10" t="s">
        <v>55</v>
      </c>
      <c r="R239" s="10" t="s">
        <v>55</v>
      </c>
      <c r="S239" s="6">
        <v>209</v>
      </c>
      <c r="T239" s="6">
        <v>1</v>
      </c>
      <c r="U239" s="10" t="s">
        <v>55</v>
      </c>
      <c r="V239" s="6">
        <v>208</v>
      </c>
      <c r="W239" s="6">
        <v>32</v>
      </c>
      <c r="X239" s="10" t="s">
        <v>55</v>
      </c>
      <c r="Y239" s="10" t="s">
        <v>55</v>
      </c>
      <c r="Z239" s="10" t="s">
        <v>55</v>
      </c>
      <c r="AA239" s="10" t="s">
        <v>55</v>
      </c>
      <c r="AB239" s="10" t="s">
        <v>55</v>
      </c>
    </row>
    <row r="240" spans="1:28">
      <c r="A240" s="9" t="s">
        <v>83</v>
      </c>
      <c r="B240" s="9" t="s">
        <v>57</v>
      </c>
      <c r="C240" s="9" t="s">
        <v>81</v>
      </c>
      <c r="D240" s="9" t="s">
        <v>77</v>
      </c>
      <c r="E240" s="9" t="s">
        <v>57</v>
      </c>
      <c r="F240" s="9" t="s">
        <v>81</v>
      </c>
      <c r="G240" s="9" t="s">
        <v>84</v>
      </c>
      <c r="H240" s="9" t="s">
        <v>104</v>
      </c>
      <c r="I240" s="9" t="s">
        <v>6</v>
      </c>
      <c r="J240" s="9" t="s">
        <v>52</v>
      </c>
      <c r="K240" s="6">
        <v>1270</v>
      </c>
      <c r="L240" s="6">
        <v>119</v>
      </c>
      <c r="M240" s="6">
        <v>119</v>
      </c>
      <c r="N240" s="6">
        <v>115</v>
      </c>
      <c r="O240" s="6">
        <v>3</v>
      </c>
      <c r="P240" s="10" t="s">
        <v>55</v>
      </c>
      <c r="Q240" s="6">
        <v>1</v>
      </c>
      <c r="R240" s="10" t="s">
        <v>55</v>
      </c>
      <c r="S240" s="6">
        <v>43</v>
      </c>
      <c r="T240" s="6">
        <v>11</v>
      </c>
      <c r="U240" s="10" t="s">
        <v>55</v>
      </c>
      <c r="V240" s="6">
        <v>32</v>
      </c>
      <c r="W240" s="6">
        <v>1108</v>
      </c>
      <c r="X240" s="6">
        <v>66</v>
      </c>
      <c r="Y240" s="6">
        <v>63</v>
      </c>
      <c r="Z240" s="6">
        <v>2</v>
      </c>
      <c r="AA240" s="10" t="s">
        <v>55</v>
      </c>
      <c r="AB240" s="6">
        <v>1</v>
      </c>
    </row>
    <row r="241" spans="1:28">
      <c r="A241" s="9" t="s">
        <v>83</v>
      </c>
      <c r="B241" s="9" t="s">
        <v>57</v>
      </c>
      <c r="C241" s="9" t="s">
        <v>81</v>
      </c>
      <c r="D241" s="9" t="s">
        <v>77</v>
      </c>
      <c r="E241" s="9" t="s">
        <v>57</v>
      </c>
      <c r="F241" s="9" t="s">
        <v>81</v>
      </c>
      <c r="G241" s="9" t="s">
        <v>84</v>
      </c>
      <c r="H241" s="9" t="s">
        <v>104</v>
      </c>
      <c r="I241" s="9" t="s">
        <v>53</v>
      </c>
      <c r="J241" s="9" t="s">
        <v>30</v>
      </c>
      <c r="K241" s="6">
        <v>838</v>
      </c>
      <c r="L241" s="6">
        <v>58</v>
      </c>
      <c r="M241" s="6">
        <v>58</v>
      </c>
      <c r="N241" s="6">
        <v>57</v>
      </c>
      <c r="O241" s="6">
        <v>1</v>
      </c>
      <c r="P241" s="10" t="s">
        <v>55</v>
      </c>
      <c r="Q241" s="10" t="s">
        <v>55</v>
      </c>
      <c r="R241" s="10" t="s">
        <v>55</v>
      </c>
      <c r="S241" s="6">
        <v>116</v>
      </c>
      <c r="T241" s="6">
        <v>5</v>
      </c>
      <c r="U241" s="10" t="s">
        <v>55</v>
      </c>
      <c r="V241" s="6">
        <v>111</v>
      </c>
      <c r="W241" s="6">
        <v>664</v>
      </c>
      <c r="X241" s="6">
        <v>28</v>
      </c>
      <c r="Y241" s="6">
        <v>28</v>
      </c>
      <c r="Z241" s="10" t="s">
        <v>55</v>
      </c>
      <c r="AA241" s="10" t="s">
        <v>55</v>
      </c>
      <c r="AB241" s="10" t="s">
        <v>55</v>
      </c>
    </row>
    <row r="242" spans="1:28">
      <c r="A242" s="9" t="s">
        <v>83</v>
      </c>
      <c r="B242" s="9" t="s">
        <v>57</v>
      </c>
      <c r="C242" s="9" t="s">
        <v>81</v>
      </c>
      <c r="D242" s="9" t="s">
        <v>77</v>
      </c>
      <c r="E242" s="9" t="s">
        <v>57</v>
      </c>
      <c r="F242" s="9" t="s">
        <v>81</v>
      </c>
      <c r="G242" s="9" t="s">
        <v>84</v>
      </c>
      <c r="H242" s="9" t="s">
        <v>104</v>
      </c>
      <c r="I242" s="9" t="s">
        <v>53</v>
      </c>
      <c r="J242" s="9" t="s">
        <v>31</v>
      </c>
      <c r="K242" s="6">
        <v>7</v>
      </c>
      <c r="L242" s="6">
        <v>2</v>
      </c>
      <c r="M242" s="6">
        <v>2</v>
      </c>
      <c r="N242" s="6">
        <v>2</v>
      </c>
      <c r="O242" s="10" t="s">
        <v>55</v>
      </c>
      <c r="P242" s="10" t="s">
        <v>55</v>
      </c>
      <c r="Q242" s="10" t="s">
        <v>55</v>
      </c>
      <c r="R242" s="10" t="s">
        <v>55</v>
      </c>
      <c r="S242" s="10" t="s">
        <v>55</v>
      </c>
      <c r="T242" s="10" t="s">
        <v>55</v>
      </c>
      <c r="U242" s="10" t="s">
        <v>55</v>
      </c>
      <c r="V242" s="10" t="s">
        <v>55</v>
      </c>
      <c r="W242" s="6">
        <v>5</v>
      </c>
      <c r="X242" s="10" t="s">
        <v>55</v>
      </c>
      <c r="Y242" s="10" t="s">
        <v>55</v>
      </c>
      <c r="Z242" s="10" t="s">
        <v>55</v>
      </c>
      <c r="AA242" s="10" t="s">
        <v>55</v>
      </c>
      <c r="AB242" s="10" t="s">
        <v>55</v>
      </c>
    </row>
    <row r="243" spans="1:28">
      <c r="A243" s="9" t="s">
        <v>83</v>
      </c>
      <c r="B243" s="9" t="s">
        <v>57</v>
      </c>
      <c r="C243" s="9" t="s">
        <v>81</v>
      </c>
      <c r="D243" s="9" t="s">
        <v>77</v>
      </c>
      <c r="E243" s="9" t="s">
        <v>57</v>
      </c>
      <c r="F243" s="9" t="s">
        <v>81</v>
      </c>
      <c r="G243" s="9" t="s">
        <v>84</v>
      </c>
      <c r="H243" s="9" t="s">
        <v>104</v>
      </c>
      <c r="I243" s="9" t="s">
        <v>53</v>
      </c>
      <c r="J243" s="9" t="s">
        <v>32</v>
      </c>
      <c r="K243" s="6">
        <v>59</v>
      </c>
      <c r="L243" s="6">
        <v>9</v>
      </c>
      <c r="M243" s="6">
        <v>9</v>
      </c>
      <c r="N243" s="6">
        <v>9</v>
      </c>
      <c r="O243" s="10" t="s">
        <v>55</v>
      </c>
      <c r="P243" s="10" t="s">
        <v>55</v>
      </c>
      <c r="Q243" s="10" t="s">
        <v>55</v>
      </c>
      <c r="R243" s="10" t="s">
        <v>55</v>
      </c>
      <c r="S243" s="10" t="s">
        <v>55</v>
      </c>
      <c r="T243" s="10" t="s">
        <v>55</v>
      </c>
      <c r="U243" s="10" t="s">
        <v>55</v>
      </c>
      <c r="V243" s="10" t="s">
        <v>55</v>
      </c>
      <c r="W243" s="6">
        <v>50</v>
      </c>
      <c r="X243" s="6">
        <v>5</v>
      </c>
      <c r="Y243" s="6">
        <v>5</v>
      </c>
      <c r="Z243" s="10" t="s">
        <v>55</v>
      </c>
      <c r="AA243" s="10" t="s">
        <v>55</v>
      </c>
      <c r="AB243" s="10" t="s">
        <v>55</v>
      </c>
    </row>
    <row r="244" spans="1:28">
      <c r="A244" s="9" t="s">
        <v>83</v>
      </c>
      <c r="B244" s="9" t="s">
        <v>57</v>
      </c>
      <c r="C244" s="9" t="s">
        <v>81</v>
      </c>
      <c r="D244" s="9" t="s">
        <v>77</v>
      </c>
      <c r="E244" s="9" t="s">
        <v>57</v>
      </c>
      <c r="F244" s="9" t="s">
        <v>81</v>
      </c>
      <c r="G244" s="9" t="s">
        <v>84</v>
      </c>
      <c r="H244" s="9" t="s">
        <v>104</v>
      </c>
      <c r="I244" s="9" t="s">
        <v>53</v>
      </c>
      <c r="J244" s="9" t="s">
        <v>33</v>
      </c>
      <c r="K244" s="6">
        <v>95</v>
      </c>
      <c r="L244" s="6">
        <v>15</v>
      </c>
      <c r="M244" s="6">
        <v>15</v>
      </c>
      <c r="N244" s="6">
        <v>15</v>
      </c>
      <c r="O244" s="10" t="s">
        <v>55</v>
      </c>
      <c r="P244" s="10" t="s">
        <v>55</v>
      </c>
      <c r="Q244" s="10" t="s">
        <v>55</v>
      </c>
      <c r="R244" s="10" t="s">
        <v>55</v>
      </c>
      <c r="S244" s="10" t="s">
        <v>55</v>
      </c>
      <c r="T244" s="10" t="s">
        <v>55</v>
      </c>
      <c r="U244" s="10" t="s">
        <v>55</v>
      </c>
      <c r="V244" s="10" t="s">
        <v>55</v>
      </c>
      <c r="W244" s="6">
        <v>80</v>
      </c>
      <c r="X244" s="6">
        <v>7</v>
      </c>
      <c r="Y244" s="6">
        <v>7</v>
      </c>
      <c r="Z244" s="10" t="s">
        <v>55</v>
      </c>
      <c r="AA244" s="10" t="s">
        <v>55</v>
      </c>
      <c r="AB244" s="10" t="s">
        <v>55</v>
      </c>
    </row>
    <row r="245" spans="1:28">
      <c r="A245" s="9" t="s">
        <v>83</v>
      </c>
      <c r="B245" s="9" t="s">
        <v>57</v>
      </c>
      <c r="C245" s="9" t="s">
        <v>81</v>
      </c>
      <c r="D245" s="9" t="s">
        <v>77</v>
      </c>
      <c r="E245" s="9" t="s">
        <v>57</v>
      </c>
      <c r="F245" s="9" t="s">
        <v>81</v>
      </c>
      <c r="G245" s="9" t="s">
        <v>84</v>
      </c>
      <c r="H245" s="9" t="s">
        <v>104</v>
      </c>
      <c r="I245" s="9" t="s">
        <v>53</v>
      </c>
      <c r="J245" s="9" t="s">
        <v>34</v>
      </c>
      <c r="K245" s="6">
        <v>76</v>
      </c>
      <c r="L245" s="6">
        <v>4</v>
      </c>
      <c r="M245" s="6">
        <v>4</v>
      </c>
      <c r="N245" s="6">
        <v>4</v>
      </c>
      <c r="O245" s="10" t="s">
        <v>55</v>
      </c>
      <c r="P245" s="10" t="s">
        <v>55</v>
      </c>
      <c r="Q245" s="10" t="s">
        <v>55</v>
      </c>
      <c r="R245" s="10" t="s">
        <v>55</v>
      </c>
      <c r="S245" s="10" t="s">
        <v>55</v>
      </c>
      <c r="T245" s="10" t="s">
        <v>55</v>
      </c>
      <c r="U245" s="10" t="s">
        <v>55</v>
      </c>
      <c r="V245" s="10" t="s">
        <v>55</v>
      </c>
      <c r="W245" s="6">
        <v>72</v>
      </c>
      <c r="X245" s="6">
        <v>1</v>
      </c>
      <c r="Y245" s="6">
        <v>1</v>
      </c>
      <c r="Z245" s="10" t="s">
        <v>55</v>
      </c>
      <c r="AA245" s="10" t="s">
        <v>55</v>
      </c>
      <c r="AB245" s="10" t="s">
        <v>55</v>
      </c>
    </row>
    <row r="246" spans="1:28">
      <c r="A246" s="9" t="s">
        <v>83</v>
      </c>
      <c r="B246" s="9" t="s">
        <v>57</v>
      </c>
      <c r="C246" s="9" t="s">
        <v>81</v>
      </c>
      <c r="D246" s="9" t="s">
        <v>77</v>
      </c>
      <c r="E246" s="9" t="s">
        <v>57</v>
      </c>
      <c r="F246" s="9" t="s">
        <v>81</v>
      </c>
      <c r="G246" s="9" t="s">
        <v>84</v>
      </c>
      <c r="H246" s="9" t="s">
        <v>104</v>
      </c>
      <c r="I246" s="9" t="s">
        <v>53</v>
      </c>
      <c r="J246" s="9" t="s">
        <v>35</v>
      </c>
      <c r="K246" s="6">
        <v>68</v>
      </c>
      <c r="L246" s="6">
        <v>1</v>
      </c>
      <c r="M246" s="6">
        <v>1</v>
      </c>
      <c r="N246" s="6">
        <v>1</v>
      </c>
      <c r="O246" s="10" t="s">
        <v>55</v>
      </c>
      <c r="P246" s="10" t="s">
        <v>55</v>
      </c>
      <c r="Q246" s="10" t="s">
        <v>55</v>
      </c>
      <c r="R246" s="10" t="s">
        <v>55</v>
      </c>
      <c r="S246" s="10" t="s">
        <v>55</v>
      </c>
      <c r="T246" s="10" t="s">
        <v>55</v>
      </c>
      <c r="U246" s="10" t="s">
        <v>55</v>
      </c>
      <c r="V246" s="10" t="s">
        <v>55</v>
      </c>
      <c r="W246" s="6">
        <v>67</v>
      </c>
      <c r="X246" s="10" t="s">
        <v>55</v>
      </c>
      <c r="Y246" s="10" t="s">
        <v>55</v>
      </c>
      <c r="Z246" s="10" t="s">
        <v>55</v>
      </c>
      <c r="AA246" s="10" t="s">
        <v>55</v>
      </c>
      <c r="AB246" s="10" t="s">
        <v>55</v>
      </c>
    </row>
    <row r="247" spans="1:28">
      <c r="A247" s="9" t="s">
        <v>83</v>
      </c>
      <c r="B247" s="9" t="s">
        <v>57</v>
      </c>
      <c r="C247" s="9" t="s">
        <v>81</v>
      </c>
      <c r="D247" s="9" t="s">
        <v>77</v>
      </c>
      <c r="E247" s="9" t="s">
        <v>57</v>
      </c>
      <c r="F247" s="9" t="s">
        <v>81</v>
      </c>
      <c r="G247" s="9" t="s">
        <v>84</v>
      </c>
      <c r="H247" s="9" t="s">
        <v>104</v>
      </c>
      <c r="I247" s="9" t="s">
        <v>53</v>
      </c>
      <c r="J247" s="9" t="s">
        <v>36</v>
      </c>
      <c r="K247" s="6">
        <v>76</v>
      </c>
      <c r="L247" s="6">
        <v>4</v>
      </c>
      <c r="M247" s="6">
        <v>4</v>
      </c>
      <c r="N247" s="6">
        <v>4</v>
      </c>
      <c r="O247" s="10" t="s">
        <v>55</v>
      </c>
      <c r="P247" s="10" t="s">
        <v>55</v>
      </c>
      <c r="Q247" s="10" t="s">
        <v>55</v>
      </c>
      <c r="R247" s="10" t="s">
        <v>55</v>
      </c>
      <c r="S247" s="10" t="s">
        <v>55</v>
      </c>
      <c r="T247" s="10" t="s">
        <v>55</v>
      </c>
      <c r="U247" s="10" t="s">
        <v>55</v>
      </c>
      <c r="V247" s="10" t="s">
        <v>55</v>
      </c>
      <c r="W247" s="6">
        <v>72</v>
      </c>
      <c r="X247" s="6">
        <v>1</v>
      </c>
      <c r="Y247" s="6">
        <v>1</v>
      </c>
      <c r="Z247" s="10" t="s">
        <v>55</v>
      </c>
      <c r="AA247" s="10" t="s">
        <v>55</v>
      </c>
      <c r="AB247" s="10" t="s">
        <v>55</v>
      </c>
    </row>
    <row r="248" spans="1:28">
      <c r="A248" s="9" t="s">
        <v>83</v>
      </c>
      <c r="B248" s="9" t="s">
        <v>57</v>
      </c>
      <c r="C248" s="9" t="s">
        <v>81</v>
      </c>
      <c r="D248" s="9" t="s">
        <v>77</v>
      </c>
      <c r="E248" s="9" t="s">
        <v>57</v>
      </c>
      <c r="F248" s="9" t="s">
        <v>81</v>
      </c>
      <c r="G248" s="9" t="s">
        <v>84</v>
      </c>
      <c r="H248" s="9" t="s">
        <v>104</v>
      </c>
      <c r="I248" s="9" t="s">
        <v>53</v>
      </c>
      <c r="J248" s="9" t="s">
        <v>37</v>
      </c>
      <c r="K248" s="6">
        <v>74</v>
      </c>
      <c r="L248" s="6">
        <v>3</v>
      </c>
      <c r="M248" s="6">
        <v>3</v>
      </c>
      <c r="N248" s="6">
        <v>3</v>
      </c>
      <c r="O248" s="10" t="s">
        <v>55</v>
      </c>
      <c r="P248" s="10" t="s">
        <v>55</v>
      </c>
      <c r="Q248" s="10" t="s">
        <v>55</v>
      </c>
      <c r="R248" s="10" t="s">
        <v>55</v>
      </c>
      <c r="S248" s="10" t="s">
        <v>55</v>
      </c>
      <c r="T248" s="10" t="s">
        <v>55</v>
      </c>
      <c r="U248" s="10" t="s">
        <v>55</v>
      </c>
      <c r="V248" s="10" t="s">
        <v>55</v>
      </c>
      <c r="W248" s="6">
        <v>71</v>
      </c>
      <c r="X248" s="10" t="s">
        <v>55</v>
      </c>
      <c r="Y248" s="10" t="s">
        <v>55</v>
      </c>
      <c r="Z248" s="10" t="s">
        <v>55</v>
      </c>
      <c r="AA248" s="10" t="s">
        <v>55</v>
      </c>
      <c r="AB248" s="10" t="s">
        <v>55</v>
      </c>
    </row>
    <row r="249" spans="1:28">
      <c r="A249" s="9" t="s">
        <v>83</v>
      </c>
      <c r="B249" s="9" t="s">
        <v>57</v>
      </c>
      <c r="C249" s="9" t="s">
        <v>81</v>
      </c>
      <c r="D249" s="9" t="s">
        <v>77</v>
      </c>
      <c r="E249" s="9" t="s">
        <v>57</v>
      </c>
      <c r="F249" s="9" t="s">
        <v>81</v>
      </c>
      <c r="G249" s="9" t="s">
        <v>84</v>
      </c>
      <c r="H249" s="9" t="s">
        <v>104</v>
      </c>
      <c r="I249" s="9" t="s">
        <v>53</v>
      </c>
      <c r="J249" s="9" t="s">
        <v>38</v>
      </c>
      <c r="K249" s="6">
        <v>58</v>
      </c>
      <c r="L249" s="6">
        <v>2</v>
      </c>
      <c r="M249" s="6">
        <v>2</v>
      </c>
      <c r="N249" s="6">
        <v>2</v>
      </c>
      <c r="O249" s="10" t="s">
        <v>55</v>
      </c>
      <c r="P249" s="10" t="s">
        <v>55</v>
      </c>
      <c r="Q249" s="10" t="s">
        <v>55</v>
      </c>
      <c r="R249" s="10" t="s">
        <v>55</v>
      </c>
      <c r="S249" s="10" t="s">
        <v>55</v>
      </c>
      <c r="T249" s="10" t="s">
        <v>55</v>
      </c>
      <c r="U249" s="10" t="s">
        <v>55</v>
      </c>
      <c r="V249" s="10" t="s">
        <v>55</v>
      </c>
      <c r="W249" s="6">
        <v>56</v>
      </c>
      <c r="X249" s="10" t="s">
        <v>55</v>
      </c>
      <c r="Y249" s="10" t="s">
        <v>55</v>
      </c>
      <c r="Z249" s="10" t="s">
        <v>55</v>
      </c>
      <c r="AA249" s="10" t="s">
        <v>55</v>
      </c>
      <c r="AB249" s="10" t="s">
        <v>55</v>
      </c>
    </row>
    <row r="250" spans="1:28">
      <c r="A250" s="9" t="s">
        <v>83</v>
      </c>
      <c r="B250" s="9" t="s">
        <v>57</v>
      </c>
      <c r="C250" s="9" t="s">
        <v>81</v>
      </c>
      <c r="D250" s="9" t="s">
        <v>77</v>
      </c>
      <c r="E250" s="9" t="s">
        <v>57</v>
      </c>
      <c r="F250" s="9" t="s">
        <v>81</v>
      </c>
      <c r="G250" s="9" t="s">
        <v>84</v>
      </c>
      <c r="H250" s="9" t="s">
        <v>104</v>
      </c>
      <c r="I250" s="9" t="s">
        <v>53</v>
      </c>
      <c r="J250" s="9" t="s">
        <v>39</v>
      </c>
      <c r="K250" s="6">
        <v>61</v>
      </c>
      <c r="L250" s="6">
        <v>7</v>
      </c>
      <c r="M250" s="6">
        <v>7</v>
      </c>
      <c r="N250" s="6">
        <v>7</v>
      </c>
      <c r="O250" s="10" t="s">
        <v>55</v>
      </c>
      <c r="P250" s="10" t="s">
        <v>55</v>
      </c>
      <c r="Q250" s="10" t="s">
        <v>55</v>
      </c>
      <c r="R250" s="10" t="s">
        <v>55</v>
      </c>
      <c r="S250" s="6">
        <v>3</v>
      </c>
      <c r="T250" s="6">
        <v>1</v>
      </c>
      <c r="U250" s="10" t="s">
        <v>55</v>
      </c>
      <c r="V250" s="6">
        <v>2</v>
      </c>
      <c r="W250" s="6">
        <v>51</v>
      </c>
      <c r="X250" s="6">
        <v>6</v>
      </c>
      <c r="Y250" s="6">
        <v>6</v>
      </c>
      <c r="Z250" s="10" t="s">
        <v>55</v>
      </c>
      <c r="AA250" s="10" t="s">
        <v>55</v>
      </c>
      <c r="AB250" s="10" t="s">
        <v>55</v>
      </c>
    </row>
    <row r="251" spans="1:28">
      <c r="A251" s="9" t="s">
        <v>83</v>
      </c>
      <c r="B251" s="9" t="s">
        <v>57</v>
      </c>
      <c r="C251" s="9" t="s">
        <v>81</v>
      </c>
      <c r="D251" s="9" t="s">
        <v>77</v>
      </c>
      <c r="E251" s="9" t="s">
        <v>57</v>
      </c>
      <c r="F251" s="9" t="s">
        <v>81</v>
      </c>
      <c r="G251" s="9" t="s">
        <v>84</v>
      </c>
      <c r="H251" s="9" t="s">
        <v>104</v>
      </c>
      <c r="I251" s="9" t="s">
        <v>53</v>
      </c>
      <c r="J251" s="9" t="s">
        <v>40</v>
      </c>
      <c r="K251" s="6">
        <v>63</v>
      </c>
      <c r="L251" s="6">
        <v>7</v>
      </c>
      <c r="M251" s="6">
        <v>7</v>
      </c>
      <c r="N251" s="6">
        <v>7</v>
      </c>
      <c r="O251" s="10" t="s">
        <v>55</v>
      </c>
      <c r="P251" s="10" t="s">
        <v>55</v>
      </c>
      <c r="Q251" s="10" t="s">
        <v>55</v>
      </c>
      <c r="R251" s="10" t="s">
        <v>55</v>
      </c>
      <c r="S251" s="6">
        <v>8</v>
      </c>
      <c r="T251" s="6">
        <v>1</v>
      </c>
      <c r="U251" s="10" t="s">
        <v>55</v>
      </c>
      <c r="V251" s="6">
        <v>7</v>
      </c>
      <c r="W251" s="6">
        <v>48</v>
      </c>
      <c r="X251" s="6">
        <v>6</v>
      </c>
      <c r="Y251" s="6">
        <v>6</v>
      </c>
      <c r="Z251" s="10" t="s">
        <v>55</v>
      </c>
      <c r="AA251" s="10" t="s">
        <v>55</v>
      </c>
      <c r="AB251" s="10" t="s">
        <v>55</v>
      </c>
    </row>
    <row r="252" spans="1:28">
      <c r="A252" s="9" t="s">
        <v>83</v>
      </c>
      <c r="B252" s="9" t="s">
        <v>57</v>
      </c>
      <c r="C252" s="9" t="s">
        <v>81</v>
      </c>
      <c r="D252" s="9" t="s">
        <v>77</v>
      </c>
      <c r="E252" s="9" t="s">
        <v>57</v>
      </c>
      <c r="F252" s="9" t="s">
        <v>81</v>
      </c>
      <c r="G252" s="9" t="s">
        <v>84</v>
      </c>
      <c r="H252" s="9" t="s">
        <v>104</v>
      </c>
      <c r="I252" s="9" t="s">
        <v>53</v>
      </c>
      <c r="J252" s="9" t="s">
        <v>41</v>
      </c>
      <c r="K252" s="6">
        <v>54</v>
      </c>
      <c r="L252" s="6">
        <v>3</v>
      </c>
      <c r="M252" s="6">
        <v>3</v>
      </c>
      <c r="N252" s="6">
        <v>3</v>
      </c>
      <c r="O252" s="10" t="s">
        <v>55</v>
      </c>
      <c r="P252" s="10" t="s">
        <v>55</v>
      </c>
      <c r="Q252" s="10" t="s">
        <v>55</v>
      </c>
      <c r="R252" s="10" t="s">
        <v>55</v>
      </c>
      <c r="S252" s="6">
        <v>14</v>
      </c>
      <c r="T252" s="6">
        <v>1</v>
      </c>
      <c r="U252" s="10" t="s">
        <v>55</v>
      </c>
      <c r="V252" s="6">
        <v>13</v>
      </c>
      <c r="W252" s="6">
        <v>37</v>
      </c>
      <c r="X252" s="6">
        <v>2</v>
      </c>
      <c r="Y252" s="6">
        <v>2</v>
      </c>
      <c r="Z252" s="10" t="s">
        <v>55</v>
      </c>
      <c r="AA252" s="10" t="s">
        <v>55</v>
      </c>
      <c r="AB252" s="10" t="s">
        <v>55</v>
      </c>
    </row>
    <row r="253" spans="1:28">
      <c r="A253" s="9" t="s">
        <v>83</v>
      </c>
      <c r="B253" s="9" t="s">
        <v>57</v>
      </c>
      <c r="C253" s="9" t="s">
        <v>81</v>
      </c>
      <c r="D253" s="9" t="s">
        <v>77</v>
      </c>
      <c r="E253" s="9" t="s">
        <v>57</v>
      </c>
      <c r="F253" s="9" t="s">
        <v>81</v>
      </c>
      <c r="G253" s="9" t="s">
        <v>84</v>
      </c>
      <c r="H253" s="9" t="s">
        <v>104</v>
      </c>
      <c r="I253" s="9" t="s">
        <v>53</v>
      </c>
      <c r="J253" s="9" t="s">
        <v>42</v>
      </c>
      <c r="K253" s="6">
        <v>43</v>
      </c>
      <c r="L253" s="10" t="s">
        <v>55</v>
      </c>
      <c r="M253" s="10" t="s">
        <v>55</v>
      </c>
      <c r="N253" s="10" t="s">
        <v>55</v>
      </c>
      <c r="O253" s="10" t="s">
        <v>55</v>
      </c>
      <c r="P253" s="10" t="s">
        <v>55</v>
      </c>
      <c r="Q253" s="10" t="s">
        <v>55</v>
      </c>
      <c r="R253" s="10" t="s">
        <v>55</v>
      </c>
      <c r="S253" s="6">
        <v>20</v>
      </c>
      <c r="T253" s="6">
        <v>1</v>
      </c>
      <c r="U253" s="10" t="s">
        <v>55</v>
      </c>
      <c r="V253" s="6">
        <v>19</v>
      </c>
      <c r="W253" s="6">
        <v>23</v>
      </c>
      <c r="X253" s="10" t="s">
        <v>55</v>
      </c>
      <c r="Y253" s="10" t="s">
        <v>55</v>
      </c>
      <c r="Z253" s="10" t="s">
        <v>55</v>
      </c>
      <c r="AA253" s="10" t="s">
        <v>55</v>
      </c>
      <c r="AB253" s="10" t="s">
        <v>55</v>
      </c>
    </row>
    <row r="254" spans="1:28">
      <c r="A254" s="9" t="s">
        <v>83</v>
      </c>
      <c r="B254" s="9" t="s">
        <v>57</v>
      </c>
      <c r="C254" s="9" t="s">
        <v>81</v>
      </c>
      <c r="D254" s="9" t="s">
        <v>77</v>
      </c>
      <c r="E254" s="9" t="s">
        <v>57</v>
      </c>
      <c r="F254" s="9" t="s">
        <v>81</v>
      </c>
      <c r="G254" s="9" t="s">
        <v>84</v>
      </c>
      <c r="H254" s="9" t="s">
        <v>104</v>
      </c>
      <c r="I254" s="9" t="s">
        <v>53</v>
      </c>
      <c r="J254" s="9" t="s">
        <v>43</v>
      </c>
      <c r="K254" s="6">
        <v>35</v>
      </c>
      <c r="L254" s="10" t="s">
        <v>55</v>
      </c>
      <c r="M254" s="10" t="s">
        <v>55</v>
      </c>
      <c r="N254" s="10" t="s">
        <v>55</v>
      </c>
      <c r="O254" s="10" t="s">
        <v>55</v>
      </c>
      <c r="P254" s="10" t="s">
        <v>55</v>
      </c>
      <c r="Q254" s="10" t="s">
        <v>55</v>
      </c>
      <c r="R254" s="10" t="s">
        <v>55</v>
      </c>
      <c r="S254" s="6">
        <v>15</v>
      </c>
      <c r="T254" s="10" t="s">
        <v>55</v>
      </c>
      <c r="U254" s="10" t="s">
        <v>55</v>
      </c>
      <c r="V254" s="6">
        <v>15</v>
      </c>
      <c r="W254" s="6">
        <v>20</v>
      </c>
      <c r="X254" s="10" t="s">
        <v>55</v>
      </c>
      <c r="Y254" s="10" t="s">
        <v>55</v>
      </c>
      <c r="Z254" s="10" t="s">
        <v>55</v>
      </c>
      <c r="AA254" s="10" t="s">
        <v>55</v>
      </c>
      <c r="AB254" s="10" t="s">
        <v>55</v>
      </c>
    </row>
    <row r="255" spans="1:28">
      <c r="A255" s="9" t="s">
        <v>83</v>
      </c>
      <c r="B255" s="9" t="s">
        <v>57</v>
      </c>
      <c r="C255" s="9" t="s">
        <v>81</v>
      </c>
      <c r="D255" s="9" t="s">
        <v>77</v>
      </c>
      <c r="E255" s="9" t="s">
        <v>57</v>
      </c>
      <c r="F255" s="9" t="s">
        <v>81</v>
      </c>
      <c r="G255" s="9" t="s">
        <v>84</v>
      </c>
      <c r="H255" s="9" t="s">
        <v>104</v>
      </c>
      <c r="I255" s="9" t="s">
        <v>53</v>
      </c>
      <c r="J255" s="9" t="s">
        <v>44</v>
      </c>
      <c r="K255" s="6">
        <v>26</v>
      </c>
      <c r="L255" s="10" t="s">
        <v>55</v>
      </c>
      <c r="M255" s="10" t="s">
        <v>55</v>
      </c>
      <c r="N255" s="10" t="s">
        <v>55</v>
      </c>
      <c r="O255" s="10" t="s">
        <v>55</v>
      </c>
      <c r="P255" s="10" t="s">
        <v>55</v>
      </c>
      <c r="Q255" s="10" t="s">
        <v>55</v>
      </c>
      <c r="R255" s="10" t="s">
        <v>55</v>
      </c>
      <c r="S255" s="6">
        <v>20</v>
      </c>
      <c r="T255" s="6">
        <v>1</v>
      </c>
      <c r="U255" s="10" t="s">
        <v>55</v>
      </c>
      <c r="V255" s="6">
        <v>19</v>
      </c>
      <c r="W255" s="6">
        <v>6</v>
      </c>
      <c r="X255" s="10" t="s">
        <v>55</v>
      </c>
      <c r="Y255" s="10" t="s">
        <v>55</v>
      </c>
      <c r="Z255" s="10" t="s">
        <v>55</v>
      </c>
      <c r="AA255" s="10" t="s">
        <v>55</v>
      </c>
      <c r="AB255" s="10" t="s">
        <v>55</v>
      </c>
    </row>
    <row r="256" spans="1:28">
      <c r="A256" s="9" t="s">
        <v>83</v>
      </c>
      <c r="B256" s="9" t="s">
        <v>57</v>
      </c>
      <c r="C256" s="9" t="s">
        <v>81</v>
      </c>
      <c r="D256" s="9" t="s">
        <v>77</v>
      </c>
      <c r="E256" s="9" t="s">
        <v>57</v>
      </c>
      <c r="F256" s="9" t="s">
        <v>81</v>
      </c>
      <c r="G256" s="9" t="s">
        <v>84</v>
      </c>
      <c r="H256" s="9" t="s">
        <v>104</v>
      </c>
      <c r="I256" s="9" t="s">
        <v>53</v>
      </c>
      <c r="J256" s="9" t="s">
        <v>45</v>
      </c>
      <c r="K256" s="6">
        <v>30</v>
      </c>
      <c r="L256" s="6">
        <v>1</v>
      </c>
      <c r="M256" s="6">
        <v>1</v>
      </c>
      <c r="N256" s="10" t="s">
        <v>55</v>
      </c>
      <c r="O256" s="6">
        <v>1</v>
      </c>
      <c r="P256" s="10" t="s">
        <v>55</v>
      </c>
      <c r="Q256" s="10" t="s">
        <v>55</v>
      </c>
      <c r="R256" s="10" t="s">
        <v>55</v>
      </c>
      <c r="S256" s="6">
        <v>24</v>
      </c>
      <c r="T256" s="10" t="s">
        <v>55</v>
      </c>
      <c r="U256" s="10" t="s">
        <v>55</v>
      </c>
      <c r="V256" s="6">
        <v>24</v>
      </c>
      <c r="W256" s="6">
        <v>5</v>
      </c>
      <c r="X256" s="10" t="s">
        <v>55</v>
      </c>
      <c r="Y256" s="10" t="s">
        <v>55</v>
      </c>
      <c r="Z256" s="10" t="s">
        <v>55</v>
      </c>
      <c r="AA256" s="10" t="s">
        <v>55</v>
      </c>
      <c r="AB256" s="10" t="s">
        <v>55</v>
      </c>
    </row>
    <row r="257" spans="1:28">
      <c r="A257" s="9" t="s">
        <v>83</v>
      </c>
      <c r="B257" s="9" t="s">
        <v>57</v>
      </c>
      <c r="C257" s="9" t="s">
        <v>81</v>
      </c>
      <c r="D257" s="9" t="s">
        <v>77</v>
      </c>
      <c r="E257" s="9" t="s">
        <v>57</v>
      </c>
      <c r="F257" s="9" t="s">
        <v>81</v>
      </c>
      <c r="G257" s="9" t="s">
        <v>84</v>
      </c>
      <c r="H257" s="9" t="s">
        <v>104</v>
      </c>
      <c r="I257" s="9" t="s">
        <v>53</v>
      </c>
      <c r="J257" s="9" t="s">
        <v>46</v>
      </c>
      <c r="K257" s="6">
        <v>10</v>
      </c>
      <c r="L257" s="10" t="s">
        <v>55</v>
      </c>
      <c r="M257" s="10" t="s">
        <v>55</v>
      </c>
      <c r="N257" s="10" t="s">
        <v>55</v>
      </c>
      <c r="O257" s="10" t="s">
        <v>55</v>
      </c>
      <c r="P257" s="10" t="s">
        <v>55</v>
      </c>
      <c r="Q257" s="10" t="s">
        <v>55</v>
      </c>
      <c r="R257" s="10" t="s">
        <v>55</v>
      </c>
      <c r="S257" s="6">
        <v>9</v>
      </c>
      <c r="T257" s="10" t="s">
        <v>55</v>
      </c>
      <c r="U257" s="10" t="s">
        <v>55</v>
      </c>
      <c r="V257" s="6">
        <v>9</v>
      </c>
      <c r="W257" s="6">
        <v>1</v>
      </c>
      <c r="X257" s="10" t="s">
        <v>55</v>
      </c>
      <c r="Y257" s="10" t="s">
        <v>55</v>
      </c>
      <c r="Z257" s="10" t="s">
        <v>55</v>
      </c>
      <c r="AA257" s="10" t="s">
        <v>55</v>
      </c>
      <c r="AB257" s="10" t="s">
        <v>55</v>
      </c>
    </row>
    <row r="258" spans="1:28">
      <c r="A258" s="9" t="s">
        <v>83</v>
      </c>
      <c r="B258" s="9" t="s">
        <v>57</v>
      </c>
      <c r="C258" s="9" t="s">
        <v>81</v>
      </c>
      <c r="D258" s="9" t="s">
        <v>77</v>
      </c>
      <c r="E258" s="9" t="s">
        <v>57</v>
      </c>
      <c r="F258" s="9" t="s">
        <v>81</v>
      </c>
      <c r="G258" s="9" t="s">
        <v>84</v>
      </c>
      <c r="H258" s="9" t="s">
        <v>104</v>
      </c>
      <c r="I258" s="9" t="s">
        <v>53</v>
      </c>
      <c r="J258" s="9" t="s">
        <v>47</v>
      </c>
      <c r="K258" s="6">
        <v>3</v>
      </c>
      <c r="L258" s="10" t="s">
        <v>55</v>
      </c>
      <c r="M258" s="10" t="s">
        <v>55</v>
      </c>
      <c r="N258" s="10" t="s">
        <v>55</v>
      </c>
      <c r="O258" s="10" t="s">
        <v>55</v>
      </c>
      <c r="P258" s="10" t="s">
        <v>55</v>
      </c>
      <c r="Q258" s="10" t="s">
        <v>55</v>
      </c>
      <c r="R258" s="10" t="s">
        <v>55</v>
      </c>
      <c r="S258" s="6">
        <v>3</v>
      </c>
      <c r="T258" s="10" t="s">
        <v>55</v>
      </c>
      <c r="U258" s="10" t="s">
        <v>55</v>
      </c>
      <c r="V258" s="6">
        <v>3</v>
      </c>
      <c r="W258" s="10" t="s">
        <v>55</v>
      </c>
      <c r="X258" s="10" t="s">
        <v>55</v>
      </c>
      <c r="Y258" s="10" t="s">
        <v>55</v>
      </c>
      <c r="Z258" s="10" t="s">
        <v>55</v>
      </c>
      <c r="AA258" s="10" t="s">
        <v>55</v>
      </c>
      <c r="AB258" s="10" t="s">
        <v>55</v>
      </c>
    </row>
    <row r="259" spans="1:28">
      <c r="A259" s="9" t="s">
        <v>83</v>
      </c>
      <c r="B259" s="9" t="s">
        <v>57</v>
      </c>
      <c r="C259" s="9" t="s">
        <v>81</v>
      </c>
      <c r="D259" s="9" t="s">
        <v>77</v>
      </c>
      <c r="E259" s="9" t="s">
        <v>57</v>
      </c>
      <c r="F259" s="9" t="s">
        <v>81</v>
      </c>
      <c r="G259" s="9" t="s">
        <v>84</v>
      </c>
      <c r="H259" s="9" t="s">
        <v>104</v>
      </c>
      <c r="I259" s="9" t="s">
        <v>53</v>
      </c>
      <c r="J259" s="9" t="s">
        <v>48</v>
      </c>
      <c r="K259" s="6">
        <v>637</v>
      </c>
      <c r="L259" s="6">
        <v>54</v>
      </c>
      <c r="M259" s="6">
        <v>54</v>
      </c>
      <c r="N259" s="6">
        <v>54</v>
      </c>
      <c r="O259" s="10" t="s">
        <v>55</v>
      </c>
      <c r="P259" s="10" t="s">
        <v>55</v>
      </c>
      <c r="Q259" s="10" t="s">
        <v>55</v>
      </c>
      <c r="R259" s="10" t="s">
        <v>55</v>
      </c>
      <c r="S259" s="6">
        <v>11</v>
      </c>
      <c r="T259" s="6">
        <v>2</v>
      </c>
      <c r="U259" s="10" t="s">
        <v>55</v>
      </c>
      <c r="V259" s="6">
        <v>9</v>
      </c>
      <c r="W259" s="6">
        <v>572</v>
      </c>
      <c r="X259" s="6">
        <v>26</v>
      </c>
      <c r="Y259" s="6">
        <v>26</v>
      </c>
      <c r="Z259" s="10" t="s">
        <v>55</v>
      </c>
      <c r="AA259" s="10" t="s">
        <v>55</v>
      </c>
      <c r="AB259" s="10" t="s">
        <v>55</v>
      </c>
    </row>
    <row r="260" spans="1:28">
      <c r="A260" s="9" t="s">
        <v>83</v>
      </c>
      <c r="B260" s="9" t="s">
        <v>57</v>
      </c>
      <c r="C260" s="9" t="s">
        <v>81</v>
      </c>
      <c r="D260" s="9" t="s">
        <v>77</v>
      </c>
      <c r="E260" s="9" t="s">
        <v>57</v>
      </c>
      <c r="F260" s="9" t="s">
        <v>81</v>
      </c>
      <c r="G260" s="9" t="s">
        <v>84</v>
      </c>
      <c r="H260" s="9" t="s">
        <v>104</v>
      </c>
      <c r="I260" s="9" t="s">
        <v>53</v>
      </c>
      <c r="J260" s="9" t="s">
        <v>49</v>
      </c>
      <c r="K260" s="6">
        <v>201</v>
      </c>
      <c r="L260" s="6">
        <v>4</v>
      </c>
      <c r="M260" s="6">
        <v>4</v>
      </c>
      <c r="N260" s="6">
        <v>3</v>
      </c>
      <c r="O260" s="6">
        <v>1</v>
      </c>
      <c r="P260" s="10" t="s">
        <v>55</v>
      </c>
      <c r="Q260" s="10" t="s">
        <v>55</v>
      </c>
      <c r="R260" s="10" t="s">
        <v>55</v>
      </c>
      <c r="S260" s="6">
        <v>105</v>
      </c>
      <c r="T260" s="6">
        <v>3</v>
      </c>
      <c r="U260" s="10" t="s">
        <v>55</v>
      </c>
      <c r="V260" s="6">
        <v>102</v>
      </c>
      <c r="W260" s="6">
        <v>92</v>
      </c>
      <c r="X260" s="6">
        <v>2</v>
      </c>
      <c r="Y260" s="6">
        <v>2</v>
      </c>
      <c r="Z260" s="10" t="s">
        <v>55</v>
      </c>
      <c r="AA260" s="10" t="s">
        <v>55</v>
      </c>
      <c r="AB260" s="10" t="s">
        <v>55</v>
      </c>
    </row>
    <row r="261" spans="1:28">
      <c r="A261" s="9" t="s">
        <v>83</v>
      </c>
      <c r="B261" s="9" t="s">
        <v>57</v>
      </c>
      <c r="C261" s="9" t="s">
        <v>81</v>
      </c>
      <c r="D261" s="9" t="s">
        <v>77</v>
      </c>
      <c r="E261" s="9" t="s">
        <v>57</v>
      </c>
      <c r="F261" s="9" t="s">
        <v>81</v>
      </c>
      <c r="G261" s="9" t="s">
        <v>84</v>
      </c>
      <c r="H261" s="9" t="s">
        <v>104</v>
      </c>
      <c r="I261" s="9" t="s">
        <v>53</v>
      </c>
      <c r="J261" s="9" t="s">
        <v>50</v>
      </c>
      <c r="K261" s="6">
        <v>104</v>
      </c>
      <c r="L261" s="6">
        <v>1</v>
      </c>
      <c r="M261" s="6">
        <v>1</v>
      </c>
      <c r="N261" s="10" t="s">
        <v>55</v>
      </c>
      <c r="O261" s="6">
        <v>1</v>
      </c>
      <c r="P261" s="10" t="s">
        <v>55</v>
      </c>
      <c r="Q261" s="10" t="s">
        <v>55</v>
      </c>
      <c r="R261" s="10" t="s">
        <v>55</v>
      </c>
      <c r="S261" s="6">
        <v>71</v>
      </c>
      <c r="T261" s="6">
        <v>1</v>
      </c>
      <c r="U261" s="10" t="s">
        <v>55</v>
      </c>
      <c r="V261" s="6">
        <v>70</v>
      </c>
      <c r="W261" s="6">
        <v>32</v>
      </c>
      <c r="X261" s="10" t="s">
        <v>55</v>
      </c>
      <c r="Y261" s="10" t="s">
        <v>55</v>
      </c>
      <c r="Z261" s="10" t="s">
        <v>55</v>
      </c>
      <c r="AA261" s="10" t="s">
        <v>55</v>
      </c>
      <c r="AB261" s="10" t="s">
        <v>55</v>
      </c>
    </row>
    <row r="262" spans="1:28">
      <c r="A262" s="9" t="s">
        <v>83</v>
      </c>
      <c r="B262" s="9" t="s">
        <v>57</v>
      </c>
      <c r="C262" s="9" t="s">
        <v>81</v>
      </c>
      <c r="D262" s="9" t="s">
        <v>77</v>
      </c>
      <c r="E262" s="9" t="s">
        <v>57</v>
      </c>
      <c r="F262" s="9" t="s">
        <v>81</v>
      </c>
      <c r="G262" s="9" t="s">
        <v>84</v>
      </c>
      <c r="H262" s="9" t="s">
        <v>104</v>
      </c>
      <c r="I262" s="9" t="s">
        <v>53</v>
      </c>
      <c r="J262" s="9" t="s">
        <v>51</v>
      </c>
      <c r="K262" s="6">
        <v>43</v>
      </c>
      <c r="L262" s="6">
        <v>1</v>
      </c>
      <c r="M262" s="6">
        <v>1</v>
      </c>
      <c r="N262" s="10" t="s">
        <v>55</v>
      </c>
      <c r="O262" s="6">
        <v>1</v>
      </c>
      <c r="P262" s="10" t="s">
        <v>55</v>
      </c>
      <c r="Q262" s="10" t="s">
        <v>55</v>
      </c>
      <c r="R262" s="10" t="s">
        <v>55</v>
      </c>
      <c r="S262" s="6">
        <v>36</v>
      </c>
      <c r="T262" s="10" t="s">
        <v>55</v>
      </c>
      <c r="U262" s="10" t="s">
        <v>55</v>
      </c>
      <c r="V262" s="6">
        <v>36</v>
      </c>
      <c r="W262" s="6">
        <v>6</v>
      </c>
      <c r="X262" s="10" t="s">
        <v>55</v>
      </c>
      <c r="Y262" s="10" t="s">
        <v>55</v>
      </c>
      <c r="Z262" s="10" t="s">
        <v>55</v>
      </c>
      <c r="AA262" s="10" t="s">
        <v>55</v>
      </c>
      <c r="AB262" s="10" t="s">
        <v>55</v>
      </c>
    </row>
    <row r="263" spans="1:28">
      <c r="A263" s="9" t="s">
        <v>83</v>
      </c>
      <c r="B263" s="9" t="s">
        <v>57</v>
      </c>
      <c r="C263" s="9" t="s">
        <v>81</v>
      </c>
      <c r="D263" s="9" t="s">
        <v>77</v>
      </c>
      <c r="E263" s="9" t="s">
        <v>57</v>
      </c>
      <c r="F263" s="9" t="s">
        <v>81</v>
      </c>
      <c r="G263" s="9" t="s">
        <v>84</v>
      </c>
      <c r="H263" s="9" t="s">
        <v>104</v>
      </c>
      <c r="I263" s="9" t="s">
        <v>53</v>
      </c>
      <c r="J263" s="9" t="s">
        <v>52</v>
      </c>
      <c r="K263" s="6">
        <v>684</v>
      </c>
      <c r="L263" s="6">
        <v>55</v>
      </c>
      <c r="M263" s="6">
        <v>55</v>
      </c>
      <c r="N263" s="6">
        <v>55</v>
      </c>
      <c r="O263" s="10" t="s">
        <v>55</v>
      </c>
      <c r="P263" s="10" t="s">
        <v>55</v>
      </c>
      <c r="Q263" s="10" t="s">
        <v>55</v>
      </c>
      <c r="R263" s="10" t="s">
        <v>55</v>
      </c>
      <c r="S263" s="6">
        <v>25</v>
      </c>
      <c r="T263" s="6">
        <v>3</v>
      </c>
      <c r="U263" s="10" t="s">
        <v>55</v>
      </c>
      <c r="V263" s="6">
        <v>22</v>
      </c>
      <c r="W263" s="6">
        <v>604</v>
      </c>
      <c r="X263" s="6">
        <v>28</v>
      </c>
      <c r="Y263" s="6">
        <v>28</v>
      </c>
      <c r="Z263" s="10" t="s">
        <v>55</v>
      </c>
      <c r="AA263" s="10" t="s">
        <v>55</v>
      </c>
      <c r="AB263" s="10" t="s">
        <v>55</v>
      </c>
    </row>
    <row r="264" spans="1:28">
      <c r="A264" s="9" t="s">
        <v>83</v>
      </c>
      <c r="B264" s="9" t="s">
        <v>57</v>
      </c>
      <c r="C264" s="9" t="s">
        <v>81</v>
      </c>
      <c r="D264" s="9" t="s">
        <v>77</v>
      </c>
      <c r="E264" s="9" t="s">
        <v>57</v>
      </c>
      <c r="F264" s="9" t="s">
        <v>81</v>
      </c>
      <c r="G264" s="9" t="s">
        <v>84</v>
      </c>
      <c r="H264" s="9" t="s">
        <v>104</v>
      </c>
      <c r="I264" s="9" t="s">
        <v>54</v>
      </c>
      <c r="J264" s="9" t="s">
        <v>30</v>
      </c>
      <c r="K264" s="6">
        <v>966</v>
      </c>
      <c r="L264" s="6">
        <v>64</v>
      </c>
      <c r="M264" s="6">
        <v>64</v>
      </c>
      <c r="N264" s="6">
        <v>60</v>
      </c>
      <c r="O264" s="6">
        <v>3</v>
      </c>
      <c r="P264" s="10" t="s">
        <v>55</v>
      </c>
      <c r="Q264" s="6">
        <v>1</v>
      </c>
      <c r="R264" s="10" t="s">
        <v>55</v>
      </c>
      <c r="S264" s="6">
        <v>308</v>
      </c>
      <c r="T264" s="6">
        <v>21</v>
      </c>
      <c r="U264" s="10" t="s">
        <v>55</v>
      </c>
      <c r="V264" s="6">
        <v>287</v>
      </c>
      <c r="W264" s="6">
        <v>594</v>
      </c>
      <c r="X264" s="6">
        <v>38</v>
      </c>
      <c r="Y264" s="6">
        <v>35</v>
      </c>
      <c r="Z264" s="6">
        <v>2</v>
      </c>
      <c r="AA264" s="10" t="s">
        <v>55</v>
      </c>
      <c r="AB264" s="6">
        <v>1</v>
      </c>
    </row>
    <row r="265" spans="1:28">
      <c r="A265" s="9" t="s">
        <v>83</v>
      </c>
      <c r="B265" s="9" t="s">
        <v>57</v>
      </c>
      <c r="C265" s="9" t="s">
        <v>81</v>
      </c>
      <c r="D265" s="9" t="s">
        <v>77</v>
      </c>
      <c r="E265" s="9" t="s">
        <v>57</v>
      </c>
      <c r="F265" s="9" t="s">
        <v>81</v>
      </c>
      <c r="G265" s="9" t="s">
        <v>84</v>
      </c>
      <c r="H265" s="9" t="s">
        <v>104</v>
      </c>
      <c r="I265" s="9" t="s">
        <v>54</v>
      </c>
      <c r="J265" s="9" t="s">
        <v>31</v>
      </c>
      <c r="K265" s="6">
        <v>3</v>
      </c>
      <c r="L265" s="10" t="s">
        <v>55</v>
      </c>
      <c r="M265" s="10" t="s">
        <v>55</v>
      </c>
      <c r="N265" s="10" t="s">
        <v>55</v>
      </c>
      <c r="O265" s="10" t="s">
        <v>55</v>
      </c>
      <c r="P265" s="10" t="s">
        <v>55</v>
      </c>
      <c r="Q265" s="10" t="s">
        <v>55</v>
      </c>
      <c r="R265" s="10" t="s">
        <v>55</v>
      </c>
      <c r="S265" s="10" t="s">
        <v>55</v>
      </c>
      <c r="T265" s="10" t="s">
        <v>55</v>
      </c>
      <c r="U265" s="10" t="s">
        <v>55</v>
      </c>
      <c r="V265" s="10" t="s">
        <v>55</v>
      </c>
      <c r="W265" s="6">
        <v>3</v>
      </c>
      <c r="X265" s="10" t="s">
        <v>55</v>
      </c>
      <c r="Y265" s="10" t="s">
        <v>55</v>
      </c>
      <c r="Z265" s="10" t="s">
        <v>55</v>
      </c>
      <c r="AA265" s="10" t="s">
        <v>55</v>
      </c>
      <c r="AB265" s="10" t="s">
        <v>55</v>
      </c>
    </row>
    <row r="266" spans="1:28">
      <c r="A266" s="9" t="s">
        <v>83</v>
      </c>
      <c r="B266" s="9" t="s">
        <v>57</v>
      </c>
      <c r="C266" s="9" t="s">
        <v>81</v>
      </c>
      <c r="D266" s="9" t="s">
        <v>77</v>
      </c>
      <c r="E266" s="9" t="s">
        <v>57</v>
      </c>
      <c r="F266" s="9" t="s">
        <v>81</v>
      </c>
      <c r="G266" s="9" t="s">
        <v>84</v>
      </c>
      <c r="H266" s="9" t="s">
        <v>104</v>
      </c>
      <c r="I266" s="9" t="s">
        <v>54</v>
      </c>
      <c r="J266" s="9" t="s">
        <v>32</v>
      </c>
      <c r="K266" s="6">
        <v>53</v>
      </c>
      <c r="L266" s="6">
        <v>9</v>
      </c>
      <c r="M266" s="6">
        <v>9</v>
      </c>
      <c r="N266" s="6">
        <v>9</v>
      </c>
      <c r="O266" s="10" t="s">
        <v>55</v>
      </c>
      <c r="P266" s="10" t="s">
        <v>55</v>
      </c>
      <c r="Q266" s="10" t="s">
        <v>55</v>
      </c>
      <c r="R266" s="10" t="s">
        <v>55</v>
      </c>
      <c r="S266" s="10" t="s">
        <v>55</v>
      </c>
      <c r="T266" s="10" t="s">
        <v>55</v>
      </c>
      <c r="U266" s="10" t="s">
        <v>55</v>
      </c>
      <c r="V266" s="10" t="s">
        <v>55</v>
      </c>
      <c r="W266" s="6">
        <v>44</v>
      </c>
      <c r="X266" s="6">
        <v>6</v>
      </c>
      <c r="Y266" s="6">
        <v>6</v>
      </c>
      <c r="Z266" s="10" t="s">
        <v>55</v>
      </c>
      <c r="AA266" s="10" t="s">
        <v>55</v>
      </c>
      <c r="AB266" s="10" t="s">
        <v>55</v>
      </c>
    </row>
    <row r="267" spans="1:28">
      <c r="A267" s="9" t="s">
        <v>83</v>
      </c>
      <c r="B267" s="9" t="s">
        <v>57</v>
      </c>
      <c r="C267" s="9" t="s">
        <v>81</v>
      </c>
      <c r="D267" s="9" t="s">
        <v>77</v>
      </c>
      <c r="E267" s="9" t="s">
        <v>57</v>
      </c>
      <c r="F267" s="9" t="s">
        <v>81</v>
      </c>
      <c r="G267" s="9" t="s">
        <v>84</v>
      </c>
      <c r="H267" s="9" t="s">
        <v>104</v>
      </c>
      <c r="I267" s="9" t="s">
        <v>54</v>
      </c>
      <c r="J267" s="9" t="s">
        <v>33</v>
      </c>
      <c r="K267" s="6">
        <v>84</v>
      </c>
      <c r="L267" s="6">
        <v>12</v>
      </c>
      <c r="M267" s="6">
        <v>12</v>
      </c>
      <c r="N267" s="6">
        <v>12</v>
      </c>
      <c r="O267" s="10" t="s">
        <v>55</v>
      </c>
      <c r="P267" s="10" t="s">
        <v>55</v>
      </c>
      <c r="Q267" s="10" t="s">
        <v>55</v>
      </c>
      <c r="R267" s="10" t="s">
        <v>55</v>
      </c>
      <c r="S267" s="10" t="s">
        <v>55</v>
      </c>
      <c r="T267" s="10" t="s">
        <v>55</v>
      </c>
      <c r="U267" s="10" t="s">
        <v>55</v>
      </c>
      <c r="V267" s="10" t="s">
        <v>55</v>
      </c>
      <c r="W267" s="6">
        <v>72</v>
      </c>
      <c r="X267" s="6">
        <v>5</v>
      </c>
      <c r="Y267" s="6">
        <v>5</v>
      </c>
      <c r="Z267" s="10" t="s">
        <v>55</v>
      </c>
      <c r="AA267" s="10" t="s">
        <v>55</v>
      </c>
      <c r="AB267" s="10" t="s">
        <v>55</v>
      </c>
    </row>
    <row r="268" spans="1:28">
      <c r="A268" s="9" t="s">
        <v>83</v>
      </c>
      <c r="B268" s="9" t="s">
        <v>57</v>
      </c>
      <c r="C268" s="9" t="s">
        <v>81</v>
      </c>
      <c r="D268" s="9" t="s">
        <v>77</v>
      </c>
      <c r="E268" s="9" t="s">
        <v>57</v>
      </c>
      <c r="F268" s="9" t="s">
        <v>81</v>
      </c>
      <c r="G268" s="9" t="s">
        <v>84</v>
      </c>
      <c r="H268" s="9" t="s">
        <v>104</v>
      </c>
      <c r="I268" s="9" t="s">
        <v>54</v>
      </c>
      <c r="J268" s="9" t="s">
        <v>34</v>
      </c>
      <c r="K268" s="6">
        <v>65</v>
      </c>
      <c r="L268" s="6">
        <v>6</v>
      </c>
      <c r="M268" s="6">
        <v>6</v>
      </c>
      <c r="N268" s="6">
        <v>6</v>
      </c>
      <c r="O268" s="10" t="s">
        <v>55</v>
      </c>
      <c r="P268" s="10" t="s">
        <v>55</v>
      </c>
      <c r="Q268" s="10" t="s">
        <v>55</v>
      </c>
      <c r="R268" s="10" t="s">
        <v>55</v>
      </c>
      <c r="S268" s="10" t="s">
        <v>55</v>
      </c>
      <c r="T268" s="10" t="s">
        <v>55</v>
      </c>
      <c r="U268" s="10" t="s">
        <v>55</v>
      </c>
      <c r="V268" s="10" t="s">
        <v>55</v>
      </c>
      <c r="W268" s="6">
        <v>59</v>
      </c>
      <c r="X268" s="6">
        <v>3</v>
      </c>
      <c r="Y268" s="6">
        <v>3</v>
      </c>
      <c r="Z268" s="10" t="s">
        <v>55</v>
      </c>
      <c r="AA268" s="10" t="s">
        <v>55</v>
      </c>
      <c r="AB268" s="10" t="s">
        <v>55</v>
      </c>
    </row>
    <row r="269" spans="1:28">
      <c r="A269" s="9" t="s">
        <v>83</v>
      </c>
      <c r="B269" s="9" t="s">
        <v>57</v>
      </c>
      <c r="C269" s="9" t="s">
        <v>81</v>
      </c>
      <c r="D269" s="9" t="s">
        <v>77</v>
      </c>
      <c r="E269" s="9" t="s">
        <v>57</v>
      </c>
      <c r="F269" s="9" t="s">
        <v>81</v>
      </c>
      <c r="G269" s="9" t="s">
        <v>84</v>
      </c>
      <c r="H269" s="9" t="s">
        <v>104</v>
      </c>
      <c r="I269" s="9" t="s">
        <v>54</v>
      </c>
      <c r="J269" s="9" t="s">
        <v>35</v>
      </c>
      <c r="K269" s="6">
        <v>68</v>
      </c>
      <c r="L269" s="6">
        <v>8</v>
      </c>
      <c r="M269" s="6">
        <v>8</v>
      </c>
      <c r="N269" s="6">
        <v>8</v>
      </c>
      <c r="O269" s="10" t="s">
        <v>55</v>
      </c>
      <c r="P269" s="10" t="s">
        <v>55</v>
      </c>
      <c r="Q269" s="10" t="s">
        <v>55</v>
      </c>
      <c r="R269" s="10" t="s">
        <v>55</v>
      </c>
      <c r="S269" s="10" t="s">
        <v>55</v>
      </c>
      <c r="T269" s="10" t="s">
        <v>55</v>
      </c>
      <c r="U269" s="10" t="s">
        <v>55</v>
      </c>
      <c r="V269" s="10" t="s">
        <v>55</v>
      </c>
      <c r="W269" s="6">
        <v>60</v>
      </c>
      <c r="X269" s="6">
        <v>3</v>
      </c>
      <c r="Y269" s="6">
        <v>3</v>
      </c>
      <c r="Z269" s="10" t="s">
        <v>55</v>
      </c>
      <c r="AA269" s="10" t="s">
        <v>55</v>
      </c>
      <c r="AB269" s="10" t="s">
        <v>55</v>
      </c>
    </row>
    <row r="270" spans="1:28">
      <c r="A270" s="9" t="s">
        <v>83</v>
      </c>
      <c r="B270" s="9" t="s">
        <v>57</v>
      </c>
      <c r="C270" s="9" t="s">
        <v>81</v>
      </c>
      <c r="D270" s="9" t="s">
        <v>77</v>
      </c>
      <c r="E270" s="9" t="s">
        <v>57</v>
      </c>
      <c r="F270" s="9" t="s">
        <v>81</v>
      </c>
      <c r="G270" s="9" t="s">
        <v>84</v>
      </c>
      <c r="H270" s="9" t="s">
        <v>104</v>
      </c>
      <c r="I270" s="9" t="s">
        <v>54</v>
      </c>
      <c r="J270" s="9" t="s">
        <v>36</v>
      </c>
      <c r="K270" s="6">
        <v>75</v>
      </c>
      <c r="L270" s="6">
        <v>9</v>
      </c>
      <c r="M270" s="6">
        <v>9</v>
      </c>
      <c r="N270" s="6">
        <v>9</v>
      </c>
      <c r="O270" s="10" t="s">
        <v>55</v>
      </c>
      <c r="P270" s="10" t="s">
        <v>55</v>
      </c>
      <c r="Q270" s="10" t="s">
        <v>55</v>
      </c>
      <c r="R270" s="10" t="s">
        <v>55</v>
      </c>
      <c r="S270" s="6">
        <v>1</v>
      </c>
      <c r="T270" s="10" t="s">
        <v>55</v>
      </c>
      <c r="U270" s="10" t="s">
        <v>55</v>
      </c>
      <c r="V270" s="6">
        <v>1</v>
      </c>
      <c r="W270" s="6">
        <v>65</v>
      </c>
      <c r="X270" s="6">
        <v>6</v>
      </c>
      <c r="Y270" s="6">
        <v>6</v>
      </c>
      <c r="Z270" s="10" t="s">
        <v>55</v>
      </c>
      <c r="AA270" s="10" t="s">
        <v>55</v>
      </c>
      <c r="AB270" s="10" t="s">
        <v>55</v>
      </c>
    </row>
    <row r="271" spans="1:28">
      <c r="A271" s="9" t="s">
        <v>83</v>
      </c>
      <c r="B271" s="9" t="s">
        <v>57</v>
      </c>
      <c r="C271" s="9" t="s">
        <v>81</v>
      </c>
      <c r="D271" s="9" t="s">
        <v>77</v>
      </c>
      <c r="E271" s="9" t="s">
        <v>57</v>
      </c>
      <c r="F271" s="9" t="s">
        <v>81</v>
      </c>
      <c r="G271" s="9" t="s">
        <v>84</v>
      </c>
      <c r="H271" s="9" t="s">
        <v>104</v>
      </c>
      <c r="I271" s="9" t="s">
        <v>54</v>
      </c>
      <c r="J271" s="9" t="s">
        <v>37</v>
      </c>
      <c r="K271" s="6">
        <v>59</v>
      </c>
      <c r="L271" s="6">
        <v>4</v>
      </c>
      <c r="M271" s="6">
        <v>4</v>
      </c>
      <c r="N271" s="6">
        <v>3</v>
      </c>
      <c r="O271" s="10" t="s">
        <v>55</v>
      </c>
      <c r="P271" s="10" t="s">
        <v>55</v>
      </c>
      <c r="Q271" s="6">
        <v>1</v>
      </c>
      <c r="R271" s="10" t="s">
        <v>55</v>
      </c>
      <c r="S271" s="6">
        <v>1</v>
      </c>
      <c r="T271" s="10" t="s">
        <v>55</v>
      </c>
      <c r="U271" s="10" t="s">
        <v>55</v>
      </c>
      <c r="V271" s="6">
        <v>1</v>
      </c>
      <c r="W271" s="6">
        <v>54</v>
      </c>
      <c r="X271" s="6">
        <v>3</v>
      </c>
      <c r="Y271" s="6">
        <v>2</v>
      </c>
      <c r="Z271" s="10" t="s">
        <v>55</v>
      </c>
      <c r="AA271" s="10" t="s">
        <v>55</v>
      </c>
      <c r="AB271" s="6">
        <v>1</v>
      </c>
    </row>
    <row r="272" spans="1:28">
      <c r="A272" s="9" t="s">
        <v>83</v>
      </c>
      <c r="B272" s="9" t="s">
        <v>57</v>
      </c>
      <c r="C272" s="9" t="s">
        <v>81</v>
      </c>
      <c r="D272" s="9" t="s">
        <v>77</v>
      </c>
      <c r="E272" s="9" t="s">
        <v>57</v>
      </c>
      <c r="F272" s="9" t="s">
        <v>81</v>
      </c>
      <c r="G272" s="9" t="s">
        <v>84</v>
      </c>
      <c r="H272" s="9" t="s">
        <v>104</v>
      </c>
      <c r="I272" s="9" t="s">
        <v>54</v>
      </c>
      <c r="J272" s="9" t="s">
        <v>38</v>
      </c>
      <c r="K272" s="6">
        <v>44</v>
      </c>
      <c r="L272" s="6">
        <v>4</v>
      </c>
      <c r="M272" s="6">
        <v>4</v>
      </c>
      <c r="N272" s="6">
        <v>4</v>
      </c>
      <c r="O272" s="10" t="s">
        <v>55</v>
      </c>
      <c r="P272" s="10" t="s">
        <v>55</v>
      </c>
      <c r="Q272" s="10" t="s">
        <v>55</v>
      </c>
      <c r="R272" s="10" t="s">
        <v>55</v>
      </c>
      <c r="S272" s="10" t="s">
        <v>55</v>
      </c>
      <c r="T272" s="10" t="s">
        <v>55</v>
      </c>
      <c r="U272" s="10" t="s">
        <v>55</v>
      </c>
      <c r="V272" s="10" t="s">
        <v>55</v>
      </c>
      <c r="W272" s="6">
        <v>40</v>
      </c>
      <c r="X272" s="6">
        <v>2</v>
      </c>
      <c r="Y272" s="6">
        <v>2</v>
      </c>
      <c r="Z272" s="10" t="s">
        <v>55</v>
      </c>
      <c r="AA272" s="10" t="s">
        <v>55</v>
      </c>
      <c r="AB272" s="10" t="s">
        <v>55</v>
      </c>
    </row>
    <row r="273" spans="1:28">
      <c r="A273" s="9" t="s">
        <v>83</v>
      </c>
      <c r="B273" s="9" t="s">
        <v>57</v>
      </c>
      <c r="C273" s="9" t="s">
        <v>81</v>
      </c>
      <c r="D273" s="9" t="s">
        <v>77</v>
      </c>
      <c r="E273" s="9" t="s">
        <v>57</v>
      </c>
      <c r="F273" s="9" t="s">
        <v>81</v>
      </c>
      <c r="G273" s="9" t="s">
        <v>84</v>
      </c>
      <c r="H273" s="9" t="s">
        <v>104</v>
      </c>
      <c r="I273" s="9" t="s">
        <v>54</v>
      </c>
      <c r="J273" s="9" t="s">
        <v>39</v>
      </c>
      <c r="K273" s="6">
        <v>46</v>
      </c>
      <c r="L273" s="6">
        <v>5</v>
      </c>
      <c r="M273" s="6">
        <v>5</v>
      </c>
      <c r="N273" s="6">
        <v>4</v>
      </c>
      <c r="O273" s="6">
        <v>1</v>
      </c>
      <c r="P273" s="10" t="s">
        <v>55</v>
      </c>
      <c r="Q273" s="10" t="s">
        <v>55</v>
      </c>
      <c r="R273" s="10" t="s">
        <v>55</v>
      </c>
      <c r="S273" s="6">
        <v>2</v>
      </c>
      <c r="T273" s="10" t="s">
        <v>55</v>
      </c>
      <c r="U273" s="10" t="s">
        <v>55</v>
      </c>
      <c r="V273" s="6">
        <v>2</v>
      </c>
      <c r="W273" s="6">
        <v>39</v>
      </c>
      <c r="X273" s="6">
        <v>4</v>
      </c>
      <c r="Y273" s="6">
        <v>4</v>
      </c>
      <c r="Z273" s="10" t="s">
        <v>55</v>
      </c>
      <c r="AA273" s="10" t="s">
        <v>55</v>
      </c>
      <c r="AB273" s="10" t="s">
        <v>55</v>
      </c>
    </row>
    <row r="274" spans="1:28">
      <c r="A274" s="9" t="s">
        <v>83</v>
      </c>
      <c r="B274" s="9" t="s">
        <v>57</v>
      </c>
      <c r="C274" s="9" t="s">
        <v>81</v>
      </c>
      <c r="D274" s="9" t="s">
        <v>77</v>
      </c>
      <c r="E274" s="9" t="s">
        <v>57</v>
      </c>
      <c r="F274" s="9" t="s">
        <v>81</v>
      </c>
      <c r="G274" s="9" t="s">
        <v>84</v>
      </c>
      <c r="H274" s="9" t="s">
        <v>104</v>
      </c>
      <c r="I274" s="9" t="s">
        <v>54</v>
      </c>
      <c r="J274" s="9" t="s">
        <v>40</v>
      </c>
      <c r="K274" s="6">
        <v>52</v>
      </c>
      <c r="L274" s="6">
        <v>4</v>
      </c>
      <c r="M274" s="6">
        <v>4</v>
      </c>
      <c r="N274" s="6">
        <v>4</v>
      </c>
      <c r="O274" s="10" t="s">
        <v>55</v>
      </c>
      <c r="P274" s="10" t="s">
        <v>55</v>
      </c>
      <c r="Q274" s="10" t="s">
        <v>55</v>
      </c>
      <c r="R274" s="10" t="s">
        <v>55</v>
      </c>
      <c r="S274" s="6">
        <v>7</v>
      </c>
      <c r="T274" s="6">
        <v>4</v>
      </c>
      <c r="U274" s="10" t="s">
        <v>55</v>
      </c>
      <c r="V274" s="6">
        <v>3</v>
      </c>
      <c r="W274" s="6">
        <v>41</v>
      </c>
      <c r="X274" s="6">
        <v>4</v>
      </c>
      <c r="Y274" s="6">
        <v>4</v>
      </c>
      <c r="Z274" s="10" t="s">
        <v>55</v>
      </c>
      <c r="AA274" s="10" t="s">
        <v>55</v>
      </c>
      <c r="AB274" s="10" t="s">
        <v>55</v>
      </c>
    </row>
    <row r="275" spans="1:28">
      <c r="A275" s="9" t="s">
        <v>83</v>
      </c>
      <c r="B275" s="9" t="s">
        <v>57</v>
      </c>
      <c r="C275" s="9" t="s">
        <v>81</v>
      </c>
      <c r="D275" s="9" t="s">
        <v>77</v>
      </c>
      <c r="E275" s="9" t="s">
        <v>57</v>
      </c>
      <c r="F275" s="9" t="s">
        <v>81</v>
      </c>
      <c r="G275" s="9" t="s">
        <v>84</v>
      </c>
      <c r="H275" s="9" t="s">
        <v>104</v>
      </c>
      <c r="I275" s="9" t="s">
        <v>54</v>
      </c>
      <c r="J275" s="9" t="s">
        <v>41</v>
      </c>
      <c r="K275" s="6">
        <v>40</v>
      </c>
      <c r="L275" s="6">
        <v>3</v>
      </c>
      <c r="M275" s="6">
        <v>3</v>
      </c>
      <c r="N275" s="6">
        <v>1</v>
      </c>
      <c r="O275" s="6">
        <v>2</v>
      </c>
      <c r="P275" s="10" t="s">
        <v>55</v>
      </c>
      <c r="Q275" s="10" t="s">
        <v>55</v>
      </c>
      <c r="R275" s="10" t="s">
        <v>55</v>
      </c>
      <c r="S275" s="6">
        <v>7</v>
      </c>
      <c r="T275" s="6">
        <v>4</v>
      </c>
      <c r="U275" s="10" t="s">
        <v>55</v>
      </c>
      <c r="V275" s="6">
        <v>3</v>
      </c>
      <c r="W275" s="6">
        <v>30</v>
      </c>
      <c r="X275" s="6">
        <v>2</v>
      </c>
      <c r="Y275" s="10" t="s">
        <v>55</v>
      </c>
      <c r="Z275" s="6">
        <v>2</v>
      </c>
      <c r="AA275" s="10" t="s">
        <v>55</v>
      </c>
      <c r="AB275" s="10" t="s">
        <v>55</v>
      </c>
    </row>
    <row r="276" spans="1:28">
      <c r="A276" s="9" t="s">
        <v>83</v>
      </c>
      <c r="B276" s="9" t="s">
        <v>57</v>
      </c>
      <c r="C276" s="9" t="s">
        <v>81</v>
      </c>
      <c r="D276" s="9" t="s">
        <v>77</v>
      </c>
      <c r="E276" s="9" t="s">
        <v>57</v>
      </c>
      <c r="F276" s="9" t="s">
        <v>81</v>
      </c>
      <c r="G276" s="9" t="s">
        <v>84</v>
      </c>
      <c r="H276" s="9" t="s">
        <v>104</v>
      </c>
      <c r="I276" s="9" t="s">
        <v>54</v>
      </c>
      <c r="J276" s="9" t="s">
        <v>42</v>
      </c>
      <c r="K276" s="6">
        <v>46</v>
      </c>
      <c r="L276" s="10" t="s">
        <v>55</v>
      </c>
      <c r="M276" s="10" t="s">
        <v>55</v>
      </c>
      <c r="N276" s="10" t="s">
        <v>55</v>
      </c>
      <c r="O276" s="10" t="s">
        <v>55</v>
      </c>
      <c r="P276" s="10" t="s">
        <v>55</v>
      </c>
      <c r="Q276" s="10" t="s">
        <v>55</v>
      </c>
      <c r="R276" s="10" t="s">
        <v>55</v>
      </c>
      <c r="S276" s="6">
        <v>16</v>
      </c>
      <c r="T276" s="6">
        <v>4</v>
      </c>
      <c r="U276" s="10" t="s">
        <v>55</v>
      </c>
      <c r="V276" s="6">
        <v>12</v>
      </c>
      <c r="W276" s="6">
        <v>30</v>
      </c>
      <c r="X276" s="10" t="s">
        <v>55</v>
      </c>
      <c r="Y276" s="10" t="s">
        <v>55</v>
      </c>
      <c r="Z276" s="10" t="s">
        <v>55</v>
      </c>
      <c r="AA276" s="10" t="s">
        <v>55</v>
      </c>
      <c r="AB276" s="10" t="s">
        <v>55</v>
      </c>
    </row>
    <row r="277" spans="1:28">
      <c r="A277" s="9" t="s">
        <v>83</v>
      </c>
      <c r="B277" s="9" t="s">
        <v>57</v>
      </c>
      <c r="C277" s="9" t="s">
        <v>81</v>
      </c>
      <c r="D277" s="9" t="s">
        <v>77</v>
      </c>
      <c r="E277" s="9" t="s">
        <v>57</v>
      </c>
      <c r="F277" s="9" t="s">
        <v>81</v>
      </c>
      <c r="G277" s="9" t="s">
        <v>84</v>
      </c>
      <c r="H277" s="9" t="s">
        <v>104</v>
      </c>
      <c r="I277" s="9" t="s">
        <v>54</v>
      </c>
      <c r="J277" s="9" t="s">
        <v>43</v>
      </c>
      <c r="K277" s="6">
        <v>51</v>
      </c>
      <c r="L277" s="10" t="s">
        <v>55</v>
      </c>
      <c r="M277" s="10" t="s">
        <v>55</v>
      </c>
      <c r="N277" s="10" t="s">
        <v>55</v>
      </c>
      <c r="O277" s="10" t="s">
        <v>55</v>
      </c>
      <c r="P277" s="10" t="s">
        <v>55</v>
      </c>
      <c r="Q277" s="10" t="s">
        <v>55</v>
      </c>
      <c r="R277" s="10" t="s">
        <v>55</v>
      </c>
      <c r="S277" s="6">
        <v>36</v>
      </c>
      <c r="T277" s="6">
        <v>5</v>
      </c>
      <c r="U277" s="10" t="s">
        <v>55</v>
      </c>
      <c r="V277" s="6">
        <v>31</v>
      </c>
      <c r="W277" s="6">
        <v>15</v>
      </c>
      <c r="X277" s="10" t="s">
        <v>55</v>
      </c>
      <c r="Y277" s="10" t="s">
        <v>55</v>
      </c>
      <c r="Z277" s="10" t="s">
        <v>55</v>
      </c>
      <c r="AA277" s="10" t="s">
        <v>55</v>
      </c>
      <c r="AB277" s="10" t="s">
        <v>55</v>
      </c>
    </row>
    <row r="278" spans="1:28">
      <c r="A278" s="9" t="s">
        <v>83</v>
      </c>
      <c r="B278" s="9" t="s">
        <v>57</v>
      </c>
      <c r="C278" s="9" t="s">
        <v>81</v>
      </c>
      <c r="D278" s="9" t="s">
        <v>77</v>
      </c>
      <c r="E278" s="9" t="s">
        <v>57</v>
      </c>
      <c r="F278" s="9" t="s">
        <v>81</v>
      </c>
      <c r="G278" s="9" t="s">
        <v>84</v>
      </c>
      <c r="H278" s="9" t="s">
        <v>104</v>
      </c>
      <c r="I278" s="9" t="s">
        <v>54</v>
      </c>
      <c r="J278" s="9" t="s">
        <v>44</v>
      </c>
      <c r="K278" s="6">
        <v>81</v>
      </c>
      <c r="L278" s="10" t="s">
        <v>55</v>
      </c>
      <c r="M278" s="10" t="s">
        <v>55</v>
      </c>
      <c r="N278" s="10" t="s">
        <v>55</v>
      </c>
      <c r="O278" s="10" t="s">
        <v>55</v>
      </c>
      <c r="P278" s="10" t="s">
        <v>55</v>
      </c>
      <c r="Q278" s="10" t="s">
        <v>55</v>
      </c>
      <c r="R278" s="10" t="s">
        <v>55</v>
      </c>
      <c r="S278" s="6">
        <v>65</v>
      </c>
      <c r="T278" s="6">
        <v>3</v>
      </c>
      <c r="U278" s="10" t="s">
        <v>55</v>
      </c>
      <c r="V278" s="6">
        <v>62</v>
      </c>
      <c r="W278" s="6">
        <v>16</v>
      </c>
      <c r="X278" s="10" t="s">
        <v>55</v>
      </c>
      <c r="Y278" s="10" t="s">
        <v>55</v>
      </c>
      <c r="Z278" s="10" t="s">
        <v>55</v>
      </c>
      <c r="AA278" s="10" t="s">
        <v>55</v>
      </c>
      <c r="AB278" s="10" t="s">
        <v>55</v>
      </c>
    </row>
    <row r="279" spans="1:28">
      <c r="A279" s="9" t="s">
        <v>83</v>
      </c>
      <c r="B279" s="9" t="s">
        <v>57</v>
      </c>
      <c r="C279" s="9" t="s">
        <v>81</v>
      </c>
      <c r="D279" s="9" t="s">
        <v>77</v>
      </c>
      <c r="E279" s="9" t="s">
        <v>57</v>
      </c>
      <c r="F279" s="9" t="s">
        <v>81</v>
      </c>
      <c r="G279" s="9" t="s">
        <v>84</v>
      </c>
      <c r="H279" s="9" t="s">
        <v>104</v>
      </c>
      <c r="I279" s="9" t="s">
        <v>54</v>
      </c>
      <c r="J279" s="9" t="s">
        <v>45</v>
      </c>
      <c r="K279" s="6">
        <v>92</v>
      </c>
      <c r="L279" s="10" t="s">
        <v>55</v>
      </c>
      <c r="M279" s="10" t="s">
        <v>55</v>
      </c>
      <c r="N279" s="10" t="s">
        <v>55</v>
      </c>
      <c r="O279" s="10" t="s">
        <v>55</v>
      </c>
      <c r="P279" s="10" t="s">
        <v>55</v>
      </c>
      <c r="Q279" s="10" t="s">
        <v>55</v>
      </c>
      <c r="R279" s="10" t="s">
        <v>55</v>
      </c>
      <c r="S279" s="6">
        <v>76</v>
      </c>
      <c r="T279" s="6">
        <v>1</v>
      </c>
      <c r="U279" s="10" t="s">
        <v>55</v>
      </c>
      <c r="V279" s="6">
        <v>75</v>
      </c>
      <c r="W279" s="6">
        <v>16</v>
      </c>
      <c r="X279" s="10" t="s">
        <v>55</v>
      </c>
      <c r="Y279" s="10" t="s">
        <v>55</v>
      </c>
      <c r="Z279" s="10" t="s">
        <v>55</v>
      </c>
      <c r="AA279" s="10" t="s">
        <v>55</v>
      </c>
      <c r="AB279" s="10" t="s">
        <v>55</v>
      </c>
    </row>
    <row r="280" spans="1:28">
      <c r="A280" s="9" t="s">
        <v>83</v>
      </c>
      <c r="B280" s="9" t="s">
        <v>57</v>
      </c>
      <c r="C280" s="9" t="s">
        <v>81</v>
      </c>
      <c r="D280" s="9" t="s">
        <v>77</v>
      </c>
      <c r="E280" s="9" t="s">
        <v>57</v>
      </c>
      <c r="F280" s="9" t="s">
        <v>81</v>
      </c>
      <c r="G280" s="9" t="s">
        <v>84</v>
      </c>
      <c r="H280" s="9" t="s">
        <v>104</v>
      </c>
      <c r="I280" s="9" t="s">
        <v>54</v>
      </c>
      <c r="J280" s="9" t="s">
        <v>46</v>
      </c>
      <c r="K280" s="6">
        <v>67</v>
      </c>
      <c r="L280" s="10" t="s">
        <v>55</v>
      </c>
      <c r="M280" s="10" t="s">
        <v>55</v>
      </c>
      <c r="N280" s="10" t="s">
        <v>55</v>
      </c>
      <c r="O280" s="10" t="s">
        <v>55</v>
      </c>
      <c r="P280" s="10" t="s">
        <v>55</v>
      </c>
      <c r="Q280" s="10" t="s">
        <v>55</v>
      </c>
      <c r="R280" s="10" t="s">
        <v>55</v>
      </c>
      <c r="S280" s="6">
        <v>59</v>
      </c>
      <c r="T280" s="10" t="s">
        <v>55</v>
      </c>
      <c r="U280" s="10" t="s">
        <v>55</v>
      </c>
      <c r="V280" s="6">
        <v>59</v>
      </c>
      <c r="W280" s="6">
        <v>8</v>
      </c>
      <c r="X280" s="10" t="s">
        <v>55</v>
      </c>
      <c r="Y280" s="10" t="s">
        <v>55</v>
      </c>
      <c r="Z280" s="10" t="s">
        <v>55</v>
      </c>
      <c r="AA280" s="10" t="s">
        <v>55</v>
      </c>
      <c r="AB280" s="10" t="s">
        <v>55</v>
      </c>
    </row>
    <row r="281" spans="1:28">
      <c r="A281" s="9" t="s">
        <v>83</v>
      </c>
      <c r="B281" s="9" t="s">
        <v>57</v>
      </c>
      <c r="C281" s="9" t="s">
        <v>81</v>
      </c>
      <c r="D281" s="9" t="s">
        <v>77</v>
      </c>
      <c r="E281" s="9" t="s">
        <v>57</v>
      </c>
      <c r="F281" s="9" t="s">
        <v>81</v>
      </c>
      <c r="G281" s="9" t="s">
        <v>84</v>
      </c>
      <c r="H281" s="9" t="s">
        <v>104</v>
      </c>
      <c r="I281" s="9" t="s">
        <v>54</v>
      </c>
      <c r="J281" s="9" t="s">
        <v>47</v>
      </c>
      <c r="K281" s="6">
        <v>40</v>
      </c>
      <c r="L281" s="10" t="s">
        <v>55</v>
      </c>
      <c r="M281" s="10" t="s">
        <v>55</v>
      </c>
      <c r="N281" s="10" t="s">
        <v>55</v>
      </c>
      <c r="O281" s="10" t="s">
        <v>55</v>
      </c>
      <c r="P281" s="10" t="s">
        <v>55</v>
      </c>
      <c r="Q281" s="10" t="s">
        <v>55</v>
      </c>
      <c r="R281" s="10" t="s">
        <v>55</v>
      </c>
      <c r="S281" s="6">
        <v>38</v>
      </c>
      <c r="T281" s="10" t="s">
        <v>55</v>
      </c>
      <c r="U281" s="10" t="s">
        <v>55</v>
      </c>
      <c r="V281" s="6">
        <v>38</v>
      </c>
      <c r="W281" s="6">
        <v>2</v>
      </c>
      <c r="X281" s="10" t="s">
        <v>55</v>
      </c>
      <c r="Y281" s="10" t="s">
        <v>55</v>
      </c>
      <c r="Z281" s="10" t="s">
        <v>55</v>
      </c>
      <c r="AA281" s="10" t="s">
        <v>55</v>
      </c>
      <c r="AB281" s="10" t="s">
        <v>55</v>
      </c>
    </row>
    <row r="282" spans="1:28">
      <c r="A282" s="9" t="s">
        <v>83</v>
      </c>
      <c r="B282" s="9" t="s">
        <v>57</v>
      </c>
      <c r="C282" s="9" t="s">
        <v>81</v>
      </c>
      <c r="D282" s="9" t="s">
        <v>77</v>
      </c>
      <c r="E282" s="9" t="s">
        <v>57</v>
      </c>
      <c r="F282" s="9" t="s">
        <v>81</v>
      </c>
      <c r="G282" s="9" t="s">
        <v>84</v>
      </c>
      <c r="H282" s="9" t="s">
        <v>104</v>
      </c>
      <c r="I282" s="9" t="s">
        <v>54</v>
      </c>
      <c r="J282" s="9" t="s">
        <v>48</v>
      </c>
      <c r="K282" s="6">
        <v>549</v>
      </c>
      <c r="L282" s="6">
        <v>61</v>
      </c>
      <c r="M282" s="6">
        <v>61</v>
      </c>
      <c r="N282" s="6">
        <v>59</v>
      </c>
      <c r="O282" s="6">
        <v>1</v>
      </c>
      <c r="P282" s="10" t="s">
        <v>55</v>
      </c>
      <c r="Q282" s="6">
        <v>1</v>
      </c>
      <c r="R282" s="10" t="s">
        <v>55</v>
      </c>
      <c r="S282" s="6">
        <v>11</v>
      </c>
      <c r="T282" s="6">
        <v>4</v>
      </c>
      <c r="U282" s="10" t="s">
        <v>55</v>
      </c>
      <c r="V282" s="6">
        <v>7</v>
      </c>
      <c r="W282" s="6">
        <v>477</v>
      </c>
      <c r="X282" s="6">
        <v>36</v>
      </c>
      <c r="Y282" s="6">
        <v>35</v>
      </c>
      <c r="Z282" s="10" t="s">
        <v>55</v>
      </c>
      <c r="AA282" s="10" t="s">
        <v>55</v>
      </c>
      <c r="AB282" s="6">
        <v>1</v>
      </c>
    </row>
    <row r="283" spans="1:28">
      <c r="A283" s="9" t="s">
        <v>83</v>
      </c>
      <c r="B283" s="9" t="s">
        <v>57</v>
      </c>
      <c r="C283" s="9" t="s">
        <v>81</v>
      </c>
      <c r="D283" s="9" t="s">
        <v>77</v>
      </c>
      <c r="E283" s="9" t="s">
        <v>57</v>
      </c>
      <c r="F283" s="9" t="s">
        <v>81</v>
      </c>
      <c r="G283" s="9" t="s">
        <v>84</v>
      </c>
      <c r="H283" s="9" t="s">
        <v>104</v>
      </c>
      <c r="I283" s="9" t="s">
        <v>54</v>
      </c>
      <c r="J283" s="9" t="s">
        <v>49</v>
      </c>
      <c r="K283" s="6">
        <v>417</v>
      </c>
      <c r="L283" s="6">
        <v>3</v>
      </c>
      <c r="M283" s="6">
        <v>3</v>
      </c>
      <c r="N283" s="6">
        <v>1</v>
      </c>
      <c r="O283" s="6">
        <v>2</v>
      </c>
      <c r="P283" s="10" t="s">
        <v>55</v>
      </c>
      <c r="Q283" s="10" t="s">
        <v>55</v>
      </c>
      <c r="R283" s="10" t="s">
        <v>55</v>
      </c>
      <c r="S283" s="6">
        <v>297</v>
      </c>
      <c r="T283" s="6">
        <v>17</v>
      </c>
      <c r="U283" s="10" t="s">
        <v>55</v>
      </c>
      <c r="V283" s="6">
        <v>280</v>
      </c>
      <c r="W283" s="6">
        <v>117</v>
      </c>
      <c r="X283" s="6">
        <v>2</v>
      </c>
      <c r="Y283" s="10" t="s">
        <v>55</v>
      </c>
      <c r="Z283" s="6">
        <v>2</v>
      </c>
      <c r="AA283" s="10" t="s">
        <v>55</v>
      </c>
      <c r="AB283" s="10" t="s">
        <v>55</v>
      </c>
    </row>
    <row r="284" spans="1:28">
      <c r="A284" s="9" t="s">
        <v>83</v>
      </c>
      <c r="B284" s="9" t="s">
        <v>57</v>
      </c>
      <c r="C284" s="9" t="s">
        <v>81</v>
      </c>
      <c r="D284" s="9" t="s">
        <v>77</v>
      </c>
      <c r="E284" s="9" t="s">
        <v>57</v>
      </c>
      <c r="F284" s="9" t="s">
        <v>81</v>
      </c>
      <c r="G284" s="9" t="s">
        <v>84</v>
      </c>
      <c r="H284" s="9" t="s">
        <v>104</v>
      </c>
      <c r="I284" s="9" t="s">
        <v>54</v>
      </c>
      <c r="J284" s="9" t="s">
        <v>50</v>
      </c>
      <c r="K284" s="6">
        <v>331</v>
      </c>
      <c r="L284" s="10" t="s">
        <v>55</v>
      </c>
      <c r="M284" s="10" t="s">
        <v>55</v>
      </c>
      <c r="N284" s="10" t="s">
        <v>55</v>
      </c>
      <c r="O284" s="10" t="s">
        <v>55</v>
      </c>
      <c r="P284" s="10" t="s">
        <v>55</v>
      </c>
      <c r="Q284" s="10" t="s">
        <v>55</v>
      </c>
      <c r="R284" s="10" t="s">
        <v>55</v>
      </c>
      <c r="S284" s="6">
        <v>274</v>
      </c>
      <c r="T284" s="6">
        <v>9</v>
      </c>
      <c r="U284" s="10" t="s">
        <v>55</v>
      </c>
      <c r="V284" s="6">
        <v>265</v>
      </c>
      <c r="W284" s="6">
        <v>57</v>
      </c>
      <c r="X284" s="10" t="s">
        <v>55</v>
      </c>
      <c r="Y284" s="10" t="s">
        <v>55</v>
      </c>
      <c r="Z284" s="10" t="s">
        <v>55</v>
      </c>
      <c r="AA284" s="10" t="s">
        <v>55</v>
      </c>
      <c r="AB284" s="10" t="s">
        <v>55</v>
      </c>
    </row>
    <row r="285" spans="1:28">
      <c r="A285" s="9" t="s">
        <v>83</v>
      </c>
      <c r="B285" s="9" t="s">
        <v>57</v>
      </c>
      <c r="C285" s="9" t="s">
        <v>81</v>
      </c>
      <c r="D285" s="9" t="s">
        <v>77</v>
      </c>
      <c r="E285" s="9" t="s">
        <v>57</v>
      </c>
      <c r="F285" s="9" t="s">
        <v>81</v>
      </c>
      <c r="G285" s="9" t="s">
        <v>84</v>
      </c>
      <c r="H285" s="9" t="s">
        <v>104</v>
      </c>
      <c r="I285" s="9" t="s">
        <v>54</v>
      </c>
      <c r="J285" s="9" t="s">
        <v>51</v>
      </c>
      <c r="K285" s="6">
        <v>199</v>
      </c>
      <c r="L285" s="10" t="s">
        <v>55</v>
      </c>
      <c r="M285" s="10" t="s">
        <v>55</v>
      </c>
      <c r="N285" s="10" t="s">
        <v>55</v>
      </c>
      <c r="O285" s="10" t="s">
        <v>55</v>
      </c>
      <c r="P285" s="10" t="s">
        <v>55</v>
      </c>
      <c r="Q285" s="10" t="s">
        <v>55</v>
      </c>
      <c r="R285" s="10" t="s">
        <v>55</v>
      </c>
      <c r="S285" s="6">
        <v>173</v>
      </c>
      <c r="T285" s="6">
        <v>1</v>
      </c>
      <c r="U285" s="10" t="s">
        <v>55</v>
      </c>
      <c r="V285" s="6">
        <v>172</v>
      </c>
      <c r="W285" s="6">
        <v>26</v>
      </c>
      <c r="X285" s="10" t="s">
        <v>55</v>
      </c>
      <c r="Y285" s="10" t="s">
        <v>55</v>
      </c>
      <c r="Z285" s="10" t="s">
        <v>55</v>
      </c>
      <c r="AA285" s="10" t="s">
        <v>55</v>
      </c>
      <c r="AB285" s="10" t="s">
        <v>55</v>
      </c>
    </row>
    <row r="286" spans="1:28">
      <c r="A286" s="9" t="s">
        <v>83</v>
      </c>
      <c r="B286" s="9" t="s">
        <v>57</v>
      </c>
      <c r="C286" s="9" t="s">
        <v>81</v>
      </c>
      <c r="D286" s="9" t="s">
        <v>77</v>
      </c>
      <c r="E286" s="9" t="s">
        <v>57</v>
      </c>
      <c r="F286" s="9" t="s">
        <v>81</v>
      </c>
      <c r="G286" s="9" t="s">
        <v>84</v>
      </c>
      <c r="H286" s="9" t="s">
        <v>104</v>
      </c>
      <c r="I286" s="9" t="s">
        <v>54</v>
      </c>
      <c r="J286" s="9" t="s">
        <v>52</v>
      </c>
      <c r="K286" s="6">
        <v>586</v>
      </c>
      <c r="L286" s="6">
        <v>64</v>
      </c>
      <c r="M286" s="6">
        <v>64</v>
      </c>
      <c r="N286" s="6">
        <v>60</v>
      </c>
      <c r="O286" s="6">
        <v>3</v>
      </c>
      <c r="P286" s="10" t="s">
        <v>55</v>
      </c>
      <c r="Q286" s="6">
        <v>1</v>
      </c>
      <c r="R286" s="10" t="s">
        <v>55</v>
      </c>
      <c r="S286" s="6">
        <v>18</v>
      </c>
      <c r="T286" s="6">
        <v>8</v>
      </c>
      <c r="U286" s="10" t="s">
        <v>55</v>
      </c>
      <c r="V286" s="6">
        <v>10</v>
      </c>
      <c r="W286" s="6">
        <v>504</v>
      </c>
      <c r="X286" s="6">
        <v>38</v>
      </c>
      <c r="Y286" s="6">
        <v>35</v>
      </c>
      <c r="Z286" s="6">
        <v>2</v>
      </c>
      <c r="AA286" s="10" t="s">
        <v>55</v>
      </c>
      <c r="AB286" s="6">
        <v>1</v>
      </c>
    </row>
    <row r="287" spans="1:28">
      <c r="A287" s="9" t="s">
        <v>83</v>
      </c>
      <c r="B287" s="9" t="s">
        <v>57</v>
      </c>
      <c r="C287" s="9" t="s">
        <v>85</v>
      </c>
      <c r="D287" s="9" t="s">
        <v>77</v>
      </c>
      <c r="E287" s="9" t="s">
        <v>57</v>
      </c>
      <c r="F287" s="9" t="s">
        <v>81</v>
      </c>
      <c r="G287" s="9" t="s">
        <v>86</v>
      </c>
      <c r="H287" s="9" t="s">
        <v>104</v>
      </c>
      <c r="I287" s="9" t="s">
        <v>6</v>
      </c>
      <c r="J287" s="9" t="s">
        <v>30</v>
      </c>
      <c r="K287" s="10" t="s">
        <v>55</v>
      </c>
      <c r="L287" s="10" t="s">
        <v>55</v>
      </c>
      <c r="M287" s="10" t="s">
        <v>55</v>
      </c>
      <c r="N287" s="10" t="s">
        <v>55</v>
      </c>
      <c r="O287" s="10" t="s">
        <v>55</v>
      </c>
      <c r="P287" s="10" t="s">
        <v>55</v>
      </c>
      <c r="Q287" s="10" t="s">
        <v>55</v>
      </c>
      <c r="R287" s="10" t="s">
        <v>55</v>
      </c>
      <c r="S287" s="10" t="s">
        <v>55</v>
      </c>
      <c r="T287" s="10" t="s">
        <v>55</v>
      </c>
      <c r="U287" s="10" t="s">
        <v>55</v>
      </c>
      <c r="V287" s="10" t="s">
        <v>55</v>
      </c>
      <c r="W287" s="10" t="s">
        <v>55</v>
      </c>
      <c r="X287" s="10" t="s">
        <v>55</v>
      </c>
      <c r="Y287" s="10" t="s">
        <v>55</v>
      </c>
      <c r="Z287" s="10" t="s">
        <v>55</v>
      </c>
      <c r="AA287" s="10" t="s">
        <v>55</v>
      </c>
      <c r="AB287" s="10" t="s">
        <v>55</v>
      </c>
    </row>
    <row r="288" spans="1:28">
      <c r="A288" s="9" t="s">
        <v>83</v>
      </c>
      <c r="B288" s="9" t="s">
        <v>57</v>
      </c>
      <c r="C288" s="9" t="s">
        <v>85</v>
      </c>
      <c r="D288" s="9" t="s">
        <v>77</v>
      </c>
      <c r="E288" s="9" t="s">
        <v>57</v>
      </c>
      <c r="F288" s="9" t="s">
        <v>81</v>
      </c>
      <c r="G288" s="9" t="s">
        <v>86</v>
      </c>
      <c r="H288" s="9" t="s">
        <v>104</v>
      </c>
      <c r="I288" s="9" t="s">
        <v>6</v>
      </c>
      <c r="J288" s="9" t="s">
        <v>31</v>
      </c>
      <c r="K288" s="10" t="s">
        <v>55</v>
      </c>
      <c r="L288" s="10" t="s">
        <v>55</v>
      </c>
      <c r="M288" s="10" t="s">
        <v>55</v>
      </c>
      <c r="N288" s="10" t="s">
        <v>55</v>
      </c>
      <c r="O288" s="10" t="s">
        <v>55</v>
      </c>
      <c r="P288" s="10" t="s">
        <v>55</v>
      </c>
      <c r="Q288" s="10" t="s">
        <v>55</v>
      </c>
      <c r="R288" s="10" t="s">
        <v>55</v>
      </c>
      <c r="S288" s="10" t="s">
        <v>55</v>
      </c>
      <c r="T288" s="10" t="s">
        <v>55</v>
      </c>
      <c r="U288" s="10" t="s">
        <v>55</v>
      </c>
      <c r="V288" s="10" t="s">
        <v>55</v>
      </c>
      <c r="W288" s="10" t="s">
        <v>55</v>
      </c>
      <c r="X288" s="10" t="s">
        <v>55</v>
      </c>
      <c r="Y288" s="10" t="s">
        <v>55</v>
      </c>
      <c r="Z288" s="10" t="s">
        <v>55</v>
      </c>
      <c r="AA288" s="10" t="s">
        <v>55</v>
      </c>
      <c r="AB288" s="10" t="s">
        <v>55</v>
      </c>
    </row>
    <row r="289" spans="1:28">
      <c r="A289" s="9" t="s">
        <v>83</v>
      </c>
      <c r="B289" s="9" t="s">
        <v>57</v>
      </c>
      <c r="C289" s="9" t="s">
        <v>85</v>
      </c>
      <c r="D289" s="9" t="s">
        <v>77</v>
      </c>
      <c r="E289" s="9" t="s">
        <v>57</v>
      </c>
      <c r="F289" s="9" t="s">
        <v>81</v>
      </c>
      <c r="G289" s="9" t="s">
        <v>86</v>
      </c>
      <c r="H289" s="9" t="s">
        <v>104</v>
      </c>
      <c r="I289" s="9" t="s">
        <v>6</v>
      </c>
      <c r="J289" s="9" t="s">
        <v>32</v>
      </c>
      <c r="K289" s="10" t="s">
        <v>55</v>
      </c>
      <c r="L289" s="10" t="s">
        <v>55</v>
      </c>
      <c r="M289" s="10" t="s">
        <v>55</v>
      </c>
      <c r="N289" s="10" t="s">
        <v>55</v>
      </c>
      <c r="O289" s="10" t="s">
        <v>55</v>
      </c>
      <c r="P289" s="10" t="s">
        <v>55</v>
      </c>
      <c r="Q289" s="10" t="s">
        <v>55</v>
      </c>
      <c r="R289" s="10" t="s">
        <v>55</v>
      </c>
      <c r="S289" s="10" t="s">
        <v>55</v>
      </c>
      <c r="T289" s="10" t="s">
        <v>55</v>
      </c>
      <c r="U289" s="10" t="s">
        <v>55</v>
      </c>
      <c r="V289" s="10" t="s">
        <v>55</v>
      </c>
      <c r="W289" s="10" t="s">
        <v>55</v>
      </c>
      <c r="X289" s="10" t="s">
        <v>55</v>
      </c>
      <c r="Y289" s="10" t="s">
        <v>55</v>
      </c>
      <c r="Z289" s="10" t="s">
        <v>55</v>
      </c>
      <c r="AA289" s="10" t="s">
        <v>55</v>
      </c>
      <c r="AB289" s="10" t="s">
        <v>55</v>
      </c>
    </row>
    <row r="290" spans="1:28">
      <c r="A290" s="9" t="s">
        <v>83</v>
      </c>
      <c r="B290" s="9" t="s">
        <v>57</v>
      </c>
      <c r="C290" s="9" t="s">
        <v>85</v>
      </c>
      <c r="D290" s="9" t="s">
        <v>77</v>
      </c>
      <c r="E290" s="9" t="s">
        <v>57</v>
      </c>
      <c r="F290" s="9" t="s">
        <v>81</v>
      </c>
      <c r="G290" s="9" t="s">
        <v>86</v>
      </c>
      <c r="H290" s="9" t="s">
        <v>104</v>
      </c>
      <c r="I290" s="9" t="s">
        <v>6</v>
      </c>
      <c r="J290" s="9" t="s">
        <v>33</v>
      </c>
      <c r="K290" s="10" t="s">
        <v>55</v>
      </c>
      <c r="L290" s="10" t="s">
        <v>55</v>
      </c>
      <c r="M290" s="10" t="s">
        <v>55</v>
      </c>
      <c r="N290" s="10" t="s">
        <v>55</v>
      </c>
      <c r="O290" s="10" t="s">
        <v>55</v>
      </c>
      <c r="P290" s="10" t="s">
        <v>55</v>
      </c>
      <c r="Q290" s="10" t="s">
        <v>55</v>
      </c>
      <c r="R290" s="10" t="s">
        <v>55</v>
      </c>
      <c r="S290" s="10" t="s">
        <v>55</v>
      </c>
      <c r="T290" s="10" t="s">
        <v>55</v>
      </c>
      <c r="U290" s="10" t="s">
        <v>55</v>
      </c>
      <c r="V290" s="10" t="s">
        <v>55</v>
      </c>
      <c r="W290" s="10" t="s">
        <v>55</v>
      </c>
      <c r="X290" s="10" t="s">
        <v>55</v>
      </c>
      <c r="Y290" s="10" t="s">
        <v>55</v>
      </c>
      <c r="Z290" s="10" t="s">
        <v>55</v>
      </c>
      <c r="AA290" s="10" t="s">
        <v>55</v>
      </c>
      <c r="AB290" s="10" t="s">
        <v>55</v>
      </c>
    </row>
    <row r="291" spans="1:28">
      <c r="A291" s="9" t="s">
        <v>83</v>
      </c>
      <c r="B291" s="9" t="s">
        <v>57</v>
      </c>
      <c r="C291" s="9" t="s">
        <v>85</v>
      </c>
      <c r="D291" s="9" t="s">
        <v>77</v>
      </c>
      <c r="E291" s="9" t="s">
        <v>57</v>
      </c>
      <c r="F291" s="9" t="s">
        <v>81</v>
      </c>
      <c r="G291" s="9" t="s">
        <v>86</v>
      </c>
      <c r="H291" s="9" t="s">
        <v>104</v>
      </c>
      <c r="I291" s="9" t="s">
        <v>6</v>
      </c>
      <c r="J291" s="9" t="s">
        <v>34</v>
      </c>
      <c r="K291" s="10" t="s">
        <v>55</v>
      </c>
      <c r="L291" s="10" t="s">
        <v>55</v>
      </c>
      <c r="M291" s="10" t="s">
        <v>55</v>
      </c>
      <c r="N291" s="10" t="s">
        <v>55</v>
      </c>
      <c r="O291" s="10" t="s">
        <v>55</v>
      </c>
      <c r="P291" s="10" t="s">
        <v>55</v>
      </c>
      <c r="Q291" s="10" t="s">
        <v>55</v>
      </c>
      <c r="R291" s="10" t="s">
        <v>55</v>
      </c>
      <c r="S291" s="10" t="s">
        <v>55</v>
      </c>
      <c r="T291" s="10" t="s">
        <v>55</v>
      </c>
      <c r="U291" s="10" t="s">
        <v>55</v>
      </c>
      <c r="V291" s="10" t="s">
        <v>55</v>
      </c>
      <c r="W291" s="10" t="s">
        <v>55</v>
      </c>
      <c r="X291" s="10" t="s">
        <v>55</v>
      </c>
      <c r="Y291" s="10" t="s">
        <v>55</v>
      </c>
      <c r="Z291" s="10" t="s">
        <v>55</v>
      </c>
      <c r="AA291" s="10" t="s">
        <v>55</v>
      </c>
      <c r="AB291" s="10" t="s">
        <v>55</v>
      </c>
    </row>
    <row r="292" spans="1:28">
      <c r="A292" s="9" t="s">
        <v>83</v>
      </c>
      <c r="B292" s="9" t="s">
        <v>57</v>
      </c>
      <c r="C292" s="9" t="s">
        <v>85</v>
      </c>
      <c r="D292" s="9" t="s">
        <v>77</v>
      </c>
      <c r="E292" s="9" t="s">
        <v>57</v>
      </c>
      <c r="F292" s="9" t="s">
        <v>81</v>
      </c>
      <c r="G292" s="9" t="s">
        <v>86</v>
      </c>
      <c r="H292" s="9" t="s">
        <v>104</v>
      </c>
      <c r="I292" s="9" t="s">
        <v>6</v>
      </c>
      <c r="J292" s="9" t="s">
        <v>35</v>
      </c>
      <c r="K292" s="10" t="s">
        <v>55</v>
      </c>
      <c r="L292" s="10" t="s">
        <v>55</v>
      </c>
      <c r="M292" s="10" t="s">
        <v>55</v>
      </c>
      <c r="N292" s="10" t="s">
        <v>55</v>
      </c>
      <c r="O292" s="10" t="s">
        <v>55</v>
      </c>
      <c r="P292" s="10" t="s">
        <v>55</v>
      </c>
      <c r="Q292" s="10" t="s">
        <v>55</v>
      </c>
      <c r="R292" s="10" t="s">
        <v>55</v>
      </c>
      <c r="S292" s="10" t="s">
        <v>55</v>
      </c>
      <c r="T292" s="10" t="s">
        <v>55</v>
      </c>
      <c r="U292" s="10" t="s">
        <v>55</v>
      </c>
      <c r="V292" s="10" t="s">
        <v>55</v>
      </c>
      <c r="W292" s="10" t="s">
        <v>55</v>
      </c>
      <c r="X292" s="10" t="s">
        <v>55</v>
      </c>
      <c r="Y292" s="10" t="s">
        <v>55</v>
      </c>
      <c r="Z292" s="10" t="s">
        <v>55</v>
      </c>
      <c r="AA292" s="10" t="s">
        <v>55</v>
      </c>
      <c r="AB292" s="10" t="s">
        <v>55</v>
      </c>
    </row>
    <row r="293" spans="1:28">
      <c r="A293" s="9" t="s">
        <v>83</v>
      </c>
      <c r="B293" s="9" t="s">
        <v>57</v>
      </c>
      <c r="C293" s="9" t="s">
        <v>85</v>
      </c>
      <c r="D293" s="9" t="s">
        <v>77</v>
      </c>
      <c r="E293" s="9" t="s">
        <v>57</v>
      </c>
      <c r="F293" s="9" t="s">
        <v>81</v>
      </c>
      <c r="G293" s="9" t="s">
        <v>86</v>
      </c>
      <c r="H293" s="9" t="s">
        <v>104</v>
      </c>
      <c r="I293" s="9" t="s">
        <v>6</v>
      </c>
      <c r="J293" s="9" t="s">
        <v>36</v>
      </c>
      <c r="K293" s="10" t="s">
        <v>55</v>
      </c>
      <c r="L293" s="10" t="s">
        <v>55</v>
      </c>
      <c r="M293" s="10" t="s">
        <v>55</v>
      </c>
      <c r="N293" s="10" t="s">
        <v>55</v>
      </c>
      <c r="O293" s="10" t="s">
        <v>55</v>
      </c>
      <c r="P293" s="10" t="s">
        <v>55</v>
      </c>
      <c r="Q293" s="10" t="s">
        <v>55</v>
      </c>
      <c r="R293" s="10" t="s">
        <v>55</v>
      </c>
      <c r="S293" s="10" t="s">
        <v>55</v>
      </c>
      <c r="T293" s="10" t="s">
        <v>55</v>
      </c>
      <c r="U293" s="10" t="s">
        <v>55</v>
      </c>
      <c r="V293" s="10" t="s">
        <v>55</v>
      </c>
      <c r="W293" s="10" t="s">
        <v>55</v>
      </c>
      <c r="X293" s="10" t="s">
        <v>55</v>
      </c>
      <c r="Y293" s="10" t="s">
        <v>55</v>
      </c>
      <c r="Z293" s="10" t="s">
        <v>55</v>
      </c>
      <c r="AA293" s="10" t="s">
        <v>55</v>
      </c>
      <c r="AB293" s="10" t="s">
        <v>55</v>
      </c>
    </row>
    <row r="294" spans="1:28">
      <c r="A294" s="9" t="s">
        <v>83</v>
      </c>
      <c r="B294" s="9" t="s">
        <v>57</v>
      </c>
      <c r="C294" s="9" t="s">
        <v>85</v>
      </c>
      <c r="D294" s="9" t="s">
        <v>77</v>
      </c>
      <c r="E294" s="9" t="s">
        <v>57</v>
      </c>
      <c r="F294" s="9" t="s">
        <v>81</v>
      </c>
      <c r="G294" s="9" t="s">
        <v>86</v>
      </c>
      <c r="H294" s="9" t="s">
        <v>104</v>
      </c>
      <c r="I294" s="9" t="s">
        <v>6</v>
      </c>
      <c r="J294" s="9" t="s">
        <v>37</v>
      </c>
      <c r="K294" s="10" t="s">
        <v>55</v>
      </c>
      <c r="L294" s="10" t="s">
        <v>55</v>
      </c>
      <c r="M294" s="10" t="s">
        <v>55</v>
      </c>
      <c r="N294" s="10" t="s">
        <v>55</v>
      </c>
      <c r="O294" s="10" t="s">
        <v>55</v>
      </c>
      <c r="P294" s="10" t="s">
        <v>55</v>
      </c>
      <c r="Q294" s="10" t="s">
        <v>55</v>
      </c>
      <c r="R294" s="10" t="s">
        <v>55</v>
      </c>
      <c r="S294" s="10" t="s">
        <v>55</v>
      </c>
      <c r="T294" s="10" t="s">
        <v>55</v>
      </c>
      <c r="U294" s="10" t="s">
        <v>55</v>
      </c>
      <c r="V294" s="10" t="s">
        <v>55</v>
      </c>
      <c r="W294" s="10" t="s">
        <v>55</v>
      </c>
      <c r="X294" s="10" t="s">
        <v>55</v>
      </c>
      <c r="Y294" s="10" t="s">
        <v>55</v>
      </c>
      <c r="Z294" s="10" t="s">
        <v>55</v>
      </c>
      <c r="AA294" s="10" t="s">
        <v>55</v>
      </c>
      <c r="AB294" s="10" t="s">
        <v>55</v>
      </c>
    </row>
    <row r="295" spans="1:28">
      <c r="A295" s="9" t="s">
        <v>83</v>
      </c>
      <c r="B295" s="9" t="s">
        <v>57</v>
      </c>
      <c r="C295" s="9" t="s">
        <v>85</v>
      </c>
      <c r="D295" s="9" t="s">
        <v>77</v>
      </c>
      <c r="E295" s="9" t="s">
        <v>57</v>
      </c>
      <c r="F295" s="9" t="s">
        <v>81</v>
      </c>
      <c r="G295" s="9" t="s">
        <v>86</v>
      </c>
      <c r="H295" s="9" t="s">
        <v>104</v>
      </c>
      <c r="I295" s="9" t="s">
        <v>6</v>
      </c>
      <c r="J295" s="9" t="s">
        <v>38</v>
      </c>
      <c r="K295" s="10" t="s">
        <v>55</v>
      </c>
      <c r="L295" s="10" t="s">
        <v>55</v>
      </c>
      <c r="M295" s="10" t="s">
        <v>55</v>
      </c>
      <c r="N295" s="10" t="s">
        <v>55</v>
      </c>
      <c r="O295" s="10" t="s">
        <v>55</v>
      </c>
      <c r="P295" s="10" t="s">
        <v>55</v>
      </c>
      <c r="Q295" s="10" t="s">
        <v>55</v>
      </c>
      <c r="R295" s="10" t="s">
        <v>55</v>
      </c>
      <c r="S295" s="10" t="s">
        <v>55</v>
      </c>
      <c r="T295" s="10" t="s">
        <v>55</v>
      </c>
      <c r="U295" s="10" t="s">
        <v>55</v>
      </c>
      <c r="V295" s="10" t="s">
        <v>55</v>
      </c>
      <c r="W295" s="10" t="s">
        <v>55</v>
      </c>
      <c r="X295" s="10" t="s">
        <v>55</v>
      </c>
      <c r="Y295" s="10" t="s">
        <v>55</v>
      </c>
      <c r="Z295" s="10" t="s">
        <v>55</v>
      </c>
      <c r="AA295" s="10" t="s">
        <v>55</v>
      </c>
      <c r="AB295" s="10" t="s">
        <v>55</v>
      </c>
    </row>
    <row r="296" spans="1:28">
      <c r="A296" s="9" t="s">
        <v>83</v>
      </c>
      <c r="B296" s="9" t="s">
        <v>57</v>
      </c>
      <c r="C296" s="9" t="s">
        <v>85</v>
      </c>
      <c r="D296" s="9" t="s">
        <v>77</v>
      </c>
      <c r="E296" s="9" t="s">
        <v>57</v>
      </c>
      <c r="F296" s="9" t="s">
        <v>81</v>
      </c>
      <c r="G296" s="9" t="s">
        <v>86</v>
      </c>
      <c r="H296" s="9" t="s">
        <v>104</v>
      </c>
      <c r="I296" s="9" t="s">
        <v>6</v>
      </c>
      <c r="J296" s="9" t="s">
        <v>39</v>
      </c>
      <c r="K296" s="10" t="s">
        <v>55</v>
      </c>
      <c r="L296" s="10" t="s">
        <v>55</v>
      </c>
      <c r="M296" s="10" t="s">
        <v>55</v>
      </c>
      <c r="N296" s="10" t="s">
        <v>55</v>
      </c>
      <c r="O296" s="10" t="s">
        <v>55</v>
      </c>
      <c r="P296" s="10" t="s">
        <v>55</v>
      </c>
      <c r="Q296" s="10" t="s">
        <v>55</v>
      </c>
      <c r="R296" s="10" t="s">
        <v>55</v>
      </c>
      <c r="S296" s="10" t="s">
        <v>55</v>
      </c>
      <c r="T296" s="10" t="s">
        <v>55</v>
      </c>
      <c r="U296" s="10" t="s">
        <v>55</v>
      </c>
      <c r="V296" s="10" t="s">
        <v>55</v>
      </c>
      <c r="W296" s="10" t="s">
        <v>55</v>
      </c>
      <c r="X296" s="10" t="s">
        <v>55</v>
      </c>
      <c r="Y296" s="10" t="s">
        <v>55</v>
      </c>
      <c r="Z296" s="10" t="s">
        <v>55</v>
      </c>
      <c r="AA296" s="10" t="s">
        <v>55</v>
      </c>
      <c r="AB296" s="10" t="s">
        <v>55</v>
      </c>
    </row>
    <row r="297" spans="1:28">
      <c r="A297" s="9" t="s">
        <v>83</v>
      </c>
      <c r="B297" s="9" t="s">
        <v>57</v>
      </c>
      <c r="C297" s="9" t="s">
        <v>85</v>
      </c>
      <c r="D297" s="9" t="s">
        <v>77</v>
      </c>
      <c r="E297" s="9" t="s">
        <v>57</v>
      </c>
      <c r="F297" s="9" t="s">
        <v>81</v>
      </c>
      <c r="G297" s="9" t="s">
        <v>86</v>
      </c>
      <c r="H297" s="9" t="s">
        <v>104</v>
      </c>
      <c r="I297" s="9" t="s">
        <v>6</v>
      </c>
      <c r="J297" s="9" t="s">
        <v>40</v>
      </c>
      <c r="K297" s="10" t="s">
        <v>55</v>
      </c>
      <c r="L297" s="10" t="s">
        <v>55</v>
      </c>
      <c r="M297" s="10" t="s">
        <v>55</v>
      </c>
      <c r="N297" s="10" t="s">
        <v>55</v>
      </c>
      <c r="O297" s="10" t="s">
        <v>55</v>
      </c>
      <c r="P297" s="10" t="s">
        <v>55</v>
      </c>
      <c r="Q297" s="10" t="s">
        <v>55</v>
      </c>
      <c r="R297" s="10" t="s">
        <v>55</v>
      </c>
      <c r="S297" s="10" t="s">
        <v>55</v>
      </c>
      <c r="T297" s="10" t="s">
        <v>55</v>
      </c>
      <c r="U297" s="10" t="s">
        <v>55</v>
      </c>
      <c r="V297" s="10" t="s">
        <v>55</v>
      </c>
      <c r="W297" s="10" t="s">
        <v>55</v>
      </c>
      <c r="X297" s="10" t="s">
        <v>55</v>
      </c>
      <c r="Y297" s="10" t="s">
        <v>55</v>
      </c>
      <c r="Z297" s="10" t="s">
        <v>55</v>
      </c>
      <c r="AA297" s="10" t="s">
        <v>55</v>
      </c>
      <c r="AB297" s="10" t="s">
        <v>55</v>
      </c>
    </row>
    <row r="298" spans="1:28">
      <c r="A298" s="9" t="s">
        <v>83</v>
      </c>
      <c r="B298" s="9" t="s">
        <v>57</v>
      </c>
      <c r="C298" s="9" t="s">
        <v>85</v>
      </c>
      <c r="D298" s="9" t="s">
        <v>77</v>
      </c>
      <c r="E298" s="9" t="s">
        <v>57</v>
      </c>
      <c r="F298" s="9" t="s">
        <v>81</v>
      </c>
      <c r="G298" s="9" t="s">
        <v>86</v>
      </c>
      <c r="H298" s="9" t="s">
        <v>104</v>
      </c>
      <c r="I298" s="9" t="s">
        <v>6</v>
      </c>
      <c r="J298" s="9" t="s">
        <v>41</v>
      </c>
      <c r="K298" s="10" t="s">
        <v>55</v>
      </c>
      <c r="L298" s="10" t="s">
        <v>55</v>
      </c>
      <c r="M298" s="10" t="s">
        <v>55</v>
      </c>
      <c r="N298" s="10" t="s">
        <v>55</v>
      </c>
      <c r="O298" s="10" t="s">
        <v>55</v>
      </c>
      <c r="P298" s="10" t="s">
        <v>55</v>
      </c>
      <c r="Q298" s="10" t="s">
        <v>55</v>
      </c>
      <c r="R298" s="10" t="s">
        <v>55</v>
      </c>
      <c r="S298" s="10" t="s">
        <v>55</v>
      </c>
      <c r="T298" s="10" t="s">
        <v>55</v>
      </c>
      <c r="U298" s="10" t="s">
        <v>55</v>
      </c>
      <c r="V298" s="10" t="s">
        <v>55</v>
      </c>
      <c r="W298" s="10" t="s">
        <v>55</v>
      </c>
      <c r="X298" s="10" t="s">
        <v>55</v>
      </c>
      <c r="Y298" s="10" t="s">
        <v>55</v>
      </c>
      <c r="Z298" s="10" t="s">
        <v>55</v>
      </c>
      <c r="AA298" s="10" t="s">
        <v>55</v>
      </c>
      <c r="AB298" s="10" t="s">
        <v>55</v>
      </c>
    </row>
    <row r="299" spans="1:28">
      <c r="A299" s="9" t="s">
        <v>83</v>
      </c>
      <c r="B299" s="9" t="s">
        <v>57</v>
      </c>
      <c r="C299" s="9" t="s">
        <v>85</v>
      </c>
      <c r="D299" s="9" t="s">
        <v>77</v>
      </c>
      <c r="E299" s="9" t="s">
        <v>57</v>
      </c>
      <c r="F299" s="9" t="s">
        <v>81</v>
      </c>
      <c r="G299" s="9" t="s">
        <v>86</v>
      </c>
      <c r="H299" s="9" t="s">
        <v>104</v>
      </c>
      <c r="I299" s="9" t="s">
        <v>6</v>
      </c>
      <c r="J299" s="9" t="s">
        <v>42</v>
      </c>
      <c r="K299" s="10" t="s">
        <v>55</v>
      </c>
      <c r="L299" s="10" t="s">
        <v>55</v>
      </c>
      <c r="M299" s="10" t="s">
        <v>55</v>
      </c>
      <c r="N299" s="10" t="s">
        <v>55</v>
      </c>
      <c r="O299" s="10" t="s">
        <v>55</v>
      </c>
      <c r="P299" s="10" t="s">
        <v>55</v>
      </c>
      <c r="Q299" s="10" t="s">
        <v>55</v>
      </c>
      <c r="R299" s="10" t="s">
        <v>55</v>
      </c>
      <c r="S299" s="10" t="s">
        <v>55</v>
      </c>
      <c r="T299" s="10" t="s">
        <v>55</v>
      </c>
      <c r="U299" s="10" t="s">
        <v>55</v>
      </c>
      <c r="V299" s="10" t="s">
        <v>55</v>
      </c>
      <c r="W299" s="10" t="s">
        <v>55</v>
      </c>
      <c r="X299" s="10" t="s">
        <v>55</v>
      </c>
      <c r="Y299" s="10" t="s">
        <v>55</v>
      </c>
      <c r="Z299" s="10" t="s">
        <v>55</v>
      </c>
      <c r="AA299" s="10" t="s">
        <v>55</v>
      </c>
      <c r="AB299" s="10" t="s">
        <v>55</v>
      </c>
    </row>
    <row r="300" spans="1:28">
      <c r="A300" s="9" t="s">
        <v>83</v>
      </c>
      <c r="B300" s="9" t="s">
        <v>57</v>
      </c>
      <c r="C300" s="9" t="s">
        <v>85</v>
      </c>
      <c r="D300" s="9" t="s">
        <v>77</v>
      </c>
      <c r="E300" s="9" t="s">
        <v>57</v>
      </c>
      <c r="F300" s="9" t="s">
        <v>81</v>
      </c>
      <c r="G300" s="9" t="s">
        <v>86</v>
      </c>
      <c r="H300" s="9" t="s">
        <v>104</v>
      </c>
      <c r="I300" s="9" t="s">
        <v>6</v>
      </c>
      <c r="J300" s="9" t="s">
        <v>43</v>
      </c>
      <c r="K300" s="10" t="s">
        <v>55</v>
      </c>
      <c r="L300" s="10" t="s">
        <v>55</v>
      </c>
      <c r="M300" s="10" t="s">
        <v>55</v>
      </c>
      <c r="N300" s="10" t="s">
        <v>55</v>
      </c>
      <c r="O300" s="10" t="s">
        <v>55</v>
      </c>
      <c r="P300" s="10" t="s">
        <v>55</v>
      </c>
      <c r="Q300" s="10" t="s">
        <v>55</v>
      </c>
      <c r="R300" s="10" t="s">
        <v>55</v>
      </c>
      <c r="S300" s="10" t="s">
        <v>55</v>
      </c>
      <c r="T300" s="10" t="s">
        <v>55</v>
      </c>
      <c r="U300" s="10" t="s">
        <v>55</v>
      </c>
      <c r="V300" s="10" t="s">
        <v>55</v>
      </c>
      <c r="W300" s="10" t="s">
        <v>55</v>
      </c>
      <c r="X300" s="10" t="s">
        <v>55</v>
      </c>
      <c r="Y300" s="10" t="s">
        <v>55</v>
      </c>
      <c r="Z300" s="10" t="s">
        <v>55</v>
      </c>
      <c r="AA300" s="10" t="s">
        <v>55</v>
      </c>
      <c r="AB300" s="10" t="s">
        <v>55</v>
      </c>
    </row>
    <row r="301" spans="1:28">
      <c r="A301" s="9" t="s">
        <v>83</v>
      </c>
      <c r="B301" s="9" t="s">
        <v>57</v>
      </c>
      <c r="C301" s="9" t="s">
        <v>85</v>
      </c>
      <c r="D301" s="9" t="s">
        <v>77</v>
      </c>
      <c r="E301" s="9" t="s">
        <v>57</v>
      </c>
      <c r="F301" s="9" t="s">
        <v>81</v>
      </c>
      <c r="G301" s="9" t="s">
        <v>86</v>
      </c>
      <c r="H301" s="9" t="s">
        <v>104</v>
      </c>
      <c r="I301" s="9" t="s">
        <v>6</v>
      </c>
      <c r="J301" s="9" t="s">
        <v>44</v>
      </c>
      <c r="K301" s="10" t="s">
        <v>55</v>
      </c>
      <c r="L301" s="10" t="s">
        <v>55</v>
      </c>
      <c r="M301" s="10" t="s">
        <v>55</v>
      </c>
      <c r="N301" s="10" t="s">
        <v>55</v>
      </c>
      <c r="O301" s="10" t="s">
        <v>55</v>
      </c>
      <c r="P301" s="10" t="s">
        <v>55</v>
      </c>
      <c r="Q301" s="10" t="s">
        <v>55</v>
      </c>
      <c r="R301" s="10" t="s">
        <v>55</v>
      </c>
      <c r="S301" s="10" t="s">
        <v>55</v>
      </c>
      <c r="T301" s="10" t="s">
        <v>55</v>
      </c>
      <c r="U301" s="10" t="s">
        <v>55</v>
      </c>
      <c r="V301" s="10" t="s">
        <v>55</v>
      </c>
      <c r="W301" s="10" t="s">
        <v>55</v>
      </c>
      <c r="X301" s="10" t="s">
        <v>55</v>
      </c>
      <c r="Y301" s="10" t="s">
        <v>55</v>
      </c>
      <c r="Z301" s="10" t="s">
        <v>55</v>
      </c>
      <c r="AA301" s="10" t="s">
        <v>55</v>
      </c>
      <c r="AB301" s="10" t="s">
        <v>55</v>
      </c>
    </row>
    <row r="302" spans="1:28">
      <c r="A302" s="9" t="s">
        <v>83</v>
      </c>
      <c r="B302" s="9" t="s">
        <v>57</v>
      </c>
      <c r="C302" s="9" t="s">
        <v>85</v>
      </c>
      <c r="D302" s="9" t="s">
        <v>77</v>
      </c>
      <c r="E302" s="9" t="s">
        <v>57</v>
      </c>
      <c r="F302" s="9" t="s">
        <v>81</v>
      </c>
      <c r="G302" s="9" t="s">
        <v>86</v>
      </c>
      <c r="H302" s="9" t="s">
        <v>104</v>
      </c>
      <c r="I302" s="9" t="s">
        <v>6</v>
      </c>
      <c r="J302" s="9" t="s">
        <v>45</v>
      </c>
      <c r="K302" s="10" t="s">
        <v>55</v>
      </c>
      <c r="L302" s="10" t="s">
        <v>55</v>
      </c>
      <c r="M302" s="10" t="s">
        <v>55</v>
      </c>
      <c r="N302" s="10" t="s">
        <v>55</v>
      </c>
      <c r="O302" s="10" t="s">
        <v>55</v>
      </c>
      <c r="P302" s="10" t="s">
        <v>55</v>
      </c>
      <c r="Q302" s="10" t="s">
        <v>55</v>
      </c>
      <c r="R302" s="10" t="s">
        <v>55</v>
      </c>
      <c r="S302" s="10" t="s">
        <v>55</v>
      </c>
      <c r="T302" s="10" t="s">
        <v>55</v>
      </c>
      <c r="U302" s="10" t="s">
        <v>55</v>
      </c>
      <c r="V302" s="10" t="s">
        <v>55</v>
      </c>
      <c r="W302" s="10" t="s">
        <v>55</v>
      </c>
      <c r="X302" s="10" t="s">
        <v>55</v>
      </c>
      <c r="Y302" s="10" t="s">
        <v>55</v>
      </c>
      <c r="Z302" s="10" t="s">
        <v>55</v>
      </c>
      <c r="AA302" s="10" t="s">
        <v>55</v>
      </c>
      <c r="AB302" s="10" t="s">
        <v>55</v>
      </c>
    </row>
    <row r="303" spans="1:28">
      <c r="A303" s="9" t="s">
        <v>83</v>
      </c>
      <c r="B303" s="9" t="s">
        <v>57</v>
      </c>
      <c r="C303" s="9" t="s">
        <v>85</v>
      </c>
      <c r="D303" s="9" t="s">
        <v>77</v>
      </c>
      <c r="E303" s="9" t="s">
        <v>57</v>
      </c>
      <c r="F303" s="9" t="s">
        <v>81</v>
      </c>
      <c r="G303" s="9" t="s">
        <v>86</v>
      </c>
      <c r="H303" s="9" t="s">
        <v>104</v>
      </c>
      <c r="I303" s="9" t="s">
        <v>6</v>
      </c>
      <c r="J303" s="9" t="s">
        <v>46</v>
      </c>
      <c r="K303" s="10" t="s">
        <v>55</v>
      </c>
      <c r="L303" s="10" t="s">
        <v>55</v>
      </c>
      <c r="M303" s="10" t="s">
        <v>55</v>
      </c>
      <c r="N303" s="10" t="s">
        <v>55</v>
      </c>
      <c r="O303" s="10" t="s">
        <v>55</v>
      </c>
      <c r="P303" s="10" t="s">
        <v>55</v>
      </c>
      <c r="Q303" s="10" t="s">
        <v>55</v>
      </c>
      <c r="R303" s="10" t="s">
        <v>55</v>
      </c>
      <c r="S303" s="10" t="s">
        <v>55</v>
      </c>
      <c r="T303" s="10" t="s">
        <v>55</v>
      </c>
      <c r="U303" s="10" t="s">
        <v>55</v>
      </c>
      <c r="V303" s="10" t="s">
        <v>55</v>
      </c>
      <c r="W303" s="10" t="s">
        <v>55</v>
      </c>
      <c r="X303" s="10" t="s">
        <v>55</v>
      </c>
      <c r="Y303" s="10" t="s">
        <v>55</v>
      </c>
      <c r="Z303" s="10" t="s">
        <v>55</v>
      </c>
      <c r="AA303" s="10" t="s">
        <v>55</v>
      </c>
      <c r="AB303" s="10" t="s">
        <v>55</v>
      </c>
    </row>
    <row r="304" spans="1:28">
      <c r="A304" s="9" t="s">
        <v>83</v>
      </c>
      <c r="B304" s="9" t="s">
        <v>57</v>
      </c>
      <c r="C304" s="9" t="s">
        <v>85</v>
      </c>
      <c r="D304" s="9" t="s">
        <v>77</v>
      </c>
      <c r="E304" s="9" t="s">
        <v>57</v>
      </c>
      <c r="F304" s="9" t="s">
        <v>81</v>
      </c>
      <c r="G304" s="9" t="s">
        <v>86</v>
      </c>
      <c r="H304" s="9" t="s">
        <v>104</v>
      </c>
      <c r="I304" s="9" t="s">
        <v>6</v>
      </c>
      <c r="J304" s="9" t="s">
        <v>47</v>
      </c>
      <c r="K304" s="10" t="s">
        <v>55</v>
      </c>
      <c r="L304" s="10" t="s">
        <v>55</v>
      </c>
      <c r="M304" s="10" t="s">
        <v>55</v>
      </c>
      <c r="N304" s="10" t="s">
        <v>55</v>
      </c>
      <c r="O304" s="10" t="s">
        <v>55</v>
      </c>
      <c r="P304" s="10" t="s">
        <v>55</v>
      </c>
      <c r="Q304" s="10" t="s">
        <v>55</v>
      </c>
      <c r="R304" s="10" t="s">
        <v>55</v>
      </c>
      <c r="S304" s="10" t="s">
        <v>55</v>
      </c>
      <c r="T304" s="10" t="s">
        <v>55</v>
      </c>
      <c r="U304" s="10" t="s">
        <v>55</v>
      </c>
      <c r="V304" s="10" t="s">
        <v>55</v>
      </c>
      <c r="W304" s="10" t="s">
        <v>55</v>
      </c>
      <c r="X304" s="10" t="s">
        <v>55</v>
      </c>
      <c r="Y304" s="10" t="s">
        <v>55</v>
      </c>
      <c r="Z304" s="10" t="s">
        <v>55</v>
      </c>
      <c r="AA304" s="10" t="s">
        <v>55</v>
      </c>
      <c r="AB304" s="10" t="s">
        <v>55</v>
      </c>
    </row>
    <row r="305" spans="1:28">
      <c r="A305" s="9" t="s">
        <v>83</v>
      </c>
      <c r="B305" s="9" t="s">
        <v>57</v>
      </c>
      <c r="C305" s="9" t="s">
        <v>85</v>
      </c>
      <c r="D305" s="9" t="s">
        <v>77</v>
      </c>
      <c r="E305" s="9" t="s">
        <v>57</v>
      </c>
      <c r="F305" s="9" t="s">
        <v>81</v>
      </c>
      <c r="G305" s="9" t="s">
        <v>86</v>
      </c>
      <c r="H305" s="9" t="s">
        <v>104</v>
      </c>
      <c r="I305" s="9" t="s">
        <v>6</v>
      </c>
      <c r="J305" s="9" t="s">
        <v>48</v>
      </c>
      <c r="K305" s="10" t="s">
        <v>55</v>
      </c>
      <c r="L305" s="10" t="s">
        <v>55</v>
      </c>
      <c r="M305" s="10" t="s">
        <v>55</v>
      </c>
      <c r="N305" s="10" t="s">
        <v>55</v>
      </c>
      <c r="O305" s="10" t="s">
        <v>55</v>
      </c>
      <c r="P305" s="10" t="s">
        <v>55</v>
      </c>
      <c r="Q305" s="10" t="s">
        <v>55</v>
      </c>
      <c r="R305" s="10" t="s">
        <v>55</v>
      </c>
      <c r="S305" s="10" t="s">
        <v>55</v>
      </c>
      <c r="T305" s="10" t="s">
        <v>55</v>
      </c>
      <c r="U305" s="10" t="s">
        <v>55</v>
      </c>
      <c r="V305" s="10" t="s">
        <v>55</v>
      </c>
      <c r="W305" s="10" t="s">
        <v>55</v>
      </c>
      <c r="X305" s="10" t="s">
        <v>55</v>
      </c>
      <c r="Y305" s="10" t="s">
        <v>55</v>
      </c>
      <c r="Z305" s="10" t="s">
        <v>55</v>
      </c>
      <c r="AA305" s="10" t="s">
        <v>55</v>
      </c>
      <c r="AB305" s="10" t="s">
        <v>55</v>
      </c>
    </row>
    <row r="306" spans="1:28">
      <c r="A306" s="9" t="s">
        <v>83</v>
      </c>
      <c r="B306" s="9" t="s">
        <v>57</v>
      </c>
      <c r="C306" s="9" t="s">
        <v>85</v>
      </c>
      <c r="D306" s="9" t="s">
        <v>77</v>
      </c>
      <c r="E306" s="9" t="s">
        <v>57</v>
      </c>
      <c r="F306" s="9" t="s">
        <v>81</v>
      </c>
      <c r="G306" s="9" t="s">
        <v>86</v>
      </c>
      <c r="H306" s="9" t="s">
        <v>104</v>
      </c>
      <c r="I306" s="9" t="s">
        <v>6</v>
      </c>
      <c r="J306" s="9" t="s">
        <v>49</v>
      </c>
      <c r="K306" s="10" t="s">
        <v>55</v>
      </c>
      <c r="L306" s="10" t="s">
        <v>55</v>
      </c>
      <c r="M306" s="10" t="s">
        <v>55</v>
      </c>
      <c r="N306" s="10" t="s">
        <v>55</v>
      </c>
      <c r="O306" s="10" t="s">
        <v>55</v>
      </c>
      <c r="P306" s="10" t="s">
        <v>55</v>
      </c>
      <c r="Q306" s="10" t="s">
        <v>55</v>
      </c>
      <c r="R306" s="10" t="s">
        <v>55</v>
      </c>
      <c r="S306" s="10" t="s">
        <v>55</v>
      </c>
      <c r="T306" s="10" t="s">
        <v>55</v>
      </c>
      <c r="U306" s="10" t="s">
        <v>55</v>
      </c>
      <c r="V306" s="10" t="s">
        <v>55</v>
      </c>
      <c r="W306" s="10" t="s">
        <v>55</v>
      </c>
      <c r="X306" s="10" t="s">
        <v>55</v>
      </c>
      <c r="Y306" s="10" t="s">
        <v>55</v>
      </c>
      <c r="Z306" s="10" t="s">
        <v>55</v>
      </c>
      <c r="AA306" s="10" t="s">
        <v>55</v>
      </c>
      <c r="AB306" s="10" t="s">
        <v>55</v>
      </c>
    </row>
    <row r="307" spans="1:28">
      <c r="A307" s="9" t="s">
        <v>83</v>
      </c>
      <c r="B307" s="9" t="s">
        <v>57</v>
      </c>
      <c r="C307" s="9" t="s">
        <v>85</v>
      </c>
      <c r="D307" s="9" t="s">
        <v>77</v>
      </c>
      <c r="E307" s="9" t="s">
        <v>57</v>
      </c>
      <c r="F307" s="9" t="s">
        <v>81</v>
      </c>
      <c r="G307" s="9" t="s">
        <v>86</v>
      </c>
      <c r="H307" s="9" t="s">
        <v>104</v>
      </c>
      <c r="I307" s="9" t="s">
        <v>6</v>
      </c>
      <c r="J307" s="9" t="s">
        <v>50</v>
      </c>
      <c r="K307" s="10" t="s">
        <v>55</v>
      </c>
      <c r="L307" s="10" t="s">
        <v>55</v>
      </c>
      <c r="M307" s="10" t="s">
        <v>55</v>
      </c>
      <c r="N307" s="10" t="s">
        <v>55</v>
      </c>
      <c r="O307" s="10" t="s">
        <v>55</v>
      </c>
      <c r="P307" s="10" t="s">
        <v>55</v>
      </c>
      <c r="Q307" s="10" t="s">
        <v>55</v>
      </c>
      <c r="R307" s="10" t="s">
        <v>55</v>
      </c>
      <c r="S307" s="10" t="s">
        <v>55</v>
      </c>
      <c r="T307" s="10" t="s">
        <v>55</v>
      </c>
      <c r="U307" s="10" t="s">
        <v>55</v>
      </c>
      <c r="V307" s="10" t="s">
        <v>55</v>
      </c>
      <c r="W307" s="10" t="s">
        <v>55</v>
      </c>
      <c r="X307" s="10" t="s">
        <v>55</v>
      </c>
      <c r="Y307" s="10" t="s">
        <v>55</v>
      </c>
      <c r="Z307" s="10" t="s">
        <v>55</v>
      </c>
      <c r="AA307" s="10" t="s">
        <v>55</v>
      </c>
      <c r="AB307" s="10" t="s">
        <v>55</v>
      </c>
    </row>
    <row r="308" spans="1:28">
      <c r="A308" s="9" t="s">
        <v>83</v>
      </c>
      <c r="B308" s="9" t="s">
        <v>57</v>
      </c>
      <c r="C308" s="9" t="s">
        <v>85</v>
      </c>
      <c r="D308" s="9" t="s">
        <v>77</v>
      </c>
      <c r="E308" s="9" t="s">
        <v>57</v>
      </c>
      <c r="F308" s="9" t="s">
        <v>81</v>
      </c>
      <c r="G308" s="9" t="s">
        <v>86</v>
      </c>
      <c r="H308" s="9" t="s">
        <v>104</v>
      </c>
      <c r="I308" s="9" t="s">
        <v>6</v>
      </c>
      <c r="J308" s="9" t="s">
        <v>51</v>
      </c>
      <c r="K308" s="10" t="s">
        <v>55</v>
      </c>
      <c r="L308" s="10" t="s">
        <v>55</v>
      </c>
      <c r="M308" s="10" t="s">
        <v>55</v>
      </c>
      <c r="N308" s="10" t="s">
        <v>55</v>
      </c>
      <c r="O308" s="10" t="s">
        <v>55</v>
      </c>
      <c r="P308" s="10" t="s">
        <v>55</v>
      </c>
      <c r="Q308" s="10" t="s">
        <v>55</v>
      </c>
      <c r="R308" s="10" t="s">
        <v>55</v>
      </c>
      <c r="S308" s="10" t="s">
        <v>55</v>
      </c>
      <c r="T308" s="10" t="s">
        <v>55</v>
      </c>
      <c r="U308" s="10" t="s">
        <v>55</v>
      </c>
      <c r="V308" s="10" t="s">
        <v>55</v>
      </c>
      <c r="W308" s="10" t="s">
        <v>55</v>
      </c>
      <c r="X308" s="10" t="s">
        <v>55</v>
      </c>
      <c r="Y308" s="10" t="s">
        <v>55</v>
      </c>
      <c r="Z308" s="10" t="s">
        <v>55</v>
      </c>
      <c r="AA308" s="10" t="s">
        <v>55</v>
      </c>
      <c r="AB308" s="10" t="s">
        <v>55</v>
      </c>
    </row>
    <row r="309" spans="1:28">
      <c r="A309" s="9" t="s">
        <v>83</v>
      </c>
      <c r="B309" s="9" t="s">
        <v>57</v>
      </c>
      <c r="C309" s="9" t="s">
        <v>85</v>
      </c>
      <c r="D309" s="9" t="s">
        <v>77</v>
      </c>
      <c r="E309" s="9" t="s">
        <v>57</v>
      </c>
      <c r="F309" s="9" t="s">
        <v>81</v>
      </c>
      <c r="G309" s="9" t="s">
        <v>86</v>
      </c>
      <c r="H309" s="9" t="s">
        <v>104</v>
      </c>
      <c r="I309" s="9" t="s">
        <v>6</v>
      </c>
      <c r="J309" s="9" t="s">
        <v>52</v>
      </c>
      <c r="K309" s="10" t="s">
        <v>55</v>
      </c>
      <c r="L309" s="10" t="s">
        <v>55</v>
      </c>
      <c r="M309" s="10" t="s">
        <v>55</v>
      </c>
      <c r="N309" s="10" t="s">
        <v>55</v>
      </c>
      <c r="O309" s="10" t="s">
        <v>55</v>
      </c>
      <c r="P309" s="10" t="s">
        <v>55</v>
      </c>
      <c r="Q309" s="10" t="s">
        <v>55</v>
      </c>
      <c r="R309" s="10" t="s">
        <v>55</v>
      </c>
      <c r="S309" s="10" t="s">
        <v>55</v>
      </c>
      <c r="T309" s="10" t="s">
        <v>55</v>
      </c>
      <c r="U309" s="10" t="s">
        <v>55</v>
      </c>
      <c r="V309" s="10" t="s">
        <v>55</v>
      </c>
      <c r="W309" s="10" t="s">
        <v>55</v>
      </c>
      <c r="X309" s="10" t="s">
        <v>55</v>
      </c>
      <c r="Y309" s="10" t="s">
        <v>55</v>
      </c>
      <c r="Z309" s="10" t="s">
        <v>55</v>
      </c>
      <c r="AA309" s="10" t="s">
        <v>55</v>
      </c>
      <c r="AB309" s="10" t="s">
        <v>55</v>
      </c>
    </row>
    <row r="310" spans="1:28">
      <c r="A310" s="9" t="s">
        <v>83</v>
      </c>
      <c r="B310" s="9" t="s">
        <v>57</v>
      </c>
      <c r="C310" s="9" t="s">
        <v>85</v>
      </c>
      <c r="D310" s="9" t="s">
        <v>77</v>
      </c>
      <c r="E310" s="9" t="s">
        <v>57</v>
      </c>
      <c r="F310" s="9" t="s">
        <v>81</v>
      </c>
      <c r="G310" s="9" t="s">
        <v>86</v>
      </c>
      <c r="H310" s="9" t="s">
        <v>104</v>
      </c>
      <c r="I310" s="9" t="s">
        <v>53</v>
      </c>
      <c r="J310" s="9" t="s">
        <v>30</v>
      </c>
      <c r="K310" s="10" t="s">
        <v>55</v>
      </c>
      <c r="L310" s="10" t="s">
        <v>55</v>
      </c>
      <c r="M310" s="10" t="s">
        <v>55</v>
      </c>
      <c r="N310" s="10" t="s">
        <v>55</v>
      </c>
      <c r="O310" s="10" t="s">
        <v>55</v>
      </c>
      <c r="P310" s="10" t="s">
        <v>55</v>
      </c>
      <c r="Q310" s="10" t="s">
        <v>55</v>
      </c>
      <c r="R310" s="10" t="s">
        <v>55</v>
      </c>
      <c r="S310" s="10" t="s">
        <v>55</v>
      </c>
      <c r="T310" s="10" t="s">
        <v>55</v>
      </c>
      <c r="U310" s="10" t="s">
        <v>55</v>
      </c>
      <c r="V310" s="10" t="s">
        <v>55</v>
      </c>
      <c r="W310" s="10" t="s">
        <v>55</v>
      </c>
      <c r="X310" s="10" t="s">
        <v>55</v>
      </c>
      <c r="Y310" s="10" t="s">
        <v>55</v>
      </c>
      <c r="Z310" s="10" t="s">
        <v>55</v>
      </c>
      <c r="AA310" s="10" t="s">
        <v>55</v>
      </c>
      <c r="AB310" s="10" t="s">
        <v>55</v>
      </c>
    </row>
    <row r="311" spans="1:28">
      <c r="A311" s="9" t="s">
        <v>83</v>
      </c>
      <c r="B311" s="9" t="s">
        <v>57</v>
      </c>
      <c r="C311" s="9" t="s">
        <v>85</v>
      </c>
      <c r="D311" s="9" t="s">
        <v>77</v>
      </c>
      <c r="E311" s="9" t="s">
        <v>57</v>
      </c>
      <c r="F311" s="9" t="s">
        <v>81</v>
      </c>
      <c r="G311" s="9" t="s">
        <v>86</v>
      </c>
      <c r="H311" s="9" t="s">
        <v>104</v>
      </c>
      <c r="I311" s="9" t="s">
        <v>53</v>
      </c>
      <c r="J311" s="9" t="s">
        <v>31</v>
      </c>
      <c r="K311" s="10" t="s">
        <v>55</v>
      </c>
      <c r="L311" s="10" t="s">
        <v>55</v>
      </c>
      <c r="M311" s="10" t="s">
        <v>55</v>
      </c>
      <c r="N311" s="10" t="s">
        <v>55</v>
      </c>
      <c r="O311" s="10" t="s">
        <v>55</v>
      </c>
      <c r="P311" s="10" t="s">
        <v>55</v>
      </c>
      <c r="Q311" s="10" t="s">
        <v>55</v>
      </c>
      <c r="R311" s="10" t="s">
        <v>55</v>
      </c>
      <c r="S311" s="10" t="s">
        <v>55</v>
      </c>
      <c r="T311" s="10" t="s">
        <v>55</v>
      </c>
      <c r="U311" s="10" t="s">
        <v>55</v>
      </c>
      <c r="V311" s="10" t="s">
        <v>55</v>
      </c>
      <c r="W311" s="10" t="s">
        <v>55</v>
      </c>
      <c r="X311" s="10" t="s">
        <v>55</v>
      </c>
      <c r="Y311" s="10" t="s">
        <v>55</v>
      </c>
      <c r="Z311" s="10" t="s">
        <v>55</v>
      </c>
      <c r="AA311" s="10" t="s">
        <v>55</v>
      </c>
      <c r="AB311" s="10" t="s">
        <v>55</v>
      </c>
    </row>
    <row r="312" spans="1:28">
      <c r="A312" s="9" t="s">
        <v>83</v>
      </c>
      <c r="B312" s="9" t="s">
        <v>57</v>
      </c>
      <c r="C312" s="9" t="s">
        <v>85</v>
      </c>
      <c r="D312" s="9" t="s">
        <v>77</v>
      </c>
      <c r="E312" s="9" t="s">
        <v>57</v>
      </c>
      <c r="F312" s="9" t="s">
        <v>81</v>
      </c>
      <c r="G312" s="9" t="s">
        <v>86</v>
      </c>
      <c r="H312" s="9" t="s">
        <v>104</v>
      </c>
      <c r="I312" s="9" t="s">
        <v>53</v>
      </c>
      <c r="J312" s="9" t="s">
        <v>32</v>
      </c>
      <c r="K312" s="10" t="s">
        <v>55</v>
      </c>
      <c r="L312" s="10" t="s">
        <v>55</v>
      </c>
      <c r="M312" s="10" t="s">
        <v>55</v>
      </c>
      <c r="N312" s="10" t="s">
        <v>55</v>
      </c>
      <c r="O312" s="10" t="s">
        <v>55</v>
      </c>
      <c r="P312" s="10" t="s">
        <v>55</v>
      </c>
      <c r="Q312" s="10" t="s">
        <v>55</v>
      </c>
      <c r="R312" s="10" t="s">
        <v>55</v>
      </c>
      <c r="S312" s="10" t="s">
        <v>55</v>
      </c>
      <c r="T312" s="10" t="s">
        <v>55</v>
      </c>
      <c r="U312" s="10" t="s">
        <v>55</v>
      </c>
      <c r="V312" s="10" t="s">
        <v>55</v>
      </c>
      <c r="W312" s="10" t="s">
        <v>55</v>
      </c>
      <c r="X312" s="10" t="s">
        <v>55</v>
      </c>
      <c r="Y312" s="10" t="s">
        <v>55</v>
      </c>
      <c r="Z312" s="10" t="s">
        <v>55</v>
      </c>
      <c r="AA312" s="10" t="s">
        <v>55</v>
      </c>
      <c r="AB312" s="10" t="s">
        <v>55</v>
      </c>
    </row>
    <row r="313" spans="1:28">
      <c r="A313" s="9" t="s">
        <v>83</v>
      </c>
      <c r="B313" s="9" t="s">
        <v>57</v>
      </c>
      <c r="C313" s="9" t="s">
        <v>85</v>
      </c>
      <c r="D313" s="9" t="s">
        <v>77</v>
      </c>
      <c r="E313" s="9" t="s">
        <v>57</v>
      </c>
      <c r="F313" s="9" t="s">
        <v>81</v>
      </c>
      <c r="G313" s="9" t="s">
        <v>86</v>
      </c>
      <c r="H313" s="9" t="s">
        <v>104</v>
      </c>
      <c r="I313" s="9" t="s">
        <v>53</v>
      </c>
      <c r="J313" s="9" t="s">
        <v>33</v>
      </c>
      <c r="K313" s="10" t="s">
        <v>55</v>
      </c>
      <c r="L313" s="10" t="s">
        <v>55</v>
      </c>
      <c r="M313" s="10" t="s">
        <v>55</v>
      </c>
      <c r="N313" s="10" t="s">
        <v>55</v>
      </c>
      <c r="O313" s="10" t="s">
        <v>55</v>
      </c>
      <c r="P313" s="10" t="s">
        <v>55</v>
      </c>
      <c r="Q313" s="10" t="s">
        <v>55</v>
      </c>
      <c r="R313" s="10" t="s">
        <v>55</v>
      </c>
      <c r="S313" s="10" t="s">
        <v>55</v>
      </c>
      <c r="T313" s="10" t="s">
        <v>55</v>
      </c>
      <c r="U313" s="10" t="s">
        <v>55</v>
      </c>
      <c r="V313" s="10" t="s">
        <v>55</v>
      </c>
      <c r="W313" s="10" t="s">
        <v>55</v>
      </c>
      <c r="X313" s="10" t="s">
        <v>55</v>
      </c>
      <c r="Y313" s="10" t="s">
        <v>55</v>
      </c>
      <c r="Z313" s="10" t="s">
        <v>55</v>
      </c>
      <c r="AA313" s="10" t="s">
        <v>55</v>
      </c>
      <c r="AB313" s="10" t="s">
        <v>55</v>
      </c>
    </row>
    <row r="314" spans="1:28">
      <c r="A314" s="9" t="s">
        <v>83</v>
      </c>
      <c r="B314" s="9" t="s">
        <v>57</v>
      </c>
      <c r="C314" s="9" t="s">
        <v>85</v>
      </c>
      <c r="D314" s="9" t="s">
        <v>77</v>
      </c>
      <c r="E314" s="9" t="s">
        <v>57</v>
      </c>
      <c r="F314" s="9" t="s">
        <v>81</v>
      </c>
      <c r="G314" s="9" t="s">
        <v>86</v>
      </c>
      <c r="H314" s="9" t="s">
        <v>104</v>
      </c>
      <c r="I314" s="9" t="s">
        <v>53</v>
      </c>
      <c r="J314" s="9" t="s">
        <v>34</v>
      </c>
      <c r="K314" s="10" t="s">
        <v>55</v>
      </c>
      <c r="L314" s="10" t="s">
        <v>55</v>
      </c>
      <c r="M314" s="10" t="s">
        <v>55</v>
      </c>
      <c r="N314" s="10" t="s">
        <v>55</v>
      </c>
      <c r="O314" s="10" t="s">
        <v>55</v>
      </c>
      <c r="P314" s="10" t="s">
        <v>55</v>
      </c>
      <c r="Q314" s="10" t="s">
        <v>55</v>
      </c>
      <c r="R314" s="10" t="s">
        <v>55</v>
      </c>
      <c r="S314" s="10" t="s">
        <v>55</v>
      </c>
      <c r="T314" s="10" t="s">
        <v>55</v>
      </c>
      <c r="U314" s="10" t="s">
        <v>55</v>
      </c>
      <c r="V314" s="10" t="s">
        <v>55</v>
      </c>
      <c r="W314" s="10" t="s">
        <v>55</v>
      </c>
      <c r="X314" s="10" t="s">
        <v>55</v>
      </c>
      <c r="Y314" s="10" t="s">
        <v>55</v>
      </c>
      <c r="Z314" s="10" t="s">
        <v>55</v>
      </c>
      <c r="AA314" s="10" t="s">
        <v>55</v>
      </c>
      <c r="AB314" s="10" t="s">
        <v>55</v>
      </c>
    </row>
    <row r="315" spans="1:28">
      <c r="A315" s="9" t="s">
        <v>83</v>
      </c>
      <c r="B315" s="9" t="s">
        <v>57</v>
      </c>
      <c r="C315" s="9" t="s">
        <v>85</v>
      </c>
      <c r="D315" s="9" t="s">
        <v>77</v>
      </c>
      <c r="E315" s="9" t="s">
        <v>57</v>
      </c>
      <c r="F315" s="9" t="s">
        <v>81</v>
      </c>
      <c r="G315" s="9" t="s">
        <v>86</v>
      </c>
      <c r="H315" s="9" t="s">
        <v>104</v>
      </c>
      <c r="I315" s="9" t="s">
        <v>53</v>
      </c>
      <c r="J315" s="9" t="s">
        <v>35</v>
      </c>
      <c r="K315" s="10" t="s">
        <v>55</v>
      </c>
      <c r="L315" s="10" t="s">
        <v>55</v>
      </c>
      <c r="M315" s="10" t="s">
        <v>55</v>
      </c>
      <c r="N315" s="10" t="s">
        <v>55</v>
      </c>
      <c r="O315" s="10" t="s">
        <v>55</v>
      </c>
      <c r="P315" s="10" t="s">
        <v>55</v>
      </c>
      <c r="Q315" s="10" t="s">
        <v>55</v>
      </c>
      <c r="R315" s="10" t="s">
        <v>55</v>
      </c>
      <c r="S315" s="10" t="s">
        <v>55</v>
      </c>
      <c r="T315" s="10" t="s">
        <v>55</v>
      </c>
      <c r="U315" s="10" t="s">
        <v>55</v>
      </c>
      <c r="V315" s="10" t="s">
        <v>55</v>
      </c>
      <c r="W315" s="10" t="s">
        <v>55</v>
      </c>
      <c r="X315" s="10" t="s">
        <v>55</v>
      </c>
      <c r="Y315" s="10" t="s">
        <v>55</v>
      </c>
      <c r="Z315" s="10" t="s">
        <v>55</v>
      </c>
      <c r="AA315" s="10" t="s">
        <v>55</v>
      </c>
      <c r="AB315" s="10" t="s">
        <v>55</v>
      </c>
    </row>
    <row r="316" spans="1:28">
      <c r="A316" s="9" t="s">
        <v>83</v>
      </c>
      <c r="B316" s="9" t="s">
        <v>57</v>
      </c>
      <c r="C316" s="9" t="s">
        <v>85</v>
      </c>
      <c r="D316" s="9" t="s">
        <v>77</v>
      </c>
      <c r="E316" s="9" t="s">
        <v>57</v>
      </c>
      <c r="F316" s="9" t="s">
        <v>81</v>
      </c>
      <c r="G316" s="9" t="s">
        <v>86</v>
      </c>
      <c r="H316" s="9" t="s">
        <v>104</v>
      </c>
      <c r="I316" s="9" t="s">
        <v>53</v>
      </c>
      <c r="J316" s="9" t="s">
        <v>36</v>
      </c>
      <c r="K316" s="10" t="s">
        <v>55</v>
      </c>
      <c r="L316" s="10" t="s">
        <v>55</v>
      </c>
      <c r="M316" s="10" t="s">
        <v>55</v>
      </c>
      <c r="N316" s="10" t="s">
        <v>55</v>
      </c>
      <c r="O316" s="10" t="s">
        <v>55</v>
      </c>
      <c r="P316" s="10" t="s">
        <v>55</v>
      </c>
      <c r="Q316" s="10" t="s">
        <v>55</v>
      </c>
      <c r="R316" s="10" t="s">
        <v>55</v>
      </c>
      <c r="S316" s="10" t="s">
        <v>55</v>
      </c>
      <c r="T316" s="10" t="s">
        <v>55</v>
      </c>
      <c r="U316" s="10" t="s">
        <v>55</v>
      </c>
      <c r="V316" s="10" t="s">
        <v>55</v>
      </c>
      <c r="W316" s="10" t="s">
        <v>55</v>
      </c>
      <c r="X316" s="10" t="s">
        <v>55</v>
      </c>
      <c r="Y316" s="10" t="s">
        <v>55</v>
      </c>
      <c r="Z316" s="10" t="s">
        <v>55</v>
      </c>
      <c r="AA316" s="10" t="s">
        <v>55</v>
      </c>
      <c r="AB316" s="10" t="s">
        <v>55</v>
      </c>
    </row>
    <row r="317" spans="1:28">
      <c r="A317" s="9" t="s">
        <v>83</v>
      </c>
      <c r="B317" s="9" t="s">
        <v>57</v>
      </c>
      <c r="C317" s="9" t="s">
        <v>85</v>
      </c>
      <c r="D317" s="9" t="s">
        <v>77</v>
      </c>
      <c r="E317" s="9" t="s">
        <v>57</v>
      </c>
      <c r="F317" s="9" t="s">
        <v>81</v>
      </c>
      <c r="G317" s="9" t="s">
        <v>86</v>
      </c>
      <c r="H317" s="9" t="s">
        <v>104</v>
      </c>
      <c r="I317" s="9" t="s">
        <v>53</v>
      </c>
      <c r="J317" s="9" t="s">
        <v>37</v>
      </c>
      <c r="K317" s="10" t="s">
        <v>55</v>
      </c>
      <c r="L317" s="10" t="s">
        <v>55</v>
      </c>
      <c r="M317" s="10" t="s">
        <v>55</v>
      </c>
      <c r="N317" s="10" t="s">
        <v>55</v>
      </c>
      <c r="O317" s="10" t="s">
        <v>55</v>
      </c>
      <c r="P317" s="10" t="s">
        <v>55</v>
      </c>
      <c r="Q317" s="10" t="s">
        <v>55</v>
      </c>
      <c r="R317" s="10" t="s">
        <v>55</v>
      </c>
      <c r="S317" s="10" t="s">
        <v>55</v>
      </c>
      <c r="T317" s="10" t="s">
        <v>55</v>
      </c>
      <c r="U317" s="10" t="s">
        <v>55</v>
      </c>
      <c r="V317" s="10" t="s">
        <v>55</v>
      </c>
      <c r="W317" s="10" t="s">
        <v>55</v>
      </c>
      <c r="X317" s="10" t="s">
        <v>55</v>
      </c>
      <c r="Y317" s="10" t="s">
        <v>55</v>
      </c>
      <c r="Z317" s="10" t="s">
        <v>55</v>
      </c>
      <c r="AA317" s="10" t="s">
        <v>55</v>
      </c>
      <c r="AB317" s="10" t="s">
        <v>55</v>
      </c>
    </row>
    <row r="318" spans="1:28">
      <c r="A318" s="9" t="s">
        <v>83</v>
      </c>
      <c r="B318" s="9" t="s">
        <v>57</v>
      </c>
      <c r="C318" s="9" t="s">
        <v>85</v>
      </c>
      <c r="D318" s="9" t="s">
        <v>77</v>
      </c>
      <c r="E318" s="9" t="s">
        <v>57</v>
      </c>
      <c r="F318" s="9" t="s">
        <v>81</v>
      </c>
      <c r="G318" s="9" t="s">
        <v>86</v>
      </c>
      <c r="H318" s="9" t="s">
        <v>104</v>
      </c>
      <c r="I318" s="9" t="s">
        <v>53</v>
      </c>
      <c r="J318" s="9" t="s">
        <v>38</v>
      </c>
      <c r="K318" s="10" t="s">
        <v>55</v>
      </c>
      <c r="L318" s="10" t="s">
        <v>55</v>
      </c>
      <c r="M318" s="10" t="s">
        <v>55</v>
      </c>
      <c r="N318" s="10" t="s">
        <v>55</v>
      </c>
      <c r="O318" s="10" t="s">
        <v>55</v>
      </c>
      <c r="P318" s="10" t="s">
        <v>55</v>
      </c>
      <c r="Q318" s="10" t="s">
        <v>55</v>
      </c>
      <c r="R318" s="10" t="s">
        <v>55</v>
      </c>
      <c r="S318" s="10" t="s">
        <v>55</v>
      </c>
      <c r="T318" s="10" t="s">
        <v>55</v>
      </c>
      <c r="U318" s="10" t="s">
        <v>55</v>
      </c>
      <c r="V318" s="10" t="s">
        <v>55</v>
      </c>
      <c r="W318" s="10" t="s">
        <v>55</v>
      </c>
      <c r="X318" s="10" t="s">
        <v>55</v>
      </c>
      <c r="Y318" s="10" t="s">
        <v>55</v>
      </c>
      <c r="Z318" s="10" t="s">
        <v>55</v>
      </c>
      <c r="AA318" s="10" t="s">
        <v>55</v>
      </c>
      <c r="AB318" s="10" t="s">
        <v>55</v>
      </c>
    </row>
    <row r="319" spans="1:28">
      <c r="A319" s="9" t="s">
        <v>83</v>
      </c>
      <c r="B319" s="9" t="s">
        <v>57</v>
      </c>
      <c r="C319" s="9" t="s">
        <v>85</v>
      </c>
      <c r="D319" s="9" t="s">
        <v>77</v>
      </c>
      <c r="E319" s="9" t="s">
        <v>57</v>
      </c>
      <c r="F319" s="9" t="s">
        <v>81</v>
      </c>
      <c r="G319" s="9" t="s">
        <v>86</v>
      </c>
      <c r="H319" s="9" t="s">
        <v>104</v>
      </c>
      <c r="I319" s="9" t="s">
        <v>53</v>
      </c>
      <c r="J319" s="9" t="s">
        <v>39</v>
      </c>
      <c r="K319" s="10" t="s">
        <v>55</v>
      </c>
      <c r="L319" s="10" t="s">
        <v>55</v>
      </c>
      <c r="M319" s="10" t="s">
        <v>55</v>
      </c>
      <c r="N319" s="10" t="s">
        <v>55</v>
      </c>
      <c r="O319" s="10" t="s">
        <v>55</v>
      </c>
      <c r="P319" s="10" t="s">
        <v>55</v>
      </c>
      <c r="Q319" s="10" t="s">
        <v>55</v>
      </c>
      <c r="R319" s="10" t="s">
        <v>55</v>
      </c>
      <c r="S319" s="10" t="s">
        <v>55</v>
      </c>
      <c r="T319" s="10" t="s">
        <v>55</v>
      </c>
      <c r="U319" s="10" t="s">
        <v>55</v>
      </c>
      <c r="V319" s="10" t="s">
        <v>55</v>
      </c>
      <c r="W319" s="10" t="s">
        <v>55</v>
      </c>
      <c r="X319" s="10" t="s">
        <v>55</v>
      </c>
      <c r="Y319" s="10" t="s">
        <v>55</v>
      </c>
      <c r="Z319" s="10" t="s">
        <v>55</v>
      </c>
      <c r="AA319" s="10" t="s">
        <v>55</v>
      </c>
      <c r="AB319" s="10" t="s">
        <v>55</v>
      </c>
    </row>
    <row r="320" spans="1:28">
      <c r="A320" s="9" t="s">
        <v>83</v>
      </c>
      <c r="B320" s="9" t="s">
        <v>57</v>
      </c>
      <c r="C320" s="9" t="s">
        <v>85</v>
      </c>
      <c r="D320" s="9" t="s">
        <v>77</v>
      </c>
      <c r="E320" s="9" t="s">
        <v>57</v>
      </c>
      <c r="F320" s="9" t="s">
        <v>81</v>
      </c>
      <c r="G320" s="9" t="s">
        <v>86</v>
      </c>
      <c r="H320" s="9" t="s">
        <v>104</v>
      </c>
      <c r="I320" s="9" t="s">
        <v>53</v>
      </c>
      <c r="J320" s="9" t="s">
        <v>40</v>
      </c>
      <c r="K320" s="10" t="s">
        <v>55</v>
      </c>
      <c r="L320" s="10" t="s">
        <v>55</v>
      </c>
      <c r="M320" s="10" t="s">
        <v>55</v>
      </c>
      <c r="N320" s="10" t="s">
        <v>55</v>
      </c>
      <c r="O320" s="10" t="s">
        <v>55</v>
      </c>
      <c r="P320" s="10" t="s">
        <v>55</v>
      </c>
      <c r="Q320" s="10" t="s">
        <v>55</v>
      </c>
      <c r="R320" s="10" t="s">
        <v>55</v>
      </c>
      <c r="S320" s="10" t="s">
        <v>55</v>
      </c>
      <c r="T320" s="10" t="s">
        <v>55</v>
      </c>
      <c r="U320" s="10" t="s">
        <v>55</v>
      </c>
      <c r="V320" s="10" t="s">
        <v>55</v>
      </c>
      <c r="W320" s="10" t="s">
        <v>55</v>
      </c>
      <c r="X320" s="10" t="s">
        <v>55</v>
      </c>
      <c r="Y320" s="10" t="s">
        <v>55</v>
      </c>
      <c r="Z320" s="10" t="s">
        <v>55</v>
      </c>
      <c r="AA320" s="10" t="s">
        <v>55</v>
      </c>
      <c r="AB320" s="10" t="s">
        <v>55</v>
      </c>
    </row>
    <row r="321" spans="1:28">
      <c r="A321" s="9" t="s">
        <v>83</v>
      </c>
      <c r="B321" s="9" t="s">
        <v>57</v>
      </c>
      <c r="C321" s="9" t="s">
        <v>85</v>
      </c>
      <c r="D321" s="9" t="s">
        <v>77</v>
      </c>
      <c r="E321" s="9" t="s">
        <v>57</v>
      </c>
      <c r="F321" s="9" t="s">
        <v>81</v>
      </c>
      <c r="G321" s="9" t="s">
        <v>86</v>
      </c>
      <c r="H321" s="9" t="s">
        <v>104</v>
      </c>
      <c r="I321" s="9" t="s">
        <v>53</v>
      </c>
      <c r="J321" s="9" t="s">
        <v>41</v>
      </c>
      <c r="K321" s="10" t="s">
        <v>55</v>
      </c>
      <c r="L321" s="10" t="s">
        <v>55</v>
      </c>
      <c r="M321" s="10" t="s">
        <v>55</v>
      </c>
      <c r="N321" s="10" t="s">
        <v>55</v>
      </c>
      <c r="O321" s="10" t="s">
        <v>55</v>
      </c>
      <c r="P321" s="10" t="s">
        <v>55</v>
      </c>
      <c r="Q321" s="10" t="s">
        <v>55</v>
      </c>
      <c r="R321" s="10" t="s">
        <v>55</v>
      </c>
      <c r="S321" s="10" t="s">
        <v>55</v>
      </c>
      <c r="T321" s="10" t="s">
        <v>55</v>
      </c>
      <c r="U321" s="10" t="s">
        <v>55</v>
      </c>
      <c r="V321" s="10" t="s">
        <v>55</v>
      </c>
      <c r="W321" s="10" t="s">
        <v>55</v>
      </c>
      <c r="X321" s="10" t="s">
        <v>55</v>
      </c>
      <c r="Y321" s="10" t="s">
        <v>55</v>
      </c>
      <c r="Z321" s="10" t="s">
        <v>55</v>
      </c>
      <c r="AA321" s="10" t="s">
        <v>55</v>
      </c>
      <c r="AB321" s="10" t="s">
        <v>55</v>
      </c>
    </row>
    <row r="322" spans="1:28">
      <c r="A322" s="9" t="s">
        <v>83</v>
      </c>
      <c r="B322" s="9" t="s">
        <v>57</v>
      </c>
      <c r="C322" s="9" t="s">
        <v>85</v>
      </c>
      <c r="D322" s="9" t="s">
        <v>77</v>
      </c>
      <c r="E322" s="9" t="s">
        <v>57</v>
      </c>
      <c r="F322" s="9" t="s">
        <v>81</v>
      </c>
      <c r="G322" s="9" t="s">
        <v>86</v>
      </c>
      <c r="H322" s="9" t="s">
        <v>104</v>
      </c>
      <c r="I322" s="9" t="s">
        <v>53</v>
      </c>
      <c r="J322" s="9" t="s">
        <v>42</v>
      </c>
      <c r="K322" s="10" t="s">
        <v>55</v>
      </c>
      <c r="L322" s="10" t="s">
        <v>55</v>
      </c>
      <c r="M322" s="10" t="s">
        <v>55</v>
      </c>
      <c r="N322" s="10" t="s">
        <v>55</v>
      </c>
      <c r="O322" s="10" t="s">
        <v>55</v>
      </c>
      <c r="P322" s="10" t="s">
        <v>55</v>
      </c>
      <c r="Q322" s="10" t="s">
        <v>55</v>
      </c>
      <c r="R322" s="10" t="s">
        <v>55</v>
      </c>
      <c r="S322" s="10" t="s">
        <v>55</v>
      </c>
      <c r="T322" s="10" t="s">
        <v>55</v>
      </c>
      <c r="U322" s="10" t="s">
        <v>55</v>
      </c>
      <c r="V322" s="10" t="s">
        <v>55</v>
      </c>
      <c r="W322" s="10" t="s">
        <v>55</v>
      </c>
      <c r="X322" s="10" t="s">
        <v>55</v>
      </c>
      <c r="Y322" s="10" t="s">
        <v>55</v>
      </c>
      <c r="Z322" s="10" t="s">
        <v>55</v>
      </c>
      <c r="AA322" s="10" t="s">
        <v>55</v>
      </c>
      <c r="AB322" s="10" t="s">
        <v>55</v>
      </c>
    </row>
    <row r="323" spans="1:28">
      <c r="A323" s="9" t="s">
        <v>83</v>
      </c>
      <c r="B323" s="9" t="s">
        <v>57</v>
      </c>
      <c r="C323" s="9" t="s">
        <v>85</v>
      </c>
      <c r="D323" s="9" t="s">
        <v>77</v>
      </c>
      <c r="E323" s="9" t="s">
        <v>57</v>
      </c>
      <c r="F323" s="9" t="s">
        <v>81</v>
      </c>
      <c r="G323" s="9" t="s">
        <v>86</v>
      </c>
      <c r="H323" s="9" t="s">
        <v>104</v>
      </c>
      <c r="I323" s="9" t="s">
        <v>53</v>
      </c>
      <c r="J323" s="9" t="s">
        <v>43</v>
      </c>
      <c r="K323" s="10" t="s">
        <v>55</v>
      </c>
      <c r="L323" s="10" t="s">
        <v>55</v>
      </c>
      <c r="M323" s="10" t="s">
        <v>55</v>
      </c>
      <c r="N323" s="10" t="s">
        <v>55</v>
      </c>
      <c r="O323" s="10" t="s">
        <v>55</v>
      </c>
      <c r="P323" s="10" t="s">
        <v>55</v>
      </c>
      <c r="Q323" s="10" t="s">
        <v>55</v>
      </c>
      <c r="R323" s="10" t="s">
        <v>55</v>
      </c>
      <c r="S323" s="10" t="s">
        <v>55</v>
      </c>
      <c r="T323" s="10" t="s">
        <v>55</v>
      </c>
      <c r="U323" s="10" t="s">
        <v>55</v>
      </c>
      <c r="V323" s="10" t="s">
        <v>55</v>
      </c>
      <c r="W323" s="10" t="s">
        <v>55</v>
      </c>
      <c r="X323" s="10" t="s">
        <v>55</v>
      </c>
      <c r="Y323" s="10" t="s">
        <v>55</v>
      </c>
      <c r="Z323" s="10" t="s">
        <v>55</v>
      </c>
      <c r="AA323" s="10" t="s">
        <v>55</v>
      </c>
      <c r="AB323" s="10" t="s">
        <v>55</v>
      </c>
    </row>
    <row r="324" spans="1:28">
      <c r="A324" s="9" t="s">
        <v>83</v>
      </c>
      <c r="B324" s="9" t="s">
        <v>57</v>
      </c>
      <c r="C324" s="9" t="s">
        <v>85</v>
      </c>
      <c r="D324" s="9" t="s">
        <v>77</v>
      </c>
      <c r="E324" s="9" t="s">
        <v>57</v>
      </c>
      <c r="F324" s="9" t="s">
        <v>81</v>
      </c>
      <c r="G324" s="9" t="s">
        <v>86</v>
      </c>
      <c r="H324" s="9" t="s">
        <v>104</v>
      </c>
      <c r="I324" s="9" t="s">
        <v>53</v>
      </c>
      <c r="J324" s="9" t="s">
        <v>44</v>
      </c>
      <c r="K324" s="10" t="s">
        <v>55</v>
      </c>
      <c r="L324" s="10" t="s">
        <v>55</v>
      </c>
      <c r="M324" s="10" t="s">
        <v>55</v>
      </c>
      <c r="N324" s="10" t="s">
        <v>55</v>
      </c>
      <c r="O324" s="10" t="s">
        <v>55</v>
      </c>
      <c r="P324" s="10" t="s">
        <v>55</v>
      </c>
      <c r="Q324" s="10" t="s">
        <v>55</v>
      </c>
      <c r="R324" s="10" t="s">
        <v>55</v>
      </c>
      <c r="S324" s="10" t="s">
        <v>55</v>
      </c>
      <c r="T324" s="10" t="s">
        <v>55</v>
      </c>
      <c r="U324" s="10" t="s">
        <v>55</v>
      </c>
      <c r="V324" s="10" t="s">
        <v>55</v>
      </c>
      <c r="W324" s="10" t="s">
        <v>55</v>
      </c>
      <c r="X324" s="10" t="s">
        <v>55</v>
      </c>
      <c r="Y324" s="10" t="s">
        <v>55</v>
      </c>
      <c r="Z324" s="10" t="s">
        <v>55</v>
      </c>
      <c r="AA324" s="10" t="s">
        <v>55</v>
      </c>
      <c r="AB324" s="10" t="s">
        <v>55</v>
      </c>
    </row>
    <row r="325" spans="1:28">
      <c r="A325" s="9" t="s">
        <v>83</v>
      </c>
      <c r="B325" s="9" t="s">
        <v>57</v>
      </c>
      <c r="C325" s="9" t="s">
        <v>85</v>
      </c>
      <c r="D325" s="9" t="s">
        <v>77</v>
      </c>
      <c r="E325" s="9" t="s">
        <v>57</v>
      </c>
      <c r="F325" s="9" t="s">
        <v>81</v>
      </c>
      <c r="G325" s="9" t="s">
        <v>86</v>
      </c>
      <c r="H325" s="9" t="s">
        <v>104</v>
      </c>
      <c r="I325" s="9" t="s">
        <v>53</v>
      </c>
      <c r="J325" s="9" t="s">
        <v>45</v>
      </c>
      <c r="K325" s="10" t="s">
        <v>55</v>
      </c>
      <c r="L325" s="10" t="s">
        <v>55</v>
      </c>
      <c r="M325" s="10" t="s">
        <v>55</v>
      </c>
      <c r="N325" s="10" t="s">
        <v>55</v>
      </c>
      <c r="O325" s="10" t="s">
        <v>55</v>
      </c>
      <c r="P325" s="10" t="s">
        <v>55</v>
      </c>
      <c r="Q325" s="10" t="s">
        <v>55</v>
      </c>
      <c r="R325" s="10" t="s">
        <v>55</v>
      </c>
      <c r="S325" s="10" t="s">
        <v>55</v>
      </c>
      <c r="T325" s="10" t="s">
        <v>55</v>
      </c>
      <c r="U325" s="10" t="s">
        <v>55</v>
      </c>
      <c r="V325" s="10" t="s">
        <v>55</v>
      </c>
      <c r="W325" s="10" t="s">
        <v>55</v>
      </c>
      <c r="X325" s="10" t="s">
        <v>55</v>
      </c>
      <c r="Y325" s="10" t="s">
        <v>55</v>
      </c>
      <c r="Z325" s="10" t="s">
        <v>55</v>
      </c>
      <c r="AA325" s="10" t="s">
        <v>55</v>
      </c>
      <c r="AB325" s="10" t="s">
        <v>55</v>
      </c>
    </row>
    <row r="326" spans="1:28">
      <c r="A326" s="9" t="s">
        <v>83</v>
      </c>
      <c r="B326" s="9" t="s">
        <v>57</v>
      </c>
      <c r="C326" s="9" t="s">
        <v>85</v>
      </c>
      <c r="D326" s="9" t="s">
        <v>77</v>
      </c>
      <c r="E326" s="9" t="s">
        <v>57</v>
      </c>
      <c r="F326" s="9" t="s">
        <v>81</v>
      </c>
      <c r="G326" s="9" t="s">
        <v>86</v>
      </c>
      <c r="H326" s="9" t="s">
        <v>104</v>
      </c>
      <c r="I326" s="9" t="s">
        <v>53</v>
      </c>
      <c r="J326" s="9" t="s">
        <v>46</v>
      </c>
      <c r="K326" s="10" t="s">
        <v>55</v>
      </c>
      <c r="L326" s="10" t="s">
        <v>55</v>
      </c>
      <c r="M326" s="10" t="s">
        <v>55</v>
      </c>
      <c r="N326" s="10" t="s">
        <v>55</v>
      </c>
      <c r="O326" s="10" t="s">
        <v>55</v>
      </c>
      <c r="P326" s="10" t="s">
        <v>55</v>
      </c>
      <c r="Q326" s="10" t="s">
        <v>55</v>
      </c>
      <c r="R326" s="10" t="s">
        <v>55</v>
      </c>
      <c r="S326" s="10" t="s">
        <v>55</v>
      </c>
      <c r="T326" s="10" t="s">
        <v>55</v>
      </c>
      <c r="U326" s="10" t="s">
        <v>55</v>
      </c>
      <c r="V326" s="10" t="s">
        <v>55</v>
      </c>
      <c r="W326" s="10" t="s">
        <v>55</v>
      </c>
      <c r="X326" s="10" t="s">
        <v>55</v>
      </c>
      <c r="Y326" s="10" t="s">
        <v>55</v>
      </c>
      <c r="Z326" s="10" t="s">
        <v>55</v>
      </c>
      <c r="AA326" s="10" t="s">
        <v>55</v>
      </c>
      <c r="AB326" s="10" t="s">
        <v>55</v>
      </c>
    </row>
    <row r="327" spans="1:28">
      <c r="A327" s="9" t="s">
        <v>83</v>
      </c>
      <c r="B327" s="9" t="s">
        <v>57</v>
      </c>
      <c r="C327" s="9" t="s">
        <v>85</v>
      </c>
      <c r="D327" s="9" t="s">
        <v>77</v>
      </c>
      <c r="E327" s="9" t="s">
        <v>57</v>
      </c>
      <c r="F327" s="9" t="s">
        <v>81</v>
      </c>
      <c r="G327" s="9" t="s">
        <v>86</v>
      </c>
      <c r="H327" s="9" t="s">
        <v>104</v>
      </c>
      <c r="I327" s="9" t="s">
        <v>53</v>
      </c>
      <c r="J327" s="9" t="s">
        <v>47</v>
      </c>
      <c r="K327" s="10" t="s">
        <v>55</v>
      </c>
      <c r="L327" s="10" t="s">
        <v>55</v>
      </c>
      <c r="M327" s="10" t="s">
        <v>55</v>
      </c>
      <c r="N327" s="10" t="s">
        <v>55</v>
      </c>
      <c r="O327" s="10" t="s">
        <v>55</v>
      </c>
      <c r="P327" s="10" t="s">
        <v>55</v>
      </c>
      <c r="Q327" s="10" t="s">
        <v>55</v>
      </c>
      <c r="R327" s="10" t="s">
        <v>55</v>
      </c>
      <c r="S327" s="10" t="s">
        <v>55</v>
      </c>
      <c r="T327" s="10" t="s">
        <v>55</v>
      </c>
      <c r="U327" s="10" t="s">
        <v>55</v>
      </c>
      <c r="V327" s="10" t="s">
        <v>55</v>
      </c>
      <c r="W327" s="10" t="s">
        <v>55</v>
      </c>
      <c r="X327" s="10" t="s">
        <v>55</v>
      </c>
      <c r="Y327" s="10" t="s">
        <v>55</v>
      </c>
      <c r="Z327" s="10" t="s">
        <v>55</v>
      </c>
      <c r="AA327" s="10" t="s">
        <v>55</v>
      </c>
      <c r="AB327" s="10" t="s">
        <v>55</v>
      </c>
    </row>
    <row r="328" spans="1:28">
      <c r="A328" s="9" t="s">
        <v>83</v>
      </c>
      <c r="B328" s="9" t="s">
        <v>57</v>
      </c>
      <c r="C328" s="9" t="s">
        <v>85</v>
      </c>
      <c r="D328" s="9" t="s">
        <v>77</v>
      </c>
      <c r="E328" s="9" t="s">
        <v>57</v>
      </c>
      <c r="F328" s="9" t="s">
        <v>81</v>
      </c>
      <c r="G328" s="9" t="s">
        <v>86</v>
      </c>
      <c r="H328" s="9" t="s">
        <v>104</v>
      </c>
      <c r="I328" s="9" t="s">
        <v>53</v>
      </c>
      <c r="J328" s="9" t="s">
        <v>48</v>
      </c>
      <c r="K328" s="10" t="s">
        <v>55</v>
      </c>
      <c r="L328" s="10" t="s">
        <v>55</v>
      </c>
      <c r="M328" s="10" t="s">
        <v>55</v>
      </c>
      <c r="N328" s="10" t="s">
        <v>55</v>
      </c>
      <c r="O328" s="10" t="s">
        <v>55</v>
      </c>
      <c r="P328" s="10" t="s">
        <v>55</v>
      </c>
      <c r="Q328" s="10" t="s">
        <v>55</v>
      </c>
      <c r="R328" s="10" t="s">
        <v>55</v>
      </c>
      <c r="S328" s="10" t="s">
        <v>55</v>
      </c>
      <c r="T328" s="10" t="s">
        <v>55</v>
      </c>
      <c r="U328" s="10" t="s">
        <v>55</v>
      </c>
      <c r="V328" s="10" t="s">
        <v>55</v>
      </c>
      <c r="W328" s="10" t="s">
        <v>55</v>
      </c>
      <c r="X328" s="10" t="s">
        <v>55</v>
      </c>
      <c r="Y328" s="10" t="s">
        <v>55</v>
      </c>
      <c r="Z328" s="10" t="s">
        <v>55</v>
      </c>
      <c r="AA328" s="10" t="s">
        <v>55</v>
      </c>
      <c r="AB328" s="10" t="s">
        <v>55</v>
      </c>
    </row>
    <row r="329" spans="1:28">
      <c r="A329" s="9" t="s">
        <v>83</v>
      </c>
      <c r="B329" s="9" t="s">
        <v>57</v>
      </c>
      <c r="C329" s="9" t="s">
        <v>85</v>
      </c>
      <c r="D329" s="9" t="s">
        <v>77</v>
      </c>
      <c r="E329" s="9" t="s">
        <v>57</v>
      </c>
      <c r="F329" s="9" t="s">
        <v>81</v>
      </c>
      <c r="G329" s="9" t="s">
        <v>86</v>
      </c>
      <c r="H329" s="9" t="s">
        <v>104</v>
      </c>
      <c r="I329" s="9" t="s">
        <v>53</v>
      </c>
      <c r="J329" s="9" t="s">
        <v>49</v>
      </c>
      <c r="K329" s="10" t="s">
        <v>55</v>
      </c>
      <c r="L329" s="10" t="s">
        <v>55</v>
      </c>
      <c r="M329" s="10" t="s">
        <v>55</v>
      </c>
      <c r="N329" s="10" t="s">
        <v>55</v>
      </c>
      <c r="O329" s="10" t="s">
        <v>55</v>
      </c>
      <c r="P329" s="10" t="s">
        <v>55</v>
      </c>
      <c r="Q329" s="10" t="s">
        <v>55</v>
      </c>
      <c r="R329" s="10" t="s">
        <v>55</v>
      </c>
      <c r="S329" s="10" t="s">
        <v>55</v>
      </c>
      <c r="T329" s="10" t="s">
        <v>55</v>
      </c>
      <c r="U329" s="10" t="s">
        <v>55</v>
      </c>
      <c r="V329" s="10" t="s">
        <v>55</v>
      </c>
      <c r="W329" s="10" t="s">
        <v>55</v>
      </c>
      <c r="X329" s="10" t="s">
        <v>55</v>
      </c>
      <c r="Y329" s="10" t="s">
        <v>55</v>
      </c>
      <c r="Z329" s="10" t="s">
        <v>55</v>
      </c>
      <c r="AA329" s="10" t="s">
        <v>55</v>
      </c>
      <c r="AB329" s="10" t="s">
        <v>55</v>
      </c>
    </row>
    <row r="330" spans="1:28">
      <c r="A330" s="9" t="s">
        <v>83</v>
      </c>
      <c r="B330" s="9" t="s">
        <v>57</v>
      </c>
      <c r="C330" s="9" t="s">
        <v>85</v>
      </c>
      <c r="D330" s="9" t="s">
        <v>77</v>
      </c>
      <c r="E330" s="9" t="s">
        <v>57</v>
      </c>
      <c r="F330" s="9" t="s">
        <v>81</v>
      </c>
      <c r="G330" s="9" t="s">
        <v>86</v>
      </c>
      <c r="H330" s="9" t="s">
        <v>104</v>
      </c>
      <c r="I330" s="9" t="s">
        <v>53</v>
      </c>
      <c r="J330" s="9" t="s">
        <v>50</v>
      </c>
      <c r="K330" s="10" t="s">
        <v>55</v>
      </c>
      <c r="L330" s="10" t="s">
        <v>55</v>
      </c>
      <c r="M330" s="10" t="s">
        <v>55</v>
      </c>
      <c r="N330" s="10" t="s">
        <v>55</v>
      </c>
      <c r="O330" s="10" t="s">
        <v>55</v>
      </c>
      <c r="P330" s="10" t="s">
        <v>55</v>
      </c>
      <c r="Q330" s="10" t="s">
        <v>55</v>
      </c>
      <c r="R330" s="10" t="s">
        <v>55</v>
      </c>
      <c r="S330" s="10" t="s">
        <v>55</v>
      </c>
      <c r="T330" s="10" t="s">
        <v>55</v>
      </c>
      <c r="U330" s="10" t="s">
        <v>55</v>
      </c>
      <c r="V330" s="10" t="s">
        <v>55</v>
      </c>
      <c r="W330" s="10" t="s">
        <v>55</v>
      </c>
      <c r="X330" s="10" t="s">
        <v>55</v>
      </c>
      <c r="Y330" s="10" t="s">
        <v>55</v>
      </c>
      <c r="Z330" s="10" t="s">
        <v>55</v>
      </c>
      <c r="AA330" s="10" t="s">
        <v>55</v>
      </c>
      <c r="AB330" s="10" t="s">
        <v>55</v>
      </c>
    </row>
    <row r="331" spans="1:28">
      <c r="A331" s="9" t="s">
        <v>83</v>
      </c>
      <c r="B331" s="9" t="s">
        <v>57</v>
      </c>
      <c r="C331" s="9" t="s">
        <v>85</v>
      </c>
      <c r="D331" s="9" t="s">
        <v>77</v>
      </c>
      <c r="E331" s="9" t="s">
        <v>57</v>
      </c>
      <c r="F331" s="9" t="s">
        <v>81</v>
      </c>
      <c r="G331" s="9" t="s">
        <v>86</v>
      </c>
      <c r="H331" s="9" t="s">
        <v>104</v>
      </c>
      <c r="I331" s="9" t="s">
        <v>53</v>
      </c>
      <c r="J331" s="9" t="s">
        <v>51</v>
      </c>
      <c r="K331" s="10" t="s">
        <v>55</v>
      </c>
      <c r="L331" s="10" t="s">
        <v>55</v>
      </c>
      <c r="M331" s="10" t="s">
        <v>55</v>
      </c>
      <c r="N331" s="10" t="s">
        <v>55</v>
      </c>
      <c r="O331" s="10" t="s">
        <v>55</v>
      </c>
      <c r="P331" s="10" t="s">
        <v>55</v>
      </c>
      <c r="Q331" s="10" t="s">
        <v>55</v>
      </c>
      <c r="R331" s="10" t="s">
        <v>55</v>
      </c>
      <c r="S331" s="10" t="s">
        <v>55</v>
      </c>
      <c r="T331" s="10" t="s">
        <v>55</v>
      </c>
      <c r="U331" s="10" t="s">
        <v>55</v>
      </c>
      <c r="V331" s="10" t="s">
        <v>55</v>
      </c>
      <c r="W331" s="10" t="s">
        <v>55</v>
      </c>
      <c r="X331" s="10" t="s">
        <v>55</v>
      </c>
      <c r="Y331" s="10" t="s">
        <v>55</v>
      </c>
      <c r="Z331" s="10" t="s">
        <v>55</v>
      </c>
      <c r="AA331" s="10" t="s">
        <v>55</v>
      </c>
      <c r="AB331" s="10" t="s">
        <v>55</v>
      </c>
    </row>
    <row r="332" spans="1:28">
      <c r="A332" s="9" t="s">
        <v>83</v>
      </c>
      <c r="B332" s="9" t="s">
        <v>57</v>
      </c>
      <c r="C332" s="9" t="s">
        <v>85</v>
      </c>
      <c r="D332" s="9" t="s">
        <v>77</v>
      </c>
      <c r="E332" s="9" t="s">
        <v>57</v>
      </c>
      <c r="F332" s="9" t="s">
        <v>81</v>
      </c>
      <c r="G332" s="9" t="s">
        <v>86</v>
      </c>
      <c r="H332" s="9" t="s">
        <v>104</v>
      </c>
      <c r="I332" s="9" t="s">
        <v>53</v>
      </c>
      <c r="J332" s="9" t="s">
        <v>52</v>
      </c>
      <c r="K332" s="10" t="s">
        <v>55</v>
      </c>
      <c r="L332" s="10" t="s">
        <v>55</v>
      </c>
      <c r="M332" s="10" t="s">
        <v>55</v>
      </c>
      <c r="N332" s="10" t="s">
        <v>55</v>
      </c>
      <c r="O332" s="10" t="s">
        <v>55</v>
      </c>
      <c r="P332" s="10" t="s">
        <v>55</v>
      </c>
      <c r="Q332" s="10" t="s">
        <v>55</v>
      </c>
      <c r="R332" s="10" t="s">
        <v>55</v>
      </c>
      <c r="S332" s="10" t="s">
        <v>55</v>
      </c>
      <c r="T332" s="10" t="s">
        <v>55</v>
      </c>
      <c r="U332" s="10" t="s">
        <v>55</v>
      </c>
      <c r="V332" s="10" t="s">
        <v>55</v>
      </c>
      <c r="W332" s="10" t="s">
        <v>55</v>
      </c>
      <c r="X332" s="10" t="s">
        <v>55</v>
      </c>
      <c r="Y332" s="10" t="s">
        <v>55</v>
      </c>
      <c r="Z332" s="10" t="s">
        <v>55</v>
      </c>
      <c r="AA332" s="10" t="s">
        <v>55</v>
      </c>
      <c r="AB332" s="10" t="s">
        <v>55</v>
      </c>
    </row>
    <row r="333" spans="1:28">
      <c r="A333" s="9" t="s">
        <v>83</v>
      </c>
      <c r="B333" s="9" t="s">
        <v>57</v>
      </c>
      <c r="C333" s="9" t="s">
        <v>85</v>
      </c>
      <c r="D333" s="9" t="s">
        <v>77</v>
      </c>
      <c r="E333" s="9" t="s">
        <v>57</v>
      </c>
      <c r="F333" s="9" t="s">
        <v>81</v>
      </c>
      <c r="G333" s="9" t="s">
        <v>86</v>
      </c>
      <c r="H333" s="9" t="s">
        <v>104</v>
      </c>
      <c r="I333" s="9" t="s">
        <v>54</v>
      </c>
      <c r="J333" s="9" t="s">
        <v>30</v>
      </c>
      <c r="K333" s="10" t="s">
        <v>55</v>
      </c>
      <c r="L333" s="10" t="s">
        <v>55</v>
      </c>
      <c r="M333" s="10" t="s">
        <v>55</v>
      </c>
      <c r="N333" s="10" t="s">
        <v>55</v>
      </c>
      <c r="O333" s="10" t="s">
        <v>55</v>
      </c>
      <c r="P333" s="10" t="s">
        <v>55</v>
      </c>
      <c r="Q333" s="10" t="s">
        <v>55</v>
      </c>
      <c r="R333" s="10" t="s">
        <v>55</v>
      </c>
      <c r="S333" s="10" t="s">
        <v>55</v>
      </c>
      <c r="T333" s="10" t="s">
        <v>55</v>
      </c>
      <c r="U333" s="10" t="s">
        <v>55</v>
      </c>
      <c r="V333" s="10" t="s">
        <v>55</v>
      </c>
      <c r="W333" s="10" t="s">
        <v>55</v>
      </c>
      <c r="X333" s="10" t="s">
        <v>55</v>
      </c>
      <c r="Y333" s="10" t="s">
        <v>55</v>
      </c>
      <c r="Z333" s="10" t="s">
        <v>55</v>
      </c>
      <c r="AA333" s="10" t="s">
        <v>55</v>
      </c>
      <c r="AB333" s="10" t="s">
        <v>55</v>
      </c>
    </row>
    <row r="334" spans="1:28">
      <c r="A334" s="9" t="s">
        <v>83</v>
      </c>
      <c r="B334" s="9" t="s">
        <v>57</v>
      </c>
      <c r="C334" s="9" t="s">
        <v>85</v>
      </c>
      <c r="D334" s="9" t="s">
        <v>77</v>
      </c>
      <c r="E334" s="9" t="s">
        <v>57</v>
      </c>
      <c r="F334" s="9" t="s">
        <v>81</v>
      </c>
      <c r="G334" s="9" t="s">
        <v>86</v>
      </c>
      <c r="H334" s="9" t="s">
        <v>104</v>
      </c>
      <c r="I334" s="9" t="s">
        <v>54</v>
      </c>
      <c r="J334" s="9" t="s">
        <v>31</v>
      </c>
      <c r="K334" s="10" t="s">
        <v>55</v>
      </c>
      <c r="L334" s="10" t="s">
        <v>55</v>
      </c>
      <c r="M334" s="10" t="s">
        <v>55</v>
      </c>
      <c r="N334" s="10" t="s">
        <v>55</v>
      </c>
      <c r="O334" s="10" t="s">
        <v>55</v>
      </c>
      <c r="P334" s="10" t="s">
        <v>55</v>
      </c>
      <c r="Q334" s="10" t="s">
        <v>55</v>
      </c>
      <c r="R334" s="10" t="s">
        <v>55</v>
      </c>
      <c r="S334" s="10" t="s">
        <v>55</v>
      </c>
      <c r="T334" s="10" t="s">
        <v>55</v>
      </c>
      <c r="U334" s="10" t="s">
        <v>55</v>
      </c>
      <c r="V334" s="10" t="s">
        <v>55</v>
      </c>
      <c r="W334" s="10" t="s">
        <v>55</v>
      </c>
      <c r="X334" s="10" t="s">
        <v>55</v>
      </c>
      <c r="Y334" s="10" t="s">
        <v>55</v>
      </c>
      <c r="Z334" s="10" t="s">
        <v>55</v>
      </c>
      <c r="AA334" s="10" t="s">
        <v>55</v>
      </c>
      <c r="AB334" s="10" t="s">
        <v>55</v>
      </c>
    </row>
    <row r="335" spans="1:28">
      <c r="A335" s="9" t="s">
        <v>83</v>
      </c>
      <c r="B335" s="9" t="s">
        <v>57</v>
      </c>
      <c r="C335" s="9" t="s">
        <v>85</v>
      </c>
      <c r="D335" s="9" t="s">
        <v>77</v>
      </c>
      <c r="E335" s="9" t="s">
        <v>57</v>
      </c>
      <c r="F335" s="9" t="s">
        <v>81</v>
      </c>
      <c r="G335" s="9" t="s">
        <v>86</v>
      </c>
      <c r="H335" s="9" t="s">
        <v>104</v>
      </c>
      <c r="I335" s="9" t="s">
        <v>54</v>
      </c>
      <c r="J335" s="9" t="s">
        <v>32</v>
      </c>
      <c r="K335" s="10" t="s">
        <v>55</v>
      </c>
      <c r="L335" s="10" t="s">
        <v>55</v>
      </c>
      <c r="M335" s="10" t="s">
        <v>55</v>
      </c>
      <c r="N335" s="10" t="s">
        <v>55</v>
      </c>
      <c r="O335" s="10" t="s">
        <v>55</v>
      </c>
      <c r="P335" s="10" t="s">
        <v>55</v>
      </c>
      <c r="Q335" s="10" t="s">
        <v>55</v>
      </c>
      <c r="R335" s="10" t="s">
        <v>55</v>
      </c>
      <c r="S335" s="10" t="s">
        <v>55</v>
      </c>
      <c r="T335" s="10" t="s">
        <v>55</v>
      </c>
      <c r="U335" s="10" t="s">
        <v>55</v>
      </c>
      <c r="V335" s="10" t="s">
        <v>55</v>
      </c>
      <c r="W335" s="10" t="s">
        <v>55</v>
      </c>
      <c r="X335" s="10" t="s">
        <v>55</v>
      </c>
      <c r="Y335" s="10" t="s">
        <v>55</v>
      </c>
      <c r="Z335" s="10" t="s">
        <v>55</v>
      </c>
      <c r="AA335" s="10" t="s">
        <v>55</v>
      </c>
      <c r="AB335" s="10" t="s">
        <v>55</v>
      </c>
    </row>
    <row r="336" spans="1:28">
      <c r="A336" s="9" t="s">
        <v>83</v>
      </c>
      <c r="B336" s="9" t="s">
        <v>57</v>
      </c>
      <c r="C336" s="9" t="s">
        <v>85</v>
      </c>
      <c r="D336" s="9" t="s">
        <v>77</v>
      </c>
      <c r="E336" s="9" t="s">
        <v>57</v>
      </c>
      <c r="F336" s="9" t="s">
        <v>81</v>
      </c>
      <c r="G336" s="9" t="s">
        <v>86</v>
      </c>
      <c r="H336" s="9" t="s">
        <v>104</v>
      </c>
      <c r="I336" s="9" t="s">
        <v>54</v>
      </c>
      <c r="J336" s="9" t="s">
        <v>33</v>
      </c>
      <c r="K336" s="10" t="s">
        <v>55</v>
      </c>
      <c r="L336" s="10" t="s">
        <v>55</v>
      </c>
      <c r="M336" s="10" t="s">
        <v>55</v>
      </c>
      <c r="N336" s="10" t="s">
        <v>55</v>
      </c>
      <c r="O336" s="10" t="s">
        <v>55</v>
      </c>
      <c r="P336" s="10" t="s">
        <v>55</v>
      </c>
      <c r="Q336" s="10" t="s">
        <v>55</v>
      </c>
      <c r="R336" s="10" t="s">
        <v>55</v>
      </c>
      <c r="S336" s="10" t="s">
        <v>55</v>
      </c>
      <c r="T336" s="10" t="s">
        <v>55</v>
      </c>
      <c r="U336" s="10" t="s">
        <v>55</v>
      </c>
      <c r="V336" s="10" t="s">
        <v>55</v>
      </c>
      <c r="W336" s="10" t="s">
        <v>55</v>
      </c>
      <c r="X336" s="10" t="s">
        <v>55</v>
      </c>
      <c r="Y336" s="10" t="s">
        <v>55</v>
      </c>
      <c r="Z336" s="10" t="s">
        <v>55</v>
      </c>
      <c r="AA336" s="10" t="s">
        <v>55</v>
      </c>
      <c r="AB336" s="10" t="s">
        <v>55</v>
      </c>
    </row>
    <row r="337" spans="1:28">
      <c r="A337" s="9" t="s">
        <v>83</v>
      </c>
      <c r="B337" s="9" t="s">
        <v>57</v>
      </c>
      <c r="C337" s="9" t="s">
        <v>85</v>
      </c>
      <c r="D337" s="9" t="s">
        <v>77</v>
      </c>
      <c r="E337" s="9" t="s">
        <v>57</v>
      </c>
      <c r="F337" s="9" t="s">
        <v>81</v>
      </c>
      <c r="G337" s="9" t="s">
        <v>86</v>
      </c>
      <c r="H337" s="9" t="s">
        <v>104</v>
      </c>
      <c r="I337" s="9" t="s">
        <v>54</v>
      </c>
      <c r="J337" s="9" t="s">
        <v>34</v>
      </c>
      <c r="K337" s="10" t="s">
        <v>55</v>
      </c>
      <c r="L337" s="10" t="s">
        <v>55</v>
      </c>
      <c r="M337" s="10" t="s">
        <v>55</v>
      </c>
      <c r="N337" s="10" t="s">
        <v>55</v>
      </c>
      <c r="O337" s="10" t="s">
        <v>55</v>
      </c>
      <c r="P337" s="10" t="s">
        <v>55</v>
      </c>
      <c r="Q337" s="10" t="s">
        <v>55</v>
      </c>
      <c r="R337" s="10" t="s">
        <v>55</v>
      </c>
      <c r="S337" s="10" t="s">
        <v>55</v>
      </c>
      <c r="T337" s="10" t="s">
        <v>55</v>
      </c>
      <c r="U337" s="10" t="s">
        <v>55</v>
      </c>
      <c r="V337" s="10" t="s">
        <v>55</v>
      </c>
      <c r="W337" s="10" t="s">
        <v>55</v>
      </c>
      <c r="X337" s="10" t="s">
        <v>55</v>
      </c>
      <c r="Y337" s="10" t="s">
        <v>55</v>
      </c>
      <c r="Z337" s="10" t="s">
        <v>55</v>
      </c>
      <c r="AA337" s="10" t="s">
        <v>55</v>
      </c>
      <c r="AB337" s="10" t="s">
        <v>55</v>
      </c>
    </row>
    <row r="338" spans="1:28">
      <c r="A338" s="9" t="s">
        <v>83</v>
      </c>
      <c r="B338" s="9" t="s">
        <v>57</v>
      </c>
      <c r="C338" s="9" t="s">
        <v>85</v>
      </c>
      <c r="D338" s="9" t="s">
        <v>77</v>
      </c>
      <c r="E338" s="9" t="s">
        <v>57</v>
      </c>
      <c r="F338" s="9" t="s">
        <v>81</v>
      </c>
      <c r="G338" s="9" t="s">
        <v>86</v>
      </c>
      <c r="H338" s="9" t="s">
        <v>104</v>
      </c>
      <c r="I338" s="9" t="s">
        <v>54</v>
      </c>
      <c r="J338" s="9" t="s">
        <v>35</v>
      </c>
      <c r="K338" s="10" t="s">
        <v>55</v>
      </c>
      <c r="L338" s="10" t="s">
        <v>55</v>
      </c>
      <c r="M338" s="10" t="s">
        <v>55</v>
      </c>
      <c r="N338" s="10" t="s">
        <v>55</v>
      </c>
      <c r="O338" s="10" t="s">
        <v>55</v>
      </c>
      <c r="P338" s="10" t="s">
        <v>55</v>
      </c>
      <c r="Q338" s="10" t="s">
        <v>55</v>
      </c>
      <c r="R338" s="10" t="s">
        <v>55</v>
      </c>
      <c r="S338" s="10" t="s">
        <v>55</v>
      </c>
      <c r="T338" s="10" t="s">
        <v>55</v>
      </c>
      <c r="U338" s="10" t="s">
        <v>55</v>
      </c>
      <c r="V338" s="10" t="s">
        <v>55</v>
      </c>
      <c r="W338" s="10" t="s">
        <v>55</v>
      </c>
      <c r="X338" s="10" t="s">
        <v>55</v>
      </c>
      <c r="Y338" s="10" t="s">
        <v>55</v>
      </c>
      <c r="Z338" s="10" t="s">
        <v>55</v>
      </c>
      <c r="AA338" s="10" t="s">
        <v>55</v>
      </c>
      <c r="AB338" s="10" t="s">
        <v>55</v>
      </c>
    </row>
    <row r="339" spans="1:28">
      <c r="A339" s="9" t="s">
        <v>83</v>
      </c>
      <c r="B339" s="9" t="s">
        <v>57</v>
      </c>
      <c r="C339" s="9" t="s">
        <v>85</v>
      </c>
      <c r="D339" s="9" t="s">
        <v>77</v>
      </c>
      <c r="E339" s="9" t="s">
        <v>57</v>
      </c>
      <c r="F339" s="9" t="s">
        <v>81</v>
      </c>
      <c r="G339" s="9" t="s">
        <v>86</v>
      </c>
      <c r="H339" s="9" t="s">
        <v>104</v>
      </c>
      <c r="I339" s="9" t="s">
        <v>54</v>
      </c>
      <c r="J339" s="9" t="s">
        <v>36</v>
      </c>
      <c r="K339" s="10" t="s">
        <v>55</v>
      </c>
      <c r="L339" s="10" t="s">
        <v>55</v>
      </c>
      <c r="M339" s="10" t="s">
        <v>55</v>
      </c>
      <c r="N339" s="10" t="s">
        <v>55</v>
      </c>
      <c r="O339" s="10" t="s">
        <v>55</v>
      </c>
      <c r="P339" s="10" t="s">
        <v>55</v>
      </c>
      <c r="Q339" s="10" t="s">
        <v>55</v>
      </c>
      <c r="R339" s="10" t="s">
        <v>55</v>
      </c>
      <c r="S339" s="10" t="s">
        <v>55</v>
      </c>
      <c r="T339" s="10" t="s">
        <v>55</v>
      </c>
      <c r="U339" s="10" t="s">
        <v>55</v>
      </c>
      <c r="V339" s="10" t="s">
        <v>55</v>
      </c>
      <c r="W339" s="10" t="s">
        <v>55</v>
      </c>
      <c r="X339" s="10" t="s">
        <v>55</v>
      </c>
      <c r="Y339" s="10" t="s">
        <v>55</v>
      </c>
      <c r="Z339" s="10" t="s">
        <v>55</v>
      </c>
      <c r="AA339" s="10" t="s">
        <v>55</v>
      </c>
      <c r="AB339" s="10" t="s">
        <v>55</v>
      </c>
    </row>
    <row r="340" spans="1:28">
      <c r="A340" s="9" t="s">
        <v>83</v>
      </c>
      <c r="B340" s="9" t="s">
        <v>57</v>
      </c>
      <c r="C340" s="9" t="s">
        <v>85</v>
      </c>
      <c r="D340" s="9" t="s">
        <v>77</v>
      </c>
      <c r="E340" s="9" t="s">
        <v>57</v>
      </c>
      <c r="F340" s="9" t="s">
        <v>81</v>
      </c>
      <c r="G340" s="9" t="s">
        <v>86</v>
      </c>
      <c r="H340" s="9" t="s">
        <v>104</v>
      </c>
      <c r="I340" s="9" t="s">
        <v>54</v>
      </c>
      <c r="J340" s="9" t="s">
        <v>37</v>
      </c>
      <c r="K340" s="10" t="s">
        <v>55</v>
      </c>
      <c r="L340" s="10" t="s">
        <v>55</v>
      </c>
      <c r="M340" s="10" t="s">
        <v>55</v>
      </c>
      <c r="N340" s="10" t="s">
        <v>55</v>
      </c>
      <c r="O340" s="10" t="s">
        <v>55</v>
      </c>
      <c r="P340" s="10" t="s">
        <v>55</v>
      </c>
      <c r="Q340" s="10" t="s">
        <v>55</v>
      </c>
      <c r="R340" s="10" t="s">
        <v>55</v>
      </c>
      <c r="S340" s="10" t="s">
        <v>55</v>
      </c>
      <c r="T340" s="10" t="s">
        <v>55</v>
      </c>
      <c r="U340" s="10" t="s">
        <v>55</v>
      </c>
      <c r="V340" s="10" t="s">
        <v>55</v>
      </c>
      <c r="W340" s="10" t="s">
        <v>55</v>
      </c>
      <c r="X340" s="10" t="s">
        <v>55</v>
      </c>
      <c r="Y340" s="10" t="s">
        <v>55</v>
      </c>
      <c r="Z340" s="10" t="s">
        <v>55</v>
      </c>
      <c r="AA340" s="10" t="s">
        <v>55</v>
      </c>
      <c r="AB340" s="10" t="s">
        <v>55</v>
      </c>
    </row>
    <row r="341" spans="1:28">
      <c r="A341" s="9" t="s">
        <v>83</v>
      </c>
      <c r="B341" s="9" t="s">
        <v>57</v>
      </c>
      <c r="C341" s="9" t="s">
        <v>85</v>
      </c>
      <c r="D341" s="9" t="s">
        <v>77</v>
      </c>
      <c r="E341" s="9" t="s">
        <v>57</v>
      </c>
      <c r="F341" s="9" t="s">
        <v>81</v>
      </c>
      <c r="G341" s="9" t="s">
        <v>86</v>
      </c>
      <c r="H341" s="9" t="s">
        <v>104</v>
      </c>
      <c r="I341" s="9" t="s">
        <v>54</v>
      </c>
      <c r="J341" s="9" t="s">
        <v>38</v>
      </c>
      <c r="K341" s="10" t="s">
        <v>55</v>
      </c>
      <c r="L341" s="10" t="s">
        <v>55</v>
      </c>
      <c r="M341" s="10" t="s">
        <v>55</v>
      </c>
      <c r="N341" s="10" t="s">
        <v>55</v>
      </c>
      <c r="O341" s="10" t="s">
        <v>55</v>
      </c>
      <c r="P341" s="10" t="s">
        <v>55</v>
      </c>
      <c r="Q341" s="10" t="s">
        <v>55</v>
      </c>
      <c r="R341" s="10" t="s">
        <v>55</v>
      </c>
      <c r="S341" s="10" t="s">
        <v>55</v>
      </c>
      <c r="T341" s="10" t="s">
        <v>55</v>
      </c>
      <c r="U341" s="10" t="s">
        <v>55</v>
      </c>
      <c r="V341" s="10" t="s">
        <v>55</v>
      </c>
      <c r="W341" s="10" t="s">
        <v>55</v>
      </c>
      <c r="X341" s="10" t="s">
        <v>55</v>
      </c>
      <c r="Y341" s="10" t="s">
        <v>55</v>
      </c>
      <c r="Z341" s="10" t="s">
        <v>55</v>
      </c>
      <c r="AA341" s="10" t="s">
        <v>55</v>
      </c>
      <c r="AB341" s="10" t="s">
        <v>55</v>
      </c>
    </row>
    <row r="342" spans="1:28">
      <c r="A342" s="9" t="s">
        <v>83</v>
      </c>
      <c r="B342" s="9" t="s">
        <v>57</v>
      </c>
      <c r="C342" s="9" t="s">
        <v>85</v>
      </c>
      <c r="D342" s="9" t="s">
        <v>77</v>
      </c>
      <c r="E342" s="9" t="s">
        <v>57</v>
      </c>
      <c r="F342" s="9" t="s">
        <v>81</v>
      </c>
      <c r="G342" s="9" t="s">
        <v>86</v>
      </c>
      <c r="H342" s="9" t="s">
        <v>104</v>
      </c>
      <c r="I342" s="9" t="s">
        <v>54</v>
      </c>
      <c r="J342" s="9" t="s">
        <v>39</v>
      </c>
      <c r="K342" s="10" t="s">
        <v>55</v>
      </c>
      <c r="L342" s="10" t="s">
        <v>55</v>
      </c>
      <c r="M342" s="10" t="s">
        <v>55</v>
      </c>
      <c r="N342" s="10" t="s">
        <v>55</v>
      </c>
      <c r="O342" s="10" t="s">
        <v>55</v>
      </c>
      <c r="P342" s="10" t="s">
        <v>55</v>
      </c>
      <c r="Q342" s="10" t="s">
        <v>55</v>
      </c>
      <c r="R342" s="10" t="s">
        <v>55</v>
      </c>
      <c r="S342" s="10" t="s">
        <v>55</v>
      </c>
      <c r="T342" s="10" t="s">
        <v>55</v>
      </c>
      <c r="U342" s="10" t="s">
        <v>55</v>
      </c>
      <c r="V342" s="10" t="s">
        <v>55</v>
      </c>
      <c r="W342" s="10" t="s">
        <v>55</v>
      </c>
      <c r="X342" s="10" t="s">
        <v>55</v>
      </c>
      <c r="Y342" s="10" t="s">
        <v>55</v>
      </c>
      <c r="Z342" s="10" t="s">
        <v>55</v>
      </c>
      <c r="AA342" s="10" t="s">
        <v>55</v>
      </c>
      <c r="AB342" s="10" t="s">
        <v>55</v>
      </c>
    </row>
    <row r="343" spans="1:28">
      <c r="A343" s="9" t="s">
        <v>83</v>
      </c>
      <c r="B343" s="9" t="s">
        <v>57</v>
      </c>
      <c r="C343" s="9" t="s">
        <v>85</v>
      </c>
      <c r="D343" s="9" t="s">
        <v>77</v>
      </c>
      <c r="E343" s="9" t="s">
        <v>57</v>
      </c>
      <c r="F343" s="9" t="s">
        <v>81</v>
      </c>
      <c r="G343" s="9" t="s">
        <v>86</v>
      </c>
      <c r="H343" s="9" t="s">
        <v>104</v>
      </c>
      <c r="I343" s="9" t="s">
        <v>54</v>
      </c>
      <c r="J343" s="9" t="s">
        <v>40</v>
      </c>
      <c r="K343" s="10" t="s">
        <v>55</v>
      </c>
      <c r="L343" s="10" t="s">
        <v>55</v>
      </c>
      <c r="M343" s="10" t="s">
        <v>55</v>
      </c>
      <c r="N343" s="10" t="s">
        <v>55</v>
      </c>
      <c r="O343" s="10" t="s">
        <v>55</v>
      </c>
      <c r="P343" s="10" t="s">
        <v>55</v>
      </c>
      <c r="Q343" s="10" t="s">
        <v>55</v>
      </c>
      <c r="R343" s="10" t="s">
        <v>55</v>
      </c>
      <c r="S343" s="10" t="s">
        <v>55</v>
      </c>
      <c r="T343" s="10" t="s">
        <v>55</v>
      </c>
      <c r="U343" s="10" t="s">
        <v>55</v>
      </c>
      <c r="V343" s="10" t="s">
        <v>55</v>
      </c>
      <c r="W343" s="10" t="s">
        <v>55</v>
      </c>
      <c r="X343" s="10" t="s">
        <v>55</v>
      </c>
      <c r="Y343" s="10" t="s">
        <v>55</v>
      </c>
      <c r="Z343" s="10" t="s">
        <v>55</v>
      </c>
      <c r="AA343" s="10" t="s">
        <v>55</v>
      </c>
      <c r="AB343" s="10" t="s">
        <v>55</v>
      </c>
    </row>
    <row r="344" spans="1:28">
      <c r="A344" s="9" t="s">
        <v>83</v>
      </c>
      <c r="B344" s="9" t="s">
        <v>57</v>
      </c>
      <c r="C344" s="9" t="s">
        <v>85</v>
      </c>
      <c r="D344" s="9" t="s">
        <v>77</v>
      </c>
      <c r="E344" s="9" t="s">
        <v>57</v>
      </c>
      <c r="F344" s="9" t="s">
        <v>81</v>
      </c>
      <c r="G344" s="9" t="s">
        <v>86</v>
      </c>
      <c r="H344" s="9" t="s">
        <v>104</v>
      </c>
      <c r="I344" s="9" t="s">
        <v>54</v>
      </c>
      <c r="J344" s="9" t="s">
        <v>41</v>
      </c>
      <c r="K344" s="10" t="s">
        <v>55</v>
      </c>
      <c r="L344" s="10" t="s">
        <v>55</v>
      </c>
      <c r="M344" s="10" t="s">
        <v>55</v>
      </c>
      <c r="N344" s="10" t="s">
        <v>55</v>
      </c>
      <c r="O344" s="10" t="s">
        <v>55</v>
      </c>
      <c r="P344" s="10" t="s">
        <v>55</v>
      </c>
      <c r="Q344" s="10" t="s">
        <v>55</v>
      </c>
      <c r="R344" s="10" t="s">
        <v>55</v>
      </c>
      <c r="S344" s="10" t="s">
        <v>55</v>
      </c>
      <c r="T344" s="10" t="s">
        <v>55</v>
      </c>
      <c r="U344" s="10" t="s">
        <v>55</v>
      </c>
      <c r="V344" s="10" t="s">
        <v>55</v>
      </c>
      <c r="W344" s="10" t="s">
        <v>55</v>
      </c>
      <c r="X344" s="10" t="s">
        <v>55</v>
      </c>
      <c r="Y344" s="10" t="s">
        <v>55</v>
      </c>
      <c r="Z344" s="10" t="s">
        <v>55</v>
      </c>
      <c r="AA344" s="10" t="s">
        <v>55</v>
      </c>
      <c r="AB344" s="10" t="s">
        <v>55</v>
      </c>
    </row>
    <row r="345" spans="1:28">
      <c r="A345" s="9" t="s">
        <v>83</v>
      </c>
      <c r="B345" s="9" t="s">
        <v>57</v>
      </c>
      <c r="C345" s="9" t="s">
        <v>85</v>
      </c>
      <c r="D345" s="9" t="s">
        <v>77</v>
      </c>
      <c r="E345" s="9" t="s">
        <v>57</v>
      </c>
      <c r="F345" s="9" t="s">
        <v>81</v>
      </c>
      <c r="G345" s="9" t="s">
        <v>86</v>
      </c>
      <c r="H345" s="9" t="s">
        <v>104</v>
      </c>
      <c r="I345" s="9" t="s">
        <v>54</v>
      </c>
      <c r="J345" s="9" t="s">
        <v>42</v>
      </c>
      <c r="K345" s="10" t="s">
        <v>55</v>
      </c>
      <c r="L345" s="10" t="s">
        <v>55</v>
      </c>
      <c r="M345" s="10" t="s">
        <v>55</v>
      </c>
      <c r="N345" s="10" t="s">
        <v>55</v>
      </c>
      <c r="O345" s="10" t="s">
        <v>55</v>
      </c>
      <c r="P345" s="10" t="s">
        <v>55</v>
      </c>
      <c r="Q345" s="10" t="s">
        <v>55</v>
      </c>
      <c r="R345" s="10" t="s">
        <v>55</v>
      </c>
      <c r="S345" s="10" t="s">
        <v>55</v>
      </c>
      <c r="T345" s="10" t="s">
        <v>55</v>
      </c>
      <c r="U345" s="10" t="s">
        <v>55</v>
      </c>
      <c r="V345" s="10" t="s">
        <v>55</v>
      </c>
      <c r="W345" s="10" t="s">
        <v>55</v>
      </c>
      <c r="X345" s="10" t="s">
        <v>55</v>
      </c>
      <c r="Y345" s="10" t="s">
        <v>55</v>
      </c>
      <c r="Z345" s="10" t="s">
        <v>55</v>
      </c>
      <c r="AA345" s="10" t="s">
        <v>55</v>
      </c>
      <c r="AB345" s="10" t="s">
        <v>55</v>
      </c>
    </row>
    <row r="346" spans="1:28">
      <c r="A346" s="9" t="s">
        <v>83</v>
      </c>
      <c r="B346" s="9" t="s">
        <v>57</v>
      </c>
      <c r="C346" s="9" t="s">
        <v>85</v>
      </c>
      <c r="D346" s="9" t="s">
        <v>77</v>
      </c>
      <c r="E346" s="9" t="s">
        <v>57</v>
      </c>
      <c r="F346" s="9" t="s">
        <v>81</v>
      </c>
      <c r="G346" s="9" t="s">
        <v>86</v>
      </c>
      <c r="H346" s="9" t="s">
        <v>104</v>
      </c>
      <c r="I346" s="9" t="s">
        <v>54</v>
      </c>
      <c r="J346" s="9" t="s">
        <v>43</v>
      </c>
      <c r="K346" s="10" t="s">
        <v>55</v>
      </c>
      <c r="L346" s="10" t="s">
        <v>55</v>
      </c>
      <c r="M346" s="10" t="s">
        <v>55</v>
      </c>
      <c r="N346" s="10" t="s">
        <v>55</v>
      </c>
      <c r="O346" s="10" t="s">
        <v>55</v>
      </c>
      <c r="P346" s="10" t="s">
        <v>55</v>
      </c>
      <c r="Q346" s="10" t="s">
        <v>55</v>
      </c>
      <c r="R346" s="10" t="s">
        <v>55</v>
      </c>
      <c r="S346" s="10" t="s">
        <v>55</v>
      </c>
      <c r="T346" s="10" t="s">
        <v>55</v>
      </c>
      <c r="U346" s="10" t="s">
        <v>55</v>
      </c>
      <c r="V346" s="10" t="s">
        <v>55</v>
      </c>
      <c r="W346" s="10" t="s">
        <v>55</v>
      </c>
      <c r="X346" s="10" t="s">
        <v>55</v>
      </c>
      <c r="Y346" s="10" t="s">
        <v>55</v>
      </c>
      <c r="Z346" s="10" t="s">
        <v>55</v>
      </c>
      <c r="AA346" s="10" t="s">
        <v>55</v>
      </c>
      <c r="AB346" s="10" t="s">
        <v>55</v>
      </c>
    </row>
    <row r="347" spans="1:28">
      <c r="A347" s="9" t="s">
        <v>83</v>
      </c>
      <c r="B347" s="9" t="s">
        <v>57</v>
      </c>
      <c r="C347" s="9" t="s">
        <v>85</v>
      </c>
      <c r="D347" s="9" t="s">
        <v>77</v>
      </c>
      <c r="E347" s="9" t="s">
        <v>57</v>
      </c>
      <c r="F347" s="9" t="s">
        <v>81</v>
      </c>
      <c r="G347" s="9" t="s">
        <v>86</v>
      </c>
      <c r="H347" s="9" t="s">
        <v>104</v>
      </c>
      <c r="I347" s="9" t="s">
        <v>54</v>
      </c>
      <c r="J347" s="9" t="s">
        <v>44</v>
      </c>
      <c r="K347" s="10" t="s">
        <v>55</v>
      </c>
      <c r="L347" s="10" t="s">
        <v>55</v>
      </c>
      <c r="M347" s="10" t="s">
        <v>55</v>
      </c>
      <c r="N347" s="10" t="s">
        <v>55</v>
      </c>
      <c r="O347" s="10" t="s">
        <v>55</v>
      </c>
      <c r="P347" s="10" t="s">
        <v>55</v>
      </c>
      <c r="Q347" s="10" t="s">
        <v>55</v>
      </c>
      <c r="R347" s="10" t="s">
        <v>55</v>
      </c>
      <c r="S347" s="10" t="s">
        <v>55</v>
      </c>
      <c r="T347" s="10" t="s">
        <v>55</v>
      </c>
      <c r="U347" s="10" t="s">
        <v>55</v>
      </c>
      <c r="V347" s="10" t="s">
        <v>55</v>
      </c>
      <c r="W347" s="10" t="s">
        <v>55</v>
      </c>
      <c r="X347" s="10" t="s">
        <v>55</v>
      </c>
      <c r="Y347" s="10" t="s">
        <v>55</v>
      </c>
      <c r="Z347" s="10" t="s">
        <v>55</v>
      </c>
      <c r="AA347" s="10" t="s">
        <v>55</v>
      </c>
      <c r="AB347" s="10" t="s">
        <v>55</v>
      </c>
    </row>
    <row r="348" spans="1:28">
      <c r="A348" s="9" t="s">
        <v>83</v>
      </c>
      <c r="B348" s="9" t="s">
        <v>57</v>
      </c>
      <c r="C348" s="9" t="s">
        <v>85</v>
      </c>
      <c r="D348" s="9" t="s">
        <v>77</v>
      </c>
      <c r="E348" s="9" t="s">
        <v>57</v>
      </c>
      <c r="F348" s="9" t="s">
        <v>81</v>
      </c>
      <c r="G348" s="9" t="s">
        <v>86</v>
      </c>
      <c r="H348" s="9" t="s">
        <v>104</v>
      </c>
      <c r="I348" s="9" t="s">
        <v>54</v>
      </c>
      <c r="J348" s="9" t="s">
        <v>45</v>
      </c>
      <c r="K348" s="10" t="s">
        <v>55</v>
      </c>
      <c r="L348" s="10" t="s">
        <v>55</v>
      </c>
      <c r="M348" s="10" t="s">
        <v>55</v>
      </c>
      <c r="N348" s="10" t="s">
        <v>55</v>
      </c>
      <c r="O348" s="10" t="s">
        <v>55</v>
      </c>
      <c r="P348" s="10" t="s">
        <v>55</v>
      </c>
      <c r="Q348" s="10" t="s">
        <v>55</v>
      </c>
      <c r="R348" s="10" t="s">
        <v>55</v>
      </c>
      <c r="S348" s="10" t="s">
        <v>55</v>
      </c>
      <c r="T348" s="10" t="s">
        <v>55</v>
      </c>
      <c r="U348" s="10" t="s">
        <v>55</v>
      </c>
      <c r="V348" s="10" t="s">
        <v>55</v>
      </c>
      <c r="W348" s="10" t="s">
        <v>55</v>
      </c>
      <c r="X348" s="10" t="s">
        <v>55</v>
      </c>
      <c r="Y348" s="10" t="s">
        <v>55</v>
      </c>
      <c r="Z348" s="10" t="s">
        <v>55</v>
      </c>
      <c r="AA348" s="10" t="s">
        <v>55</v>
      </c>
      <c r="AB348" s="10" t="s">
        <v>55</v>
      </c>
    </row>
    <row r="349" spans="1:28">
      <c r="A349" s="9" t="s">
        <v>83</v>
      </c>
      <c r="B349" s="9" t="s">
        <v>57</v>
      </c>
      <c r="C349" s="9" t="s">
        <v>85</v>
      </c>
      <c r="D349" s="9" t="s">
        <v>77</v>
      </c>
      <c r="E349" s="9" t="s">
        <v>57</v>
      </c>
      <c r="F349" s="9" t="s">
        <v>81</v>
      </c>
      <c r="G349" s="9" t="s">
        <v>86</v>
      </c>
      <c r="H349" s="9" t="s">
        <v>104</v>
      </c>
      <c r="I349" s="9" t="s">
        <v>54</v>
      </c>
      <c r="J349" s="9" t="s">
        <v>46</v>
      </c>
      <c r="K349" s="10" t="s">
        <v>55</v>
      </c>
      <c r="L349" s="10" t="s">
        <v>55</v>
      </c>
      <c r="M349" s="10" t="s">
        <v>55</v>
      </c>
      <c r="N349" s="10" t="s">
        <v>55</v>
      </c>
      <c r="O349" s="10" t="s">
        <v>55</v>
      </c>
      <c r="P349" s="10" t="s">
        <v>55</v>
      </c>
      <c r="Q349" s="10" t="s">
        <v>55</v>
      </c>
      <c r="R349" s="10" t="s">
        <v>55</v>
      </c>
      <c r="S349" s="10" t="s">
        <v>55</v>
      </c>
      <c r="T349" s="10" t="s">
        <v>55</v>
      </c>
      <c r="U349" s="10" t="s">
        <v>55</v>
      </c>
      <c r="V349" s="10" t="s">
        <v>55</v>
      </c>
      <c r="W349" s="10" t="s">
        <v>55</v>
      </c>
      <c r="X349" s="10" t="s">
        <v>55</v>
      </c>
      <c r="Y349" s="10" t="s">
        <v>55</v>
      </c>
      <c r="Z349" s="10" t="s">
        <v>55</v>
      </c>
      <c r="AA349" s="10" t="s">
        <v>55</v>
      </c>
      <c r="AB349" s="10" t="s">
        <v>55</v>
      </c>
    </row>
    <row r="350" spans="1:28">
      <c r="A350" s="9" t="s">
        <v>83</v>
      </c>
      <c r="B350" s="9" t="s">
        <v>57</v>
      </c>
      <c r="C350" s="9" t="s">
        <v>85</v>
      </c>
      <c r="D350" s="9" t="s">
        <v>77</v>
      </c>
      <c r="E350" s="9" t="s">
        <v>57</v>
      </c>
      <c r="F350" s="9" t="s">
        <v>81</v>
      </c>
      <c r="G350" s="9" t="s">
        <v>86</v>
      </c>
      <c r="H350" s="9" t="s">
        <v>104</v>
      </c>
      <c r="I350" s="9" t="s">
        <v>54</v>
      </c>
      <c r="J350" s="9" t="s">
        <v>47</v>
      </c>
      <c r="K350" s="10" t="s">
        <v>55</v>
      </c>
      <c r="L350" s="10" t="s">
        <v>55</v>
      </c>
      <c r="M350" s="10" t="s">
        <v>55</v>
      </c>
      <c r="N350" s="10" t="s">
        <v>55</v>
      </c>
      <c r="O350" s="10" t="s">
        <v>55</v>
      </c>
      <c r="P350" s="10" t="s">
        <v>55</v>
      </c>
      <c r="Q350" s="10" t="s">
        <v>55</v>
      </c>
      <c r="R350" s="10" t="s">
        <v>55</v>
      </c>
      <c r="S350" s="10" t="s">
        <v>55</v>
      </c>
      <c r="T350" s="10" t="s">
        <v>55</v>
      </c>
      <c r="U350" s="10" t="s">
        <v>55</v>
      </c>
      <c r="V350" s="10" t="s">
        <v>55</v>
      </c>
      <c r="W350" s="10" t="s">
        <v>55</v>
      </c>
      <c r="X350" s="10" t="s">
        <v>55</v>
      </c>
      <c r="Y350" s="10" t="s">
        <v>55</v>
      </c>
      <c r="Z350" s="10" t="s">
        <v>55</v>
      </c>
      <c r="AA350" s="10" t="s">
        <v>55</v>
      </c>
      <c r="AB350" s="10" t="s">
        <v>55</v>
      </c>
    </row>
    <row r="351" spans="1:28">
      <c r="A351" s="9" t="s">
        <v>83</v>
      </c>
      <c r="B351" s="9" t="s">
        <v>57</v>
      </c>
      <c r="C351" s="9" t="s">
        <v>85</v>
      </c>
      <c r="D351" s="9" t="s">
        <v>77</v>
      </c>
      <c r="E351" s="9" t="s">
        <v>57</v>
      </c>
      <c r="F351" s="9" t="s">
        <v>81</v>
      </c>
      <c r="G351" s="9" t="s">
        <v>86</v>
      </c>
      <c r="H351" s="9" t="s">
        <v>104</v>
      </c>
      <c r="I351" s="9" t="s">
        <v>54</v>
      </c>
      <c r="J351" s="9" t="s">
        <v>48</v>
      </c>
      <c r="K351" s="10" t="s">
        <v>55</v>
      </c>
      <c r="L351" s="10" t="s">
        <v>55</v>
      </c>
      <c r="M351" s="10" t="s">
        <v>55</v>
      </c>
      <c r="N351" s="10" t="s">
        <v>55</v>
      </c>
      <c r="O351" s="10" t="s">
        <v>55</v>
      </c>
      <c r="P351" s="10" t="s">
        <v>55</v>
      </c>
      <c r="Q351" s="10" t="s">
        <v>55</v>
      </c>
      <c r="R351" s="10" t="s">
        <v>55</v>
      </c>
      <c r="S351" s="10" t="s">
        <v>55</v>
      </c>
      <c r="T351" s="10" t="s">
        <v>55</v>
      </c>
      <c r="U351" s="10" t="s">
        <v>55</v>
      </c>
      <c r="V351" s="10" t="s">
        <v>55</v>
      </c>
      <c r="W351" s="10" t="s">
        <v>55</v>
      </c>
      <c r="X351" s="10" t="s">
        <v>55</v>
      </c>
      <c r="Y351" s="10" t="s">
        <v>55</v>
      </c>
      <c r="Z351" s="10" t="s">
        <v>55</v>
      </c>
      <c r="AA351" s="10" t="s">
        <v>55</v>
      </c>
      <c r="AB351" s="10" t="s">
        <v>55</v>
      </c>
    </row>
    <row r="352" spans="1:28">
      <c r="A352" s="9" t="s">
        <v>83</v>
      </c>
      <c r="B352" s="9" t="s">
        <v>57</v>
      </c>
      <c r="C352" s="9" t="s">
        <v>85</v>
      </c>
      <c r="D352" s="9" t="s">
        <v>77</v>
      </c>
      <c r="E352" s="9" t="s">
        <v>57</v>
      </c>
      <c r="F352" s="9" t="s">
        <v>81</v>
      </c>
      <c r="G352" s="9" t="s">
        <v>86</v>
      </c>
      <c r="H352" s="9" t="s">
        <v>104</v>
      </c>
      <c r="I352" s="9" t="s">
        <v>54</v>
      </c>
      <c r="J352" s="9" t="s">
        <v>49</v>
      </c>
      <c r="K352" s="10" t="s">
        <v>55</v>
      </c>
      <c r="L352" s="10" t="s">
        <v>55</v>
      </c>
      <c r="M352" s="10" t="s">
        <v>55</v>
      </c>
      <c r="N352" s="10" t="s">
        <v>55</v>
      </c>
      <c r="O352" s="10" t="s">
        <v>55</v>
      </c>
      <c r="P352" s="10" t="s">
        <v>55</v>
      </c>
      <c r="Q352" s="10" t="s">
        <v>55</v>
      </c>
      <c r="R352" s="10" t="s">
        <v>55</v>
      </c>
      <c r="S352" s="10" t="s">
        <v>55</v>
      </c>
      <c r="T352" s="10" t="s">
        <v>55</v>
      </c>
      <c r="U352" s="10" t="s">
        <v>55</v>
      </c>
      <c r="V352" s="10" t="s">
        <v>55</v>
      </c>
      <c r="W352" s="10" t="s">
        <v>55</v>
      </c>
      <c r="X352" s="10" t="s">
        <v>55</v>
      </c>
      <c r="Y352" s="10" t="s">
        <v>55</v>
      </c>
      <c r="Z352" s="10" t="s">
        <v>55</v>
      </c>
      <c r="AA352" s="10" t="s">
        <v>55</v>
      </c>
      <c r="AB352" s="10" t="s">
        <v>55</v>
      </c>
    </row>
    <row r="353" spans="1:28">
      <c r="A353" s="9" t="s">
        <v>83</v>
      </c>
      <c r="B353" s="9" t="s">
        <v>57</v>
      </c>
      <c r="C353" s="9" t="s">
        <v>85</v>
      </c>
      <c r="D353" s="9" t="s">
        <v>77</v>
      </c>
      <c r="E353" s="9" t="s">
        <v>57</v>
      </c>
      <c r="F353" s="9" t="s">
        <v>81</v>
      </c>
      <c r="G353" s="9" t="s">
        <v>86</v>
      </c>
      <c r="H353" s="9" t="s">
        <v>104</v>
      </c>
      <c r="I353" s="9" t="s">
        <v>54</v>
      </c>
      <c r="J353" s="9" t="s">
        <v>50</v>
      </c>
      <c r="K353" s="10" t="s">
        <v>55</v>
      </c>
      <c r="L353" s="10" t="s">
        <v>55</v>
      </c>
      <c r="M353" s="10" t="s">
        <v>55</v>
      </c>
      <c r="N353" s="10" t="s">
        <v>55</v>
      </c>
      <c r="O353" s="10" t="s">
        <v>55</v>
      </c>
      <c r="P353" s="10" t="s">
        <v>55</v>
      </c>
      <c r="Q353" s="10" t="s">
        <v>55</v>
      </c>
      <c r="R353" s="10" t="s">
        <v>55</v>
      </c>
      <c r="S353" s="10" t="s">
        <v>55</v>
      </c>
      <c r="T353" s="10" t="s">
        <v>55</v>
      </c>
      <c r="U353" s="10" t="s">
        <v>55</v>
      </c>
      <c r="V353" s="10" t="s">
        <v>55</v>
      </c>
      <c r="W353" s="10" t="s">
        <v>55</v>
      </c>
      <c r="X353" s="10" t="s">
        <v>55</v>
      </c>
      <c r="Y353" s="10" t="s">
        <v>55</v>
      </c>
      <c r="Z353" s="10" t="s">
        <v>55</v>
      </c>
      <c r="AA353" s="10" t="s">
        <v>55</v>
      </c>
      <c r="AB353" s="10" t="s">
        <v>55</v>
      </c>
    </row>
    <row r="354" spans="1:28">
      <c r="A354" s="9" t="s">
        <v>83</v>
      </c>
      <c r="B354" s="9" t="s">
        <v>57</v>
      </c>
      <c r="C354" s="9" t="s">
        <v>85</v>
      </c>
      <c r="D354" s="9" t="s">
        <v>77</v>
      </c>
      <c r="E354" s="9" t="s">
        <v>57</v>
      </c>
      <c r="F354" s="9" t="s">
        <v>81</v>
      </c>
      <c r="G354" s="9" t="s">
        <v>86</v>
      </c>
      <c r="H354" s="9" t="s">
        <v>104</v>
      </c>
      <c r="I354" s="9" t="s">
        <v>54</v>
      </c>
      <c r="J354" s="9" t="s">
        <v>51</v>
      </c>
      <c r="K354" s="10" t="s">
        <v>55</v>
      </c>
      <c r="L354" s="10" t="s">
        <v>55</v>
      </c>
      <c r="M354" s="10" t="s">
        <v>55</v>
      </c>
      <c r="N354" s="10" t="s">
        <v>55</v>
      </c>
      <c r="O354" s="10" t="s">
        <v>55</v>
      </c>
      <c r="P354" s="10" t="s">
        <v>55</v>
      </c>
      <c r="Q354" s="10" t="s">
        <v>55</v>
      </c>
      <c r="R354" s="10" t="s">
        <v>55</v>
      </c>
      <c r="S354" s="10" t="s">
        <v>55</v>
      </c>
      <c r="T354" s="10" t="s">
        <v>55</v>
      </c>
      <c r="U354" s="10" t="s">
        <v>55</v>
      </c>
      <c r="V354" s="10" t="s">
        <v>55</v>
      </c>
      <c r="W354" s="10" t="s">
        <v>55</v>
      </c>
      <c r="X354" s="10" t="s">
        <v>55</v>
      </c>
      <c r="Y354" s="10" t="s">
        <v>55</v>
      </c>
      <c r="Z354" s="10" t="s">
        <v>55</v>
      </c>
      <c r="AA354" s="10" t="s">
        <v>55</v>
      </c>
      <c r="AB354" s="10" t="s">
        <v>55</v>
      </c>
    </row>
    <row r="355" spans="1:28">
      <c r="A355" s="9" t="s">
        <v>83</v>
      </c>
      <c r="B355" s="9" t="s">
        <v>57</v>
      </c>
      <c r="C355" s="9" t="s">
        <v>85</v>
      </c>
      <c r="D355" s="9" t="s">
        <v>77</v>
      </c>
      <c r="E355" s="9" t="s">
        <v>57</v>
      </c>
      <c r="F355" s="9" t="s">
        <v>81</v>
      </c>
      <c r="G355" s="9" t="s">
        <v>86</v>
      </c>
      <c r="H355" s="9" t="s">
        <v>104</v>
      </c>
      <c r="I355" s="9" t="s">
        <v>54</v>
      </c>
      <c r="J355" s="9" t="s">
        <v>52</v>
      </c>
      <c r="K355" s="10" t="s">
        <v>55</v>
      </c>
      <c r="L355" s="10" t="s">
        <v>55</v>
      </c>
      <c r="M355" s="10" t="s">
        <v>55</v>
      </c>
      <c r="N355" s="10" t="s">
        <v>55</v>
      </c>
      <c r="O355" s="10" t="s">
        <v>55</v>
      </c>
      <c r="P355" s="10" t="s">
        <v>55</v>
      </c>
      <c r="Q355" s="10" t="s">
        <v>55</v>
      </c>
      <c r="R355" s="10" t="s">
        <v>55</v>
      </c>
      <c r="S355" s="10" t="s">
        <v>55</v>
      </c>
      <c r="T355" s="10" t="s">
        <v>55</v>
      </c>
      <c r="U355" s="10" t="s">
        <v>55</v>
      </c>
      <c r="V355" s="10" t="s">
        <v>55</v>
      </c>
      <c r="W355" s="10" t="s">
        <v>55</v>
      </c>
      <c r="X355" s="10" t="s">
        <v>55</v>
      </c>
      <c r="Y355" s="10" t="s">
        <v>55</v>
      </c>
      <c r="Z355" s="10" t="s">
        <v>55</v>
      </c>
      <c r="AA355" s="10" t="s">
        <v>55</v>
      </c>
      <c r="AB355" s="10" t="s">
        <v>55</v>
      </c>
    </row>
    <row r="356" spans="1:28">
      <c r="A356" s="9" t="s">
        <v>83</v>
      </c>
      <c r="B356" s="9" t="s">
        <v>57</v>
      </c>
      <c r="C356" s="9" t="s">
        <v>87</v>
      </c>
      <c r="D356" s="9" t="s">
        <v>77</v>
      </c>
      <c r="E356" s="9" t="s">
        <v>57</v>
      </c>
      <c r="F356" s="9" t="s">
        <v>81</v>
      </c>
      <c r="G356" s="9" t="s">
        <v>88</v>
      </c>
      <c r="H356" s="9" t="s">
        <v>104</v>
      </c>
      <c r="I356" s="9" t="s">
        <v>6</v>
      </c>
      <c r="J356" s="9" t="s">
        <v>30</v>
      </c>
      <c r="K356" s="6">
        <v>33</v>
      </c>
      <c r="L356" s="6">
        <v>1</v>
      </c>
      <c r="M356" s="6">
        <v>1</v>
      </c>
      <c r="N356" s="6">
        <v>1</v>
      </c>
      <c r="O356" s="10" t="s">
        <v>55</v>
      </c>
      <c r="P356" s="10" t="s">
        <v>55</v>
      </c>
      <c r="Q356" s="10" t="s">
        <v>55</v>
      </c>
      <c r="R356" s="10" t="s">
        <v>55</v>
      </c>
      <c r="S356" s="6">
        <v>1</v>
      </c>
      <c r="T356" s="10" t="s">
        <v>55</v>
      </c>
      <c r="U356" s="10" t="s">
        <v>55</v>
      </c>
      <c r="V356" s="6">
        <v>1</v>
      </c>
      <c r="W356" s="6">
        <v>31</v>
      </c>
      <c r="X356" s="6">
        <v>1</v>
      </c>
      <c r="Y356" s="6">
        <v>1</v>
      </c>
      <c r="Z356" s="10" t="s">
        <v>55</v>
      </c>
      <c r="AA356" s="10" t="s">
        <v>55</v>
      </c>
      <c r="AB356" s="10" t="s">
        <v>55</v>
      </c>
    </row>
    <row r="357" spans="1:28">
      <c r="A357" s="9" t="s">
        <v>83</v>
      </c>
      <c r="B357" s="9" t="s">
        <v>57</v>
      </c>
      <c r="C357" s="9" t="s">
        <v>87</v>
      </c>
      <c r="D357" s="9" t="s">
        <v>77</v>
      </c>
      <c r="E357" s="9" t="s">
        <v>57</v>
      </c>
      <c r="F357" s="9" t="s">
        <v>81</v>
      </c>
      <c r="G357" s="9" t="s">
        <v>88</v>
      </c>
      <c r="H357" s="9" t="s">
        <v>104</v>
      </c>
      <c r="I357" s="9" t="s">
        <v>6</v>
      </c>
      <c r="J357" s="9" t="s">
        <v>31</v>
      </c>
      <c r="K357" s="10" t="s">
        <v>55</v>
      </c>
      <c r="L357" s="10" t="s">
        <v>55</v>
      </c>
      <c r="M357" s="10" t="s">
        <v>55</v>
      </c>
      <c r="N357" s="10" t="s">
        <v>55</v>
      </c>
      <c r="O357" s="10" t="s">
        <v>55</v>
      </c>
      <c r="P357" s="10" t="s">
        <v>55</v>
      </c>
      <c r="Q357" s="10" t="s">
        <v>55</v>
      </c>
      <c r="R357" s="10" t="s">
        <v>55</v>
      </c>
      <c r="S357" s="10" t="s">
        <v>55</v>
      </c>
      <c r="T357" s="10" t="s">
        <v>55</v>
      </c>
      <c r="U357" s="10" t="s">
        <v>55</v>
      </c>
      <c r="V357" s="10" t="s">
        <v>55</v>
      </c>
      <c r="W357" s="10" t="s">
        <v>55</v>
      </c>
      <c r="X357" s="10" t="s">
        <v>55</v>
      </c>
      <c r="Y357" s="10" t="s">
        <v>55</v>
      </c>
      <c r="Z357" s="10" t="s">
        <v>55</v>
      </c>
      <c r="AA357" s="10" t="s">
        <v>55</v>
      </c>
      <c r="AB357" s="10" t="s">
        <v>55</v>
      </c>
    </row>
    <row r="358" spans="1:28">
      <c r="A358" s="9" t="s">
        <v>83</v>
      </c>
      <c r="B358" s="9" t="s">
        <v>57</v>
      </c>
      <c r="C358" s="9" t="s">
        <v>87</v>
      </c>
      <c r="D358" s="9" t="s">
        <v>77</v>
      </c>
      <c r="E358" s="9" t="s">
        <v>57</v>
      </c>
      <c r="F358" s="9" t="s">
        <v>81</v>
      </c>
      <c r="G358" s="9" t="s">
        <v>88</v>
      </c>
      <c r="H358" s="9" t="s">
        <v>104</v>
      </c>
      <c r="I358" s="9" t="s">
        <v>6</v>
      </c>
      <c r="J358" s="9" t="s">
        <v>32</v>
      </c>
      <c r="K358" s="6">
        <v>6</v>
      </c>
      <c r="L358" s="10" t="s">
        <v>55</v>
      </c>
      <c r="M358" s="10" t="s">
        <v>55</v>
      </c>
      <c r="N358" s="10" t="s">
        <v>55</v>
      </c>
      <c r="O358" s="10" t="s">
        <v>55</v>
      </c>
      <c r="P358" s="10" t="s">
        <v>55</v>
      </c>
      <c r="Q358" s="10" t="s">
        <v>55</v>
      </c>
      <c r="R358" s="10" t="s">
        <v>55</v>
      </c>
      <c r="S358" s="10" t="s">
        <v>55</v>
      </c>
      <c r="T358" s="10" t="s">
        <v>55</v>
      </c>
      <c r="U358" s="10" t="s">
        <v>55</v>
      </c>
      <c r="V358" s="10" t="s">
        <v>55</v>
      </c>
      <c r="W358" s="6">
        <v>6</v>
      </c>
      <c r="X358" s="10" t="s">
        <v>55</v>
      </c>
      <c r="Y358" s="10" t="s">
        <v>55</v>
      </c>
      <c r="Z358" s="10" t="s">
        <v>55</v>
      </c>
      <c r="AA358" s="10" t="s">
        <v>55</v>
      </c>
      <c r="AB358" s="10" t="s">
        <v>55</v>
      </c>
    </row>
    <row r="359" spans="1:28">
      <c r="A359" s="9" t="s">
        <v>83</v>
      </c>
      <c r="B359" s="9" t="s">
        <v>57</v>
      </c>
      <c r="C359" s="9" t="s">
        <v>87</v>
      </c>
      <c r="D359" s="9" t="s">
        <v>77</v>
      </c>
      <c r="E359" s="9" t="s">
        <v>57</v>
      </c>
      <c r="F359" s="9" t="s">
        <v>81</v>
      </c>
      <c r="G359" s="9" t="s">
        <v>88</v>
      </c>
      <c r="H359" s="9" t="s">
        <v>104</v>
      </c>
      <c r="I359" s="9" t="s">
        <v>6</v>
      </c>
      <c r="J359" s="9" t="s">
        <v>33</v>
      </c>
      <c r="K359" s="6">
        <v>7</v>
      </c>
      <c r="L359" s="10" t="s">
        <v>55</v>
      </c>
      <c r="M359" s="10" t="s">
        <v>55</v>
      </c>
      <c r="N359" s="10" t="s">
        <v>55</v>
      </c>
      <c r="O359" s="10" t="s">
        <v>55</v>
      </c>
      <c r="P359" s="10" t="s">
        <v>55</v>
      </c>
      <c r="Q359" s="10" t="s">
        <v>55</v>
      </c>
      <c r="R359" s="10" t="s">
        <v>55</v>
      </c>
      <c r="S359" s="10" t="s">
        <v>55</v>
      </c>
      <c r="T359" s="10" t="s">
        <v>55</v>
      </c>
      <c r="U359" s="10" t="s">
        <v>55</v>
      </c>
      <c r="V359" s="10" t="s">
        <v>55</v>
      </c>
      <c r="W359" s="6">
        <v>7</v>
      </c>
      <c r="X359" s="10" t="s">
        <v>55</v>
      </c>
      <c r="Y359" s="10" t="s">
        <v>55</v>
      </c>
      <c r="Z359" s="10" t="s">
        <v>55</v>
      </c>
      <c r="AA359" s="10" t="s">
        <v>55</v>
      </c>
      <c r="AB359" s="10" t="s">
        <v>55</v>
      </c>
    </row>
    <row r="360" spans="1:28">
      <c r="A360" s="9" t="s">
        <v>83</v>
      </c>
      <c r="B360" s="9" t="s">
        <v>57</v>
      </c>
      <c r="C360" s="9" t="s">
        <v>87</v>
      </c>
      <c r="D360" s="9" t="s">
        <v>77</v>
      </c>
      <c r="E360" s="9" t="s">
        <v>57</v>
      </c>
      <c r="F360" s="9" t="s">
        <v>81</v>
      </c>
      <c r="G360" s="9" t="s">
        <v>88</v>
      </c>
      <c r="H360" s="9" t="s">
        <v>104</v>
      </c>
      <c r="I360" s="9" t="s">
        <v>6</v>
      </c>
      <c r="J360" s="9" t="s">
        <v>34</v>
      </c>
      <c r="K360" s="6">
        <v>6</v>
      </c>
      <c r="L360" s="10" t="s">
        <v>55</v>
      </c>
      <c r="M360" s="10" t="s">
        <v>55</v>
      </c>
      <c r="N360" s="10" t="s">
        <v>55</v>
      </c>
      <c r="O360" s="10" t="s">
        <v>55</v>
      </c>
      <c r="P360" s="10" t="s">
        <v>55</v>
      </c>
      <c r="Q360" s="10" t="s">
        <v>55</v>
      </c>
      <c r="R360" s="10" t="s">
        <v>55</v>
      </c>
      <c r="S360" s="10" t="s">
        <v>55</v>
      </c>
      <c r="T360" s="10" t="s">
        <v>55</v>
      </c>
      <c r="U360" s="10" t="s">
        <v>55</v>
      </c>
      <c r="V360" s="10" t="s">
        <v>55</v>
      </c>
      <c r="W360" s="6">
        <v>6</v>
      </c>
      <c r="X360" s="10" t="s">
        <v>55</v>
      </c>
      <c r="Y360" s="10" t="s">
        <v>55</v>
      </c>
      <c r="Z360" s="10" t="s">
        <v>55</v>
      </c>
      <c r="AA360" s="10" t="s">
        <v>55</v>
      </c>
      <c r="AB360" s="10" t="s">
        <v>55</v>
      </c>
    </row>
    <row r="361" spans="1:28">
      <c r="A361" s="9" t="s">
        <v>83</v>
      </c>
      <c r="B361" s="9" t="s">
        <v>57</v>
      </c>
      <c r="C361" s="9" t="s">
        <v>87</v>
      </c>
      <c r="D361" s="9" t="s">
        <v>77</v>
      </c>
      <c r="E361" s="9" t="s">
        <v>57</v>
      </c>
      <c r="F361" s="9" t="s">
        <v>81</v>
      </c>
      <c r="G361" s="9" t="s">
        <v>88</v>
      </c>
      <c r="H361" s="9" t="s">
        <v>104</v>
      </c>
      <c r="I361" s="9" t="s">
        <v>6</v>
      </c>
      <c r="J361" s="9" t="s">
        <v>35</v>
      </c>
      <c r="K361" s="6">
        <v>3</v>
      </c>
      <c r="L361" s="10" t="s">
        <v>55</v>
      </c>
      <c r="M361" s="10" t="s">
        <v>55</v>
      </c>
      <c r="N361" s="10" t="s">
        <v>55</v>
      </c>
      <c r="O361" s="10" t="s">
        <v>55</v>
      </c>
      <c r="P361" s="10" t="s">
        <v>55</v>
      </c>
      <c r="Q361" s="10" t="s">
        <v>55</v>
      </c>
      <c r="R361" s="10" t="s">
        <v>55</v>
      </c>
      <c r="S361" s="10" t="s">
        <v>55</v>
      </c>
      <c r="T361" s="10" t="s">
        <v>55</v>
      </c>
      <c r="U361" s="10" t="s">
        <v>55</v>
      </c>
      <c r="V361" s="10" t="s">
        <v>55</v>
      </c>
      <c r="W361" s="6">
        <v>3</v>
      </c>
      <c r="X361" s="10" t="s">
        <v>55</v>
      </c>
      <c r="Y361" s="10" t="s">
        <v>55</v>
      </c>
      <c r="Z361" s="10" t="s">
        <v>55</v>
      </c>
      <c r="AA361" s="10" t="s">
        <v>55</v>
      </c>
      <c r="AB361" s="10" t="s">
        <v>55</v>
      </c>
    </row>
    <row r="362" spans="1:28">
      <c r="A362" s="9" t="s">
        <v>83</v>
      </c>
      <c r="B362" s="9" t="s">
        <v>57</v>
      </c>
      <c r="C362" s="9" t="s">
        <v>87</v>
      </c>
      <c r="D362" s="9" t="s">
        <v>77</v>
      </c>
      <c r="E362" s="9" t="s">
        <v>57</v>
      </c>
      <c r="F362" s="9" t="s">
        <v>81</v>
      </c>
      <c r="G362" s="9" t="s">
        <v>88</v>
      </c>
      <c r="H362" s="9" t="s">
        <v>104</v>
      </c>
      <c r="I362" s="9" t="s">
        <v>6</v>
      </c>
      <c r="J362" s="9" t="s">
        <v>36</v>
      </c>
      <c r="K362" s="10" t="s">
        <v>55</v>
      </c>
      <c r="L362" s="10" t="s">
        <v>55</v>
      </c>
      <c r="M362" s="10" t="s">
        <v>55</v>
      </c>
      <c r="N362" s="10" t="s">
        <v>55</v>
      </c>
      <c r="O362" s="10" t="s">
        <v>55</v>
      </c>
      <c r="P362" s="10" t="s">
        <v>55</v>
      </c>
      <c r="Q362" s="10" t="s">
        <v>55</v>
      </c>
      <c r="R362" s="10" t="s">
        <v>55</v>
      </c>
      <c r="S362" s="10" t="s">
        <v>55</v>
      </c>
      <c r="T362" s="10" t="s">
        <v>55</v>
      </c>
      <c r="U362" s="10" t="s">
        <v>55</v>
      </c>
      <c r="V362" s="10" t="s">
        <v>55</v>
      </c>
      <c r="W362" s="10" t="s">
        <v>55</v>
      </c>
      <c r="X362" s="10" t="s">
        <v>55</v>
      </c>
      <c r="Y362" s="10" t="s">
        <v>55</v>
      </c>
      <c r="Z362" s="10" t="s">
        <v>55</v>
      </c>
      <c r="AA362" s="10" t="s">
        <v>55</v>
      </c>
      <c r="AB362" s="10" t="s">
        <v>55</v>
      </c>
    </row>
    <row r="363" spans="1:28">
      <c r="A363" s="9" t="s">
        <v>83</v>
      </c>
      <c r="B363" s="9" t="s">
        <v>57</v>
      </c>
      <c r="C363" s="9" t="s">
        <v>87</v>
      </c>
      <c r="D363" s="9" t="s">
        <v>77</v>
      </c>
      <c r="E363" s="9" t="s">
        <v>57</v>
      </c>
      <c r="F363" s="9" t="s">
        <v>81</v>
      </c>
      <c r="G363" s="9" t="s">
        <v>88</v>
      </c>
      <c r="H363" s="9" t="s">
        <v>104</v>
      </c>
      <c r="I363" s="9" t="s">
        <v>6</v>
      </c>
      <c r="J363" s="9" t="s">
        <v>37</v>
      </c>
      <c r="K363" s="6">
        <v>4</v>
      </c>
      <c r="L363" s="10" t="s">
        <v>55</v>
      </c>
      <c r="M363" s="10" t="s">
        <v>55</v>
      </c>
      <c r="N363" s="10" t="s">
        <v>55</v>
      </c>
      <c r="O363" s="10" t="s">
        <v>55</v>
      </c>
      <c r="P363" s="10" t="s">
        <v>55</v>
      </c>
      <c r="Q363" s="10" t="s">
        <v>55</v>
      </c>
      <c r="R363" s="10" t="s">
        <v>55</v>
      </c>
      <c r="S363" s="10" t="s">
        <v>55</v>
      </c>
      <c r="T363" s="10" t="s">
        <v>55</v>
      </c>
      <c r="U363" s="10" t="s">
        <v>55</v>
      </c>
      <c r="V363" s="10" t="s">
        <v>55</v>
      </c>
      <c r="W363" s="6">
        <v>4</v>
      </c>
      <c r="X363" s="10" t="s">
        <v>55</v>
      </c>
      <c r="Y363" s="10" t="s">
        <v>55</v>
      </c>
      <c r="Z363" s="10" t="s">
        <v>55</v>
      </c>
      <c r="AA363" s="10" t="s">
        <v>55</v>
      </c>
      <c r="AB363" s="10" t="s">
        <v>55</v>
      </c>
    </row>
    <row r="364" spans="1:28">
      <c r="A364" s="9" t="s">
        <v>83</v>
      </c>
      <c r="B364" s="9" t="s">
        <v>57</v>
      </c>
      <c r="C364" s="9" t="s">
        <v>87</v>
      </c>
      <c r="D364" s="9" t="s">
        <v>77</v>
      </c>
      <c r="E364" s="9" t="s">
        <v>57</v>
      </c>
      <c r="F364" s="9" t="s">
        <v>81</v>
      </c>
      <c r="G364" s="9" t="s">
        <v>88</v>
      </c>
      <c r="H364" s="9" t="s">
        <v>104</v>
      </c>
      <c r="I364" s="9" t="s">
        <v>6</v>
      </c>
      <c r="J364" s="9" t="s">
        <v>38</v>
      </c>
      <c r="K364" s="6">
        <v>3</v>
      </c>
      <c r="L364" s="10" t="s">
        <v>55</v>
      </c>
      <c r="M364" s="10" t="s">
        <v>55</v>
      </c>
      <c r="N364" s="10" t="s">
        <v>55</v>
      </c>
      <c r="O364" s="10" t="s">
        <v>55</v>
      </c>
      <c r="P364" s="10" t="s">
        <v>55</v>
      </c>
      <c r="Q364" s="10" t="s">
        <v>55</v>
      </c>
      <c r="R364" s="10" t="s">
        <v>55</v>
      </c>
      <c r="S364" s="10" t="s">
        <v>55</v>
      </c>
      <c r="T364" s="10" t="s">
        <v>55</v>
      </c>
      <c r="U364" s="10" t="s">
        <v>55</v>
      </c>
      <c r="V364" s="10" t="s">
        <v>55</v>
      </c>
      <c r="W364" s="6">
        <v>3</v>
      </c>
      <c r="X364" s="10" t="s">
        <v>55</v>
      </c>
      <c r="Y364" s="10" t="s">
        <v>55</v>
      </c>
      <c r="Z364" s="10" t="s">
        <v>55</v>
      </c>
      <c r="AA364" s="10" t="s">
        <v>55</v>
      </c>
      <c r="AB364" s="10" t="s">
        <v>55</v>
      </c>
    </row>
    <row r="365" spans="1:28">
      <c r="A365" s="9" t="s">
        <v>83</v>
      </c>
      <c r="B365" s="9" t="s">
        <v>57</v>
      </c>
      <c r="C365" s="9" t="s">
        <v>87</v>
      </c>
      <c r="D365" s="9" t="s">
        <v>77</v>
      </c>
      <c r="E365" s="9" t="s">
        <v>57</v>
      </c>
      <c r="F365" s="9" t="s">
        <v>81</v>
      </c>
      <c r="G365" s="9" t="s">
        <v>88</v>
      </c>
      <c r="H365" s="9" t="s">
        <v>104</v>
      </c>
      <c r="I365" s="9" t="s">
        <v>6</v>
      </c>
      <c r="J365" s="9" t="s">
        <v>39</v>
      </c>
      <c r="K365" s="10" t="s">
        <v>55</v>
      </c>
      <c r="L365" s="10" t="s">
        <v>55</v>
      </c>
      <c r="M365" s="10" t="s">
        <v>55</v>
      </c>
      <c r="N365" s="10" t="s">
        <v>55</v>
      </c>
      <c r="O365" s="10" t="s">
        <v>55</v>
      </c>
      <c r="P365" s="10" t="s">
        <v>55</v>
      </c>
      <c r="Q365" s="10" t="s">
        <v>55</v>
      </c>
      <c r="R365" s="10" t="s">
        <v>55</v>
      </c>
      <c r="S365" s="10" t="s">
        <v>55</v>
      </c>
      <c r="T365" s="10" t="s">
        <v>55</v>
      </c>
      <c r="U365" s="10" t="s">
        <v>55</v>
      </c>
      <c r="V365" s="10" t="s">
        <v>55</v>
      </c>
      <c r="W365" s="10" t="s">
        <v>55</v>
      </c>
      <c r="X365" s="10" t="s">
        <v>55</v>
      </c>
      <c r="Y365" s="10" t="s">
        <v>55</v>
      </c>
      <c r="Z365" s="10" t="s">
        <v>55</v>
      </c>
      <c r="AA365" s="10" t="s">
        <v>55</v>
      </c>
      <c r="AB365" s="10" t="s">
        <v>55</v>
      </c>
    </row>
    <row r="366" spans="1:28">
      <c r="A366" s="9" t="s">
        <v>83</v>
      </c>
      <c r="B366" s="9" t="s">
        <v>57</v>
      </c>
      <c r="C366" s="9" t="s">
        <v>87</v>
      </c>
      <c r="D366" s="9" t="s">
        <v>77</v>
      </c>
      <c r="E366" s="9" t="s">
        <v>57</v>
      </c>
      <c r="F366" s="9" t="s">
        <v>81</v>
      </c>
      <c r="G366" s="9" t="s">
        <v>88</v>
      </c>
      <c r="H366" s="9" t="s">
        <v>104</v>
      </c>
      <c r="I366" s="9" t="s">
        <v>6</v>
      </c>
      <c r="J366" s="9" t="s">
        <v>40</v>
      </c>
      <c r="K366" s="6">
        <v>1</v>
      </c>
      <c r="L366" s="10" t="s">
        <v>55</v>
      </c>
      <c r="M366" s="10" t="s">
        <v>55</v>
      </c>
      <c r="N366" s="10" t="s">
        <v>55</v>
      </c>
      <c r="O366" s="10" t="s">
        <v>55</v>
      </c>
      <c r="P366" s="10" t="s">
        <v>55</v>
      </c>
      <c r="Q366" s="10" t="s">
        <v>55</v>
      </c>
      <c r="R366" s="10" t="s">
        <v>55</v>
      </c>
      <c r="S366" s="10" t="s">
        <v>55</v>
      </c>
      <c r="T366" s="10" t="s">
        <v>55</v>
      </c>
      <c r="U366" s="10" t="s">
        <v>55</v>
      </c>
      <c r="V366" s="10" t="s">
        <v>55</v>
      </c>
      <c r="W366" s="6">
        <v>1</v>
      </c>
      <c r="X366" s="10" t="s">
        <v>55</v>
      </c>
      <c r="Y366" s="10" t="s">
        <v>55</v>
      </c>
      <c r="Z366" s="10" t="s">
        <v>55</v>
      </c>
      <c r="AA366" s="10" t="s">
        <v>55</v>
      </c>
      <c r="AB366" s="10" t="s">
        <v>55</v>
      </c>
    </row>
    <row r="367" spans="1:28">
      <c r="A367" s="9" t="s">
        <v>83</v>
      </c>
      <c r="B367" s="9" t="s">
        <v>57</v>
      </c>
      <c r="C367" s="9" t="s">
        <v>87</v>
      </c>
      <c r="D367" s="9" t="s">
        <v>77</v>
      </c>
      <c r="E367" s="9" t="s">
        <v>57</v>
      </c>
      <c r="F367" s="9" t="s">
        <v>81</v>
      </c>
      <c r="G367" s="9" t="s">
        <v>88</v>
      </c>
      <c r="H367" s="9" t="s">
        <v>104</v>
      </c>
      <c r="I367" s="9" t="s">
        <v>6</v>
      </c>
      <c r="J367" s="9" t="s">
        <v>41</v>
      </c>
      <c r="K367" s="6">
        <v>1</v>
      </c>
      <c r="L367" s="10" t="s">
        <v>55</v>
      </c>
      <c r="M367" s="10" t="s">
        <v>55</v>
      </c>
      <c r="N367" s="10" t="s">
        <v>55</v>
      </c>
      <c r="O367" s="10" t="s">
        <v>55</v>
      </c>
      <c r="P367" s="10" t="s">
        <v>55</v>
      </c>
      <c r="Q367" s="10" t="s">
        <v>55</v>
      </c>
      <c r="R367" s="10" t="s">
        <v>55</v>
      </c>
      <c r="S367" s="10" t="s">
        <v>55</v>
      </c>
      <c r="T367" s="10" t="s">
        <v>55</v>
      </c>
      <c r="U367" s="10" t="s">
        <v>55</v>
      </c>
      <c r="V367" s="10" t="s">
        <v>55</v>
      </c>
      <c r="W367" s="6">
        <v>1</v>
      </c>
      <c r="X367" s="10" t="s">
        <v>55</v>
      </c>
      <c r="Y367" s="10" t="s">
        <v>55</v>
      </c>
      <c r="Z367" s="10" t="s">
        <v>55</v>
      </c>
      <c r="AA367" s="10" t="s">
        <v>55</v>
      </c>
      <c r="AB367" s="10" t="s">
        <v>55</v>
      </c>
    </row>
    <row r="368" spans="1:28">
      <c r="A368" s="9" t="s">
        <v>83</v>
      </c>
      <c r="B368" s="9" t="s">
        <v>57</v>
      </c>
      <c r="C368" s="9" t="s">
        <v>87</v>
      </c>
      <c r="D368" s="9" t="s">
        <v>77</v>
      </c>
      <c r="E368" s="9" t="s">
        <v>57</v>
      </c>
      <c r="F368" s="9" t="s">
        <v>81</v>
      </c>
      <c r="G368" s="9" t="s">
        <v>88</v>
      </c>
      <c r="H368" s="9" t="s">
        <v>104</v>
      </c>
      <c r="I368" s="9" t="s">
        <v>6</v>
      </c>
      <c r="J368" s="9" t="s">
        <v>42</v>
      </c>
      <c r="K368" s="6">
        <v>1</v>
      </c>
      <c r="L368" s="6">
        <v>1</v>
      </c>
      <c r="M368" s="6">
        <v>1</v>
      </c>
      <c r="N368" s="6">
        <v>1</v>
      </c>
      <c r="O368" s="10" t="s">
        <v>55</v>
      </c>
      <c r="P368" s="10" t="s">
        <v>55</v>
      </c>
      <c r="Q368" s="10" t="s">
        <v>55</v>
      </c>
      <c r="R368" s="10" t="s">
        <v>55</v>
      </c>
      <c r="S368" s="10" t="s">
        <v>55</v>
      </c>
      <c r="T368" s="10" t="s">
        <v>55</v>
      </c>
      <c r="U368" s="10" t="s">
        <v>55</v>
      </c>
      <c r="V368" s="10" t="s">
        <v>55</v>
      </c>
      <c r="W368" s="10" t="s">
        <v>55</v>
      </c>
      <c r="X368" s="6">
        <v>1</v>
      </c>
      <c r="Y368" s="6">
        <v>1</v>
      </c>
      <c r="Z368" s="10" t="s">
        <v>55</v>
      </c>
      <c r="AA368" s="10" t="s">
        <v>55</v>
      </c>
      <c r="AB368" s="10" t="s">
        <v>55</v>
      </c>
    </row>
    <row r="369" spans="1:28">
      <c r="A369" s="9" t="s">
        <v>83</v>
      </c>
      <c r="B369" s="9" t="s">
        <v>57</v>
      </c>
      <c r="C369" s="9" t="s">
        <v>87</v>
      </c>
      <c r="D369" s="9" t="s">
        <v>77</v>
      </c>
      <c r="E369" s="9" t="s">
        <v>57</v>
      </c>
      <c r="F369" s="9" t="s">
        <v>81</v>
      </c>
      <c r="G369" s="9" t="s">
        <v>88</v>
      </c>
      <c r="H369" s="9" t="s">
        <v>104</v>
      </c>
      <c r="I369" s="9" t="s">
        <v>6</v>
      </c>
      <c r="J369" s="9" t="s">
        <v>43</v>
      </c>
      <c r="K369" s="6">
        <v>1</v>
      </c>
      <c r="L369" s="10" t="s">
        <v>55</v>
      </c>
      <c r="M369" s="10" t="s">
        <v>55</v>
      </c>
      <c r="N369" s="10" t="s">
        <v>55</v>
      </c>
      <c r="O369" s="10" t="s">
        <v>55</v>
      </c>
      <c r="P369" s="10" t="s">
        <v>55</v>
      </c>
      <c r="Q369" s="10" t="s">
        <v>55</v>
      </c>
      <c r="R369" s="10" t="s">
        <v>55</v>
      </c>
      <c r="S369" s="6">
        <v>1</v>
      </c>
      <c r="T369" s="10" t="s">
        <v>55</v>
      </c>
      <c r="U369" s="10" t="s">
        <v>55</v>
      </c>
      <c r="V369" s="6">
        <v>1</v>
      </c>
      <c r="W369" s="10" t="s">
        <v>55</v>
      </c>
      <c r="X369" s="10" t="s">
        <v>55</v>
      </c>
      <c r="Y369" s="10" t="s">
        <v>55</v>
      </c>
      <c r="Z369" s="10" t="s">
        <v>55</v>
      </c>
      <c r="AA369" s="10" t="s">
        <v>55</v>
      </c>
      <c r="AB369" s="10" t="s">
        <v>55</v>
      </c>
    </row>
    <row r="370" spans="1:28">
      <c r="A370" s="9" t="s">
        <v>83</v>
      </c>
      <c r="B370" s="9" t="s">
        <v>57</v>
      </c>
      <c r="C370" s="9" t="s">
        <v>87</v>
      </c>
      <c r="D370" s="9" t="s">
        <v>77</v>
      </c>
      <c r="E370" s="9" t="s">
        <v>57</v>
      </c>
      <c r="F370" s="9" t="s">
        <v>81</v>
      </c>
      <c r="G370" s="9" t="s">
        <v>88</v>
      </c>
      <c r="H370" s="9" t="s">
        <v>104</v>
      </c>
      <c r="I370" s="9" t="s">
        <v>6</v>
      </c>
      <c r="J370" s="9" t="s">
        <v>44</v>
      </c>
      <c r="K370" s="10" t="s">
        <v>55</v>
      </c>
      <c r="L370" s="10" t="s">
        <v>55</v>
      </c>
      <c r="M370" s="10" t="s">
        <v>55</v>
      </c>
      <c r="N370" s="10" t="s">
        <v>55</v>
      </c>
      <c r="O370" s="10" t="s">
        <v>55</v>
      </c>
      <c r="P370" s="10" t="s">
        <v>55</v>
      </c>
      <c r="Q370" s="10" t="s">
        <v>55</v>
      </c>
      <c r="R370" s="10" t="s">
        <v>55</v>
      </c>
      <c r="S370" s="10" t="s">
        <v>55</v>
      </c>
      <c r="T370" s="10" t="s">
        <v>55</v>
      </c>
      <c r="U370" s="10" t="s">
        <v>55</v>
      </c>
      <c r="V370" s="10" t="s">
        <v>55</v>
      </c>
      <c r="W370" s="10" t="s">
        <v>55</v>
      </c>
      <c r="X370" s="10" t="s">
        <v>55</v>
      </c>
      <c r="Y370" s="10" t="s">
        <v>55</v>
      </c>
      <c r="Z370" s="10" t="s">
        <v>55</v>
      </c>
      <c r="AA370" s="10" t="s">
        <v>55</v>
      </c>
      <c r="AB370" s="10" t="s">
        <v>55</v>
      </c>
    </row>
    <row r="371" spans="1:28">
      <c r="A371" s="9" t="s">
        <v>83</v>
      </c>
      <c r="B371" s="9" t="s">
        <v>57</v>
      </c>
      <c r="C371" s="9" t="s">
        <v>87</v>
      </c>
      <c r="D371" s="9" t="s">
        <v>77</v>
      </c>
      <c r="E371" s="9" t="s">
        <v>57</v>
      </c>
      <c r="F371" s="9" t="s">
        <v>81</v>
      </c>
      <c r="G371" s="9" t="s">
        <v>88</v>
      </c>
      <c r="H371" s="9" t="s">
        <v>104</v>
      </c>
      <c r="I371" s="9" t="s">
        <v>6</v>
      </c>
      <c r="J371" s="9" t="s">
        <v>45</v>
      </c>
      <c r="K371" s="10" t="s">
        <v>55</v>
      </c>
      <c r="L371" s="10" t="s">
        <v>55</v>
      </c>
      <c r="M371" s="10" t="s">
        <v>55</v>
      </c>
      <c r="N371" s="10" t="s">
        <v>55</v>
      </c>
      <c r="O371" s="10" t="s">
        <v>55</v>
      </c>
      <c r="P371" s="10" t="s">
        <v>55</v>
      </c>
      <c r="Q371" s="10" t="s">
        <v>55</v>
      </c>
      <c r="R371" s="10" t="s">
        <v>55</v>
      </c>
      <c r="S371" s="10" t="s">
        <v>55</v>
      </c>
      <c r="T371" s="10" t="s">
        <v>55</v>
      </c>
      <c r="U371" s="10" t="s">
        <v>55</v>
      </c>
      <c r="V371" s="10" t="s">
        <v>55</v>
      </c>
      <c r="W371" s="10" t="s">
        <v>55</v>
      </c>
      <c r="X371" s="10" t="s">
        <v>55</v>
      </c>
      <c r="Y371" s="10" t="s">
        <v>55</v>
      </c>
      <c r="Z371" s="10" t="s">
        <v>55</v>
      </c>
      <c r="AA371" s="10" t="s">
        <v>55</v>
      </c>
      <c r="AB371" s="10" t="s">
        <v>55</v>
      </c>
    </row>
    <row r="372" spans="1:28">
      <c r="A372" s="9" t="s">
        <v>83</v>
      </c>
      <c r="B372" s="9" t="s">
        <v>57</v>
      </c>
      <c r="C372" s="9" t="s">
        <v>87</v>
      </c>
      <c r="D372" s="9" t="s">
        <v>77</v>
      </c>
      <c r="E372" s="9" t="s">
        <v>57</v>
      </c>
      <c r="F372" s="9" t="s">
        <v>81</v>
      </c>
      <c r="G372" s="9" t="s">
        <v>88</v>
      </c>
      <c r="H372" s="9" t="s">
        <v>104</v>
      </c>
      <c r="I372" s="9" t="s">
        <v>6</v>
      </c>
      <c r="J372" s="9" t="s">
        <v>46</v>
      </c>
      <c r="K372" s="10" t="s">
        <v>55</v>
      </c>
      <c r="L372" s="10" t="s">
        <v>55</v>
      </c>
      <c r="M372" s="10" t="s">
        <v>55</v>
      </c>
      <c r="N372" s="10" t="s">
        <v>55</v>
      </c>
      <c r="O372" s="10" t="s">
        <v>55</v>
      </c>
      <c r="P372" s="10" t="s">
        <v>55</v>
      </c>
      <c r="Q372" s="10" t="s">
        <v>55</v>
      </c>
      <c r="R372" s="10" t="s">
        <v>55</v>
      </c>
      <c r="S372" s="10" t="s">
        <v>55</v>
      </c>
      <c r="T372" s="10" t="s">
        <v>55</v>
      </c>
      <c r="U372" s="10" t="s">
        <v>55</v>
      </c>
      <c r="V372" s="10" t="s">
        <v>55</v>
      </c>
      <c r="W372" s="10" t="s">
        <v>55</v>
      </c>
      <c r="X372" s="10" t="s">
        <v>55</v>
      </c>
      <c r="Y372" s="10" t="s">
        <v>55</v>
      </c>
      <c r="Z372" s="10" t="s">
        <v>55</v>
      </c>
      <c r="AA372" s="10" t="s">
        <v>55</v>
      </c>
      <c r="AB372" s="10" t="s">
        <v>55</v>
      </c>
    </row>
    <row r="373" spans="1:28">
      <c r="A373" s="9" t="s">
        <v>83</v>
      </c>
      <c r="B373" s="9" t="s">
        <v>57</v>
      </c>
      <c r="C373" s="9" t="s">
        <v>87</v>
      </c>
      <c r="D373" s="9" t="s">
        <v>77</v>
      </c>
      <c r="E373" s="9" t="s">
        <v>57</v>
      </c>
      <c r="F373" s="9" t="s">
        <v>81</v>
      </c>
      <c r="G373" s="9" t="s">
        <v>88</v>
      </c>
      <c r="H373" s="9" t="s">
        <v>104</v>
      </c>
      <c r="I373" s="9" t="s">
        <v>6</v>
      </c>
      <c r="J373" s="9" t="s">
        <v>47</v>
      </c>
      <c r="K373" s="10" t="s">
        <v>55</v>
      </c>
      <c r="L373" s="10" t="s">
        <v>55</v>
      </c>
      <c r="M373" s="10" t="s">
        <v>55</v>
      </c>
      <c r="N373" s="10" t="s">
        <v>55</v>
      </c>
      <c r="O373" s="10" t="s">
        <v>55</v>
      </c>
      <c r="P373" s="10" t="s">
        <v>55</v>
      </c>
      <c r="Q373" s="10" t="s">
        <v>55</v>
      </c>
      <c r="R373" s="10" t="s">
        <v>55</v>
      </c>
      <c r="S373" s="10" t="s">
        <v>55</v>
      </c>
      <c r="T373" s="10" t="s">
        <v>55</v>
      </c>
      <c r="U373" s="10" t="s">
        <v>55</v>
      </c>
      <c r="V373" s="10" t="s">
        <v>55</v>
      </c>
      <c r="W373" s="10" t="s">
        <v>55</v>
      </c>
      <c r="X373" s="10" t="s">
        <v>55</v>
      </c>
      <c r="Y373" s="10" t="s">
        <v>55</v>
      </c>
      <c r="Z373" s="10" t="s">
        <v>55</v>
      </c>
      <c r="AA373" s="10" t="s">
        <v>55</v>
      </c>
      <c r="AB373" s="10" t="s">
        <v>55</v>
      </c>
    </row>
    <row r="374" spans="1:28">
      <c r="A374" s="9" t="s">
        <v>83</v>
      </c>
      <c r="B374" s="9" t="s">
        <v>57</v>
      </c>
      <c r="C374" s="9" t="s">
        <v>87</v>
      </c>
      <c r="D374" s="9" t="s">
        <v>77</v>
      </c>
      <c r="E374" s="9" t="s">
        <v>57</v>
      </c>
      <c r="F374" s="9" t="s">
        <v>81</v>
      </c>
      <c r="G374" s="9" t="s">
        <v>88</v>
      </c>
      <c r="H374" s="9" t="s">
        <v>104</v>
      </c>
      <c r="I374" s="9" t="s">
        <v>6</v>
      </c>
      <c r="J374" s="9" t="s">
        <v>48</v>
      </c>
      <c r="K374" s="6">
        <v>30</v>
      </c>
      <c r="L374" s="10" t="s">
        <v>55</v>
      </c>
      <c r="M374" s="10" t="s">
        <v>55</v>
      </c>
      <c r="N374" s="10" t="s">
        <v>55</v>
      </c>
      <c r="O374" s="10" t="s">
        <v>55</v>
      </c>
      <c r="P374" s="10" t="s">
        <v>55</v>
      </c>
      <c r="Q374" s="10" t="s">
        <v>55</v>
      </c>
      <c r="R374" s="10" t="s">
        <v>55</v>
      </c>
      <c r="S374" s="10" t="s">
        <v>55</v>
      </c>
      <c r="T374" s="10" t="s">
        <v>55</v>
      </c>
      <c r="U374" s="10" t="s">
        <v>55</v>
      </c>
      <c r="V374" s="10" t="s">
        <v>55</v>
      </c>
      <c r="W374" s="6">
        <v>30</v>
      </c>
      <c r="X374" s="10" t="s">
        <v>55</v>
      </c>
      <c r="Y374" s="10" t="s">
        <v>55</v>
      </c>
      <c r="Z374" s="10" t="s">
        <v>55</v>
      </c>
      <c r="AA374" s="10" t="s">
        <v>55</v>
      </c>
      <c r="AB374" s="10" t="s">
        <v>55</v>
      </c>
    </row>
    <row r="375" spans="1:28">
      <c r="A375" s="9" t="s">
        <v>83</v>
      </c>
      <c r="B375" s="9" t="s">
        <v>57</v>
      </c>
      <c r="C375" s="9" t="s">
        <v>87</v>
      </c>
      <c r="D375" s="9" t="s">
        <v>77</v>
      </c>
      <c r="E375" s="9" t="s">
        <v>57</v>
      </c>
      <c r="F375" s="9" t="s">
        <v>81</v>
      </c>
      <c r="G375" s="9" t="s">
        <v>88</v>
      </c>
      <c r="H375" s="9" t="s">
        <v>104</v>
      </c>
      <c r="I375" s="9" t="s">
        <v>6</v>
      </c>
      <c r="J375" s="9" t="s">
        <v>49</v>
      </c>
      <c r="K375" s="6">
        <v>3</v>
      </c>
      <c r="L375" s="6">
        <v>1</v>
      </c>
      <c r="M375" s="6">
        <v>1</v>
      </c>
      <c r="N375" s="6">
        <v>1</v>
      </c>
      <c r="O375" s="10" t="s">
        <v>55</v>
      </c>
      <c r="P375" s="10" t="s">
        <v>55</v>
      </c>
      <c r="Q375" s="10" t="s">
        <v>55</v>
      </c>
      <c r="R375" s="10" t="s">
        <v>55</v>
      </c>
      <c r="S375" s="6">
        <v>1</v>
      </c>
      <c r="T375" s="10" t="s">
        <v>55</v>
      </c>
      <c r="U375" s="10" t="s">
        <v>55</v>
      </c>
      <c r="V375" s="6">
        <v>1</v>
      </c>
      <c r="W375" s="6">
        <v>1</v>
      </c>
      <c r="X375" s="6">
        <v>1</v>
      </c>
      <c r="Y375" s="6">
        <v>1</v>
      </c>
      <c r="Z375" s="10" t="s">
        <v>55</v>
      </c>
      <c r="AA375" s="10" t="s">
        <v>55</v>
      </c>
      <c r="AB375" s="10" t="s">
        <v>55</v>
      </c>
    </row>
    <row r="376" spans="1:28">
      <c r="A376" s="9" t="s">
        <v>83</v>
      </c>
      <c r="B376" s="9" t="s">
        <v>57</v>
      </c>
      <c r="C376" s="9" t="s">
        <v>87</v>
      </c>
      <c r="D376" s="9" t="s">
        <v>77</v>
      </c>
      <c r="E376" s="9" t="s">
        <v>57</v>
      </c>
      <c r="F376" s="9" t="s">
        <v>81</v>
      </c>
      <c r="G376" s="9" t="s">
        <v>88</v>
      </c>
      <c r="H376" s="9" t="s">
        <v>104</v>
      </c>
      <c r="I376" s="9" t="s">
        <v>6</v>
      </c>
      <c r="J376" s="9" t="s">
        <v>50</v>
      </c>
      <c r="K376" s="6">
        <v>1</v>
      </c>
      <c r="L376" s="10" t="s">
        <v>55</v>
      </c>
      <c r="M376" s="10" t="s">
        <v>55</v>
      </c>
      <c r="N376" s="10" t="s">
        <v>55</v>
      </c>
      <c r="O376" s="10" t="s">
        <v>55</v>
      </c>
      <c r="P376" s="10" t="s">
        <v>55</v>
      </c>
      <c r="Q376" s="10" t="s">
        <v>55</v>
      </c>
      <c r="R376" s="10" t="s">
        <v>55</v>
      </c>
      <c r="S376" s="6">
        <v>1</v>
      </c>
      <c r="T376" s="10" t="s">
        <v>55</v>
      </c>
      <c r="U376" s="10" t="s">
        <v>55</v>
      </c>
      <c r="V376" s="6">
        <v>1</v>
      </c>
      <c r="W376" s="10" t="s">
        <v>55</v>
      </c>
      <c r="X376" s="10" t="s">
        <v>55</v>
      </c>
      <c r="Y376" s="10" t="s">
        <v>55</v>
      </c>
      <c r="Z376" s="10" t="s">
        <v>55</v>
      </c>
      <c r="AA376" s="10" t="s">
        <v>55</v>
      </c>
      <c r="AB376" s="10" t="s">
        <v>55</v>
      </c>
    </row>
    <row r="377" spans="1:28">
      <c r="A377" s="9" t="s">
        <v>83</v>
      </c>
      <c r="B377" s="9" t="s">
        <v>57</v>
      </c>
      <c r="C377" s="9" t="s">
        <v>87</v>
      </c>
      <c r="D377" s="9" t="s">
        <v>77</v>
      </c>
      <c r="E377" s="9" t="s">
        <v>57</v>
      </c>
      <c r="F377" s="9" t="s">
        <v>81</v>
      </c>
      <c r="G377" s="9" t="s">
        <v>88</v>
      </c>
      <c r="H377" s="9" t="s">
        <v>104</v>
      </c>
      <c r="I377" s="9" t="s">
        <v>6</v>
      </c>
      <c r="J377" s="9" t="s">
        <v>51</v>
      </c>
      <c r="K377" s="10" t="s">
        <v>55</v>
      </c>
      <c r="L377" s="10" t="s">
        <v>55</v>
      </c>
      <c r="M377" s="10" t="s">
        <v>55</v>
      </c>
      <c r="N377" s="10" t="s">
        <v>55</v>
      </c>
      <c r="O377" s="10" t="s">
        <v>55</v>
      </c>
      <c r="P377" s="10" t="s">
        <v>55</v>
      </c>
      <c r="Q377" s="10" t="s">
        <v>55</v>
      </c>
      <c r="R377" s="10" t="s">
        <v>55</v>
      </c>
      <c r="S377" s="10" t="s">
        <v>55</v>
      </c>
      <c r="T377" s="10" t="s">
        <v>55</v>
      </c>
      <c r="U377" s="10" t="s">
        <v>55</v>
      </c>
      <c r="V377" s="10" t="s">
        <v>55</v>
      </c>
      <c r="W377" s="10" t="s">
        <v>55</v>
      </c>
      <c r="X377" s="10" t="s">
        <v>55</v>
      </c>
      <c r="Y377" s="10" t="s">
        <v>55</v>
      </c>
      <c r="Z377" s="10" t="s">
        <v>55</v>
      </c>
      <c r="AA377" s="10" t="s">
        <v>55</v>
      </c>
      <c r="AB377" s="10" t="s">
        <v>55</v>
      </c>
    </row>
    <row r="378" spans="1:28">
      <c r="A378" s="9" t="s">
        <v>83</v>
      </c>
      <c r="B378" s="9" t="s">
        <v>57</v>
      </c>
      <c r="C378" s="9" t="s">
        <v>87</v>
      </c>
      <c r="D378" s="9" t="s">
        <v>77</v>
      </c>
      <c r="E378" s="9" t="s">
        <v>57</v>
      </c>
      <c r="F378" s="9" t="s">
        <v>81</v>
      </c>
      <c r="G378" s="9" t="s">
        <v>88</v>
      </c>
      <c r="H378" s="9" t="s">
        <v>104</v>
      </c>
      <c r="I378" s="9" t="s">
        <v>6</v>
      </c>
      <c r="J378" s="9" t="s">
        <v>52</v>
      </c>
      <c r="K378" s="6">
        <v>31</v>
      </c>
      <c r="L378" s="10" t="s">
        <v>55</v>
      </c>
      <c r="M378" s="10" t="s">
        <v>55</v>
      </c>
      <c r="N378" s="10" t="s">
        <v>55</v>
      </c>
      <c r="O378" s="10" t="s">
        <v>55</v>
      </c>
      <c r="P378" s="10" t="s">
        <v>55</v>
      </c>
      <c r="Q378" s="10" t="s">
        <v>55</v>
      </c>
      <c r="R378" s="10" t="s">
        <v>55</v>
      </c>
      <c r="S378" s="10" t="s">
        <v>55</v>
      </c>
      <c r="T378" s="10" t="s">
        <v>55</v>
      </c>
      <c r="U378" s="10" t="s">
        <v>55</v>
      </c>
      <c r="V378" s="10" t="s">
        <v>55</v>
      </c>
      <c r="W378" s="6">
        <v>31</v>
      </c>
      <c r="X378" s="10" t="s">
        <v>55</v>
      </c>
      <c r="Y378" s="10" t="s">
        <v>55</v>
      </c>
      <c r="Z378" s="10" t="s">
        <v>55</v>
      </c>
      <c r="AA378" s="10" t="s">
        <v>55</v>
      </c>
      <c r="AB378" s="10" t="s">
        <v>55</v>
      </c>
    </row>
    <row r="379" spans="1:28">
      <c r="A379" s="9" t="s">
        <v>83</v>
      </c>
      <c r="B379" s="9" t="s">
        <v>57</v>
      </c>
      <c r="C379" s="9" t="s">
        <v>87</v>
      </c>
      <c r="D379" s="9" t="s">
        <v>77</v>
      </c>
      <c r="E379" s="9" t="s">
        <v>57</v>
      </c>
      <c r="F379" s="9" t="s">
        <v>81</v>
      </c>
      <c r="G379" s="9" t="s">
        <v>88</v>
      </c>
      <c r="H379" s="9" t="s">
        <v>104</v>
      </c>
      <c r="I379" s="9" t="s">
        <v>53</v>
      </c>
      <c r="J379" s="9" t="s">
        <v>30</v>
      </c>
      <c r="K379" s="6">
        <v>22</v>
      </c>
      <c r="L379" s="6">
        <v>1</v>
      </c>
      <c r="M379" s="6">
        <v>1</v>
      </c>
      <c r="N379" s="6">
        <v>1</v>
      </c>
      <c r="O379" s="10" t="s">
        <v>55</v>
      </c>
      <c r="P379" s="10" t="s">
        <v>55</v>
      </c>
      <c r="Q379" s="10" t="s">
        <v>55</v>
      </c>
      <c r="R379" s="10" t="s">
        <v>55</v>
      </c>
      <c r="S379" s="10" t="s">
        <v>55</v>
      </c>
      <c r="T379" s="10" t="s">
        <v>55</v>
      </c>
      <c r="U379" s="10" t="s">
        <v>55</v>
      </c>
      <c r="V379" s="10" t="s">
        <v>55</v>
      </c>
      <c r="W379" s="6">
        <v>21</v>
      </c>
      <c r="X379" s="6">
        <v>1</v>
      </c>
      <c r="Y379" s="6">
        <v>1</v>
      </c>
      <c r="Z379" s="10" t="s">
        <v>55</v>
      </c>
      <c r="AA379" s="10" t="s">
        <v>55</v>
      </c>
      <c r="AB379" s="10" t="s">
        <v>55</v>
      </c>
    </row>
    <row r="380" spans="1:28">
      <c r="A380" s="9" t="s">
        <v>83</v>
      </c>
      <c r="B380" s="9" t="s">
        <v>57</v>
      </c>
      <c r="C380" s="9" t="s">
        <v>87</v>
      </c>
      <c r="D380" s="9" t="s">
        <v>77</v>
      </c>
      <c r="E380" s="9" t="s">
        <v>57</v>
      </c>
      <c r="F380" s="9" t="s">
        <v>81</v>
      </c>
      <c r="G380" s="9" t="s">
        <v>88</v>
      </c>
      <c r="H380" s="9" t="s">
        <v>104</v>
      </c>
      <c r="I380" s="9" t="s">
        <v>53</v>
      </c>
      <c r="J380" s="9" t="s">
        <v>31</v>
      </c>
      <c r="K380" s="10" t="s">
        <v>55</v>
      </c>
      <c r="L380" s="10" t="s">
        <v>55</v>
      </c>
      <c r="M380" s="10" t="s">
        <v>55</v>
      </c>
      <c r="N380" s="10" t="s">
        <v>55</v>
      </c>
      <c r="O380" s="10" t="s">
        <v>55</v>
      </c>
      <c r="P380" s="10" t="s">
        <v>55</v>
      </c>
      <c r="Q380" s="10" t="s">
        <v>55</v>
      </c>
      <c r="R380" s="10" t="s">
        <v>55</v>
      </c>
      <c r="S380" s="10" t="s">
        <v>55</v>
      </c>
      <c r="T380" s="10" t="s">
        <v>55</v>
      </c>
      <c r="U380" s="10" t="s">
        <v>55</v>
      </c>
      <c r="V380" s="10" t="s">
        <v>55</v>
      </c>
      <c r="W380" s="10" t="s">
        <v>55</v>
      </c>
      <c r="X380" s="10" t="s">
        <v>55</v>
      </c>
      <c r="Y380" s="10" t="s">
        <v>55</v>
      </c>
      <c r="Z380" s="10" t="s">
        <v>55</v>
      </c>
      <c r="AA380" s="10" t="s">
        <v>55</v>
      </c>
      <c r="AB380" s="10" t="s">
        <v>55</v>
      </c>
    </row>
    <row r="381" spans="1:28">
      <c r="A381" s="9" t="s">
        <v>83</v>
      </c>
      <c r="B381" s="9" t="s">
        <v>57</v>
      </c>
      <c r="C381" s="9" t="s">
        <v>87</v>
      </c>
      <c r="D381" s="9" t="s">
        <v>77</v>
      </c>
      <c r="E381" s="9" t="s">
        <v>57</v>
      </c>
      <c r="F381" s="9" t="s">
        <v>81</v>
      </c>
      <c r="G381" s="9" t="s">
        <v>88</v>
      </c>
      <c r="H381" s="9" t="s">
        <v>104</v>
      </c>
      <c r="I381" s="9" t="s">
        <v>53</v>
      </c>
      <c r="J381" s="9" t="s">
        <v>32</v>
      </c>
      <c r="K381" s="6">
        <v>4</v>
      </c>
      <c r="L381" s="10" t="s">
        <v>55</v>
      </c>
      <c r="M381" s="10" t="s">
        <v>55</v>
      </c>
      <c r="N381" s="10" t="s">
        <v>55</v>
      </c>
      <c r="O381" s="10" t="s">
        <v>55</v>
      </c>
      <c r="P381" s="10" t="s">
        <v>55</v>
      </c>
      <c r="Q381" s="10" t="s">
        <v>55</v>
      </c>
      <c r="R381" s="10" t="s">
        <v>55</v>
      </c>
      <c r="S381" s="10" t="s">
        <v>55</v>
      </c>
      <c r="T381" s="10" t="s">
        <v>55</v>
      </c>
      <c r="U381" s="10" t="s">
        <v>55</v>
      </c>
      <c r="V381" s="10" t="s">
        <v>55</v>
      </c>
      <c r="W381" s="6">
        <v>4</v>
      </c>
      <c r="X381" s="10" t="s">
        <v>55</v>
      </c>
      <c r="Y381" s="10" t="s">
        <v>55</v>
      </c>
      <c r="Z381" s="10" t="s">
        <v>55</v>
      </c>
      <c r="AA381" s="10" t="s">
        <v>55</v>
      </c>
      <c r="AB381" s="10" t="s">
        <v>55</v>
      </c>
    </row>
    <row r="382" spans="1:28">
      <c r="A382" s="9" t="s">
        <v>83</v>
      </c>
      <c r="B382" s="9" t="s">
        <v>57</v>
      </c>
      <c r="C382" s="9" t="s">
        <v>87</v>
      </c>
      <c r="D382" s="9" t="s">
        <v>77</v>
      </c>
      <c r="E382" s="9" t="s">
        <v>57</v>
      </c>
      <c r="F382" s="9" t="s">
        <v>81</v>
      </c>
      <c r="G382" s="9" t="s">
        <v>88</v>
      </c>
      <c r="H382" s="9" t="s">
        <v>104</v>
      </c>
      <c r="I382" s="9" t="s">
        <v>53</v>
      </c>
      <c r="J382" s="9" t="s">
        <v>33</v>
      </c>
      <c r="K382" s="6">
        <v>6</v>
      </c>
      <c r="L382" s="10" t="s">
        <v>55</v>
      </c>
      <c r="M382" s="10" t="s">
        <v>55</v>
      </c>
      <c r="N382" s="10" t="s">
        <v>55</v>
      </c>
      <c r="O382" s="10" t="s">
        <v>55</v>
      </c>
      <c r="P382" s="10" t="s">
        <v>55</v>
      </c>
      <c r="Q382" s="10" t="s">
        <v>55</v>
      </c>
      <c r="R382" s="10" t="s">
        <v>55</v>
      </c>
      <c r="S382" s="10" t="s">
        <v>55</v>
      </c>
      <c r="T382" s="10" t="s">
        <v>55</v>
      </c>
      <c r="U382" s="10" t="s">
        <v>55</v>
      </c>
      <c r="V382" s="10" t="s">
        <v>55</v>
      </c>
      <c r="W382" s="6">
        <v>6</v>
      </c>
      <c r="X382" s="10" t="s">
        <v>55</v>
      </c>
      <c r="Y382" s="10" t="s">
        <v>55</v>
      </c>
      <c r="Z382" s="10" t="s">
        <v>55</v>
      </c>
      <c r="AA382" s="10" t="s">
        <v>55</v>
      </c>
      <c r="AB382" s="10" t="s">
        <v>55</v>
      </c>
    </row>
    <row r="383" spans="1:28">
      <c r="A383" s="9" t="s">
        <v>83</v>
      </c>
      <c r="B383" s="9" t="s">
        <v>57</v>
      </c>
      <c r="C383" s="9" t="s">
        <v>87</v>
      </c>
      <c r="D383" s="9" t="s">
        <v>77</v>
      </c>
      <c r="E383" s="9" t="s">
        <v>57</v>
      </c>
      <c r="F383" s="9" t="s">
        <v>81</v>
      </c>
      <c r="G383" s="9" t="s">
        <v>88</v>
      </c>
      <c r="H383" s="9" t="s">
        <v>104</v>
      </c>
      <c r="I383" s="9" t="s">
        <v>53</v>
      </c>
      <c r="J383" s="9" t="s">
        <v>34</v>
      </c>
      <c r="K383" s="6">
        <v>2</v>
      </c>
      <c r="L383" s="10" t="s">
        <v>55</v>
      </c>
      <c r="M383" s="10" t="s">
        <v>55</v>
      </c>
      <c r="N383" s="10" t="s">
        <v>55</v>
      </c>
      <c r="O383" s="10" t="s">
        <v>55</v>
      </c>
      <c r="P383" s="10" t="s">
        <v>55</v>
      </c>
      <c r="Q383" s="10" t="s">
        <v>55</v>
      </c>
      <c r="R383" s="10" t="s">
        <v>55</v>
      </c>
      <c r="S383" s="10" t="s">
        <v>55</v>
      </c>
      <c r="T383" s="10" t="s">
        <v>55</v>
      </c>
      <c r="U383" s="10" t="s">
        <v>55</v>
      </c>
      <c r="V383" s="10" t="s">
        <v>55</v>
      </c>
      <c r="W383" s="6">
        <v>2</v>
      </c>
      <c r="X383" s="10" t="s">
        <v>55</v>
      </c>
      <c r="Y383" s="10" t="s">
        <v>55</v>
      </c>
      <c r="Z383" s="10" t="s">
        <v>55</v>
      </c>
      <c r="AA383" s="10" t="s">
        <v>55</v>
      </c>
      <c r="AB383" s="10" t="s">
        <v>55</v>
      </c>
    </row>
    <row r="384" spans="1:28">
      <c r="A384" s="9" t="s">
        <v>83</v>
      </c>
      <c r="B384" s="9" t="s">
        <v>57</v>
      </c>
      <c r="C384" s="9" t="s">
        <v>87</v>
      </c>
      <c r="D384" s="9" t="s">
        <v>77</v>
      </c>
      <c r="E384" s="9" t="s">
        <v>57</v>
      </c>
      <c r="F384" s="9" t="s">
        <v>81</v>
      </c>
      <c r="G384" s="9" t="s">
        <v>88</v>
      </c>
      <c r="H384" s="9" t="s">
        <v>104</v>
      </c>
      <c r="I384" s="9" t="s">
        <v>53</v>
      </c>
      <c r="J384" s="9" t="s">
        <v>35</v>
      </c>
      <c r="K384" s="6">
        <v>3</v>
      </c>
      <c r="L384" s="10" t="s">
        <v>55</v>
      </c>
      <c r="M384" s="10" t="s">
        <v>55</v>
      </c>
      <c r="N384" s="10" t="s">
        <v>55</v>
      </c>
      <c r="O384" s="10" t="s">
        <v>55</v>
      </c>
      <c r="P384" s="10" t="s">
        <v>55</v>
      </c>
      <c r="Q384" s="10" t="s">
        <v>55</v>
      </c>
      <c r="R384" s="10" t="s">
        <v>55</v>
      </c>
      <c r="S384" s="10" t="s">
        <v>55</v>
      </c>
      <c r="T384" s="10" t="s">
        <v>55</v>
      </c>
      <c r="U384" s="10" t="s">
        <v>55</v>
      </c>
      <c r="V384" s="10" t="s">
        <v>55</v>
      </c>
      <c r="W384" s="6">
        <v>3</v>
      </c>
      <c r="X384" s="10" t="s">
        <v>55</v>
      </c>
      <c r="Y384" s="10" t="s">
        <v>55</v>
      </c>
      <c r="Z384" s="10" t="s">
        <v>55</v>
      </c>
      <c r="AA384" s="10" t="s">
        <v>55</v>
      </c>
      <c r="AB384" s="10" t="s">
        <v>55</v>
      </c>
    </row>
    <row r="385" spans="1:28">
      <c r="A385" s="9" t="s">
        <v>83</v>
      </c>
      <c r="B385" s="9" t="s">
        <v>57</v>
      </c>
      <c r="C385" s="9" t="s">
        <v>87</v>
      </c>
      <c r="D385" s="9" t="s">
        <v>77</v>
      </c>
      <c r="E385" s="9" t="s">
        <v>57</v>
      </c>
      <c r="F385" s="9" t="s">
        <v>81</v>
      </c>
      <c r="G385" s="9" t="s">
        <v>88</v>
      </c>
      <c r="H385" s="9" t="s">
        <v>104</v>
      </c>
      <c r="I385" s="9" t="s">
        <v>53</v>
      </c>
      <c r="J385" s="9" t="s">
        <v>36</v>
      </c>
      <c r="K385" s="10" t="s">
        <v>55</v>
      </c>
      <c r="L385" s="10" t="s">
        <v>55</v>
      </c>
      <c r="M385" s="10" t="s">
        <v>55</v>
      </c>
      <c r="N385" s="10" t="s">
        <v>55</v>
      </c>
      <c r="O385" s="10" t="s">
        <v>55</v>
      </c>
      <c r="P385" s="10" t="s">
        <v>55</v>
      </c>
      <c r="Q385" s="10" t="s">
        <v>55</v>
      </c>
      <c r="R385" s="10" t="s">
        <v>55</v>
      </c>
      <c r="S385" s="10" t="s">
        <v>55</v>
      </c>
      <c r="T385" s="10" t="s">
        <v>55</v>
      </c>
      <c r="U385" s="10" t="s">
        <v>55</v>
      </c>
      <c r="V385" s="10" t="s">
        <v>55</v>
      </c>
      <c r="W385" s="10" t="s">
        <v>55</v>
      </c>
      <c r="X385" s="10" t="s">
        <v>55</v>
      </c>
      <c r="Y385" s="10" t="s">
        <v>55</v>
      </c>
      <c r="Z385" s="10" t="s">
        <v>55</v>
      </c>
      <c r="AA385" s="10" t="s">
        <v>55</v>
      </c>
      <c r="AB385" s="10" t="s">
        <v>55</v>
      </c>
    </row>
    <row r="386" spans="1:28">
      <c r="A386" s="9" t="s">
        <v>83</v>
      </c>
      <c r="B386" s="9" t="s">
        <v>57</v>
      </c>
      <c r="C386" s="9" t="s">
        <v>87</v>
      </c>
      <c r="D386" s="9" t="s">
        <v>77</v>
      </c>
      <c r="E386" s="9" t="s">
        <v>57</v>
      </c>
      <c r="F386" s="9" t="s">
        <v>81</v>
      </c>
      <c r="G386" s="9" t="s">
        <v>88</v>
      </c>
      <c r="H386" s="9" t="s">
        <v>104</v>
      </c>
      <c r="I386" s="9" t="s">
        <v>53</v>
      </c>
      <c r="J386" s="9" t="s">
        <v>37</v>
      </c>
      <c r="K386" s="6">
        <v>1</v>
      </c>
      <c r="L386" s="10" t="s">
        <v>55</v>
      </c>
      <c r="M386" s="10" t="s">
        <v>55</v>
      </c>
      <c r="N386" s="10" t="s">
        <v>55</v>
      </c>
      <c r="O386" s="10" t="s">
        <v>55</v>
      </c>
      <c r="P386" s="10" t="s">
        <v>55</v>
      </c>
      <c r="Q386" s="10" t="s">
        <v>55</v>
      </c>
      <c r="R386" s="10" t="s">
        <v>55</v>
      </c>
      <c r="S386" s="10" t="s">
        <v>55</v>
      </c>
      <c r="T386" s="10" t="s">
        <v>55</v>
      </c>
      <c r="U386" s="10" t="s">
        <v>55</v>
      </c>
      <c r="V386" s="10" t="s">
        <v>55</v>
      </c>
      <c r="W386" s="6">
        <v>1</v>
      </c>
      <c r="X386" s="10" t="s">
        <v>55</v>
      </c>
      <c r="Y386" s="10" t="s">
        <v>55</v>
      </c>
      <c r="Z386" s="10" t="s">
        <v>55</v>
      </c>
      <c r="AA386" s="10" t="s">
        <v>55</v>
      </c>
      <c r="AB386" s="10" t="s">
        <v>55</v>
      </c>
    </row>
    <row r="387" spans="1:28">
      <c r="A387" s="9" t="s">
        <v>83</v>
      </c>
      <c r="B387" s="9" t="s">
        <v>57</v>
      </c>
      <c r="C387" s="9" t="s">
        <v>87</v>
      </c>
      <c r="D387" s="9" t="s">
        <v>77</v>
      </c>
      <c r="E387" s="9" t="s">
        <v>57</v>
      </c>
      <c r="F387" s="9" t="s">
        <v>81</v>
      </c>
      <c r="G387" s="9" t="s">
        <v>88</v>
      </c>
      <c r="H387" s="9" t="s">
        <v>104</v>
      </c>
      <c r="I387" s="9" t="s">
        <v>53</v>
      </c>
      <c r="J387" s="9" t="s">
        <v>38</v>
      </c>
      <c r="K387" s="6">
        <v>3</v>
      </c>
      <c r="L387" s="10" t="s">
        <v>55</v>
      </c>
      <c r="M387" s="10" t="s">
        <v>55</v>
      </c>
      <c r="N387" s="10" t="s">
        <v>55</v>
      </c>
      <c r="O387" s="10" t="s">
        <v>55</v>
      </c>
      <c r="P387" s="10" t="s">
        <v>55</v>
      </c>
      <c r="Q387" s="10" t="s">
        <v>55</v>
      </c>
      <c r="R387" s="10" t="s">
        <v>55</v>
      </c>
      <c r="S387" s="10" t="s">
        <v>55</v>
      </c>
      <c r="T387" s="10" t="s">
        <v>55</v>
      </c>
      <c r="U387" s="10" t="s">
        <v>55</v>
      </c>
      <c r="V387" s="10" t="s">
        <v>55</v>
      </c>
      <c r="W387" s="6">
        <v>3</v>
      </c>
      <c r="X387" s="10" t="s">
        <v>55</v>
      </c>
      <c r="Y387" s="10" t="s">
        <v>55</v>
      </c>
      <c r="Z387" s="10" t="s">
        <v>55</v>
      </c>
      <c r="AA387" s="10" t="s">
        <v>55</v>
      </c>
      <c r="AB387" s="10" t="s">
        <v>55</v>
      </c>
    </row>
    <row r="388" spans="1:28">
      <c r="A388" s="9" t="s">
        <v>83</v>
      </c>
      <c r="B388" s="9" t="s">
        <v>57</v>
      </c>
      <c r="C388" s="9" t="s">
        <v>87</v>
      </c>
      <c r="D388" s="9" t="s">
        <v>77</v>
      </c>
      <c r="E388" s="9" t="s">
        <v>57</v>
      </c>
      <c r="F388" s="9" t="s">
        <v>81</v>
      </c>
      <c r="G388" s="9" t="s">
        <v>88</v>
      </c>
      <c r="H388" s="9" t="s">
        <v>104</v>
      </c>
      <c r="I388" s="9" t="s">
        <v>53</v>
      </c>
      <c r="J388" s="9" t="s">
        <v>39</v>
      </c>
      <c r="K388" s="10" t="s">
        <v>55</v>
      </c>
      <c r="L388" s="10" t="s">
        <v>55</v>
      </c>
      <c r="M388" s="10" t="s">
        <v>55</v>
      </c>
      <c r="N388" s="10" t="s">
        <v>55</v>
      </c>
      <c r="O388" s="10" t="s">
        <v>55</v>
      </c>
      <c r="P388" s="10" t="s">
        <v>55</v>
      </c>
      <c r="Q388" s="10" t="s">
        <v>55</v>
      </c>
      <c r="R388" s="10" t="s">
        <v>55</v>
      </c>
      <c r="S388" s="10" t="s">
        <v>55</v>
      </c>
      <c r="T388" s="10" t="s">
        <v>55</v>
      </c>
      <c r="U388" s="10" t="s">
        <v>55</v>
      </c>
      <c r="V388" s="10" t="s">
        <v>55</v>
      </c>
      <c r="W388" s="10" t="s">
        <v>55</v>
      </c>
      <c r="X388" s="10" t="s">
        <v>55</v>
      </c>
      <c r="Y388" s="10" t="s">
        <v>55</v>
      </c>
      <c r="Z388" s="10" t="s">
        <v>55</v>
      </c>
      <c r="AA388" s="10" t="s">
        <v>55</v>
      </c>
      <c r="AB388" s="10" t="s">
        <v>55</v>
      </c>
    </row>
    <row r="389" spans="1:28">
      <c r="A389" s="9" t="s">
        <v>83</v>
      </c>
      <c r="B389" s="9" t="s">
        <v>57</v>
      </c>
      <c r="C389" s="9" t="s">
        <v>87</v>
      </c>
      <c r="D389" s="9" t="s">
        <v>77</v>
      </c>
      <c r="E389" s="9" t="s">
        <v>57</v>
      </c>
      <c r="F389" s="9" t="s">
        <v>81</v>
      </c>
      <c r="G389" s="9" t="s">
        <v>88</v>
      </c>
      <c r="H389" s="9" t="s">
        <v>104</v>
      </c>
      <c r="I389" s="9" t="s">
        <v>53</v>
      </c>
      <c r="J389" s="9" t="s">
        <v>40</v>
      </c>
      <c r="K389" s="6">
        <v>1</v>
      </c>
      <c r="L389" s="10" t="s">
        <v>55</v>
      </c>
      <c r="M389" s="10" t="s">
        <v>55</v>
      </c>
      <c r="N389" s="10" t="s">
        <v>55</v>
      </c>
      <c r="O389" s="10" t="s">
        <v>55</v>
      </c>
      <c r="P389" s="10" t="s">
        <v>55</v>
      </c>
      <c r="Q389" s="10" t="s">
        <v>55</v>
      </c>
      <c r="R389" s="10" t="s">
        <v>55</v>
      </c>
      <c r="S389" s="10" t="s">
        <v>55</v>
      </c>
      <c r="T389" s="10" t="s">
        <v>55</v>
      </c>
      <c r="U389" s="10" t="s">
        <v>55</v>
      </c>
      <c r="V389" s="10" t="s">
        <v>55</v>
      </c>
      <c r="W389" s="6">
        <v>1</v>
      </c>
      <c r="X389" s="10" t="s">
        <v>55</v>
      </c>
      <c r="Y389" s="10" t="s">
        <v>55</v>
      </c>
      <c r="Z389" s="10" t="s">
        <v>55</v>
      </c>
      <c r="AA389" s="10" t="s">
        <v>55</v>
      </c>
      <c r="AB389" s="10" t="s">
        <v>55</v>
      </c>
    </row>
    <row r="390" spans="1:28">
      <c r="A390" s="9" t="s">
        <v>83</v>
      </c>
      <c r="B390" s="9" t="s">
        <v>57</v>
      </c>
      <c r="C390" s="9" t="s">
        <v>87</v>
      </c>
      <c r="D390" s="9" t="s">
        <v>77</v>
      </c>
      <c r="E390" s="9" t="s">
        <v>57</v>
      </c>
      <c r="F390" s="9" t="s">
        <v>81</v>
      </c>
      <c r="G390" s="9" t="s">
        <v>88</v>
      </c>
      <c r="H390" s="9" t="s">
        <v>104</v>
      </c>
      <c r="I390" s="9" t="s">
        <v>53</v>
      </c>
      <c r="J390" s="9" t="s">
        <v>41</v>
      </c>
      <c r="K390" s="6">
        <v>1</v>
      </c>
      <c r="L390" s="10" t="s">
        <v>55</v>
      </c>
      <c r="M390" s="10" t="s">
        <v>55</v>
      </c>
      <c r="N390" s="10" t="s">
        <v>55</v>
      </c>
      <c r="O390" s="10" t="s">
        <v>55</v>
      </c>
      <c r="P390" s="10" t="s">
        <v>55</v>
      </c>
      <c r="Q390" s="10" t="s">
        <v>55</v>
      </c>
      <c r="R390" s="10" t="s">
        <v>55</v>
      </c>
      <c r="S390" s="10" t="s">
        <v>55</v>
      </c>
      <c r="T390" s="10" t="s">
        <v>55</v>
      </c>
      <c r="U390" s="10" t="s">
        <v>55</v>
      </c>
      <c r="V390" s="10" t="s">
        <v>55</v>
      </c>
      <c r="W390" s="6">
        <v>1</v>
      </c>
      <c r="X390" s="10" t="s">
        <v>55</v>
      </c>
      <c r="Y390" s="10" t="s">
        <v>55</v>
      </c>
      <c r="Z390" s="10" t="s">
        <v>55</v>
      </c>
      <c r="AA390" s="10" t="s">
        <v>55</v>
      </c>
      <c r="AB390" s="10" t="s">
        <v>55</v>
      </c>
    </row>
    <row r="391" spans="1:28">
      <c r="A391" s="9" t="s">
        <v>83</v>
      </c>
      <c r="B391" s="9" t="s">
        <v>57</v>
      </c>
      <c r="C391" s="9" t="s">
        <v>87</v>
      </c>
      <c r="D391" s="9" t="s">
        <v>77</v>
      </c>
      <c r="E391" s="9" t="s">
        <v>57</v>
      </c>
      <c r="F391" s="9" t="s">
        <v>81</v>
      </c>
      <c r="G391" s="9" t="s">
        <v>88</v>
      </c>
      <c r="H391" s="9" t="s">
        <v>104</v>
      </c>
      <c r="I391" s="9" t="s">
        <v>53</v>
      </c>
      <c r="J391" s="9" t="s">
        <v>42</v>
      </c>
      <c r="K391" s="6">
        <v>1</v>
      </c>
      <c r="L391" s="6">
        <v>1</v>
      </c>
      <c r="M391" s="6">
        <v>1</v>
      </c>
      <c r="N391" s="6">
        <v>1</v>
      </c>
      <c r="O391" s="10" t="s">
        <v>55</v>
      </c>
      <c r="P391" s="10" t="s">
        <v>55</v>
      </c>
      <c r="Q391" s="10" t="s">
        <v>55</v>
      </c>
      <c r="R391" s="10" t="s">
        <v>55</v>
      </c>
      <c r="S391" s="10" t="s">
        <v>55</v>
      </c>
      <c r="T391" s="10" t="s">
        <v>55</v>
      </c>
      <c r="U391" s="10" t="s">
        <v>55</v>
      </c>
      <c r="V391" s="10" t="s">
        <v>55</v>
      </c>
      <c r="W391" s="10" t="s">
        <v>55</v>
      </c>
      <c r="X391" s="6">
        <v>1</v>
      </c>
      <c r="Y391" s="6">
        <v>1</v>
      </c>
      <c r="Z391" s="10" t="s">
        <v>55</v>
      </c>
      <c r="AA391" s="10" t="s">
        <v>55</v>
      </c>
      <c r="AB391" s="10" t="s">
        <v>55</v>
      </c>
    </row>
    <row r="392" spans="1:28">
      <c r="A392" s="9" t="s">
        <v>83</v>
      </c>
      <c r="B392" s="9" t="s">
        <v>57</v>
      </c>
      <c r="C392" s="9" t="s">
        <v>87</v>
      </c>
      <c r="D392" s="9" t="s">
        <v>77</v>
      </c>
      <c r="E392" s="9" t="s">
        <v>57</v>
      </c>
      <c r="F392" s="9" t="s">
        <v>81</v>
      </c>
      <c r="G392" s="9" t="s">
        <v>88</v>
      </c>
      <c r="H392" s="9" t="s">
        <v>104</v>
      </c>
      <c r="I392" s="9" t="s">
        <v>53</v>
      </c>
      <c r="J392" s="9" t="s">
        <v>43</v>
      </c>
      <c r="K392" s="10" t="s">
        <v>55</v>
      </c>
      <c r="L392" s="10" t="s">
        <v>55</v>
      </c>
      <c r="M392" s="10" t="s">
        <v>55</v>
      </c>
      <c r="N392" s="10" t="s">
        <v>55</v>
      </c>
      <c r="O392" s="10" t="s">
        <v>55</v>
      </c>
      <c r="P392" s="10" t="s">
        <v>55</v>
      </c>
      <c r="Q392" s="10" t="s">
        <v>55</v>
      </c>
      <c r="R392" s="10" t="s">
        <v>55</v>
      </c>
      <c r="S392" s="10" t="s">
        <v>55</v>
      </c>
      <c r="T392" s="10" t="s">
        <v>55</v>
      </c>
      <c r="U392" s="10" t="s">
        <v>55</v>
      </c>
      <c r="V392" s="10" t="s">
        <v>55</v>
      </c>
      <c r="W392" s="10" t="s">
        <v>55</v>
      </c>
      <c r="X392" s="10" t="s">
        <v>55</v>
      </c>
      <c r="Y392" s="10" t="s">
        <v>55</v>
      </c>
      <c r="Z392" s="10" t="s">
        <v>55</v>
      </c>
      <c r="AA392" s="10" t="s">
        <v>55</v>
      </c>
      <c r="AB392" s="10" t="s">
        <v>55</v>
      </c>
    </row>
    <row r="393" spans="1:28">
      <c r="A393" s="9" t="s">
        <v>83</v>
      </c>
      <c r="B393" s="9" t="s">
        <v>57</v>
      </c>
      <c r="C393" s="9" t="s">
        <v>87</v>
      </c>
      <c r="D393" s="9" t="s">
        <v>77</v>
      </c>
      <c r="E393" s="9" t="s">
        <v>57</v>
      </c>
      <c r="F393" s="9" t="s">
        <v>81</v>
      </c>
      <c r="G393" s="9" t="s">
        <v>88</v>
      </c>
      <c r="H393" s="9" t="s">
        <v>104</v>
      </c>
      <c r="I393" s="9" t="s">
        <v>53</v>
      </c>
      <c r="J393" s="9" t="s">
        <v>44</v>
      </c>
      <c r="K393" s="10" t="s">
        <v>55</v>
      </c>
      <c r="L393" s="10" t="s">
        <v>55</v>
      </c>
      <c r="M393" s="10" t="s">
        <v>55</v>
      </c>
      <c r="N393" s="10" t="s">
        <v>55</v>
      </c>
      <c r="O393" s="10" t="s">
        <v>55</v>
      </c>
      <c r="P393" s="10" t="s">
        <v>55</v>
      </c>
      <c r="Q393" s="10" t="s">
        <v>55</v>
      </c>
      <c r="R393" s="10" t="s">
        <v>55</v>
      </c>
      <c r="S393" s="10" t="s">
        <v>55</v>
      </c>
      <c r="T393" s="10" t="s">
        <v>55</v>
      </c>
      <c r="U393" s="10" t="s">
        <v>55</v>
      </c>
      <c r="V393" s="10" t="s">
        <v>55</v>
      </c>
      <c r="W393" s="10" t="s">
        <v>55</v>
      </c>
      <c r="X393" s="10" t="s">
        <v>55</v>
      </c>
      <c r="Y393" s="10" t="s">
        <v>55</v>
      </c>
      <c r="Z393" s="10" t="s">
        <v>55</v>
      </c>
      <c r="AA393" s="10" t="s">
        <v>55</v>
      </c>
      <c r="AB393" s="10" t="s">
        <v>55</v>
      </c>
    </row>
    <row r="394" spans="1:28">
      <c r="A394" s="9" t="s">
        <v>83</v>
      </c>
      <c r="B394" s="9" t="s">
        <v>57</v>
      </c>
      <c r="C394" s="9" t="s">
        <v>87</v>
      </c>
      <c r="D394" s="9" t="s">
        <v>77</v>
      </c>
      <c r="E394" s="9" t="s">
        <v>57</v>
      </c>
      <c r="F394" s="9" t="s">
        <v>81</v>
      </c>
      <c r="G394" s="9" t="s">
        <v>88</v>
      </c>
      <c r="H394" s="9" t="s">
        <v>104</v>
      </c>
      <c r="I394" s="9" t="s">
        <v>53</v>
      </c>
      <c r="J394" s="9" t="s">
        <v>45</v>
      </c>
      <c r="K394" s="10" t="s">
        <v>55</v>
      </c>
      <c r="L394" s="10" t="s">
        <v>55</v>
      </c>
      <c r="M394" s="10" t="s">
        <v>55</v>
      </c>
      <c r="N394" s="10" t="s">
        <v>55</v>
      </c>
      <c r="O394" s="10" t="s">
        <v>55</v>
      </c>
      <c r="P394" s="10" t="s">
        <v>55</v>
      </c>
      <c r="Q394" s="10" t="s">
        <v>55</v>
      </c>
      <c r="R394" s="10" t="s">
        <v>55</v>
      </c>
      <c r="S394" s="10" t="s">
        <v>55</v>
      </c>
      <c r="T394" s="10" t="s">
        <v>55</v>
      </c>
      <c r="U394" s="10" t="s">
        <v>55</v>
      </c>
      <c r="V394" s="10" t="s">
        <v>55</v>
      </c>
      <c r="W394" s="10" t="s">
        <v>55</v>
      </c>
      <c r="X394" s="10" t="s">
        <v>55</v>
      </c>
      <c r="Y394" s="10" t="s">
        <v>55</v>
      </c>
      <c r="Z394" s="10" t="s">
        <v>55</v>
      </c>
      <c r="AA394" s="10" t="s">
        <v>55</v>
      </c>
      <c r="AB394" s="10" t="s">
        <v>55</v>
      </c>
    </row>
    <row r="395" spans="1:28">
      <c r="A395" s="9" t="s">
        <v>83</v>
      </c>
      <c r="B395" s="9" t="s">
        <v>57</v>
      </c>
      <c r="C395" s="9" t="s">
        <v>87</v>
      </c>
      <c r="D395" s="9" t="s">
        <v>77</v>
      </c>
      <c r="E395" s="9" t="s">
        <v>57</v>
      </c>
      <c r="F395" s="9" t="s">
        <v>81</v>
      </c>
      <c r="G395" s="9" t="s">
        <v>88</v>
      </c>
      <c r="H395" s="9" t="s">
        <v>104</v>
      </c>
      <c r="I395" s="9" t="s">
        <v>53</v>
      </c>
      <c r="J395" s="9" t="s">
        <v>46</v>
      </c>
      <c r="K395" s="10" t="s">
        <v>55</v>
      </c>
      <c r="L395" s="10" t="s">
        <v>55</v>
      </c>
      <c r="M395" s="10" t="s">
        <v>55</v>
      </c>
      <c r="N395" s="10" t="s">
        <v>55</v>
      </c>
      <c r="O395" s="10" t="s">
        <v>55</v>
      </c>
      <c r="P395" s="10" t="s">
        <v>55</v>
      </c>
      <c r="Q395" s="10" t="s">
        <v>55</v>
      </c>
      <c r="R395" s="10" t="s">
        <v>55</v>
      </c>
      <c r="S395" s="10" t="s">
        <v>55</v>
      </c>
      <c r="T395" s="10" t="s">
        <v>55</v>
      </c>
      <c r="U395" s="10" t="s">
        <v>55</v>
      </c>
      <c r="V395" s="10" t="s">
        <v>55</v>
      </c>
      <c r="W395" s="10" t="s">
        <v>55</v>
      </c>
      <c r="X395" s="10" t="s">
        <v>55</v>
      </c>
      <c r="Y395" s="10" t="s">
        <v>55</v>
      </c>
      <c r="Z395" s="10" t="s">
        <v>55</v>
      </c>
      <c r="AA395" s="10" t="s">
        <v>55</v>
      </c>
      <c r="AB395" s="10" t="s">
        <v>55</v>
      </c>
    </row>
    <row r="396" spans="1:28">
      <c r="A396" s="9" t="s">
        <v>83</v>
      </c>
      <c r="B396" s="9" t="s">
        <v>57</v>
      </c>
      <c r="C396" s="9" t="s">
        <v>87</v>
      </c>
      <c r="D396" s="9" t="s">
        <v>77</v>
      </c>
      <c r="E396" s="9" t="s">
        <v>57</v>
      </c>
      <c r="F396" s="9" t="s">
        <v>81</v>
      </c>
      <c r="G396" s="9" t="s">
        <v>88</v>
      </c>
      <c r="H396" s="9" t="s">
        <v>104</v>
      </c>
      <c r="I396" s="9" t="s">
        <v>53</v>
      </c>
      <c r="J396" s="9" t="s">
        <v>47</v>
      </c>
      <c r="K396" s="10" t="s">
        <v>55</v>
      </c>
      <c r="L396" s="10" t="s">
        <v>55</v>
      </c>
      <c r="M396" s="10" t="s">
        <v>55</v>
      </c>
      <c r="N396" s="10" t="s">
        <v>55</v>
      </c>
      <c r="O396" s="10" t="s">
        <v>55</v>
      </c>
      <c r="P396" s="10" t="s">
        <v>55</v>
      </c>
      <c r="Q396" s="10" t="s">
        <v>55</v>
      </c>
      <c r="R396" s="10" t="s">
        <v>55</v>
      </c>
      <c r="S396" s="10" t="s">
        <v>55</v>
      </c>
      <c r="T396" s="10" t="s">
        <v>55</v>
      </c>
      <c r="U396" s="10" t="s">
        <v>55</v>
      </c>
      <c r="V396" s="10" t="s">
        <v>55</v>
      </c>
      <c r="W396" s="10" t="s">
        <v>55</v>
      </c>
      <c r="X396" s="10" t="s">
        <v>55</v>
      </c>
      <c r="Y396" s="10" t="s">
        <v>55</v>
      </c>
      <c r="Z396" s="10" t="s">
        <v>55</v>
      </c>
      <c r="AA396" s="10" t="s">
        <v>55</v>
      </c>
      <c r="AB396" s="10" t="s">
        <v>55</v>
      </c>
    </row>
    <row r="397" spans="1:28">
      <c r="A397" s="9" t="s">
        <v>83</v>
      </c>
      <c r="B397" s="9" t="s">
        <v>57</v>
      </c>
      <c r="C397" s="9" t="s">
        <v>87</v>
      </c>
      <c r="D397" s="9" t="s">
        <v>77</v>
      </c>
      <c r="E397" s="9" t="s">
        <v>57</v>
      </c>
      <c r="F397" s="9" t="s">
        <v>81</v>
      </c>
      <c r="G397" s="9" t="s">
        <v>88</v>
      </c>
      <c r="H397" s="9" t="s">
        <v>104</v>
      </c>
      <c r="I397" s="9" t="s">
        <v>53</v>
      </c>
      <c r="J397" s="9" t="s">
        <v>48</v>
      </c>
      <c r="K397" s="6">
        <v>20</v>
      </c>
      <c r="L397" s="10" t="s">
        <v>55</v>
      </c>
      <c r="M397" s="10" t="s">
        <v>55</v>
      </c>
      <c r="N397" s="10" t="s">
        <v>55</v>
      </c>
      <c r="O397" s="10" t="s">
        <v>55</v>
      </c>
      <c r="P397" s="10" t="s">
        <v>55</v>
      </c>
      <c r="Q397" s="10" t="s">
        <v>55</v>
      </c>
      <c r="R397" s="10" t="s">
        <v>55</v>
      </c>
      <c r="S397" s="10" t="s">
        <v>55</v>
      </c>
      <c r="T397" s="10" t="s">
        <v>55</v>
      </c>
      <c r="U397" s="10" t="s">
        <v>55</v>
      </c>
      <c r="V397" s="10" t="s">
        <v>55</v>
      </c>
      <c r="W397" s="6">
        <v>20</v>
      </c>
      <c r="X397" s="10" t="s">
        <v>55</v>
      </c>
      <c r="Y397" s="10" t="s">
        <v>55</v>
      </c>
      <c r="Z397" s="10" t="s">
        <v>55</v>
      </c>
      <c r="AA397" s="10" t="s">
        <v>55</v>
      </c>
      <c r="AB397" s="10" t="s">
        <v>55</v>
      </c>
    </row>
    <row r="398" spans="1:28">
      <c r="A398" s="9" t="s">
        <v>83</v>
      </c>
      <c r="B398" s="9" t="s">
        <v>57</v>
      </c>
      <c r="C398" s="9" t="s">
        <v>87</v>
      </c>
      <c r="D398" s="9" t="s">
        <v>77</v>
      </c>
      <c r="E398" s="9" t="s">
        <v>57</v>
      </c>
      <c r="F398" s="9" t="s">
        <v>81</v>
      </c>
      <c r="G398" s="9" t="s">
        <v>88</v>
      </c>
      <c r="H398" s="9" t="s">
        <v>104</v>
      </c>
      <c r="I398" s="9" t="s">
        <v>53</v>
      </c>
      <c r="J398" s="9" t="s">
        <v>49</v>
      </c>
      <c r="K398" s="6">
        <v>2</v>
      </c>
      <c r="L398" s="6">
        <v>1</v>
      </c>
      <c r="M398" s="6">
        <v>1</v>
      </c>
      <c r="N398" s="6">
        <v>1</v>
      </c>
      <c r="O398" s="10" t="s">
        <v>55</v>
      </c>
      <c r="P398" s="10" t="s">
        <v>55</v>
      </c>
      <c r="Q398" s="10" t="s">
        <v>55</v>
      </c>
      <c r="R398" s="10" t="s">
        <v>55</v>
      </c>
      <c r="S398" s="10" t="s">
        <v>55</v>
      </c>
      <c r="T398" s="10" t="s">
        <v>55</v>
      </c>
      <c r="U398" s="10" t="s">
        <v>55</v>
      </c>
      <c r="V398" s="10" t="s">
        <v>55</v>
      </c>
      <c r="W398" s="6">
        <v>1</v>
      </c>
      <c r="X398" s="6">
        <v>1</v>
      </c>
      <c r="Y398" s="6">
        <v>1</v>
      </c>
      <c r="Z398" s="10" t="s">
        <v>55</v>
      </c>
      <c r="AA398" s="10" t="s">
        <v>55</v>
      </c>
      <c r="AB398" s="10" t="s">
        <v>55</v>
      </c>
    </row>
    <row r="399" spans="1:28">
      <c r="A399" s="9" t="s">
        <v>83</v>
      </c>
      <c r="B399" s="9" t="s">
        <v>57</v>
      </c>
      <c r="C399" s="9" t="s">
        <v>87</v>
      </c>
      <c r="D399" s="9" t="s">
        <v>77</v>
      </c>
      <c r="E399" s="9" t="s">
        <v>57</v>
      </c>
      <c r="F399" s="9" t="s">
        <v>81</v>
      </c>
      <c r="G399" s="9" t="s">
        <v>88</v>
      </c>
      <c r="H399" s="9" t="s">
        <v>104</v>
      </c>
      <c r="I399" s="9" t="s">
        <v>53</v>
      </c>
      <c r="J399" s="9" t="s">
        <v>50</v>
      </c>
      <c r="K399" s="10" t="s">
        <v>55</v>
      </c>
      <c r="L399" s="10" t="s">
        <v>55</v>
      </c>
      <c r="M399" s="10" t="s">
        <v>55</v>
      </c>
      <c r="N399" s="10" t="s">
        <v>55</v>
      </c>
      <c r="O399" s="10" t="s">
        <v>55</v>
      </c>
      <c r="P399" s="10" t="s">
        <v>55</v>
      </c>
      <c r="Q399" s="10" t="s">
        <v>55</v>
      </c>
      <c r="R399" s="10" t="s">
        <v>55</v>
      </c>
      <c r="S399" s="10" t="s">
        <v>55</v>
      </c>
      <c r="T399" s="10" t="s">
        <v>55</v>
      </c>
      <c r="U399" s="10" t="s">
        <v>55</v>
      </c>
      <c r="V399" s="10" t="s">
        <v>55</v>
      </c>
      <c r="W399" s="10" t="s">
        <v>55</v>
      </c>
      <c r="X399" s="10" t="s">
        <v>55</v>
      </c>
      <c r="Y399" s="10" t="s">
        <v>55</v>
      </c>
      <c r="Z399" s="10" t="s">
        <v>55</v>
      </c>
      <c r="AA399" s="10" t="s">
        <v>55</v>
      </c>
      <c r="AB399" s="10" t="s">
        <v>55</v>
      </c>
    </row>
    <row r="400" spans="1:28">
      <c r="A400" s="9" t="s">
        <v>83</v>
      </c>
      <c r="B400" s="9" t="s">
        <v>57</v>
      </c>
      <c r="C400" s="9" t="s">
        <v>87</v>
      </c>
      <c r="D400" s="9" t="s">
        <v>77</v>
      </c>
      <c r="E400" s="9" t="s">
        <v>57</v>
      </c>
      <c r="F400" s="9" t="s">
        <v>81</v>
      </c>
      <c r="G400" s="9" t="s">
        <v>88</v>
      </c>
      <c r="H400" s="9" t="s">
        <v>104</v>
      </c>
      <c r="I400" s="9" t="s">
        <v>53</v>
      </c>
      <c r="J400" s="9" t="s">
        <v>51</v>
      </c>
      <c r="K400" s="10" t="s">
        <v>55</v>
      </c>
      <c r="L400" s="10" t="s">
        <v>55</v>
      </c>
      <c r="M400" s="10" t="s">
        <v>55</v>
      </c>
      <c r="N400" s="10" t="s">
        <v>55</v>
      </c>
      <c r="O400" s="10" t="s">
        <v>55</v>
      </c>
      <c r="P400" s="10" t="s">
        <v>55</v>
      </c>
      <c r="Q400" s="10" t="s">
        <v>55</v>
      </c>
      <c r="R400" s="10" t="s">
        <v>55</v>
      </c>
      <c r="S400" s="10" t="s">
        <v>55</v>
      </c>
      <c r="T400" s="10" t="s">
        <v>55</v>
      </c>
      <c r="U400" s="10" t="s">
        <v>55</v>
      </c>
      <c r="V400" s="10" t="s">
        <v>55</v>
      </c>
      <c r="W400" s="10" t="s">
        <v>55</v>
      </c>
      <c r="X400" s="10" t="s">
        <v>55</v>
      </c>
      <c r="Y400" s="10" t="s">
        <v>55</v>
      </c>
      <c r="Z400" s="10" t="s">
        <v>55</v>
      </c>
      <c r="AA400" s="10" t="s">
        <v>55</v>
      </c>
      <c r="AB400" s="10" t="s">
        <v>55</v>
      </c>
    </row>
    <row r="401" spans="1:28">
      <c r="A401" s="9" t="s">
        <v>83</v>
      </c>
      <c r="B401" s="9" t="s">
        <v>57</v>
      </c>
      <c r="C401" s="9" t="s">
        <v>87</v>
      </c>
      <c r="D401" s="9" t="s">
        <v>77</v>
      </c>
      <c r="E401" s="9" t="s">
        <v>57</v>
      </c>
      <c r="F401" s="9" t="s">
        <v>81</v>
      </c>
      <c r="G401" s="9" t="s">
        <v>88</v>
      </c>
      <c r="H401" s="9" t="s">
        <v>104</v>
      </c>
      <c r="I401" s="9" t="s">
        <v>53</v>
      </c>
      <c r="J401" s="9" t="s">
        <v>52</v>
      </c>
      <c r="K401" s="6">
        <v>21</v>
      </c>
      <c r="L401" s="10" t="s">
        <v>55</v>
      </c>
      <c r="M401" s="10" t="s">
        <v>55</v>
      </c>
      <c r="N401" s="10" t="s">
        <v>55</v>
      </c>
      <c r="O401" s="10" t="s">
        <v>55</v>
      </c>
      <c r="P401" s="10" t="s">
        <v>55</v>
      </c>
      <c r="Q401" s="10" t="s">
        <v>55</v>
      </c>
      <c r="R401" s="10" t="s">
        <v>55</v>
      </c>
      <c r="S401" s="10" t="s">
        <v>55</v>
      </c>
      <c r="T401" s="10" t="s">
        <v>55</v>
      </c>
      <c r="U401" s="10" t="s">
        <v>55</v>
      </c>
      <c r="V401" s="10" t="s">
        <v>55</v>
      </c>
      <c r="W401" s="6">
        <v>21</v>
      </c>
      <c r="X401" s="10" t="s">
        <v>55</v>
      </c>
      <c r="Y401" s="10" t="s">
        <v>55</v>
      </c>
      <c r="Z401" s="10" t="s">
        <v>55</v>
      </c>
      <c r="AA401" s="10" t="s">
        <v>55</v>
      </c>
      <c r="AB401" s="10" t="s">
        <v>55</v>
      </c>
    </row>
    <row r="402" spans="1:28">
      <c r="A402" s="9" t="s">
        <v>83</v>
      </c>
      <c r="B402" s="9" t="s">
        <v>57</v>
      </c>
      <c r="C402" s="9" t="s">
        <v>87</v>
      </c>
      <c r="D402" s="9" t="s">
        <v>77</v>
      </c>
      <c r="E402" s="9" t="s">
        <v>57</v>
      </c>
      <c r="F402" s="9" t="s">
        <v>81</v>
      </c>
      <c r="G402" s="9" t="s">
        <v>88</v>
      </c>
      <c r="H402" s="9" t="s">
        <v>104</v>
      </c>
      <c r="I402" s="9" t="s">
        <v>54</v>
      </c>
      <c r="J402" s="9" t="s">
        <v>30</v>
      </c>
      <c r="K402" s="6">
        <v>11</v>
      </c>
      <c r="L402" s="10" t="s">
        <v>55</v>
      </c>
      <c r="M402" s="10" t="s">
        <v>55</v>
      </c>
      <c r="N402" s="10" t="s">
        <v>55</v>
      </c>
      <c r="O402" s="10" t="s">
        <v>55</v>
      </c>
      <c r="P402" s="10" t="s">
        <v>55</v>
      </c>
      <c r="Q402" s="10" t="s">
        <v>55</v>
      </c>
      <c r="R402" s="10" t="s">
        <v>55</v>
      </c>
      <c r="S402" s="6">
        <v>1</v>
      </c>
      <c r="T402" s="10" t="s">
        <v>55</v>
      </c>
      <c r="U402" s="10" t="s">
        <v>55</v>
      </c>
      <c r="V402" s="6">
        <v>1</v>
      </c>
      <c r="W402" s="6">
        <v>10</v>
      </c>
      <c r="X402" s="10" t="s">
        <v>55</v>
      </c>
      <c r="Y402" s="10" t="s">
        <v>55</v>
      </c>
      <c r="Z402" s="10" t="s">
        <v>55</v>
      </c>
      <c r="AA402" s="10" t="s">
        <v>55</v>
      </c>
      <c r="AB402" s="10" t="s">
        <v>55</v>
      </c>
    </row>
    <row r="403" spans="1:28">
      <c r="A403" s="9" t="s">
        <v>83</v>
      </c>
      <c r="B403" s="9" t="s">
        <v>57</v>
      </c>
      <c r="C403" s="9" t="s">
        <v>87</v>
      </c>
      <c r="D403" s="9" t="s">
        <v>77</v>
      </c>
      <c r="E403" s="9" t="s">
        <v>57</v>
      </c>
      <c r="F403" s="9" t="s">
        <v>81</v>
      </c>
      <c r="G403" s="9" t="s">
        <v>88</v>
      </c>
      <c r="H403" s="9" t="s">
        <v>104</v>
      </c>
      <c r="I403" s="9" t="s">
        <v>54</v>
      </c>
      <c r="J403" s="9" t="s">
        <v>31</v>
      </c>
      <c r="K403" s="10" t="s">
        <v>55</v>
      </c>
      <c r="L403" s="10" t="s">
        <v>55</v>
      </c>
      <c r="M403" s="10" t="s">
        <v>55</v>
      </c>
      <c r="N403" s="10" t="s">
        <v>55</v>
      </c>
      <c r="O403" s="10" t="s">
        <v>55</v>
      </c>
      <c r="P403" s="10" t="s">
        <v>55</v>
      </c>
      <c r="Q403" s="10" t="s">
        <v>55</v>
      </c>
      <c r="R403" s="10" t="s">
        <v>55</v>
      </c>
      <c r="S403" s="10" t="s">
        <v>55</v>
      </c>
      <c r="T403" s="10" t="s">
        <v>55</v>
      </c>
      <c r="U403" s="10" t="s">
        <v>55</v>
      </c>
      <c r="V403" s="10" t="s">
        <v>55</v>
      </c>
      <c r="W403" s="10" t="s">
        <v>55</v>
      </c>
      <c r="X403" s="10" t="s">
        <v>55</v>
      </c>
      <c r="Y403" s="10" t="s">
        <v>55</v>
      </c>
      <c r="Z403" s="10" t="s">
        <v>55</v>
      </c>
      <c r="AA403" s="10" t="s">
        <v>55</v>
      </c>
      <c r="AB403" s="10" t="s">
        <v>55</v>
      </c>
    </row>
    <row r="404" spans="1:28">
      <c r="A404" s="9" t="s">
        <v>83</v>
      </c>
      <c r="B404" s="9" t="s">
        <v>57</v>
      </c>
      <c r="C404" s="9" t="s">
        <v>87</v>
      </c>
      <c r="D404" s="9" t="s">
        <v>77</v>
      </c>
      <c r="E404" s="9" t="s">
        <v>57</v>
      </c>
      <c r="F404" s="9" t="s">
        <v>81</v>
      </c>
      <c r="G404" s="9" t="s">
        <v>88</v>
      </c>
      <c r="H404" s="9" t="s">
        <v>104</v>
      </c>
      <c r="I404" s="9" t="s">
        <v>54</v>
      </c>
      <c r="J404" s="9" t="s">
        <v>32</v>
      </c>
      <c r="K404" s="6">
        <v>2</v>
      </c>
      <c r="L404" s="10" t="s">
        <v>55</v>
      </c>
      <c r="M404" s="10" t="s">
        <v>55</v>
      </c>
      <c r="N404" s="10" t="s">
        <v>55</v>
      </c>
      <c r="O404" s="10" t="s">
        <v>55</v>
      </c>
      <c r="P404" s="10" t="s">
        <v>55</v>
      </c>
      <c r="Q404" s="10" t="s">
        <v>55</v>
      </c>
      <c r="R404" s="10" t="s">
        <v>55</v>
      </c>
      <c r="S404" s="10" t="s">
        <v>55</v>
      </c>
      <c r="T404" s="10" t="s">
        <v>55</v>
      </c>
      <c r="U404" s="10" t="s">
        <v>55</v>
      </c>
      <c r="V404" s="10" t="s">
        <v>55</v>
      </c>
      <c r="W404" s="6">
        <v>2</v>
      </c>
      <c r="X404" s="10" t="s">
        <v>55</v>
      </c>
      <c r="Y404" s="10" t="s">
        <v>55</v>
      </c>
      <c r="Z404" s="10" t="s">
        <v>55</v>
      </c>
      <c r="AA404" s="10" t="s">
        <v>55</v>
      </c>
      <c r="AB404" s="10" t="s">
        <v>55</v>
      </c>
    </row>
    <row r="405" spans="1:28">
      <c r="A405" s="9" t="s">
        <v>83</v>
      </c>
      <c r="B405" s="9" t="s">
        <v>57</v>
      </c>
      <c r="C405" s="9" t="s">
        <v>87</v>
      </c>
      <c r="D405" s="9" t="s">
        <v>77</v>
      </c>
      <c r="E405" s="9" t="s">
        <v>57</v>
      </c>
      <c r="F405" s="9" t="s">
        <v>81</v>
      </c>
      <c r="G405" s="9" t="s">
        <v>88</v>
      </c>
      <c r="H405" s="9" t="s">
        <v>104</v>
      </c>
      <c r="I405" s="9" t="s">
        <v>54</v>
      </c>
      <c r="J405" s="9" t="s">
        <v>33</v>
      </c>
      <c r="K405" s="6">
        <v>1</v>
      </c>
      <c r="L405" s="10" t="s">
        <v>55</v>
      </c>
      <c r="M405" s="10" t="s">
        <v>55</v>
      </c>
      <c r="N405" s="10" t="s">
        <v>55</v>
      </c>
      <c r="O405" s="10" t="s">
        <v>55</v>
      </c>
      <c r="P405" s="10" t="s">
        <v>55</v>
      </c>
      <c r="Q405" s="10" t="s">
        <v>55</v>
      </c>
      <c r="R405" s="10" t="s">
        <v>55</v>
      </c>
      <c r="S405" s="10" t="s">
        <v>55</v>
      </c>
      <c r="T405" s="10" t="s">
        <v>55</v>
      </c>
      <c r="U405" s="10" t="s">
        <v>55</v>
      </c>
      <c r="V405" s="10" t="s">
        <v>55</v>
      </c>
      <c r="W405" s="6">
        <v>1</v>
      </c>
      <c r="X405" s="10" t="s">
        <v>55</v>
      </c>
      <c r="Y405" s="10" t="s">
        <v>55</v>
      </c>
      <c r="Z405" s="10" t="s">
        <v>55</v>
      </c>
      <c r="AA405" s="10" t="s">
        <v>55</v>
      </c>
      <c r="AB405" s="10" t="s">
        <v>55</v>
      </c>
    </row>
    <row r="406" spans="1:28">
      <c r="A406" s="9" t="s">
        <v>83</v>
      </c>
      <c r="B406" s="9" t="s">
        <v>57</v>
      </c>
      <c r="C406" s="9" t="s">
        <v>87</v>
      </c>
      <c r="D406" s="9" t="s">
        <v>77</v>
      </c>
      <c r="E406" s="9" t="s">
        <v>57</v>
      </c>
      <c r="F406" s="9" t="s">
        <v>81</v>
      </c>
      <c r="G406" s="9" t="s">
        <v>88</v>
      </c>
      <c r="H406" s="9" t="s">
        <v>104</v>
      </c>
      <c r="I406" s="9" t="s">
        <v>54</v>
      </c>
      <c r="J406" s="9" t="s">
        <v>34</v>
      </c>
      <c r="K406" s="6">
        <v>4</v>
      </c>
      <c r="L406" s="10" t="s">
        <v>55</v>
      </c>
      <c r="M406" s="10" t="s">
        <v>55</v>
      </c>
      <c r="N406" s="10" t="s">
        <v>55</v>
      </c>
      <c r="O406" s="10" t="s">
        <v>55</v>
      </c>
      <c r="P406" s="10" t="s">
        <v>55</v>
      </c>
      <c r="Q406" s="10" t="s">
        <v>55</v>
      </c>
      <c r="R406" s="10" t="s">
        <v>55</v>
      </c>
      <c r="S406" s="10" t="s">
        <v>55</v>
      </c>
      <c r="T406" s="10" t="s">
        <v>55</v>
      </c>
      <c r="U406" s="10" t="s">
        <v>55</v>
      </c>
      <c r="V406" s="10" t="s">
        <v>55</v>
      </c>
      <c r="W406" s="6">
        <v>4</v>
      </c>
      <c r="X406" s="10" t="s">
        <v>55</v>
      </c>
      <c r="Y406" s="10" t="s">
        <v>55</v>
      </c>
      <c r="Z406" s="10" t="s">
        <v>55</v>
      </c>
      <c r="AA406" s="10" t="s">
        <v>55</v>
      </c>
      <c r="AB406" s="10" t="s">
        <v>55</v>
      </c>
    </row>
    <row r="407" spans="1:28">
      <c r="A407" s="9" t="s">
        <v>83</v>
      </c>
      <c r="B407" s="9" t="s">
        <v>57</v>
      </c>
      <c r="C407" s="9" t="s">
        <v>87</v>
      </c>
      <c r="D407" s="9" t="s">
        <v>77</v>
      </c>
      <c r="E407" s="9" t="s">
        <v>57</v>
      </c>
      <c r="F407" s="9" t="s">
        <v>81</v>
      </c>
      <c r="G407" s="9" t="s">
        <v>88</v>
      </c>
      <c r="H407" s="9" t="s">
        <v>104</v>
      </c>
      <c r="I407" s="9" t="s">
        <v>54</v>
      </c>
      <c r="J407" s="9" t="s">
        <v>35</v>
      </c>
      <c r="K407" s="10" t="s">
        <v>55</v>
      </c>
      <c r="L407" s="10" t="s">
        <v>55</v>
      </c>
      <c r="M407" s="10" t="s">
        <v>55</v>
      </c>
      <c r="N407" s="10" t="s">
        <v>55</v>
      </c>
      <c r="O407" s="10" t="s">
        <v>55</v>
      </c>
      <c r="P407" s="10" t="s">
        <v>55</v>
      </c>
      <c r="Q407" s="10" t="s">
        <v>55</v>
      </c>
      <c r="R407" s="10" t="s">
        <v>55</v>
      </c>
      <c r="S407" s="10" t="s">
        <v>55</v>
      </c>
      <c r="T407" s="10" t="s">
        <v>55</v>
      </c>
      <c r="U407" s="10" t="s">
        <v>55</v>
      </c>
      <c r="V407" s="10" t="s">
        <v>55</v>
      </c>
      <c r="W407" s="10" t="s">
        <v>55</v>
      </c>
      <c r="X407" s="10" t="s">
        <v>55</v>
      </c>
      <c r="Y407" s="10" t="s">
        <v>55</v>
      </c>
      <c r="Z407" s="10" t="s">
        <v>55</v>
      </c>
      <c r="AA407" s="10" t="s">
        <v>55</v>
      </c>
      <c r="AB407" s="10" t="s">
        <v>55</v>
      </c>
    </row>
    <row r="408" spans="1:28">
      <c r="A408" s="9" t="s">
        <v>83</v>
      </c>
      <c r="B408" s="9" t="s">
        <v>57</v>
      </c>
      <c r="C408" s="9" t="s">
        <v>87</v>
      </c>
      <c r="D408" s="9" t="s">
        <v>77</v>
      </c>
      <c r="E408" s="9" t="s">
        <v>57</v>
      </c>
      <c r="F408" s="9" t="s">
        <v>81</v>
      </c>
      <c r="G408" s="9" t="s">
        <v>88</v>
      </c>
      <c r="H408" s="9" t="s">
        <v>104</v>
      </c>
      <c r="I408" s="9" t="s">
        <v>54</v>
      </c>
      <c r="J408" s="9" t="s">
        <v>36</v>
      </c>
      <c r="K408" s="10" t="s">
        <v>55</v>
      </c>
      <c r="L408" s="10" t="s">
        <v>55</v>
      </c>
      <c r="M408" s="10" t="s">
        <v>55</v>
      </c>
      <c r="N408" s="10" t="s">
        <v>55</v>
      </c>
      <c r="O408" s="10" t="s">
        <v>55</v>
      </c>
      <c r="P408" s="10" t="s">
        <v>55</v>
      </c>
      <c r="Q408" s="10" t="s">
        <v>55</v>
      </c>
      <c r="R408" s="10" t="s">
        <v>55</v>
      </c>
      <c r="S408" s="10" t="s">
        <v>55</v>
      </c>
      <c r="T408" s="10" t="s">
        <v>55</v>
      </c>
      <c r="U408" s="10" t="s">
        <v>55</v>
      </c>
      <c r="V408" s="10" t="s">
        <v>55</v>
      </c>
      <c r="W408" s="10" t="s">
        <v>55</v>
      </c>
      <c r="X408" s="10" t="s">
        <v>55</v>
      </c>
      <c r="Y408" s="10" t="s">
        <v>55</v>
      </c>
      <c r="Z408" s="10" t="s">
        <v>55</v>
      </c>
      <c r="AA408" s="10" t="s">
        <v>55</v>
      </c>
      <c r="AB408" s="10" t="s">
        <v>55</v>
      </c>
    </row>
    <row r="409" spans="1:28">
      <c r="A409" s="9" t="s">
        <v>83</v>
      </c>
      <c r="B409" s="9" t="s">
        <v>57</v>
      </c>
      <c r="C409" s="9" t="s">
        <v>87</v>
      </c>
      <c r="D409" s="9" t="s">
        <v>77</v>
      </c>
      <c r="E409" s="9" t="s">
        <v>57</v>
      </c>
      <c r="F409" s="9" t="s">
        <v>81</v>
      </c>
      <c r="G409" s="9" t="s">
        <v>88</v>
      </c>
      <c r="H409" s="9" t="s">
        <v>104</v>
      </c>
      <c r="I409" s="9" t="s">
        <v>54</v>
      </c>
      <c r="J409" s="9" t="s">
        <v>37</v>
      </c>
      <c r="K409" s="6">
        <v>3</v>
      </c>
      <c r="L409" s="10" t="s">
        <v>55</v>
      </c>
      <c r="M409" s="10" t="s">
        <v>55</v>
      </c>
      <c r="N409" s="10" t="s">
        <v>55</v>
      </c>
      <c r="O409" s="10" t="s">
        <v>55</v>
      </c>
      <c r="P409" s="10" t="s">
        <v>55</v>
      </c>
      <c r="Q409" s="10" t="s">
        <v>55</v>
      </c>
      <c r="R409" s="10" t="s">
        <v>55</v>
      </c>
      <c r="S409" s="10" t="s">
        <v>55</v>
      </c>
      <c r="T409" s="10" t="s">
        <v>55</v>
      </c>
      <c r="U409" s="10" t="s">
        <v>55</v>
      </c>
      <c r="V409" s="10" t="s">
        <v>55</v>
      </c>
      <c r="W409" s="6">
        <v>3</v>
      </c>
      <c r="X409" s="10" t="s">
        <v>55</v>
      </c>
      <c r="Y409" s="10" t="s">
        <v>55</v>
      </c>
      <c r="Z409" s="10" t="s">
        <v>55</v>
      </c>
      <c r="AA409" s="10" t="s">
        <v>55</v>
      </c>
      <c r="AB409" s="10" t="s">
        <v>55</v>
      </c>
    </row>
    <row r="410" spans="1:28">
      <c r="A410" s="9" t="s">
        <v>83</v>
      </c>
      <c r="B410" s="9" t="s">
        <v>57</v>
      </c>
      <c r="C410" s="9" t="s">
        <v>87</v>
      </c>
      <c r="D410" s="9" t="s">
        <v>77</v>
      </c>
      <c r="E410" s="9" t="s">
        <v>57</v>
      </c>
      <c r="F410" s="9" t="s">
        <v>81</v>
      </c>
      <c r="G410" s="9" t="s">
        <v>88</v>
      </c>
      <c r="H410" s="9" t="s">
        <v>104</v>
      </c>
      <c r="I410" s="9" t="s">
        <v>54</v>
      </c>
      <c r="J410" s="9" t="s">
        <v>38</v>
      </c>
      <c r="K410" s="10" t="s">
        <v>55</v>
      </c>
      <c r="L410" s="10" t="s">
        <v>55</v>
      </c>
      <c r="M410" s="10" t="s">
        <v>55</v>
      </c>
      <c r="N410" s="10" t="s">
        <v>55</v>
      </c>
      <c r="O410" s="10" t="s">
        <v>55</v>
      </c>
      <c r="P410" s="10" t="s">
        <v>55</v>
      </c>
      <c r="Q410" s="10" t="s">
        <v>55</v>
      </c>
      <c r="R410" s="10" t="s">
        <v>55</v>
      </c>
      <c r="S410" s="10" t="s">
        <v>55</v>
      </c>
      <c r="T410" s="10" t="s">
        <v>55</v>
      </c>
      <c r="U410" s="10" t="s">
        <v>55</v>
      </c>
      <c r="V410" s="10" t="s">
        <v>55</v>
      </c>
      <c r="W410" s="10" t="s">
        <v>55</v>
      </c>
      <c r="X410" s="10" t="s">
        <v>55</v>
      </c>
      <c r="Y410" s="10" t="s">
        <v>55</v>
      </c>
      <c r="Z410" s="10" t="s">
        <v>55</v>
      </c>
      <c r="AA410" s="10" t="s">
        <v>55</v>
      </c>
      <c r="AB410" s="10" t="s">
        <v>55</v>
      </c>
    </row>
    <row r="411" spans="1:28">
      <c r="A411" s="9" t="s">
        <v>83</v>
      </c>
      <c r="B411" s="9" t="s">
        <v>57</v>
      </c>
      <c r="C411" s="9" t="s">
        <v>87</v>
      </c>
      <c r="D411" s="9" t="s">
        <v>77</v>
      </c>
      <c r="E411" s="9" t="s">
        <v>57</v>
      </c>
      <c r="F411" s="9" t="s">
        <v>81</v>
      </c>
      <c r="G411" s="9" t="s">
        <v>88</v>
      </c>
      <c r="H411" s="9" t="s">
        <v>104</v>
      </c>
      <c r="I411" s="9" t="s">
        <v>54</v>
      </c>
      <c r="J411" s="9" t="s">
        <v>39</v>
      </c>
      <c r="K411" s="10" t="s">
        <v>55</v>
      </c>
      <c r="L411" s="10" t="s">
        <v>55</v>
      </c>
      <c r="M411" s="10" t="s">
        <v>55</v>
      </c>
      <c r="N411" s="10" t="s">
        <v>55</v>
      </c>
      <c r="O411" s="10" t="s">
        <v>55</v>
      </c>
      <c r="P411" s="10" t="s">
        <v>55</v>
      </c>
      <c r="Q411" s="10" t="s">
        <v>55</v>
      </c>
      <c r="R411" s="10" t="s">
        <v>55</v>
      </c>
      <c r="S411" s="10" t="s">
        <v>55</v>
      </c>
      <c r="T411" s="10" t="s">
        <v>55</v>
      </c>
      <c r="U411" s="10" t="s">
        <v>55</v>
      </c>
      <c r="V411" s="10" t="s">
        <v>55</v>
      </c>
      <c r="W411" s="10" t="s">
        <v>55</v>
      </c>
      <c r="X411" s="10" t="s">
        <v>55</v>
      </c>
      <c r="Y411" s="10" t="s">
        <v>55</v>
      </c>
      <c r="Z411" s="10" t="s">
        <v>55</v>
      </c>
      <c r="AA411" s="10" t="s">
        <v>55</v>
      </c>
      <c r="AB411" s="10" t="s">
        <v>55</v>
      </c>
    </row>
    <row r="412" spans="1:28">
      <c r="A412" s="9" t="s">
        <v>83</v>
      </c>
      <c r="B412" s="9" t="s">
        <v>57</v>
      </c>
      <c r="C412" s="9" t="s">
        <v>87</v>
      </c>
      <c r="D412" s="9" t="s">
        <v>77</v>
      </c>
      <c r="E412" s="9" t="s">
        <v>57</v>
      </c>
      <c r="F412" s="9" t="s">
        <v>81</v>
      </c>
      <c r="G412" s="9" t="s">
        <v>88</v>
      </c>
      <c r="H412" s="9" t="s">
        <v>104</v>
      </c>
      <c r="I412" s="9" t="s">
        <v>54</v>
      </c>
      <c r="J412" s="9" t="s">
        <v>40</v>
      </c>
      <c r="K412" s="10" t="s">
        <v>55</v>
      </c>
      <c r="L412" s="10" t="s">
        <v>55</v>
      </c>
      <c r="M412" s="10" t="s">
        <v>55</v>
      </c>
      <c r="N412" s="10" t="s">
        <v>55</v>
      </c>
      <c r="O412" s="10" t="s">
        <v>55</v>
      </c>
      <c r="P412" s="10" t="s">
        <v>55</v>
      </c>
      <c r="Q412" s="10" t="s">
        <v>55</v>
      </c>
      <c r="R412" s="10" t="s">
        <v>55</v>
      </c>
      <c r="S412" s="10" t="s">
        <v>55</v>
      </c>
      <c r="T412" s="10" t="s">
        <v>55</v>
      </c>
      <c r="U412" s="10" t="s">
        <v>55</v>
      </c>
      <c r="V412" s="10" t="s">
        <v>55</v>
      </c>
      <c r="W412" s="10" t="s">
        <v>55</v>
      </c>
      <c r="X412" s="10" t="s">
        <v>55</v>
      </c>
      <c r="Y412" s="10" t="s">
        <v>55</v>
      </c>
      <c r="Z412" s="10" t="s">
        <v>55</v>
      </c>
      <c r="AA412" s="10" t="s">
        <v>55</v>
      </c>
      <c r="AB412" s="10" t="s">
        <v>55</v>
      </c>
    </row>
    <row r="413" spans="1:28">
      <c r="A413" s="9" t="s">
        <v>83</v>
      </c>
      <c r="B413" s="9" t="s">
        <v>57</v>
      </c>
      <c r="C413" s="9" t="s">
        <v>87</v>
      </c>
      <c r="D413" s="9" t="s">
        <v>77</v>
      </c>
      <c r="E413" s="9" t="s">
        <v>57</v>
      </c>
      <c r="F413" s="9" t="s">
        <v>81</v>
      </c>
      <c r="G413" s="9" t="s">
        <v>88</v>
      </c>
      <c r="H413" s="9" t="s">
        <v>104</v>
      </c>
      <c r="I413" s="9" t="s">
        <v>54</v>
      </c>
      <c r="J413" s="9" t="s">
        <v>41</v>
      </c>
      <c r="K413" s="10" t="s">
        <v>55</v>
      </c>
      <c r="L413" s="10" t="s">
        <v>55</v>
      </c>
      <c r="M413" s="10" t="s">
        <v>55</v>
      </c>
      <c r="N413" s="10" t="s">
        <v>55</v>
      </c>
      <c r="O413" s="10" t="s">
        <v>55</v>
      </c>
      <c r="P413" s="10" t="s">
        <v>55</v>
      </c>
      <c r="Q413" s="10" t="s">
        <v>55</v>
      </c>
      <c r="R413" s="10" t="s">
        <v>55</v>
      </c>
      <c r="S413" s="10" t="s">
        <v>55</v>
      </c>
      <c r="T413" s="10" t="s">
        <v>55</v>
      </c>
      <c r="U413" s="10" t="s">
        <v>55</v>
      </c>
      <c r="V413" s="10" t="s">
        <v>55</v>
      </c>
      <c r="W413" s="10" t="s">
        <v>55</v>
      </c>
      <c r="X413" s="10" t="s">
        <v>55</v>
      </c>
      <c r="Y413" s="10" t="s">
        <v>55</v>
      </c>
      <c r="Z413" s="10" t="s">
        <v>55</v>
      </c>
      <c r="AA413" s="10" t="s">
        <v>55</v>
      </c>
      <c r="AB413" s="10" t="s">
        <v>55</v>
      </c>
    </row>
    <row r="414" spans="1:28">
      <c r="A414" s="9" t="s">
        <v>83</v>
      </c>
      <c r="B414" s="9" t="s">
        <v>57</v>
      </c>
      <c r="C414" s="9" t="s">
        <v>87</v>
      </c>
      <c r="D414" s="9" t="s">
        <v>77</v>
      </c>
      <c r="E414" s="9" t="s">
        <v>57</v>
      </c>
      <c r="F414" s="9" t="s">
        <v>81</v>
      </c>
      <c r="G414" s="9" t="s">
        <v>88</v>
      </c>
      <c r="H414" s="9" t="s">
        <v>104</v>
      </c>
      <c r="I414" s="9" t="s">
        <v>54</v>
      </c>
      <c r="J414" s="9" t="s">
        <v>42</v>
      </c>
      <c r="K414" s="10" t="s">
        <v>55</v>
      </c>
      <c r="L414" s="10" t="s">
        <v>55</v>
      </c>
      <c r="M414" s="10" t="s">
        <v>55</v>
      </c>
      <c r="N414" s="10" t="s">
        <v>55</v>
      </c>
      <c r="O414" s="10" t="s">
        <v>55</v>
      </c>
      <c r="P414" s="10" t="s">
        <v>55</v>
      </c>
      <c r="Q414" s="10" t="s">
        <v>55</v>
      </c>
      <c r="R414" s="10" t="s">
        <v>55</v>
      </c>
      <c r="S414" s="10" t="s">
        <v>55</v>
      </c>
      <c r="T414" s="10" t="s">
        <v>55</v>
      </c>
      <c r="U414" s="10" t="s">
        <v>55</v>
      </c>
      <c r="V414" s="10" t="s">
        <v>55</v>
      </c>
      <c r="W414" s="10" t="s">
        <v>55</v>
      </c>
      <c r="X414" s="10" t="s">
        <v>55</v>
      </c>
      <c r="Y414" s="10" t="s">
        <v>55</v>
      </c>
      <c r="Z414" s="10" t="s">
        <v>55</v>
      </c>
      <c r="AA414" s="10" t="s">
        <v>55</v>
      </c>
      <c r="AB414" s="10" t="s">
        <v>55</v>
      </c>
    </row>
    <row r="415" spans="1:28">
      <c r="A415" s="9" t="s">
        <v>83</v>
      </c>
      <c r="B415" s="9" t="s">
        <v>57</v>
      </c>
      <c r="C415" s="9" t="s">
        <v>87</v>
      </c>
      <c r="D415" s="9" t="s">
        <v>77</v>
      </c>
      <c r="E415" s="9" t="s">
        <v>57</v>
      </c>
      <c r="F415" s="9" t="s">
        <v>81</v>
      </c>
      <c r="G415" s="9" t="s">
        <v>88</v>
      </c>
      <c r="H415" s="9" t="s">
        <v>104</v>
      </c>
      <c r="I415" s="9" t="s">
        <v>54</v>
      </c>
      <c r="J415" s="9" t="s">
        <v>43</v>
      </c>
      <c r="K415" s="6">
        <v>1</v>
      </c>
      <c r="L415" s="10" t="s">
        <v>55</v>
      </c>
      <c r="M415" s="10" t="s">
        <v>55</v>
      </c>
      <c r="N415" s="10" t="s">
        <v>55</v>
      </c>
      <c r="O415" s="10" t="s">
        <v>55</v>
      </c>
      <c r="P415" s="10" t="s">
        <v>55</v>
      </c>
      <c r="Q415" s="10" t="s">
        <v>55</v>
      </c>
      <c r="R415" s="10" t="s">
        <v>55</v>
      </c>
      <c r="S415" s="6">
        <v>1</v>
      </c>
      <c r="T415" s="10" t="s">
        <v>55</v>
      </c>
      <c r="U415" s="10" t="s">
        <v>55</v>
      </c>
      <c r="V415" s="6">
        <v>1</v>
      </c>
      <c r="W415" s="10" t="s">
        <v>55</v>
      </c>
      <c r="X415" s="10" t="s">
        <v>55</v>
      </c>
      <c r="Y415" s="10" t="s">
        <v>55</v>
      </c>
      <c r="Z415" s="10" t="s">
        <v>55</v>
      </c>
      <c r="AA415" s="10" t="s">
        <v>55</v>
      </c>
      <c r="AB415" s="10" t="s">
        <v>55</v>
      </c>
    </row>
    <row r="416" spans="1:28">
      <c r="A416" s="9" t="s">
        <v>83</v>
      </c>
      <c r="B416" s="9" t="s">
        <v>57</v>
      </c>
      <c r="C416" s="9" t="s">
        <v>87</v>
      </c>
      <c r="D416" s="9" t="s">
        <v>77</v>
      </c>
      <c r="E416" s="9" t="s">
        <v>57</v>
      </c>
      <c r="F416" s="9" t="s">
        <v>81</v>
      </c>
      <c r="G416" s="9" t="s">
        <v>88</v>
      </c>
      <c r="H416" s="9" t="s">
        <v>104</v>
      </c>
      <c r="I416" s="9" t="s">
        <v>54</v>
      </c>
      <c r="J416" s="9" t="s">
        <v>44</v>
      </c>
      <c r="K416" s="10" t="s">
        <v>55</v>
      </c>
      <c r="L416" s="10" t="s">
        <v>55</v>
      </c>
      <c r="M416" s="10" t="s">
        <v>55</v>
      </c>
      <c r="N416" s="10" t="s">
        <v>55</v>
      </c>
      <c r="O416" s="10" t="s">
        <v>55</v>
      </c>
      <c r="P416" s="10" t="s">
        <v>55</v>
      </c>
      <c r="Q416" s="10" t="s">
        <v>55</v>
      </c>
      <c r="R416" s="10" t="s">
        <v>55</v>
      </c>
      <c r="S416" s="10" t="s">
        <v>55</v>
      </c>
      <c r="T416" s="10" t="s">
        <v>55</v>
      </c>
      <c r="U416" s="10" t="s">
        <v>55</v>
      </c>
      <c r="V416" s="10" t="s">
        <v>55</v>
      </c>
      <c r="W416" s="10" t="s">
        <v>55</v>
      </c>
      <c r="X416" s="10" t="s">
        <v>55</v>
      </c>
      <c r="Y416" s="10" t="s">
        <v>55</v>
      </c>
      <c r="Z416" s="10" t="s">
        <v>55</v>
      </c>
      <c r="AA416" s="10" t="s">
        <v>55</v>
      </c>
      <c r="AB416" s="10" t="s">
        <v>55</v>
      </c>
    </row>
    <row r="417" spans="1:28">
      <c r="A417" s="9" t="s">
        <v>83</v>
      </c>
      <c r="B417" s="9" t="s">
        <v>57</v>
      </c>
      <c r="C417" s="9" t="s">
        <v>87</v>
      </c>
      <c r="D417" s="9" t="s">
        <v>77</v>
      </c>
      <c r="E417" s="9" t="s">
        <v>57</v>
      </c>
      <c r="F417" s="9" t="s">
        <v>81</v>
      </c>
      <c r="G417" s="9" t="s">
        <v>88</v>
      </c>
      <c r="H417" s="9" t="s">
        <v>104</v>
      </c>
      <c r="I417" s="9" t="s">
        <v>54</v>
      </c>
      <c r="J417" s="9" t="s">
        <v>45</v>
      </c>
      <c r="K417" s="10" t="s">
        <v>55</v>
      </c>
      <c r="L417" s="10" t="s">
        <v>55</v>
      </c>
      <c r="M417" s="10" t="s">
        <v>55</v>
      </c>
      <c r="N417" s="10" t="s">
        <v>55</v>
      </c>
      <c r="O417" s="10" t="s">
        <v>55</v>
      </c>
      <c r="P417" s="10" t="s">
        <v>55</v>
      </c>
      <c r="Q417" s="10" t="s">
        <v>55</v>
      </c>
      <c r="R417" s="10" t="s">
        <v>55</v>
      </c>
      <c r="S417" s="10" t="s">
        <v>55</v>
      </c>
      <c r="T417" s="10" t="s">
        <v>55</v>
      </c>
      <c r="U417" s="10" t="s">
        <v>55</v>
      </c>
      <c r="V417" s="10" t="s">
        <v>55</v>
      </c>
      <c r="W417" s="10" t="s">
        <v>55</v>
      </c>
      <c r="X417" s="10" t="s">
        <v>55</v>
      </c>
      <c r="Y417" s="10" t="s">
        <v>55</v>
      </c>
      <c r="Z417" s="10" t="s">
        <v>55</v>
      </c>
      <c r="AA417" s="10" t="s">
        <v>55</v>
      </c>
      <c r="AB417" s="10" t="s">
        <v>55</v>
      </c>
    </row>
    <row r="418" spans="1:28">
      <c r="A418" s="9" t="s">
        <v>83</v>
      </c>
      <c r="B418" s="9" t="s">
        <v>57</v>
      </c>
      <c r="C418" s="9" t="s">
        <v>87</v>
      </c>
      <c r="D418" s="9" t="s">
        <v>77</v>
      </c>
      <c r="E418" s="9" t="s">
        <v>57</v>
      </c>
      <c r="F418" s="9" t="s">
        <v>81</v>
      </c>
      <c r="G418" s="9" t="s">
        <v>88</v>
      </c>
      <c r="H418" s="9" t="s">
        <v>104</v>
      </c>
      <c r="I418" s="9" t="s">
        <v>54</v>
      </c>
      <c r="J418" s="9" t="s">
        <v>46</v>
      </c>
      <c r="K418" s="10" t="s">
        <v>55</v>
      </c>
      <c r="L418" s="10" t="s">
        <v>55</v>
      </c>
      <c r="M418" s="10" t="s">
        <v>55</v>
      </c>
      <c r="N418" s="10" t="s">
        <v>55</v>
      </c>
      <c r="O418" s="10" t="s">
        <v>55</v>
      </c>
      <c r="P418" s="10" t="s">
        <v>55</v>
      </c>
      <c r="Q418" s="10" t="s">
        <v>55</v>
      </c>
      <c r="R418" s="10" t="s">
        <v>55</v>
      </c>
      <c r="S418" s="10" t="s">
        <v>55</v>
      </c>
      <c r="T418" s="10" t="s">
        <v>55</v>
      </c>
      <c r="U418" s="10" t="s">
        <v>55</v>
      </c>
      <c r="V418" s="10" t="s">
        <v>55</v>
      </c>
      <c r="W418" s="10" t="s">
        <v>55</v>
      </c>
      <c r="X418" s="10" t="s">
        <v>55</v>
      </c>
      <c r="Y418" s="10" t="s">
        <v>55</v>
      </c>
      <c r="Z418" s="10" t="s">
        <v>55</v>
      </c>
      <c r="AA418" s="10" t="s">
        <v>55</v>
      </c>
      <c r="AB418" s="10" t="s">
        <v>55</v>
      </c>
    </row>
    <row r="419" spans="1:28">
      <c r="A419" s="9" t="s">
        <v>83</v>
      </c>
      <c r="B419" s="9" t="s">
        <v>57</v>
      </c>
      <c r="C419" s="9" t="s">
        <v>87</v>
      </c>
      <c r="D419" s="9" t="s">
        <v>77</v>
      </c>
      <c r="E419" s="9" t="s">
        <v>57</v>
      </c>
      <c r="F419" s="9" t="s">
        <v>81</v>
      </c>
      <c r="G419" s="9" t="s">
        <v>88</v>
      </c>
      <c r="H419" s="9" t="s">
        <v>104</v>
      </c>
      <c r="I419" s="9" t="s">
        <v>54</v>
      </c>
      <c r="J419" s="9" t="s">
        <v>47</v>
      </c>
      <c r="K419" s="10" t="s">
        <v>55</v>
      </c>
      <c r="L419" s="10" t="s">
        <v>55</v>
      </c>
      <c r="M419" s="10" t="s">
        <v>55</v>
      </c>
      <c r="N419" s="10" t="s">
        <v>55</v>
      </c>
      <c r="O419" s="10" t="s">
        <v>55</v>
      </c>
      <c r="P419" s="10" t="s">
        <v>55</v>
      </c>
      <c r="Q419" s="10" t="s">
        <v>55</v>
      </c>
      <c r="R419" s="10" t="s">
        <v>55</v>
      </c>
      <c r="S419" s="10" t="s">
        <v>55</v>
      </c>
      <c r="T419" s="10" t="s">
        <v>55</v>
      </c>
      <c r="U419" s="10" t="s">
        <v>55</v>
      </c>
      <c r="V419" s="10" t="s">
        <v>55</v>
      </c>
      <c r="W419" s="10" t="s">
        <v>55</v>
      </c>
      <c r="X419" s="10" t="s">
        <v>55</v>
      </c>
      <c r="Y419" s="10" t="s">
        <v>55</v>
      </c>
      <c r="Z419" s="10" t="s">
        <v>55</v>
      </c>
      <c r="AA419" s="10" t="s">
        <v>55</v>
      </c>
      <c r="AB419" s="10" t="s">
        <v>55</v>
      </c>
    </row>
    <row r="420" spans="1:28">
      <c r="A420" s="9" t="s">
        <v>83</v>
      </c>
      <c r="B420" s="9" t="s">
        <v>57</v>
      </c>
      <c r="C420" s="9" t="s">
        <v>87</v>
      </c>
      <c r="D420" s="9" t="s">
        <v>77</v>
      </c>
      <c r="E420" s="9" t="s">
        <v>57</v>
      </c>
      <c r="F420" s="9" t="s">
        <v>81</v>
      </c>
      <c r="G420" s="9" t="s">
        <v>88</v>
      </c>
      <c r="H420" s="9" t="s">
        <v>104</v>
      </c>
      <c r="I420" s="9" t="s">
        <v>54</v>
      </c>
      <c r="J420" s="9" t="s">
        <v>48</v>
      </c>
      <c r="K420" s="6">
        <v>10</v>
      </c>
      <c r="L420" s="10" t="s">
        <v>55</v>
      </c>
      <c r="M420" s="10" t="s">
        <v>55</v>
      </c>
      <c r="N420" s="10" t="s">
        <v>55</v>
      </c>
      <c r="O420" s="10" t="s">
        <v>55</v>
      </c>
      <c r="P420" s="10" t="s">
        <v>55</v>
      </c>
      <c r="Q420" s="10" t="s">
        <v>55</v>
      </c>
      <c r="R420" s="10" t="s">
        <v>55</v>
      </c>
      <c r="S420" s="10" t="s">
        <v>55</v>
      </c>
      <c r="T420" s="10" t="s">
        <v>55</v>
      </c>
      <c r="U420" s="10" t="s">
        <v>55</v>
      </c>
      <c r="V420" s="10" t="s">
        <v>55</v>
      </c>
      <c r="W420" s="6">
        <v>10</v>
      </c>
      <c r="X420" s="10" t="s">
        <v>55</v>
      </c>
      <c r="Y420" s="10" t="s">
        <v>55</v>
      </c>
      <c r="Z420" s="10" t="s">
        <v>55</v>
      </c>
      <c r="AA420" s="10" t="s">
        <v>55</v>
      </c>
      <c r="AB420" s="10" t="s">
        <v>55</v>
      </c>
    </row>
    <row r="421" spans="1:28">
      <c r="A421" s="9" t="s">
        <v>83</v>
      </c>
      <c r="B421" s="9" t="s">
        <v>57</v>
      </c>
      <c r="C421" s="9" t="s">
        <v>87</v>
      </c>
      <c r="D421" s="9" t="s">
        <v>77</v>
      </c>
      <c r="E421" s="9" t="s">
        <v>57</v>
      </c>
      <c r="F421" s="9" t="s">
        <v>81</v>
      </c>
      <c r="G421" s="9" t="s">
        <v>88</v>
      </c>
      <c r="H421" s="9" t="s">
        <v>104</v>
      </c>
      <c r="I421" s="9" t="s">
        <v>54</v>
      </c>
      <c r="J421" s="9" t="s">
        <v>49</v>
      </c>
      <c r="K421" s="6">
        <v>1</v>
      </c>
      <c r="L421" s="10" t="s">
        <v>55</v>
      </c>
      <c r="M421" s="10" t="s">
        <v>55</v>
      </c>
      <c r="N421" s="10" t="s">
        <v>55</v>
      </c>
      <c r="O421" s="10" t="s">
        <v>55</v>
      </c>
      <c r="P421" s="10" t="s">
        <v>55</v>
      </c>
      <c r="Q421" s="10" t="s">
        <v>55</v>
      </c>
      <c r="R421" s="10" t="s">
        <v>55</v>
      </c>
      <c r="S421" s="6">
        <v>1</v>
      </c>
      <c r="T421" s="10" t="s">
        <v>55</v>
      </c>
      <c r="U421" s="10" t="s">
        <v>55</v>
      </c>
      <c r="V421" s="6">
        <v>1</v>
      </c>
      <c r="W421" s="10" t="s">
        <v>55</v>
      </c>
      <c r="X421" s="10" t="s">
        <v>55</v>
      </c>
      <c r="Y421" s="10" t="s">
        <v>55</v>
      </c>
      <c r="Z421" s="10" t="s">
        <v>55</v>
      </c>
      <c r="AA421" s="10" t="s">
        <v>55</v>
      </c>
      <c r="AB421" s="10" t="s">
        <v>55</v>
      </c>
    </row>
    <row r="422" spans="1:28">
      <c r="A422" s="9" t="s">
        <v>83</v>
      </c>
      <c r="B422" s="9" t="s">
        <v>57</v>
      </c>
      <c r="C422" s="9" t="s">
        <v>87</v>
      </c>
      <c r="D422" s="9" t="s">
        <v>77</v>
      </c>
      <c r="E422" s="9" t="s">
        <v>57</v>
      </c>
      <c r="F422" s="9" t="s">
        <v>81</v>
      </c>
      <c r="G422" s="9" t="s">
        <v>88</v>
      </c>
      <c r="H422" s="9" t="s">
        <v>104</v>
      </c>
      <c r="I422" s="9" t="s">
        <v>54</v>
      </c>
      <c r="J422" s="9" t="s">
        <v>50</v>
      </c>
      <c r="K422" s="6">
        <v>1</v>
      </c>
      <c r="L422" s="10" t="s">
        <v>55</v>
      </c>
      <c r="M422" s="10" t="s">
        <v>55</v>
      </c>
      <c r="N422" s="10" t="s">
        <v>55</v>
      </c>
      <c r="O422" s="10" t="s">
        <v>55</v>
      </c>
      <c r="P422" s="10" t="s">
        <v>55</v>
      </c>
      <c r="Q422" s="10" t="s">
        <v>55</v>
      </c>
      <c r="R422" s="10" t="s">
        <v>55</v>
      </c>
      <c r="S422" s="6">
        <v>1</v>
      </c>
      <c r="T422" s="10" t="s">
        <v>55</v>
      </c>
      <c r="U422" s="10" t="s">
        <v>55</v>
      </c>
      <c r="V422" s="6">
        <v>1</v>
      </c>
      <c r="W422" s="10" t="s">
        <v>55</v>
      </c>
      <c r="X422" s="10" t="s">
        <v>55</v>
      </c>
      <c r="Y422" s="10" t="s">
        <v>55</v>
      </c>
      <c r="Z422" s="10" t="s">
        <v>55</v>
      </c>
      <c r="AA422" s="10" t="s">
        <v>55</v>
      </c>
      <c r="AB422" s="10" t="s">
        <v>55</v>
      </c>
    </row>
    <row r="423" spans="1:28">
      <c r="A423" s="9" t="s">
        <v>83</v>
      </c>
      <c r="B423" s="9" t="s">
        <v>57</v>
      </c>
      <c r="C423" s="9" t="s">
        <v>87</v>
      </c>
      <c r="D423" s="9" t="s">
        <v>77</v>
      </c>
      <c r="E423" s="9" t="s">
        <v>57</v>
      </c>
      <c r="F423" s="9" t="s">
        <v>81</v>
      </c>
      <c r="G423" s="9" t="s">
        <v>88</v>
      </c>
      <c r="H423" s="9" t="s">
        <v>104</v>
      </c>
      <c r="I423" s="9" t="s">
        <v>54</v>
      </c>
      <c r="J423" s="9" t="s">
        <v>51</v>
      </c>
      <c r="K423" s="10" t="s">
        <v>55</v>
      </c>
      <c r="L423" s="10" t="s">
        <v>55</v>
      </c>
      <c r="M423" s="10" t="s">
        <v>55</v>
      </c>
      <c r="N423" s="10" t="s">
        <v>55</v>
      </c>
      <c r="O423" s="10" t="s">
        <v>55</v>
      </c>
      <c r="P423" s="10" t="s">
        <v>55</v>
      </c>
      <c r="Q423" s="10" t="s">
        <v>55</v>
      </c>
      <c r="R423" s="10" t="s">
        <v>55</v>
      </c>
      <c r="S423" s="10" t="s">
        <v>55</v>
      </c>
      <c r="T423" s="10" t="s">
        <v>55</v>
      </c>
      <c r="U423" s="10" t="s">
        <v>55</v>
      </c>
      <c r="V423" s="10" t="s">
        <v>55</v>
      </c>
      <c r="W423" s="10" t="s">
        <v>55</v>
      </c>
      <c r="X423" s="10" t="s">
        <v>55</v>
      </c>
      <c r="Y423" s="10" t="s">
        <v>55</v>
      </c>
      <c r="Z423" s="10" t="s">
        <v>55</v>
      </c>
      <c r="AA423" s="10" t="s">
        <v>55</v>
      </c>
      <c r="AB423" s="10" t="s">
        <v>55</v>
      </c>
    </row>
    <row r="424" spans="1:28">
      <c r="A424" s="9" t="s">
        <v>83</v>
      </c>
      <c r="B424" s="9" t="s">
        <v>57</v>
      </c>
      <c r="C424" s="9" t="s">
        <v>87</v>
      </c>
      <c r="D424" s="9" t="s">
        <v>77</v>
      </c>
      <c r="E424" s="9" t="s">
        <v>57</v>
      </c>
      <c r="F424" s="9" t="s">
        <v>81</v>
      </c>
      <c r="G424" s="9" t="s">
        <v>88</v>
      </c>
      <c r="H424" s="9" t="s">
        <v>104</v>
      </c>
      <c r="I424" s="9" t="s">
        <v>54</v>
      </c>
      <c r="J424" s="9" t="s">
        <v>52</v>
      </c>
      <c r="K424" s="6">
        <v>10</v>
      </c>
      <c r="L424" s="10" t="s">
        <v>55</v>
      </c>
      <c r="M424" s="10" t="s">
        <v>55</v>
      </c>
      <c r="N424" s="10" t="s">
        <v>55</v>
      </c>
      <c r="O424" s="10" t="s">
        <v>55</v>
      </c>
      <c r="P424" s="10" t="s">
        <v>55</v>
      </c>
      <c r="Q424" s="10" t="s">
        <v>55</v>
      </c>
      <c r="R424" s="10" t="s">
        <v>55</v>
      </c>
      <c r="S424" s="10" t="s">
        <v>55</v>
      </c>
      <c r="T424" s="10" t="s">
        <v>55</v>
      </c>
      <c r="U424" s="10" t="s">
        <v>55</v>
      </c>
      <c r="V424" s="10" t="s">
        <v>55</v>
      </c>
      <c r="W424" s="6">
        <v>10</v>
      </c>
      <c r="X424" s="10" t="s">
        <v>55</v>
      </c>
      <c r="Y424" s="10" t="s">
        <v>55</v>
      </c>
      <c r="Z424" s="10" t="s">
        <v>55</v>
      </c>
      <c r="AA424" s="10" t="s">
        <v>55</v>
      </c>
      <c r="AB424" s="10" t="s">
        <v>55</v>
      </c>
    </row>
    <row r="425" spans="1:28">
      <c r="A425" s="9" t="s">
        <v>83</v>
      </c>
      <c r="B425" s="9" t="s">
        <v>57</v>
      </c>
      <c r="C425" s="9" t="s">
        <v>89</v>
      </c>
      <c r="D425" s="9" t="s">
        <v>77</v>
      </c>
      <c r="E425" s="9" t="s">
        <v>57</v>
      </c>
      <c r="F425" s="9" t="s">
        <v>81</v>
      </c>
      <c r="G425" s="9" t="s">
        <v>90</v>
      </c>
      <c r="H425" s="9" t="s">
        <v>104</v>
      </c>
      <c r="I425" s="9" t="s">
        <v>6</v>
      </c>
      <c r="J425" s="9" t="s">
        <v>30</v>
      </c>
      <c r="K425" s="6">
        <v>41</v>
      </c>
      <c r="L425" s="6">
        <v>10</v>
      </c>
      <c r="M425" s="6">
        <v>10</v>
      </c>
      <c r="N425" s="6">
        <v>10</v>
      </c>
      <c r="O425" s="10" t="s">
        <v>55</v>
      </c>
      <c r="P425" s="10" t="s">
        <v>55</v>
      </c>
      <c r="Q425" s="10" t="s">
        <v>55</v>
      </c>
      <c r="R425" s="10" t="s">
        <v>55</v>
      </c>
      <c r="S425" s="6">
        <v>5</v>
      </c>
      <c r="T425" s="10" t="s">
        <v>55</v>
      </c>
      <c r="U425" s="10" t="s">
        <v>55</v>
      </c>
      <c r="V425" s="6">
        <v>5</v>
      </c>
      <c r="W425" s="6">
        <v>26</v>
      </c>
      <c r="X425" s="6">
        <v>8</v>
      </c>
      <c r="Y425" s="6">
        <v>8</v>
      </c>
      <c r="Z425" s="10" t="s">
        <v>55</v>
      </c>
      <c r="AA425" s="10" t="s">
        <v>55</v>
      </c>
      <c r="AB425" s="10" t="s">
        <v>55</v>
      </c>
    </row>
    <row r="426" spans="1:28">
      <c r="A426" s="9" t="s">
        <v>83</v>
      </c>
      <c r="B426" s="9" t="s">
        <v>57</v>
      </c>
      <c r="C426" s="9" t="s">
        <v>89</v>
      </c>
      <c r="D426" s="9" t="s">
        <v>77</v>
      </c>
      <c r="E426" s="9" t="s">
        <v>57</v>
      </c>
      <c r="F426" s="9" t="s">
        <v>81</v>
      </c>
      <c r="G426" s="9" t="s">
        <v>90</v>
      </c>
      <c r="H426" s="9" t="s">
        <v>104</v>
      </c>
      <c r="I426" s="9" t="s">
        <v>6</v>
      </c>
      <c r="J426" s="9" t="s">
        <v>31</v>
      </c>
      <c r="K426" s="10" t="s">
        <v>55</v>
      </c>
      <c r="L426" s="10" t="s">
        <v>55</v>
      </c>
      <c r="M426" s="10" t="s">
        <v>55</v>
      </c>
      <c r="N426" s="10" t="s">
        <v>55</v>
      </c>
      <c r="O426" s="10" t="s">
        <v>55</v>
      </c>
      <c r="P426" s="10" t="s">
        <v>55</v>
      </c>
      <c r="Q426" s="10" t="s">
        <v>55</v>
      </c>
      <c r="R426" s="10" t="s">
        <v>55</v>
      </c>
      <c r="S426" s="10" t="s">
        <v>55</v>
      </c>
      <c r="T426" s="10" t="s">
        <v>55</v>
      </c>
      <c r="U426" s="10" t="s">
        <v>55</v>
      </c>
      <c r="V426" s="10" t="s">
        <v>55</v>
      </c>
      <c r="W426" s="10" t="s">
        <v>55</v>
      </c>
      <c r="X426" s="10" t="s">
        <v>55</v>
      </c>
      <c r="Y426" s="10" t="s">
        <v>55</v>
      </c>
      <c r="Z426" s="10" t="s">
        <v>55</v>
      </c>
      <c r="AA426" s="10" t="s">
        <v>55</v>
      </c>
      <c r="AB426" s="10" t="s">
        <v>55</v>
      </c>
    </row>
    <row r="427" spans="1:28">
      <c r="A427" s="9" t="s">
        <v>83</v>
      </c>
      <c r="B427" s="9" t="s">
        <v>57</v>
      </c>
      <c r="C427" s="9" t="s">
        <v>89</v>
      </c>
      <c r="D427" s="9" t="s">
        <v>77</v>
      </c>
      <c r="E427" s="9" t="s">
        <v>57</v>
      </c>
      <c r="F427" s="9" t="s">
        <v>81</v>
      </c>
      <c r="G427" s="9" t="s">
        <v>90</v>
      </c>
      <c r="H427" s="9" t="s">
        <v>104</v>
      </c>
      <c r="I427" s="9" t="s">
        <v>6</v>
      </c>
      <c r="J427" s="9" t="s">
        <v>32</v>
      </c>
      <c r="K427" s="6">
        <v>8</v>
      </c>
      <c r="L427" s="6">
        <v>3</v>
      </c>
      <c r="M427" s="6">
        <v>3</v>
      </c>
      <c r="N427" s="6">
        <v>3</v>
      </c>
      <c r="O427" s="10" t="s">
        <v>55</v>
      </c>
      <c r="P427" s="10" t="s">
        <v>55</v>
      </c>
      <c r="Q427" s="10" t="s">
        <v>55</v>
      </c>
      <c r="R427" s="10" t="s">
        <v>55</v>
      </c>
      <c r="S427" s="10" t="s">
        <v>55</v>
      </c>
      <c r="T427" s="10" t="s">
        <v>55</v>
      </c>
      <c r="U427" s="10" t="s">
        <v>55</v>
      </c>
      <c r="V427" s="10" t="s">
        <v>55</v>
      </c>
      <c r="W427" s="6">
        <v>5</v>
      </c>
      <c r="X427" s="6">
        <v>3</v>
      </c>
      <c r="Y427" s="6">
        <v>3</v>
      </c>
      <c r="Z427" s="10" t="s">
        <v>55</v>
      </c>
      <c r="AA427" s="10" t="s">
        <v>55</v>
      </c>
      <c r="AB427" s="10" t="s">
        <v>55</v>
      </c>
    </row>
    <row r="428" spans="1:28">
      <c r="A428" s="9" t="s">
        <v>83</v>
      </c>
      <c r="B428" s="9" t="s">
        <v>57</v>
      </c>
      <c r="C428" s="9" t="s">
        <v>89</v>
      </c>
      <c r="D428" s="9" t="s">
        <v>77</v>
      </c>
      <c r="E428" s="9" t="s">
        <v>57</v>
      </c>
      <c r="F428" s="9" t="s">
        <v>81</v>
      </c>
      <c r="G428" s="9" t="s">
        <v>90</v>
      </c>
      <c r="H428" s="9" t="s">
        <v>104</v>
      </c>
      <c r="I428" s="9" t="s">
        <v>6</v>
      </c>
      <c r="J428" s="9" t="s">
        <v>33</v>
      </c>
      <c r="K428" s="6">
        <v>4</v>
      </c>
      <c r="L428" s="6">
        <v>3</v>
      </c>
      <c r="M428" s="6">
        <v>3</v>
      </c>
      <c r="N428" s="6">
        <v>3</v>
      </c>
      <c r="O428" s="10" t="s">
        <v>55</v>
      </c>
      <c r="P428" s="10" t="s">
        <v>55</v>
      </c>
      <c r="Q428" s="10" t="s">
        <v>55</v>
      </c>
      <c r="R428" s="10" t="s">
        <v>55</v>
      </c>
      <c r="S428" s="10" t="s">
        <v>55</v>
      </c>
      <c r="T428" s="10" t="s">
        <v>55</v>
      </c>
      <c r="U428" s="10" t="s">
        <v>55</v>
      </c>
      <c r="V428" s="10" t="s">
        <v>55</v>
      </c>
      <c r="W428" s="6">
        <v>1</v>
      </c>
      <c r="X428" s="6">
        <v>3</v>
      </c>
      <c r="Y428" s="6">
        <v>3</v>
      </c>
      <c r="Z428" s="10" t="s">
        <v>55</v>
      </c>
      <c r="AA428" s="10" t="s">
        <v>55</v>
      </c>
      <c r="AB428" s="10" t="s">
        <v>55</v>
      </c>
    </row>
    <row r="429" spans="1:28">
      <c r="A429" s="9" t="s">
        <v>83</v>
      </c>
      <c r="B429" s="9" t="s">
        <v>57</v>
      </c>
      <c r="C429" s="9" t="s">
        <v>89</v>
      </c>
      <c r="D429" s="9" t="s">
        <v>77</v>
      </c>
      <c r="E429" s="9" t="s">
        <v>57</v>
      </c>
      <c r="F429" s="9" t="s">
        <v>81</v>
      </c>
      <c r="G429" s="9" t="s">
        <v>90</v>
      </c>
      <c r="H429" s="9" t="s">
        <v>104</v>
      </c>
      <c r="I429" s="9" t="s">
        <v>6</v>
      </c>
      <c r="J429" s="9" t="s">
        <v>34</v>
      </c>
      <c r="K429" s="6">
        <v>2</v>
      </c>
      <c r="L429" s="10" t="s">
        <v>55</v>
      </c>
      <c r="M429" s="10" t="s">
        <v>55</v>
      </c>
      <c r="N429" s="10" t="s">
        <v>55</v>
      </c>
      <c r="O429" s="10" t="s">
        <v>55</v>
      </c>
      <c r="P429" s="10" t="s">
        <v>55</v>
      </c>
      <c r="Q429" s="10" t="s">
        <v>55</v>
      </c>
      <c r="R429" s="10" t="s">
        <v>55</v>
      </c>
      <c r="S429" s="10" t="s">
        <v>55</v>
      </c>
      <c r="T429" s="10" t="s">
        <v>55</v>
      </c>
      <c r="U429" s="10" t="s">
        <v>55</v>
      </c>
      <c r="V429" s="10" t="s">
        <v>55</v>
      </c>
      <c r="W429" s="6">
        <v>2</v>
      </c>
      <c r="X429" s="10" t="s">
        <v>55</v>
      </c>
      <c r="Y429" s="10" t="s">
        <v>55</v>
      </c>
      <c r="Z429" s="10" t="s">
        <v>55</v>
      </c>
      <c r="AA429" s="10" t="s">
        <v>55</v>
      </c>
      <c r="AB429" s="10" t="s">
        <v>55</v>
      </c>
    </row>
    <row r="430" spans="1:28">
      <c r="A430" s="9" t="s">
        <v>83</v>
      </c>
      <c r="B430" s="9" t="s">
        <v>57</v>
      </c>
      <c r="C430" s="9" t="s">
        <v>89</v>
      </c>
      <c r="D430" s="9" t="s">
        <v>77</v>
      </c>
      <c r="E430" s="9" t="s">
        <v>57</v>
      </c>
      <c r="F430" s="9" t="s">
        <v>81</v>
      </c>
      <c r="G430" s="9" t="s">
        <v>90</v>
      </c>
      <c r="H430" s="9" t="s">
        <v>104</v>
      </c>
      <c r="I430" s="9" t="s">
        <v>6</v>
      </c>
      <c r="J430" s="9" t="s">
        <v>35</v>
      </c>
      <c r="K430" s="6">
        <v>4</v>
      </c>
      <c r="L430" s="6">
        <v>1</v>
      </c>
      <c r="M430" s="6">
        <v>1</v>
      </c>
      <c r="N430" s="6">
        <v>1</v>
      </c>
      <c r="O430" s="10" t="s">
        <v>55</v>
      </c>
      <c r="P430" s="10" t="s">
        <v>55</v>
      </c>
      <c r="Q430" s="10" t="s">
        <v>55</v>
      </c>
      <c r="R430" s="10" t="s">
        <v>55</v>
      </c>
      <c r="S430" s="10" t="s">
        <v>55</v>
      </c>
      <c r="T430" s="10" t="s">
        <v>55</v>
      </c>
      <c r="U430" s="10" t="s">
        <v>55</v>
      </c>
      <c r="V430" s="10" t="s">
        <v>55</v>
      </c>
      <c r="W430" s="6">
        <v>3</v>
      </c>
      <c r="X430" s="6">
        <v>1</v>
      </c>
      <c r="Y430" s="6">
        <v>1</v>
      </c>
      <c r="Z430" s="10" t="s">
        <v>55</v>
      </c>
      <c r="AA430" s="10" t="s">
        <v>55</v>
      </c>
      <c r="AB430" s="10" t="s">
        <v>55</v>
      </c>
    </row>
    <row r="431" spans="1:28">
      <c r="A431" s="9" t="s">
        <v>83</v>
      </c>
      <c r="B431" s="9" t="s">
        <v>57</v>
      </c>
      <c r="C431" s="9" t="s">
        <v>89</v>
      </c>
      <c r="D431" s="9" t="s">
        <v>77</v>
      </c>
      <c r="E431" s="9" t="s">
        <v>57</v>
      </c>
      <c r="F431" s="9" t="s">
        <v>81</v>
      </c>
      <c r="G431" s="9" t="s">
        <v>90</v>
      </c>
      <c r="H431" s="9" t="s">
        <v>104</v>
      </c>
      <c r="I431" s="9" t="s">
        <v>6</v>
      </c>
      <c r="J431" s="9" t="s">
        <v>36</v>
      </c>
      <c r="K431" s="6">
        <v>3</v>
      </c>
      <c r="L431" s="10" t="s">
        <v>55</v>
      </c>
      <c r="M431" s="10" t="s">
        <v>55</v>
      </c>
      <c r="N431" s="10" t="s">
        <v>55</v>
      </c>
      <c r="O431" s="10" t="s">
        <v>55</v>
      </c>
      <c r="P431" s="10" t="s">
        <v>55</v>
      </c>
      <c r="Q431" s="10" t="s">
        <v>55</v>
      </c>
      <c r="R431" s="10" t="s">
        <v>55</v>
      </c>
      <c r="S431" s="10" t="s">
        <v>55</v>
      </c>
      <c r="T431" s="10" t="s">
        <v>55</v>
      </c>
      <c r="U431" s="10" t="s">
        <v>55</v>
      </c>
      <c r="V431" s="10" t="s">
        <v>55</v>
      </c>
      <c r="W431" s="6">
        <v>3</v>
      </c>
      <c r="X431" s="10" t="s">
        <v>55</v>
      </c>
      <c r="Y431" s="10" t="s">
        <v>55</v>
      </c>
      <c r="Z431" s="10" t="s">
        <v>55</v>
      </c>
      <c r="AA431" s="10" t="s">
        <v>55</v>
      </c>
      <c r="AB431" s="10" t="s">
        <v>55</v>
      </c>
    </row>
    <row r="432" spans="1:28">
      <c r="A432" s="9" t="s">
        <v>83</v>
      </c>
      <c r="B432" s="9" t="s">
        <v>57</v>
      </c>
      <c r="C432" s="9" t="s">
        <v>89</v>
      </c>
      <c r="D432" s="9" t="s">
        <v>77</v>
      </c>
      <c r="E432" s="9" t="s">
        <v>57</v>
      </c>
      <c r="F432" s="9" t="s">
        <v>81</v>
      </c>
      <c r="G432" s="9" t="s">
        <v>90</v>
      </c>
      <c r="H432" s="9" t="s">
        <v>104</v>
      </c>
      <c r="I432" s="9" t="s">
        <v>6</v>
      </c>
      <c r="J432" s="9" t="s">
        <v>37</v>
      </c>
      <c r="K432" s="10" t="s">
        <v>55</v>
      </c>
      <c r="L432" s="10" t="s">
        <v>55</v>
      </c>
      <c r="M432" s="10" t="s">
        <v>55</v>
      </c>
      <c r="N432" s="10" t="s">
        <v>55</v>
      </c>
      <c r="O432" s="10" t="s">
        <v>55</v>
      </c>
      <c r="P432" s="10" t="s">
        <v>55</v>
      </c>
      <c r="Q432" s="10" t="s">
        <v>55</v>
      </c>
      <c r="R432" s="10" t="s">
        <v>55</v>
      </c>
      <c r="S432" s="10" t="s">
        <v>55</v>
      </c>
      <c r="T432" s="10" t="s">
        <v>55</v>
      </c>
      <c r="U432" s="10" t="s">
        <v>55</v>
      </c>
      <c r="V432" s="10" t="s">
        <v>55</v>
      </c>
      <c r="W432" s="10" t="s">
        <v>55</v>
      </c>
      <c r="X432" s="10" t="s">
        <v>55</v>
      </c>
      <c r="Y432" s="10" t="s">
        <v>55</v>
      </c>
      <c r="Z432" s="10" t="s">
        <v>55</v>
      </c>
      <c r="AA432" s="10" t="s">
        <v>55</v>
      </c>
      <c r="AB432" s="10" t="s">
        <v>55</v>
      </c>
    </row>
    <row r="433" spans="1:28">
      <c r="A433" s="9" t="s">
        <v>83</v>
      </c>
      <c r="B433" s="9" t="s">
        <v>57</v>
      </c>
      <c r="C433" s="9" t="s">
        <v>89</v>
      </c>
      <c r="D433" s="9" t="s">
        <v>77</v>
      </c>
      <c r="E433" s="9" t="s">
        <v>57</v>
      </c>
      <c r="F433" s="9" t="s">
        <v>81</v>
      </c>
      <c r="G433" s="9" t="s">
        <v>90</v>
      </c>
      <c r="H433" s="9" t="s">
        <v>104</v>
      </c>
      <c r="I433" s="9" t="s">
        <v>6</v>
      </c>
      <c r="J433" s="9" t="s">
        <v>38</v>
      </c>
      <c r="K433" s="10" t="s">
        <v>55</v>
      </c>
      <c r="L433" s="10" t="s">
        <v>55</v>
      </c>
      <c r="M433" s="10" t="s">
        <v>55</v>
      </c>
      <c r="N433" s="10" t="s">
        <v>55</v>
      </c>
      <c r="O433" s="10" t="s">
        <v>55</v>
      </c>
      <c r="P433" s="10" t="s">
        <v>55</v>
      </c>
      <c r="Q433" s="10" t="s">
        <v>55</v>
      </c>
      <c r="R433" s="10" t="s">
        <v>55</v>
      </c>
      <c r="S433" s="10" t="s">
        <v>55</v>
      </c>
      <c r="T433" s="10" t="s">
        <v>55</v>
      </c>
      <c r="U433" s="10" t="s">
        <v>55</v>
      </c>
      <c r="V433" s="10" t="s">
        <v>55</v>
      </c>
      <c r="W433" s="10" t="s">
        <v>55</v>
      </c>
      <c r="X433" s="10" t="s">
        <v>55</v>
      </c>
      <c r="Y433" s="10" t="s">
        <v>55</v>
      </c>
      <c r="Z433" s="10" t="s">
        <v>55</v>
      </c>
      <c r="AA433" s="10" t="s">
        <v>55</v>
      </c>
      <c r="AB433" s="10" t="s">
        <v>55</v>
      </c>
    </row>
    <row r="434" spans="1:28">
      <c r="A434" s="9" t="s">
        <v>83</v>
      </c>
      <c r="B434" s="9" t="s">
        <v>57</v>
      </c>
      <c r="C434" s="9" t="s">
        <v>89</v>
      </c>
      <c r="D434" s="9" t="s">
        <v>77</v>
      </c>
      <c r="E434" s="9" t="s">
        <v>57</v>
      </c>
      <c r="F434" s="9" t="s">
        <v>81</v>
      </c>
      <c r="G434" s="9" t="s">
        <v>90</v>
      </c>
      <c r="H434" s="9" t="s">
        <v>104</v>
      </c>
      <c r="I434" s="9" t="s">
        <v>6</v>
      </c>
      <c r="J434" s="9" t="s">
        <v>39</v>
      </c>
      <c r="K434" s="6">
        <v>2</v>
      </c>
      <c r="L434" s="6">
        <v>1</v>
      </c>
      <c r="M434" s="6">
        <v>1</v>
      </c>
      <c r="N434" s="6">
        <v>1</v>
      </c>
      <c r="O434" s="10" t="s">
        <v>55</v>
      </c>
      <c r="P434" s="10" t="s">
        <v>55</v>
      </c>
      <c r="Q434" s="10" t="s">
        <v>55</v>
      </c>
      <c r="R434" s="10" t="s">
        <v>55</v>
      </c>
      <c r="S434" s="10" t="s">
        <v>55</v>
      </c>
      <c r="T434" s="10" t="s">
        <v>55</v>
      </c>
      <c r="U434" s="10" t="s">
        <v>55</v>
      </c>
      <c r="V434" s="10" t="s">
        <v>55</v>
      </c>
      <c r="W434" s="6">
        <v>1</v>
      </c>
      <c r="X434" s="10" t="s">
        <v>55</v>
      </c>
      <c r="Y434" s="10" t="s">
        <v>55</v>
      </c>
      <c r="Z434" s="10" t="s">
        <v>55</v>
      </c>
      <c r="AA434" s="10" t="s">
        <v>55</v>
      </c>
      <c r="AB434" s="10" t="s">
        <v>55</v>
      </c>
    </row>
    <row r="435" spans="1:28">
      <c r="A435" s="9" t="s">
        <v>83</v>
      </c>
      <c r="B435" s="9" t="s">
        <v>57</v>
      </c>
      <c r="C435" s="9" t="s">
        <v>89</v>
      </c>
      <c r="D435" s="9" t="s">
        <v>77</v>
      </c>
      <c r="E435" s="9" t="s">
        <v>57</v>
      </c>
      <c r="F435" s="9" t="s">
        <v>81</v>
      </c>
      <c r="G435" s="9" t="s">
        <v>90</v>
      </c>
      <c r="H435" s="9" t="s">
        <v>104</v>
      </c>
      <c r="I435" s="9" t="s">
        <v>6</v>
      </c>
      <c r="J435" s="9" t="s">
        <v>40</v>
      </c>
      <c r="K435" s="6">
        <v>5</v>
      </c>
      <c r="L435" s="6">
        <v>1</v>
      </c>
      <c r="M435" s="6">
        <v>1</v>
      </c>
      <c r="N435" s="6">
        <v>1</v>
      </c>
      <c r="O435" s="10" t="s">
        <v>55</v>
      </c>
      <c r="P435" s="10" t="s">
        <v>55</v>
      </c>
      <c r="Q435" s="10" t="s">
        <v>55</v>
      </c>
      <c r="R435" s="10" t="s">
        <v>55</v>
      </c>
      <c r="S435" s="10" t="s">
        <v>55</v>
      </c>
      <c r="T435" s="10" t="s">
        <v>55</v>
      </c>
      <c r="U435" s="10" t="s">
        <v>55</v>
      </c>
      <c r="V435" s="10" t="s">
        <v>55</v>
      </c>
      <c r="W435" s="6">
        <v>4</v>
      </c>
      <c r="X435" s="6">
        <v>1</v>
      </c>
      <c r="Y435" s="6">
        <v>1</v>
      </c>
      <c r="Z435" s="10" t="s">
        <v>55</v>
      </c>
      <c r="AA435" s="10" t="s">
        <v>55</v>
      </c>
      <c r="AB435" s="10" t="s">
        <v>55</v>
      </c>
    </row>
    <row r="436" spans="1:28">
      <c r="A436" s="9" t="s">
        <v>83</v>
      </c>
      <c r="B436" s="9" t="s">
        <v>57</v>
      </c>
      <c r="C436" s="9" t="s">
        <v>89</v>
      </c>
      <c r="D436" s="9" t="s">
        <v>77</v>
      </c>
      <c r="E436" s="9" t="s">
        <v>57</v>
      </c>
      <c r="F436" s="9" t="s">
        <v>81</v>
      </c>
      <c r="G436" s="9" t="s">
        <v>90</v>
      </c>
      <c r="H436" s="9" t="s">
        <v>104</v>
      </c>
      <c r="I436" s="9" t="s">
        <v>6</v>
      </c>
      <c r="J436" s="9" t="s">
        <v>41</v>
      </c>
      <c r="K436" s="6">
        <v>5</v>
      </c>
      <c r="L436" s="6">
        <v>1</v>
      </c>
      <c r="M436" s="6">
        <v>1</v>
      </c>
      <c r="N436" s="6">
        <v>1</v>
      </c>
      <c r="O436" s="10" t="s">
        <v>55</v>
      </c>
      <c r="P436" s="10" t="s">
        <v>55</v>
      </c>
      <c r="Q436" s="10" t="s">
        <v>55</v>
      </c>
      <c r="R436" s="10" t="s">
        <v>55</v>
      </c>
      <c r="S436" s="6">
        <v>1</v>
      </c>
      <c r="T436" s="10" t="s">
        <v>55</v>
      </c>
      <c r="U436" s="10" t="s">
        <v>55</v>
      </c>
      <c r="V436" s="6">
        <v>1</v>
      </c>
      <c r="W436" s="6">
        <v>3</v>
      </c>
      <c r="X436" s="10" t="s">
        <v>55</v>
      </c>
      <c r="Y436" s="10" t="s">
        <v>55</v>
      </c>
      <c r="Z436" s="10" t="s">
        <v>55</v>
      </c>
      <c r="AA436" s="10" t="s">
        <v>55</v>
      </c>
      <c r="AB436" s="10" t="s">
        <v>55</v>
      </c>
    </row>
    <row r="437" spans="1:28">
      <c r="A437" s="9" t="s">
        <v>83</v>
      </c>
      <c r="B437" s="9" t="s">
        <v>57</v>
      </c>
      <c r="C437" s="9" t="s">
        <v>89</v>
      </c>
      <c r="D437" s="9" t="s">
        <v>77</v>
      </c>
      <c r="E437" s="9" t="s">
        <v>57</v>
      </c>
      <c r="F437" s="9" t="s">
        <v>81</v>
      </c>
      <c r="G437" s="9" t="s">
        <v>90</v>
      </c>
      <c r="H437" s="9" t="s">
        <v>104</v>
      </c>
      <c r="I437" s="9" t="s">
        <v>6</v>
      </c>
      <c r="J437" s="9" t="s">
        <v>42</v>
      </c>
      <c r="K437" s="10" t="s">
        <v>55</v>
      </c>
      <c r="L437" s="10" t="s">
        <v>55</v>
      </c>
      <c r="M437" s="10" t="s">
        <v>55</v>
      </c>
      <c r="N437" s="10" t="s">
        <v>55</v>
      </c>
      <c r="O437" s="10" t="s">
        <v>55</v>
      </c>
      <c r="P437" s="10" t="s">
        <v>55</v>
      </c>
      <c r="Q437" s="10" t="s">
        <v>55</v>
      </c>
      <c r="R437" s="10" t="s">
        <v>55</v>
      </c>
      <c r="S437" s="10" t="s">
        <v>55</v>
      </c>
      <c r="T437" s="10" t="s">
        <v>55</v>
      </c>
      <c r="U437" s="10" t="s">
        <v>55</v>
      </c>
      <c r="V437" s="10" t="s">
        <v>55</v>
      </c>
      <c r="W437" s="10" t="s">
        <v>55</v>
      </c>
      <c r="X437" s="10" t="s">
        <v>55</v>
      </c>
      <c r="Y437" s="10" t="s">
        <v>55</v>
      </c>
      <c r="Z437" s="10" t="s">
        <v>55</v>
      </c>
      <c r="AA437" s="10" t="s">
        <v>55</v>
      </c>
      <c r="AB437" s="10" t="s">
        <v>55</v>
      </c>
    </row>
    <row r="438" spans="1:28">
      <c r="A438" s="9" t="s">
        <v>83</v>
      </c>
      <c r="B438" s="9" t="s">
        <v>57</v>
      </c>
      <c r="C438" s="9" t="s">
        <v>89</v>
      </c>
      <c r="D438" s="9" t="s">
        <v>77</v>
      </c>
      <c r="E438" s="9" t="s">
        <v>57</v>
      </c>
      <c r="F438" s="9" t="s">
        <v>81</v>
      </c>
      <c r="G438" s="9" t="s">
        <v>90</v>
      </c>
      <c r="H438" s="9" t="s">
        <v>104</v>
      </c>
      <c r="I438" s="9" t="s">
        <v>6</v>
      </c>
      <c r="J438" s="9" t="s">
        <v>43</v>
      </c>
      <c r="K438" s="6">
        <v>2</v>
      </c>
      <c r="L438" s="10" t="s">
        <v>55</v>
      </c>
      <c r="M438" s="10" t="s">
        <v>55</v>
      </c>
      <c r="N438" s="10" t="s">
        <v>55</v>
      </c>
      <c r="O438" s="10" t="s">
        <v>55</v>
      </c>
      <c r="P438" s="10" t="s">
        <v>55</v>
      </c>
      <c r="Q438" s="10" t="s">
        <v>55</v>
      </c>
      <c r="R438" s="10" t="s">
        <v>55</v>
      </c>
      <c r="S438" s="6">
        <v>2</v>
      </c>
      <c r="T438" s="10" t="s">
        <v>55</v>
      </c>
      <c r="U438" s="10" t="s">
        <v>55</v>
      </c>
      <c r="V438" s="6">
        <v>2</v>
      </c>
      <c r="W438" s="10" t="s">
        <v>55</v>
      </c>
      <c r="X438" s="10" t="s">
        <v>55</v>
      </c>
      <c r="Y438" s="10" t="s">
        <v>55</v>
      </c>
      <c r="Z438" s="10" t="s">
        <v>55</v>
      </c>
      <c r="AA438" s="10" t="s">
        <v>55</v>
      </c>
      <c r="AB438" s="10" t="s">
        <v>55</v>
      </c>
    </row>
    <row r="439" spans="1:28">
      <c r="A439" s="9" t="s">
        <v>83</v>
      </c>
      <c r="B439" s="9" t="s">
        <v>57</v>
      </c>
      <c r="C439" s="9" t="s">
        <v>89</v>
      </c>
      <c r="D439" s="9" t="s">
        <v>77</v>
      </c>
      <c r="E439" s="9" t="s">
        <v>57</v>
      </c>
      <c r="F439" s="9" t="s">
        <v>81</v>
      </c>
      <c r="G439" s="9" t="s">
        <v>90</v>
      </c>
      <c r="H439" s="9" t="s">
        <v>104</v>
      </c>
      <c r="I439" s="9" t="s">
        <v>6</v>
      </c>
      <c r="J439" s="9" t="s">
        <v>44</v>
      </c>
      <c r="K439" s="6">
        <v>3</v>
      </c>
      <c r="L439" s="10" t="s">
        <v>55</v>
      </c>
      <c r="M439" s="10" t="s">
        <v>55</v>
      </c>
      <c r="N439" s="10" t="s">
        <v>55</v>
      </c>
      <c r="O439" s="10" t="s">
        <v>55</v>
      </c>
      <c r="P439" s="10" t="s">
        <v>55</v>
      </c>
      <c r="Q439" s="10" t="s">
        <v>55</v>
      </c>
      <c r="R439" s="10" t="s">
        <v>55</v>
      </c>
      <c r="S439" s="10" t="s">
        <v>55</v>
      </c>
      <c r="T439" s="10" t="s">
        <v>55</v>
      </c>
      <c r="U439" s="10" t="s">
        <v>55</v>
      </c>
      <c r="V439" s="10" t="s">
        <v>55</v>
      </c>
      <c r="W439" s="6">
        <v>3</v>
      </c>
      <c r="X439" s="10" t="s">
        <v>55</v>
      </c>
      <c r="Y439" s="10" t="s">
        <v>55</v>
      </c>
      <c r="Z439" s="10" t="s">
        <v>55</v>
      </c>
      <c r="AA439" s="10" t="s">
        <v>55</v>
      </c>
      <c r="AB439" s="10" t="s">
        <v>55</v>
      </c>
    </row>
    <row r="440" spans="1:28">
      <c r="A440" s="9" t="s">
        <v>83</v>
      </c>
      <c r="B440" s="9" t="s">
        <v>57</v>
      </c>
      <c r="C440" s="9" t="s">
        <v>89</v>
      </c>
      <c r="D440" s="9" t="s">
        <v>77</v>
      </c>
      <c r="E440" s="9" t="s">
        <v>57</v>
      </c>
      <c r="F440" s="9" t="s">
        <v>81</v>
      </c>
      <c r="G440" s="9" t="s">
        <v>90</v>
      </c>
      <c r="H440" s="9" t="s">
        <v>104</v>
      </c>
      <c r="I440" s="9" t="s">
        <v>6</v>
      </c>
      <c r="J440" s="9" t="s">
        <v>45</v>
      </c>
      <c r="K440" s="6">
        <v>1</v>
      </c>
      <c r="L440" s="10" t="s">
        <v>55</v>
      </c>
      <c r="M440" s="10" t="s">
        <v>55</v>
      </c>
      <c r="N440" s="10" t="s">
        <v>55</v>
      </c>
      <c r="O440" s="10" t="s">
        <v>55</v>
      </c>
      <c r="P440" s="10" t="s">
        <v>55</v>
      </c>
      <c r="Q440" s="10" t="s">
        <v>55</v>
      </c>
      <c r="R440" s="10" t="s">
        <v>55</v>
      </c>
      <c r="S440" s="10" t="s">
        <v>55</v>
      </c>
      <c r="T440" s="10" t="s">
        <v>55</v>
      </c>
      <c r="U440" s="10" t="s">
        <v>55</v>
      </c>
      <c r="V440" s="10" t="s">
        <v>55</v>
      </c>
      <c r="W440" s="6">
        <v>1</v>
      </c>
      <c r="X440" s="10" t="s">
        <v>55</v>
      </c>
      <c r="Y440" s="10" t="s">
        <v>55</v>
      </c>
      <c r="Z440" s="10" t="s">
        <v>55</v>
      </c>
      <c r="AA440" s="10" t="s">
        <v>55</v>
      </c>
      <c r="AB440" s="10" t="s">
        <v>55</v>
      </c>
    </row>
    <row r="441" spans="1:28">
      <c r="A441" s="9" t="s">
        <v>83</v>
      </c>
      <c r="B441" s="9" t="s">
        <v>57</v>
      </c>
      <c r="C441" s="9" t="s">
        <v>89</v>
      </c>
      <c r="D441" s="9" t="s">
        <v>77</v>
      </c>
      <c r="E441" s="9" t="s">
        <v>57</v>
      </c>
      <c r="F441" s="9" t="s">
        <v>81</v>
      </c>
      <c r="G441" s="9" t="s">
        <v>90</v>
      </c>
      <c r="H441" s="9" t="s">
        <v>104</v>
      </c>
      <c r="I441" s="9" t="s">
        <v>6</v>
      </c>
      <c r="J441" s="9" t="s">
        <v>46</v>
      </c>
      <c r="K441" s="6">
        <v>2</v>
      </c>
      <c r="L441" s="10" t="s">
        <v>55</v>
      </c>
      <c r="M441" s="10" t="s">
        <v>55</v>
      </c>
      <c r="N441" s="10" t="s">
        <v>55</v>
      </c>
      <c r="O441" s="10" t="s">
        <v>55</v>
      </c>
      <c r="P441" s="10" t="s">
        <v>55</v>
      </c>
      <c r="Q441" s="10" t="s">
        <v>55</v>
      </c>
      <c r="R441" s="10" t="s">
        <v>55</v>
      </c>
      <c r="S441" s="6">
        <v>2</v>
      </c>
      <c r="T441" s="10" t="s">
        <v>55</v>
      </c>
      <c r="U441" s="10" t="s">
        <v>55</v>
      </c>
      <c r="V441" s="6">
        <v>2</v>
      </c>
      <c r="W441" s="10" t="s">
        <v>55</v>
      </c>
      <c r="X441" s="10" t="s">
        <v>55</v>
      </c>
      <c r="Y441" s="10" t="s">
        <v>55</v>
      </c>
      <c r="Z441" s="10" t="s">
        <v>55</v>
      </c>
      <c r="AA441" s="10" t="s">
        <v>55</v>
      </c>
      <c r="AB441" s="10" t="s">
        <v>55</v>
      </c>
    </row>
    <row r="442" spans="1:28">
      <c r="A442" s="9" t="s">
        <v>83</v>
      </c>
      <c r="B442" s="9" t="s">
        <v>57</v>
      </c>
      <c r="C442" s="9" t="s">
        <v>89</v>
      </c>
      <c r="D442" s="9" t="s">
        <v>77</v>
      </c>
      <c r="E442" s="9" t="s">
        <v>57</v>
      </c>
      <c r="F442" s="9" t="s">
        <v>81</v>
      </c>
      <c r="G442" s="9" t="s">
        <v>90</v>
      </c>
      <c r="H442" s="9" t="s">
        <v>104</v>
      </c>
      <c r="I442" s="9" t="s">
        <v>6</v>
      </c>
      <c r="J442" s="9" t="s">
        <v>47</v>
      </c>
      <c r="K442" s="10" t="s">
        <v>55</v>
      </c>
      <c r="L442" s="10" t="s">
        <v>55</v>
      </c>
      <c r="M442" s="10" t="s">
        <v>55</v>
      </c>
      <c r="N442" s="10" t="s">
        <v>55</v>
      </c>
      <c r="O442" s="10" t="s">
        <v>55</v>
      </c>
      <c r="P442" s="10" t="s">
        <v>55</v>
      </c>
      <c r="Q442" s="10" t="s">
        <v>55</v>
      </c>
      <c r="R442" s="10" t="s">
        <v>55</v>
      </c>
      <c r="S442" s="10" t="s">
        <v>55</v>
      </c>
      <c r="T442" s="10" t="s">
        <v>55</v>
      </c>
      <c r="U442" s="10" t="s">
        <v>55</v>
      </c>
      <c r="V442" s="10" t="s">
        <v>55</v>
      </c>
      <c r="W442" s="10" t="s">
        <v>55</v>
      </c>
      <c r="X442" s="10" t="s">
        <v>55</v>
      </c>
      <c r="Y442" s="10" t="s">
        <v>55</v>
      </c>
      <c r="Z442" s="10" t="s">
        <v>55</v>
      </c>
      <c r="AA442" s="10" t="s">
        <v>55</v>
      </c>
      <c r="AB442" s="10" t="s">
        <v>55</v>
      </c>
    </row>
    <row r="443" spans="1:28">
      <c r="A443" s="9" t="s">
        <v>83</v>
      </c>
      <c r="B443" s="9" t="s">
        <v>57</v>
      </c>
      <c r="C443" s="9" t="s">
        <v>89</v>
      </c>
      <c r="D443" s="9" t="s">
        <v>77</v>
      </c>
      <c r="E443" s="9" t="s">
        <v>57</v>
      </c>
      <c r="F443" s="9" t="s">
        <v>81</v>
      </c>
      <c r="G443" s="9" t="s">
        <v>90</v>
      </c>
      <c r="H443" s="9" t="s">
        <v>104</v>
      </c>
      <c r="I443" s="9" t="s">
        <v>6</v>
      </c>
      <c r="J443" s="9" t="s">
        <v>48</v>
      </c>
      <c r="K443" s="6">
        <v>28</v>
      </c>
      <c r="L443" s="6">
        <v>9</v>
      </c>
      <c r="M443" s="6">
        <v>9</v>
      </c>
      <c r="N443" s="6">
        <v>9</v>
      </c>
      <c r="O443" s="10" t="s">
        <v>55</v>
      </c>
      <c r="P443" s="10" t="s">
        <v>55</v>
      </c>
      <c r="Q443" s="10" t="s">
        <v>55</v>
      </c>
      <c r="R443" s="10" t="s">
        <v>55</v>
      </c>
      <c r="S443" s="10" t="s">
        <v>55</v>
      </c>
      <c r="T443" s="10" t="s">
        <v>55</v>
      </c>
      <c r="U443" s="10" t="s">
        <v>55</v>
      </c>
      <c r="V443" s="10" t="s">
        <v>55</v>
      </c>
      <c r="W443" s="6">
        <v>19</v>
      </c>
      <c r="X443" s="6">
        <v>8</v>
      </c>
      <c r="Y443" s="6">
        <v>8</v>
      </c>
      <c r="Z443" s="10" t="s">
        <v>55</v>
      </c>
      <c r="AA443" s="10" t="s">
        <v>55</v>
      </c>
      <c r="AB443" s="10" t="s">
        <v>55</v>
      </c>
    </row>
    <row r="444" spans="1:28">
      <c r="A444" s="9" t="s">
        <v>83</v>
      </c>
      <c r="B444" s="9" t="s">
        <v>57</v>
      </c>
      <c r="C444" s="9" t="s">
        <v>89</v>
      </c>
      <c r="D444" s="9" t="s">
        <v>77</v>
      </c>
      <c r="E444" s="9" t="s">
        <v>57</v>
      </c>
      <c r="F444" s="9" t="s">
        <v>81</v>
      </c>
      <c r="G444" s="9" t="s">
        <v>90</v>
      </c>
      <c r="H444" s="9" t="s">
        <v>104</v>
      </c>
      <c r="I444" s="9" t="s">
        <v>6</v>
      </c>
      <c r="J444" s="9" t="s">
        <v>49</v>
      </c>
      <c r="K444" s="6">
        <v>13</v>
      </c>
      <c r="L444" s="6">
        <v>1</v>
      </c>
      <c r="M444" s="6">
        <v>1</v>
      </c>
      <c r="N444" s="6">
        <v>1</v>
      </c>
      <c r="O444" s="10" t="s">
        <v>55</v>
      </c>
      <c r="P444" s="10" t="s">
        <v>55</v>
      </c>
      <c r="Q444" s="10" t="s">
        <v>55</v>
      </c>
      <c r="R444" s="10" t="s">
        <v>55</v>
      </c>
      <c r="S444" s="6">
        <v>5</v>
      </c>
      <c r="T444" s="10" t="s">
        <v>55</v>
      </c>
      <c r="U444" s="10" t="s">
        <v>55</v>
      </c>
      <c r="V444" s="6">
        <v>5</v>
      </c>
      <c r="W444" s="6">
        <v>7</v>
      </c>
      <c r="X444" s="10" t="s">
        <v>55</v>
      </c>
      <c r="Y444" s="10" t="s">
        <v>55</v>
      </c>
      <c r="Z444" s="10" t="s">
        <v>55</v>
      </c>
      <c r="AA444" s="10" t="s">
        <v>55</v>
      </c>
      <c r="AB444" s="10" t="s">
        <v>55</v>
      </c>
    </row>
    <row r="445" spans="1:28">
      <c r="A445" s="9" t="s">
        <v>83</v>
      </c>
      <c r="B445" s="9" t="s">
        <v>57</v>
      </c>
      <c r="C445" s="9" t="s">
        <v>89</v>
      </c>
      <c r="D445" s="9" t="s">
        <v>77</v>
      </c>
      <c r="E445" s="9" t="s">
        <v>57</v>
      </c>
      <c r="F445" s="9" t="s">
        <v>81</v>
      </c>
      <c r="G445" s="9" t="s">
        <v>90</v>
      </c>
      <c r="H445" s="9" t="s">
        <v>104</v>
      </c>
      <c r="I445" s="9" t="s">
        <v>6</v>
      </c>
      <c r="J445" s="9" t="s">
        <v>50</v>
      </c>
      <c r="K445" s="6">
        <v>8</v>
      </c>
      <c r="L445" s="10" t="s">
        <v>55</v>
      </c>
      <c r="M445" s="10" t="s">
        <v>55</v>
      </c>
      <c r="N445" s="10" t="s">
        <v>55</v>
      </c>
      <c r="O445" s="10" t="s">
        <v>55</v>
      </c>
      <c r="P445" s="10" t="s">
        <v>55</v>
      </c>
      <c r="Q445" s="10" t="s">
        <v>55</v>
      </c>
      <c r="R445" s="10" t="s">
        <v>55</v>
      </c>
      <c r="S445" s="6">
        <v>4</v>
      </c>
      <c r="T445" s="10" t="s">
        <v>55</v>
      </c>
      <c r="U445" s="10" t="s">
        <v>55</v>
      </c>
      <c r="V445" s="6">
        <v>4</v>
      </c>
      <c r="W445" s="6">
        <v>4</v>
      </c>
      <c r="X445" s="10" t="s">
        <v>55</v>
      </c>
      <c r="Y445" s="10" t="s">
        <v>55</v>
      </c>
      <c r="Z445" s="10" t="s">
        <v>55</v>
      </c>
      <c r="AA445" s="10" t="s">
        <v>55</v>
      </c>
      <c r="AB445" s="10" t="s">
        <v>55</v>
      </c>
    </row>
    <row r="446" spans="1:28">
      <c r="A446" s="9" t="s">
        <v>83</v>
      </c>
      <c r="B446" s="9" t="s">
        <v>57</v>
      </c>
      <c r="C446" s="9" t="s">
        <v>89</v>
      </c>
      <c r="D446" s="9" t="s">
        <v>77</v>
      </c>
      <c r="E446" s="9" t="s">
        <v>57</v>
      </c>
      <c r="F446" s="9" t="s">
        <v>81</v>
      </c>
      <c r="G446" s="9" t="s">
        <v>90</v>
      </c>
      <c r="H446" s="9" t="s">
        <v>104</v>
      </c>
      <c r="I446" s="9" t="s">
        <v>6</v>
      </c>
      <c r="J446" s="9" t="s">
        <v>51</v>
      </c>
      <c r="K446" s="6">
        <v>3</v>
      </c>
      <c r="L446" s="10" t="s">
        <v>55</v>
      </c>
      <c r="M446" s="10" t="s">
        <v>55</v>
      </c>
      <c r="N446" s="10" t="s">
        <v>55</v>
      </c>
      <c r="O446" s="10" t="s">
        <v>55</v>
      </c>
      <c r="P446" s="10" t="s">
        <v>55</v>
      </c>
      <c r="Q446" s="10" t="s">
        <v>55</v>
      </c>
      <c r="R446" s="10" t="s">
        <v>55</v>
      </c>
      <c r="S446" s="6">
        <v>2</v>
      </c>
      <c r="T446" s="10" t="s">
        <v>55</v>
      </c>
      <c r="U446" s="10" t="s">
        <v>55</v>
      </c>
      <c r="V446" s="6">
        <v>2</v>
      </c>
      <c r="W446" s="6">
        <v>1</v>
      </c>
      <c r="X446" s="10" t="s">
        <v>55</v>
      </c>
      <c r="Y446" s="10" t="s">
        <v>55</v>
      </c>
      <c r="Z446" s="10" t="s">
        <v>55</v>
      </c>
      <c r="AA446" s="10" t="s">
        <v>55</v>
      </c>
      <c r="AB446" s="10" t="s">
        <v>55</v>
      </c>
    </row>
    <row r="447" spans="1:28">
      <c r="A447" s="9" t="s">
        <v>83</v>
      </c>
      <c r="B447" s="9" t="s">
        <v>57</v>
      </c>
      <c r="C447" s="9" t="s">
        <v>89</v>
      </c>
      <c r="D447" s="9" t="s">
        <v>77</v>
      </c>
      <c r="E447" s="9" t="s">
        <v>57</v>
      </c>
      <c r="F447" s="9" t="s">
        <v>81</v>
      </c>
      <c r="G447" s="9" t="s">
        <v>90</v>
      </c>
      <c r="H447" s="9" t="s">
        <v>104</v>
      </c>
      <c r="I447" s="9" t="s">
        <v>6</v>
      </c>
      <c r="J447" s="9" t="s">
        <v>52</v>
      </c>
      <c r="K447" s="6">
        <v>33</v>
      </c>
      <c r="L447" s="6">
        <v>10</v>
      </c>
      <c r="M447" s="6">
        <v>10</v>
      </c>
      <c r="N447" s="6">
        <v>10</v>
      </c>
      <c r="O447" s="10" t="s">
        <v>55</v>
      </c>
      <c r="P447" s="10" t="s">
        <v>55</v>
      </c>
      <c r="Q447" s="10" t="s">
        <v>55</v>
      </c>
      <c r="R447" s="10" t="s">
        <v>55</v>
      </c>
      <c r="S447" s="6">
        <v>1</v>
      </c>
      <c r="T447" s="10" t="s">
        <v>55</v>
      </c>
      <c r="U447" s="10" t="s">
        <v>55</v>
      </c>
      <c r="V447" s="6">
        <v>1</v>
      </c>
      <c r="W447" s="6">
        <v>22</v>
      </c>
      <c r="X447" s="6">
        <v>8</v>
      </c>
      <c r="Y447" s="6">
        <v>8</v>
      </c>
      <c r="Z447" s="10" t="s">
        <v>55</v>
      </c>
      <c r="AA447" s="10" t="s">
        <v>55</v>
      </c>
      <c r="AB447" s="10" t="s">
        <v>55</v>
      </c>
    </row>
    <row r="448" spans="1:28">
      <c r="A448" s="9" t="s">
        <v>83</v>
      </c>
      <c r="B448" s="9" t="s">
        <v>57</v>
      </c>
      <c r="C448" s="9" t="s">
        <v>89</v>
      </c>
      <c r="D448" s="9" t="s">
        <v>77</v>
      </c>
      <c r="E448" s="9" t="s">
        <v>57</v>
      </c>
      <c r="F448" s="9" t="s">
        <v>81</v>
      </c>
      <c r="G448" s="9" t="s">
        <v>90</v>
      </c>
      <c r="H448" s="9" t="s">
        <v>104</v>
      </c>
      <c r="I448" s="9" t="s">
        <v>53</v>
      </c>
      <c r="J448" s="9" t="s">
        <v>30</v>
      </c>
      <c r="K448" s="6">
        <v>18</v>
      </c>
      <c r="L448" s="6">
        <v>8</v>
      </c>
      <c r="M448" s="6">
        <v>8</v>
      </c>
      <c r="N448" s="6">
        <v>8</v>
      </c>
      <c r="O448" s="10" t="s">
        <v>55</v>
      </c>
      <c r="P448" s="10" t="s">
        <v>55</v>
      </c>
      <c r="Q448" s="10" t="s">
        <v>55</v>
      </c>
      <c r="R448" s="10" t="s">
        <v>55</v>
      </c>
      <c r="S448" s="6">
        <v>2</v>
      </c>
      <c r="T448" s="10" t="s">
        <v>55</v>
      </c>
      <c r="U448" s="10" t="s">
        <v>55</v>
      </c>
      <c r="V448" s="6">
        <v>2</v>
      </c>
      <c r="W448" s="6">
        <v>8</v>
      </c>
      <c r="X448" s="6">
        <v>6</v>
      </c>
      <c r="Y448" s="6">
        <v>6</v>
      </c>
      <c r="Z448" s="10" t="s">
        <v>55</v>
      </c>
      <c r="AA448" s="10" t="s">
        <v>55</v>
      </c>
      <c r="AB448" s="10" t="s">
        <v>55</v>
      </c>
    </row>
    <row r="449" spans="1:28">
      <c r="A449" s="9" t="s">
        <v>83</v>
      </c>
      <c r="B449" s="9" t="s">
        <v>57</v>
      </c>
      <c r="C449" s="9" t="s">
        <v>89</v>
      </c>
      <c r="D449" s="9" t="s">
        <v>77</v>
      </c>
      <c r="E449" s="9" t="s">
        <v>57</v>
      </c>
      <c r="F449" s="9" t="s">
        <v>81</v>
      </c>
      <c r="G449" s="9" t="s">
        <v>90</v>
      </c>
      <c r="H449" s="9" t="s">
        <v>104</v>
      </c>
      <c r="I449" s="9" t="s">
        <v>53</v>
      </c>
      <c r="J449" s="9" t="s">
        <v>31</v>
      </c>
      <c r="K449" s="10" t="s">
        <v>55</v>
      </c>
      <c r="L449" s="10" t="s">
        <v>55</v>
      </c>
      <c r="M449" s="10" t="s">
        <v>55</v>
      </c>
      <c r="N449" s="10" t="s">
        <v>55</v>
      </c>
      <c r="O449" s="10" t="s">
        <v>55</v>
      </c>
      <c r="P449" s="10" t="s">
        <v>55</v>
      </c>
      <c r="Q449" s="10" t="s">
        <v>55</v>
      </c>
      <c r="R449" s="10" t="s">
        <v>55</v>
      </c>
      <c r="S449" s="10" t="s">
        <v>55</v>
      </c>
      <c r="T449" s="10" t="s">
        <v>55</v>
      </c>
      <c r="U449" s="10" t="s">
        <v>55</v>
      </c>
      <c r="V449" s="10" t="s">
        <v>55</v>
      </c>
      <c r="W449" s="10" t="s">
        <v>55</v>
      </c>
      <c r="X449" s="10" t="s">
        <v>55</v>
      </c>
      <c r="Y449" s="10" t="s">
        <v>55</v>
      </c>
      <c r="Z449" s="10" t="s">
        <v>55</v>
      </c>
      <c r="AA449" s="10" t="s">
        <v>55</v>
      </c>
      <c r="AB449" s="10" t="s">
        <v>55</v>
      </c>
    </row>
    <row r="450" spans="1:28">
      <c r="A450" s="9" t="s">
        <v>83</v>
      </c>
      <c r="B450" s="9" t="s">
        <v>57</v>
      </c>
      <c r="C450" s="9" t="s">
        <v>89</v>
      </c>
      <c r="D450" s="9" t="s">
        <v>77</v>
      </c>
      <c r="E450" s="9" t="s">
        <v>57</v>
      </c>
      <c r="F450" s="9" t="s">
        <v>81</v>
      </c>
      <c r="G450" s="9" t="s">
        <v>90</v>
      </c>
      <c r="H450" s="9" t="s">
        <v>104</v>
      </c>
      <c r="I450" s="9" t="s">
        <v>53</v>
      </c>
      <c r="J450" s="9" t="s">
        <v>32</v>
      </c>
      <c r="K450" s="6">
        <v>3</v>
      </c>
      <c r="L450" s="6">
        <v>3</v>
      </c>
      <c r="M450" s="6">
        <v>3</v>
      </c>
      <c r="N450" s="6">
        <v>3</v>
      </c>
      <c r="O450" s="10" t="s">
        <v>55</v>
      </c>
      <c r="P450" s="10" t="s">
        <v>55</v>
      </c>
      <c r="Q450" s="10" t="s">
        <v>55</v>
      </c>
      <c r="R450" s="10" t="s">
        <v>55</v>
      </c>
      <c r="S450" s="10" t="s">
        <v>55</v>
      </c>
      <c r="T450" s="10" t="s">
        <v>55</v>
      </c>
      <c r="U450" s="10" t="s">
        <v>55</v>
      </c>
      <c r="V450" s="10" t="s">
        <v>55</v>
      </c>
      <c r="W450" s="10" t="s">
        <v>55</v>
      </c>
      <c r="X450" s="6">
        <v>3</v>
      </c>
      <c r="Y450" s="6">
        <v>3</v>
      </c>
      <c r="Z450" s="10" t="s">
        <v>55</v>
      </c>
      <c r="AA450" s="10" t="s">
        <v>55</v>
      </c>
      <c r="AB450" s="10" t="s">
        <v>55</v>
      </c>
    </row>
    <row r="451" spans="1:28">
      <c r="A451" s="9" t="s">
        <v>83</v>
      </c>
      <c r="B451" s="9" t="s">
        <v>57</v>
      </c>
      <c r="C451" s="9" t="s">
        <v>89</v>
      </c>
      <c r="D451" s="9" t="s">
        <v>77</v>
      </c>
      <c r="E451" s="9" t="s">
        <v>57</v>
      </c>
      <c r="F451" s="9" t="s">
        <v>81</v>
      </c>
      <c r="G451" s="9" t="s">
        <v>90</v>
      </c>
      <c r="H451" s="9" t="s">
        <v>104</v>
      </c>
      <c r="I451" s="9" t="s">
        <v>53</v>
      </c>
      <c r="J451" s="9" t="s">
        <v>33</v>
      </c>
      <c r="K451" s="6">
        <v>2</v>
      </c>
      <c r="L451" s="6">
        <v>2</v>
      </c>
      <c r="M451" s="6">
        <v>2</v>
      </c>
      <c r="N451" s="6">
        <v>2</v>
      </c>
      <c r="O451" s="10" t="s">
        <v>55</v>
      </c>
      <c r="P451" s="10" t="s">
        <v>55</v>
      </c>
      <c r="Q451" s="10" t="s">
        <v>55</v>
      </c>
      <c r="R451" s="10" t="s">
        <v>55</v>
      </c>
      <c r="S451" s="10" t="s">
        <v>55</v>
      </c>
      <c r="T451" s="10" t="s">
        <v>55</v>
      </c>
      <c r="U451" s="10" t="s">
        <v>55</v>
      </c>
      <c r="V451" s="10" t="s">
        <v>55</v>
      </c>
      <c r="W451" s="10" t="s">
        <v>55</v>
      </c>
      <c r="X451" s="6">
        <v>2</v>
      </c>
      <c r="Y451" s="6">
        <v>2</v>
      </c>
      <c r="Z451" s="10" t="s">
        <v>55</v>
      </c>
      <c r="AA451" s="10" t="s">
        <v>55</v>
      </c>
      <c r="AB451" s="10" t="s">
        <v>55</v>
      </c>
    </row>
    <row r="452" spans="1:28">
      <c r="A452" s="9" t="s">
        <v>83</v>
      </c>
      <c r="B452" s="9" t="s">
        <v>57</v>
      </c>
      <c r="C452" s="9" t="s">
        <v>89</v>
      </c>
      <c r="D452" s="9" t="s">
        <v>77</v>
      </c>
      <c r="E452" s="9" t="s">
        <v>57</v>
      </c>
      <c r="F452" s="9" t="s">
        <v>81</v>
      </c>
      <c r="G452" s="9" t="s">
        <v>90</v>
      </c>
      <c r="H452" s="9" t="s">
        <v>104</v>
      </c>
      <c r="I452" s="9" t="s">
        <v>53</v>
      </c>
      <c r="J452" s="9" t="s">
        <v>34</v>
      </c>
      <c r="K452" s="10" t="s">
        <v>55</v>
      </c>
      <c r="L452" s="10" t="s">
        <v>55</v>
      </c>
      <c r="M452" s="10" t="s">
        <v>55</v>
      </c>
      <c r="N452" s="10" t="s">
        <v>55</v>
      </c>
      <c r="O452" s="10" t="s">
        <v>55</v>
      </c>
      <c r="P452" s="10" t="s">
        <v>55</v>
      </c>
      <c r="Q452" s="10" t="s">
        <v>55</v>
      </c>
      <c r="R452" s="10" t="s">
        <v>55</v>
      </c>
      <c r="S452" s="10" t="s">
        <v>55</v>
      </c>
      <c r="T452" s="10" t="s">
        <v>55</v>
      </c>
      <c r="U452" s="10" t="s">
        <v>55</v>
      </c>
      <c r="V452" s="10" t="s">
        <v>55</v>
      </c>
      <c r="W452" s="10" t="s">
        <v>55</v>
      </c>
      <c r="X452" s="10" t="s">
        <v>55</v>
      </c>
      <c r="Y452" s="10" t="s">
        <v>55</v>
      </c>
      <c r="Z452" s="10" t="s">
        <v>55</v>
      </c>
      <c r="AA452" s="10" t="s">
        <v>55</v>
      </c>
      <c r="AB452" s="10" t="s">
        <v>55</v>
      </c>
    </row>
    <row r="453" spans="1:28">
      <c r="A453" s="9" t="s">
        <v>83</v>
      </c>
      <c r="B453" s="9" t="s">
        <v>57</v>
      </c>
      <c r="C453" s="9" t="s">
        <v>89</v>
      </c>
      <c r="D453" s="9" t="s">
        <v>77</v>
      </c>
      <c r="E453" s="9" t="s">
        <v>57</v>
      </c>
      <c r="F453" s="9" t="s">
        <v>81</v>
      </c>
      <c r="G453" s="9" t="s">
        <v>90</v>
      </c>
      <c r="H453" s="9" t="s">
        <v>104</v>
      </c>
      <c r="I453" s="9" t="s">
        <v>53</v>
      </c>
      <c r="J453" s="9" t="s">
        <v>35</v>
      </c>
      <c r="K453" s="6">
        <v>3</v>
      </c>
      <c r="L453" s="10" t="s">
        <v>55</v>
      </c>
      <c r="M453" s="10" t="s">
        <v>55</v>
      </c>
      <c r="N453" s="10" t="s">
        <v>55</v>
      </c>
      <c r="O453" s="10" t="s">
        <v>55</v>
      </c>
      <c r="P453" s="10" t="s">
        <v>55</v>
      </c>
      <c r="Q453" s="10" t="s">
        <v>55</v>
      </c>
      <c r="R453" s="10" t="s">
        <v>55</v>
      </c>
      <c r="S453" s="10" t="s">
        <v>55</v>
      </c>
      <c r="T453" s="10" t="s">
        <v>55</v>
      </c>
      <c r="U453" s="10" t="s">
        <v>55</v>
      </c>
      <c r="V453" s="10" t="s">
        <v>55</v>
      </c>
      <c r="W453" s="6">
        <v>3</v>
      </c>
      <c r="X453" s="10" t="s">
        <v>55</v>
      </c>
      <c r="Y453" s="10" t="s">
        <v>55</v>
      </c>
      <c r="Z453" s="10" t="s">
        <v>55</v>
      </c>
      <c r="AA453" s="10" t="s">
        <v>55</v>
      </c>
      <c r="AB453" s="10" t="s">
        <v>55</v>
      </c>
    </row>
    <row r="454" spans="1:28">
      <c r="A454" s="9" t="s">
        <v>83</v>
      </c>
      <c r="B454" s="9" t="s">
        <v>57</v>
      </c>
      <c r="C454" s="9" t="s">
        <v>89</v>
      </c>
      <c r="D454" s="9" t="s">
        <v>77</v>
      </c>
      <c r="E454" s="9" t="s">
        <v>57</v>
      </c>
      <c r="F454" s="9" t="s">
        <v>81</v>
      </c>
      <c r="G454" s="9" t="s">
        <v>90</v>
      </c>
      <c r="H454" s="9" t="s">
        <v>104</v>
      </c>
      <c r="I454" s="9" t="s">
        <v>53</v>
      </c>
      <c r="J454" s="9" t="s">
        <v>36</v>
      </c>
      <c r="K454" s="6">
        <v>1</v>
      </c>
      <c r="L454" s="10" t="s">
        <v>55</v>
      </c>
      <c r="M454" s="10" t="s">
        <v>55</v>
      </c>
      <c r="N454" s="10" t="s">
        <v>55</v>
      </c>
      <c r="O454" s="10" t="s">
        <v>55</v>
      </c>
      <c r="P454" s="10" t="s">
        <v>55</v>
      </c>
      <c r="Q454" s="10" t="s">
        <v>55</v>
      </c>
      <c r="R454" s="10" t="s">
        <v>55</v>
      </c>
      <c r="S454" s="10" t="s">
        <v>55</v>
      </c>
      <c r="T454" s="10" t="s">
        <v>55</v>
      </c>
      <c r="U454" s="10" t="s">
        <v>55</v>
      </c>
      <c r="V454" s="10" t="s">
        <v>55</v>
      </c>
      <c r="W454" s="6">
        <v>1</v>
      </c>
      <c r="X454" s="10" t="s">
        <v>55</v>
      </c>
      <c r="Y454" s="10" t="s">
        <v>55</v>
      </c>
      <c r="Z454" s="10" t="s">
        <v>55</v>
      </c>
      <c r="AA454" s="10" t="s">
        <v>55</v>
      </c>
      <c r="AB454" s="10" t="s">
        <v>55</v>
      </c>
    </row>
    <row r="455" spans="1:28">
      <c r="A455" s="9" t="s">
        <v>83</v>
      </c>
      <c r="B455" s="9" t="s">
        <v>57</v>
      </c>
      <c r="C455" s="9" t="s">
        <v>89</v>
      </c>
      <c r="D455" s="9" t="s">
        <v>77</v>
      </c>
      <c r="E455" s="9" t="s">
        <v>57</v>
      </c>
      <c r="F455" s="9" t="s">
        <v>81</v>
      </c>
      <c r="G455" s="9" t="s">
        <v>90</v>
      </c>
      <c r="H455" s="9" t="s">
        <v>104</v>
      </c>
      <c r="I455" s="9" t="s">
        <v>53</v>
      </c>
      <c r="J455" s="9" t="s">
        <v>37</v>
      </c>
      <c r="K455" s="10" t="s">
        <v>55</v>
      </c>
      <c r="L455" s="10" t="s">
        <v>55</v>
      </c>
      <c r="M455" s="10" t="s">
        <v>55</v>
      </c>
      <c r="N455" s="10" t="s">
        <v>55</v>
      </c>
      <c r="O455" s="10" t="s">
        <v>55</v>
      </c>
      <c r="P455" s="10" t="s">
        <v>55</v>
      </c>
      <c r="Q455" s="10" t="s">
        <v>55</v>
      </c>
      <c r="R455" s="10" t="s">
        <v>55</v>
      </c>
      <c r="S455" s="10" t="s">
        <v>55</v>
      </c>
      <c r="T455" s="10" t="s">
        <v>55</v>
      </c>
      <c r="U455" s="10" t="s">
        <v>55</v>
      </c>
      <c r="V455" s="10" t="s">
        <v>55</v>
      </c>
      <c r="W455" s="10" t="s">
        <v>55</v>
      </c>
      <c r="X455" s="10" t="s">
        <v>55</v>
      </c>
      <c r="Y455" s="10" t="s">
        <v>55</v>
      </c>
      <c r="Z455" s="10" t="s">
        <v>55</v>
      </c>
      <c r="AA455" s="10" t="s">
        <v>55</v>
      </c>
      <c r="AB455" s="10" t="s">
        <v>55</v>
      </c>
    </row>
    <row r="456" spans="1:28">
      <c r="A456" s="9" t="s">
        <v>83</v>
      </c>
      <c r="B456" s="9" t="s">
        <v>57</v>
      </c>
      <c r="C456" s="9" t="s">
        <v>89</v>
      </c>
      <c r="D456" s="9" t="s">
        <v>77</v>
      </c>
      <c r="E456" s="9" t="s">
        <v>57</v>
      </c>
      <c r="F456" s="9" t="s">
        <v>81</v>
      </c>
      <c r="G456" s="9" t="s">
        <v>90</v>
      </c>
      <c r="H456" s="9" t="s">
        <v>104</v>
      </c>
      <c r="I456" s="9" t="s">
        <v>53</v>
      </c>
      <c r="J456" s="9" t="s">
        <v>38</v>
      </c>
      <c r="K456" s="10" t="s">
        <v>55</v>
      </c>
      <c r="L456" s="10" t="s">
        <v>55</v>
      </c>
      <c r="M456" s="10" t="s">
        <v>55</v>
      </c>
      <c r="N456" s="10" t="s">
        <v>55</v>
      </c>
      <c r="O456" s="10" t="s">
        <v>55</v>
      </c>
      <c r="P456" s="10" t="s">
        <v>55</v>
      </c>
      <c r="Q456" s="10" t="s">
        <v>55</v>
      </c>
      <c r="R456" s="10" t="s">
        <v>55</v>
      </c>
      <c r="S456" s="10" t="s">
        <v>55</v>
      </c>
      <c r="T456" s="10" t="s">
        <v>55</v>
      </c>
      <c r="U456" s="10" t="s">
        <v>55</v>
      </c>
      <c r="V456" s="10" t="s">
        <v>55</v>
      </c>
      <c r="W456" s="10" t="s">
        <v>55</v>
      </c>
      <c r="X456" s="10" t="s">
        <v>55</v>
      </c>
      <c r="Y456" s="10" t="s">
        <v>55</v>
      </c>
      <c r="Z456" s="10" t="s">
        <v>55</v>
      </c>
      <c r="AA456" s="10" t="s">
        <v>55</v>
      </c>
      <c r="AB456" s="10" t="s">
        <v>55</v>
      </c>
    </row>
    <row r="457" spans="1:28">
      <c r="A457" s="9" t="s">
        <v>83</v>
      </c>
      <c r="B457" s="9" t="s">
        <v>57</v>
      </c>
      <c r="C457" s="9" t="s">
        <v>89</v>
      </c>
      <c r="D457" s="9" t="s">
        <v>77</v>
      </c>
      <c r="E457" s="9" t="s">
        <v>57</v>
      </c>
      <c r="F457" s="9" t="s">
        <v>81</v>
      </c>
      <c r="G457" s="9" t="s">
        <v>90</v>
      </c>
      <c r="H457" s="9" t="s">
        <v>104</v>
      </c>
      <c r="I457" s="9" t="s">
        <v>53</v>
      </c>
      <c r="J457" s="9" t="s">
        <v>39</v>
      </c>
      <c r="K457" s="6">
        <v>1</v>
      </c>
      <c r="L457" s="6">
        <v>1</v>
      </c>
      <c r="M457" s="6">
        <v>1</v>
      </c>
      <c r="N457" s="6">
        <v>1</v>
      </c>
      <c r="O457" s="10" t="s">
        <v>55</v>
      </c>
      <c r="P457" s="10" t="s">
        <v>55</v>
      </c>
      <c r="Q457" s="10" t="s">
        <v>55</v>
      </c>
      <c r="R457" s="10" t="s">
        <v>55</v>
      </c>
      <c r="S457" s="10" t="s">
        <v>55</v>
      </c>
      <c r="T457" s="10" t="s">
        <v>55</v>
      </c>
      <c r="U457" s="10" t="s">
        <v>55</v>
      </c>
      <c r="V457" s="10" t="s">
        <v>55</v>
      </c>
      <c r="W457" s="10" t="s">
        <v>55</v>
      </c>
      <c r="X457" s="10" t="s">
        <v>55</v>
      </c>
      <c r="Y457" s="10" t="s">
        <v>55</v>
      </c>
      <c r="Z457" s="10" t="s">
        <v>55</v>
      </c>
      <c r="AA457" s="10" t="s">
        <v>55</v>
      </c>
      <c r="AB457" s="10" t="s">
        <v>55</v>
      </c>
    </row>
    <row r="458" spans="1:28">
      <c r="A458" s="9" t="s">
        <v>83</v>
      </c>
      <c r="B458" s="9" t="s">
        <v>57</v>
      </c>
      <c r="C458" s="9" t="s">
        <v>89</v>
      </c>
      <c r="D458" s="9" t="s">
        <v>77</v>
      </c>
      <c r="E458" s="9" t="s">
        <v>57</v>
      </c>
      <c r="F458" s="9" t="s">
        <v>81</v>
      </c>
      <c r="G458" s="9" t="s">
        <v>90</v>
      </c>
      <c r="H458" s="9" t="s">
        <v>104</v>
      </c>
      <c r="I458" s="9" t="s">
        <v>53</v>
      </c>
      <c r="J458" s="9" t="s">
        <v>40</v>
      </c>
      <c r="K458" s="6">
        <v>2</v>
      </c>
      <c r="L458" s="6">
        <v>1</v>
      </c>
      <c r="M458" s="6">
        <v>1</v>
      </c>
      <c r="N458" s="6">
        <v>1</v>
      </c>
      <c r="O458" s="10" t="s">
        <v>55</v>
      </c>
      <c r="P458" s="10" t="s">
        <v>55</v>
      </c>
      <c r="Q458" s="10" t="s">
        <v>55</v>
      </c>
      <c r="R458" s="10" t="s">
        <v>55</v>
      </c>
      <c r="S458" s="10" t="s">
        <v>55</v>
      </c>
      <c r="T458" s="10" t="s">
        <v>55</v>
      </c>
      <c r="U458" s="10" t="s">
        <v>55</v>
      </c>
      <c r="V458" s="10" t="s">
        <v>55</v>
      </c>
      <c r="W458" s="6">
        <v>1</v>
      </c>
      <c r="X458" s="6">
        <v>1</v>
      </c>
      <c r="Y458" s="6">
        <v>1</v>
      </c>
      <c r="Z458" s="10" t="s">
        <v>55</v>
      </c>
      <c r="AA458" s="10" t="s">
        <v>55</v>
      </c>
      <c r="AB458" s="10" t="s">
        <v>55</v>
      </c>
    </row>
    <row r="459" spans="1:28">
      <c r="A459" s="9" t="s">
        <v>83</v>
      </c>
      <c r="B459" s="9" t="s">
        <v>57</v>
      </c>
      <c r="C459" s="9" t="s">
        <v>89</v>
      </c>
      <c r="D459" s="9" t="s">
        <v>77</v>
      </c>
      <c r="E459" s="9" t="s">
        <v>57</v>
      </c>
      <c r="F459" s="9" t="s">
        <v>81</v>
      </c>
      <c r="G459" s="9" t="s">
        <v>90</v>
      </c>
      <c r="H459" s="9" t="s">
        <v>104</v>
      </c>
      <c r="I459" s="9" t="s">
        <v>53</v>
      </c>
      <c r="J459" s="9" t="s">
        <v>41</v>
      </c>
      <c r="K459" s="6">
        <v>5</v>
      </c>
      <c r="L459" s="6">
        <v>1</v>
      </c>
      <c r="M459" s="6">
        <v>1</v>
      </c>
      <c r="N459" s="6">
        <v>1</v>
      </c>
      <c r="O459" s="10" t="s">
        <v>55</v>
      </c>
      <c r="P459" s="10" t="s">
        <v>55</v>
      </c>
      <c r="Q459" s="10" t="s">
        <v>55</v>
      </c>
      <c r="R459" s="10" t="s">
        <v>55</v>
      </c>
      <c r="S459" s="6">
        <v>1</v>
      </c>
      <c r="T459" s="10" t="s">
        <v>55</v>
      </c>
      <c r="U459" s="10" t="s">
        <v>55</v>
      </c>
      <c r="V459" s="6">
        <v>1</v>
      </c>
      <c r="W459" s="6">
        <v>3</v>
      </c>
      <c r="X459" s="10" t="s">
        <v>55</v>
      </c>
      <c r="Y459" s="10" t="s">
        <v>55</v>
      </c>
      <c r="Z459" s="10" t="s">
        <v>55</v>
      </c>
      <c r="AA459" s="10" t="s">
        <v>55</v>
      </c>
      <c r="AB459" s="10" t="s">
        <v>55</v>
      </c>
    </row>
    <row r="460" spans="1:28">
      <c r="A460" s="9" t="s">
        <v>83</v>
      </c>
      <c r="B460" s="9" t="s">
        <v>57</v>
      </c>
      <c r="C460" s="9" t="s">
        <v>89</v>
      </c>
      <c r="D460" s="9" t="s">
        <v>77</v>
      </c>
      <c r="E460" s="9" t="s">
        <v>57</v>
      </c>
      <c r="F460" s="9" t="s">
        <v>81</v>
      </c>
      <c r="G460" s="9" t="s">
        <v>90</v>
      </c>
      <c r="H460" s="9" t="s">
        <v>104</v>
      </c>
      <c r="I460" s="9" t="s">
        <v>53</v>
      </c>
      <c r="J460" s="9" t="s">
        <v>42</v>
      </c>
      <c r="K460" s="10" t="s">
        <v>55</v>
      </c>
      <c r="L460" s="10" t="s">
        <v>55</v>
      </c>
      <c r="M460" s="10" t="s">
        <v>55</v>
      </c>
      <c r="N460" s="10" t="s">
        <v>55</v>
      </c>
      <c r="O460" s="10" t="s">
        <v>55</v>
      </c>
      <c r="P460" s="10" t="s">
        <v>55</v>
      </c>
      <c r="Q460" s="10" t="s">
        <v>55</v>
      </c>
      <c r="R460" s="10" t="s">
        <v>55</v>
      </c>
      <c r="S460" s="10" t="s">
        <v>55</v>
      </c>
      <c r="T460" s="10" t="s">
        <v>55</v>
      </c>
      <c r="U460" s="10" t="s">
        <v>55</v>
      </c>
      <c r="V460" s="10" t="s">
        <v>55</v>
      </c>
      <c r="W460" s="10" t="s">
        <v>55</v>
      </c>
      <c r="X460" s="10" t="s">
        <v>55</v>
      </c>
      <c r="Y460" s="10" t="s">
        <v>55</v>
      </c>
      <c r="Z460" s="10" t="s">
        <v>55</v>
      </c>
      <c r="AA460" s="10" t="s">
        <v>55</v>
      </c>
      <c r="AB460" s="10" t="s">
        <v>55</v>
      </c>
    </row>
    <row r="461" spans="1:28">
      <c r="A461" s="9" t="s">
        <v>83</v>
      </c>
      <c r="B461" s="9" t="s">
        <v>57</v>
      </c>
      <c r="C461" s="9" t="s">
        <v>89</v>
      </c>
      <c r="D461" s="9" t="s">
        <v>77</v>
      </c>
      <c r="E461" s="9" t="s">
        <v>57</v>
      </c>
      <c r="F461" s="9" t="s">
        <v>81</v>
      </c>
      <c r="G461" s="9" t="s">
        <v>90</v>
      </c>
      <c r="H461" s="9" t="s">
        <v>104</v>
      </c>
      <c r="I461" s="9" t="s">
        <v>53</v>
      </c>
      <c r="J461" s="9" t="s">
        <v>43</v>
      </c>
      <c r="K461" s="10" t="s">
        <v>55</v>
      </c>
      <c r="L461" s="10" t="s">
        <v>55</v>
      </c>
      <c r="M461" s="10" t="s">
        <v>55</v>
      </c>
      <c r="N461" s="10" t="s">
        <v>55</v>
      </c>
      <c r="O461" s="10" t="s">
        <v>55</v>
      </c>
      <c r="P461" s="10" t="s">
        <v>55</v>
      </c>
      <c r="Q461" s="10" t="s">
        <v>55</v>
      </c>
      <c r="R461" s="10" t="s">
        <v>55</v>
      </c>
      <c r="S461" s="10" t="s">
        <v>55</v>
      </c>
      <c r="T461" s="10" t="s">
        <v>55</v>
      </c>
      <c r="U461" s="10" t="s">
        <v>55</v>
      </c>
      <c r="V461" s="10" t="s">
        <v>55</v>
      </c>
      <c r="W461" s="10" t="s">
        <v>55</v>
      </c>
      <c r="X461" s="10" t="s">
        <v>55</v>
      </c>
      <c r="Y461" s="10" t="s">
        <v>55</v>
      </c>
      <c r="Z461" s="10" t="s">
        <v>55</v>
      </c>
      <c r="AA461" s="10" t="s">
        <v>55</v>
      </c>
      <c r="AB461" s="10" t="s">
        <v>55</v>
      </c>
    </row>
    <row r="462" spans="1:28">
      <c r="A462" s="9" t="s">
        <v>83</v>
      </c>
      <c r="B462" s="9" t="s">
        <v>57</v>
      </c>
      <c r="C462" s="9" t="s">
        <v>89</v>
      </c>
      <c r="D462" s="9" t="s">
        <v>77</v>
      </c>
      <c r="E462" s="9" t="s">
        <v>57</v>
      </c>
      <c r="F462" s="9" t="s">
        <v>81</v>
      </c>
      <c r="G462" s="9" t="s">
        <v>90</v>
      </c>
      <c r="H462" s="9" t="s">
        <v>104</v>
      </c>
      <c r="I462" s="9" t="s">
        <v>53</v>
      </c>
      <c r="J462" s="9" t="s">
        <v>44</v>
      </c>
      <c r="K462" s="10" t="s">
        <v>55</v>
      </c>
      <c r="L462" s="10" t="s">
        <v>55</v>
      </c>
      <c r="M462" s="10" t="s">
        <v>55</v>
      </c>
      <c r="N462" s="10" t="s">
        <v>55</v>
      </c>
      <c r="O462" s="10" t="s">
        <v>55</v>
      </c>
      <c r="P462" s="10" t="s">
        <v>55</v>
      </c>
      <c r="Q462" s="10" t="s">
        <v>55</v>
      </c>
      <c r="R462" s="10" t="s">
        <v>55</v>
      </c>
      <c r="S462" s="10" t="s">
        <v>55</v>
      </c>
      <c r="T462" s="10" t="s">
        <v>55</v>
      </c>
      <c r="U462" s="10" t="s">
        <v>55</v>
      </c>
      <c r="V462" s="10" t="s">
        <v>55</v>
      </c>
      <c r="W462" s="10" t="s">
        <v>55</v>
      </c>
      <c r="X462" s="10" t="s">
        <v>55</v>
      </c>
      <c r="Y462" s="10" t="s">
        <v>55</v>
      </c>
      <c r="Z462" s="10" t="s">
        <v>55</v>
      </c>
      <c r="AA462" s="10" t="s">
        <v>55</v>
      </c>
      <c r="AB462" s="10" t="s">
        <v>55</v>
      </c>
    </row>
    <row r="463" spans="1:28">
      <c r="A463" s="9" t="s">
        <v>83</v>
      </c>
      <c r="B463" s="9" t="s">
        <v>57</v>
      </c>
      <c r="C463" s="9" t="s">
        <v>89</v>
      </c>
      <c r="D463" s="9" t="s">
        <v>77</v>
      </c>
      <c r="E463" s="9" t="s">
        <v>57</v>
      </c>
      <c r="F463" s="9" t="s">
        <v>81</v>
      </c>
      <c r="G463" s="9" t="s">
        <v>90</v>
      </c>
      <c r="H463" s="9" t="s">
        <v>104</v>
      </c>
      <c r="I463" s="9" t="s">
        <v>53</v>
      </c>
      <c r="J463" s="9" t="s">
        <v>45</v>
      </c>
      <c r="K463" s="10" t="s">
        <v>55</v>
      </c>
      <c r="L463" s="10" t="s">
        <v>55</v>
      </c>
      <c r="M463" s="10" t="s">
        <v>55</v>
      </c>
      <c r="N463" s="10" t="s">
        <v>55</v>
      </c>
      <c r="O463" s="10" t="s">
        <v>55</v>
      </c>
      <c r="P463" s="10" t="s">
        <v>55</v>
      </c>
      <c r="Q463" s="10" t="s">
        <v>55</v>
      </c>
      <c r="R463" s="10" t="s">
        <v>55</v>
      </c>
      <c r="S463" s="10" t="s">
        <v>55</v>
      </c>
      <c r="T463" s="10" t="s">
        <v>55</v>
      </c>
      <c r="U463" s="10" t="s">
        <v>55</v>
      </c>
      <c r="V463" s="10" t="s">
        <v>55</v>
      </c>
      <c r="W463" s="10" t="s">
        <v>55</v>
      </c>
      <c r="X463" s="10" t="s">
        <v>55</v>
      </c>
      <c r="Y463" s="10" t="s">
        <v>55</v>
      </c>
      <c r="Z463" s="10" t="s">
        <v>55</v>
      </c>
      <c r="AA463" s="10" t="s">
        <v>55</v>
      </c>
      <c r="AB463" s="10" t="s">
        <v>55</v>
      </c>
    </row>
    <row r="464" spans="1:28">
      <c r="A464" s="9" t="s">
        <v>83</v>
      </c>
      <c r="B464" s="9" t="s">
        <v>57</v>
      </c>
      <c r="C464" s="9" t="s">
        <v>89</v>
      </c>
      <c r="D464" s="9" t="s">
        <v>77</v>
      </c>
      <c r="E464" s="9" t="s">
        <v>57</v>
      </c>
      <c r="F464" s="9" t="s">
        <v>81</v>
      </c>
      <c r="G464" s="9" t="s">
        <v>90</v>
      </c>
      <c r="H464" s="9" t="s">
        <v>104</v>
      </c>
      <c r="I464" s="9" t="s">
        <v>53</v>
      </c>
      <c r="J464" s="9" t="s">
        <v>46</v>
      </c>
      <c r="K464" s="6">
        <v>1</v>
      </c>
      <c r="L464" s="10" t="s">
        <v>55</v>
      </c>
      <c r="M464" s="10" t="s">
        <v>55</v>
      </c>
      <c r="N464" s="10" t="s">
        <v>55</v>
      </c>
      <c r="O464" s="10" t="s">
        <v>55</v>
      </c>
      <c r="P464" s="10" t="s">
        <v>55</v>
      </c>
      <c r="Q464" s="10" t="s">
        <v>55</v>
      </c>
      <c r="R464" s="10" t="s">
        <v>55</v>
      </c>
      <c r="S464" s="6">
        <v>1</v>
      </c>
      <c r="T464" s="10" t="s">
        <v>55</v>
      </c>
      <c r="U464" s="10" t="s">
        <v>55</v>
      </c>
      <c r="V464" s="6">
        <v>1</v>
      </c>
      <c r="W464" s="10" t="s">
        <v>55</v>
      </c>
      <c r="X464" s="10" t="s">
        <v>55</v>
      </c>
      <c r="Y464" s="10" t="s">
        <v>55</v>
      </c>
      <c r="Z464" s="10" t="s">
        <v>55</v>
      </c>
      <c r="AA464" s="10" t="s">
        <v>55</v>
      </c>
      <c r="AB464" s="10" t="s">
        <v>55</v>
      </c>
    </row>
    <row r="465" spans="1:28">
      <c r="A465" s="9" t="s">
        <v>83</v>
      </c>
      <c r="B465" s="9" t="s">
        <v>57</v>
      </c>
      <c r="C465" s="9" t="s">
        <v>89</v>
      </c>
      <c r="D465" s="9" t="s">
        <v>77</v>
      </c>
      <c r="E465" s="9" t="s">
        <v>57</v>
      </c>
      <c r="F465" s="9" t="s">
        <v>81</v>
      </c>
      <c r="G465" s="9" t="s">
        <v>90</v>
      </c>
      <c r="H465" s="9" t="s">
        <v>104</v>
      </c>
      <c r="I465" s="9" t="s">
        <v>53</v>
      </c>
      <c r="J465" s="9" t="s">
        <v>47</v>
      </c>
      <c r="K465" s="10" t="s">
        <v>55</v>
      </c>
      <c r="L465" s="10" t="s">
        <v>55</v>
      </c>
      <c r="M465" s="10" t="s">
        <v>55</v>
      </c>
      <c r="N465" s="10" t="s">
        <v>55</v>
      </c>
      <c r="O465" s="10" t="s">
        <v>55</v>
      </c>
      <c r="P465" s="10" t="s">
        <v>55</v>
      </c>
      <c r="Q465" s="10" t="s">
        <v>55</v>
      </c>
      <c r="R465" s="10" t="s">
        <v>55</v>
      </c>
      <c r="S465" s="10" t="s">
        <v>55</v>
      </c>
      <c r="T465" s="10" t="s">
        <v>55</v>
      </c>
      <c r="U465" s="10" t="s">
        <v>55</v>
      </c>
      <c r="V465" s="10" t="s">
        <v>55</v>
      </c>
      <c r="W465" s="10" t="s">
        <v>55</v>
      </c>
      <c r="X465" s="10" t="s">
        <v>55</v>
      </c>
      <c r="Y465" s="10" t="s">
        <v>55</v>
      </c>
      <c r="Z465" s="10" t="s">
        <v>55</v>
      </c>
      <c r="AA465" s="10" t="s">
        <v>55</v>
      </c>
      <c r="AB465" s="10" t="s">
        <v>55</v>
      </c>
    </row>
    <row r="466" spans="1:28">
      <c r="A466" s="9" t="s">
        <v>83</v>
      </c>
      <c r="B466" s="9" t="s">
        <v>57</v>
      </c>
      <c r="C466" s="9" t="s">
        <v>89</v>
      </c>
      <c r="D466" s="9" t="s">
        <v>77</v>
      </c>
      <c r="E466" s="9" t="s">
        <v>57</v>
      </c>
      <c r="F466" s="9" t="s">
        <v>81</v>
      </c>
      <c r="G466" s="9" t="s">
        <v>90</v>
      </c>
      <c r="H466" s="9" t="s">
        <v>104</v>
      </c>
      <c r="I466" s="9" t="s">
        <v>53</v>
      </c>
      <c r="J466" s="9" t="s">
        <v>48</v>
      </c>
      <c r="K466" s="6">
        <v>12</v>
      </c>
      <c r="L466" s="6">
        <v>7</v>
      </c>
      <c r="M466" s="6">
        <v>7</v>
      </c>
      <c r="N466" s="6">
        <v>7</v>
      </c>
      <c r="O466" s="10" t="s">
        <v>55</v>
      </c>
      <c r="P466" s="10" t="s">
        <v>55</v>
      </c>
      <c r="Q466" s="10" t="s">
        <v>55</v>
      </c>
      <c r="R466" s="10" t="s">
        <v>55</v>
      </c>
      <c r="S466" s="10" t="s">
        <v>55</v>
      </c>
      <c r="T466" s="10" t="s">
        <v>55</v>
      </c>
      <c r="U466" s="10" t="s">
        <v>55</v>
      </c>
      <c r="V466" s="10" t="s">
        <v>55</v>
      </c>
      <c r="W466" s="6">
        <v>5</v>
      </c>
      <c r="X466" s="6">
        <v>6</v>
      </c>
      <c r="Y466" s="6">
        <v>6</v>
      </c>
      <c r="Z466" s="10" t="s">
        <v>55</v>
      </c>
      <c r="AA466" s="10" t="s">
        <v>55</v>
      </c>
      <c r="AB466" s="10" t="s">
        <v>55</v>
      </c>
    </row>
    <row r="467" spans="1:28">
      <c r="A467" s="9" t="s">
        <v>83</v>
      </c>
      <c r="B467" s="9" t="s">
        <v>57</v>
      </c>
      <c r="C467" s="9" t="s">
        <v>89</v>
      </c>
      <c r="D467" s="9" t="s">
        <v>77</v>
      </c>
      <c r="E467" s="9" t="s">
        <v>57</v>
      </c>
      <c r="F467" s="9" t="s">
        <v>81</v>
      </c>
      <c r="G467" s="9" t="s">
        <v>90</v>
      </c>
      <c r="H467" s="9" t="s">
        <v>104</v>
      </c>
      <c r="I467" s="9" t="s">
        <v>53</v>
      </c>
      <c r="J467" s="9" t="s">
        <v>49</v>
      </c>
      <c r="K467" s="6">
        <v>6</v>
      </c>
      <c r="L467" s="6">
        <v>1</v>
      </c>
      <c r="M467" s="6">
        <v>1</v>
      </c>
      <c r="N467" s="6">
        <v>1</v>
      </c>
      <c r="O467" s="10" t="s">
        <v>55</v>
      </c>
      <c r="P467" s="10" t="s">
        <v>55</v>
      </c>
      <c r="Q467" s="10" t="s">
        <v>55</v>
      </c>
      <c r="R467" s="10" t="s">
        <v>55</v>
      </c>
      <c r="S467" s="6">
        <v>2</v>
      </c>
      <c r="T467" s="10" t="s">
        <v>55</v>
      </c>
      <c r="U467" s="10" t="s">
        <v>55</v>
      </c>
      <c r="V467" s="6">
        <v>2</v>
      </c>
      <c r="W467" s="6">
        <v>3</v>
      </c>
      <c r="X467" s="10" t="s">
        <v>55</v>
      </c>
      <c r="Y467" s="10" t="s">
        <v>55</v>
      </c>
      <c r="Z467" s="10" t="s">
        <v>55</v>
      </c>
      <c r="AA467" s="10" t="s">
        <v>55</v>
      </c>
      <c r="AB467" s="10" t="s">
        <v>55</v>
      </c>
    </row>
    <row r="468" spans="1:28">
      <c r="A468" s="9" t="s">
        <v>83</v>
      </c>
      <c r="B468" s="9" t="s">
        <v>57</v>
      </c>
      <c r="C468" s="9" t="s">
        <v>89</v>
      </c>
      <c r="D468" s="9" t="s">
        <v>77</v>
      </c>
      <c r="E468" s="9" t="s">
        <v>57</v>
      </c>
      <c r="F468" s="9" t="s">
        <v>81</v>
      </c>
      <c r="G468" s="9" t="s">
        <v>90</v>
      </c>
      <c r="H468" s="9" t="s">
        <v>104</v>
      </c>
      <c r="I468" s="9" t="s">
        <v>53</v>
      </c>
      <c r="J468" s="9" t="s">
        <v>50</v>
      </c>
      <c r="K468" s="6">
        <v>1</v>
      </c>
      <c r="L468" s="10" t="s">
        <v>55</v>
      </c>
      <c r="M468" s="10" t="s">
        <v>55</v>
      </c>
      <c r="N468" s="10" t="s">
        <v>55</v>
      </c>
      <c r="O468" s="10" t="s">
        <v>55</v>
      </c>
      <c r="P468" s="10" t="s">
        <v>55</v>
      </c>
      <c r="Q468" s="10" t="s">
        <v>55</v>
      </c>
      <c r="R468" s="10" t="s">
        <v>55</v>
      </c>
      <c r="S468" s="6">
        <v>1</v>
      </c>
      <c r="T468" s="10" t="s">
        <v>55</v>
      </c>
      <c r="U468" s="10" t="s">
        <v>55</v>
      </c>
      <c r="V468" s="6">
        <v>1</v>
      </c>
      <c r="W468" s="10" t="s">
        <v>55</v>
      </c>
      <c r="X468" s="10" t="s">
        <v>55</v>
      </c>
      <c r="Y468" s="10" t="s">
        <v>55</v>
      </c>
      <c r="Z468" s="10" t="s">
        <v>55</v>
      </c>
      <c r="AA468" s="10" t="s">
        <v>55</v>
      </c>
      <c r="AB468" s="10" t="s">
        <v>55</v>
      </c>
    </row>
    <row r="469" spans="1:28">
      <c r="A469" s="9" t="s">
        <v>83</v>
      </c>
      <c r="B469" s="9" t="s">
        <v>57</v>
      </c>
      <c r="C469" s="9" t="s">
        <v>89</v>
      </c>
      <c r="D469" s="9" t="s">
        <v>77</v>
      </c>
      <c r="E469" s="9" t="s">
        <v>57</v>
      </c>
      <c r="F469" s="9" t="s">
        <v>81</v>
      </c>
      <c r="G469" s="9" t="s">
        <v>90</v>
      </c>
      <c r="H469" s="9" t="s">
        <v>104</v>
      </c>
      <c r="I469" s="9" t="s">
        <v>53</v>
      </c>
      <c r="J469" s="9" t="s">
        <v>51</v>
      </c>
      <c r="K469" s="6">
        <v>1</v>
      </c>
      <c r="L469" s="10" t="s">
        <v>55</v>
      </c>
      <c r="M469" s="10" t="s">
        <v>55</v>
      </c>
      <c r="N469" s="10" t="s">
        <v>55</v>
      </c>
      <c r="O469" s="10" t="s">
        <v>55</v>
      </c>
      <c r="P469" s="10" t="s">
        <v>55</v>
      </c>
      <c r="Q469" s="10" t="s">
        <v>55</v>
      </c>
      <c r="R469" s="10" t="s">
        <v>55</v>
      </c>
      <c r="S469" s="6">
        <v>1</v>
      </c>
      <c r="T469" s="10" t="s">
        <v>55</v>
      </c>
      <c r="U469" s="10" t="s">
        <v>55</v>
      </c>
      <c r="V469" s="6">
        <v>1</v>
      </c>
      <c r="W469" s="10" t="s">
        <v>55</v>
      </c>
      <c r="X469" s="10" t="s">
        <v>55</v>
      </c>
      <c r="Y469" s="10" t="s">
        <v>55</v>
      </c>
      <c r="Z469" s="10" t="s">
        <v>55</v>
      </c>
      <c r="AA469" s="10" t="s">
        <v>55</v>
      </c>
      <c r="AB469" s="10" t="s">
        <v>55</v>
      </c>
    </row>
    <row r="470" spans="1:28">
      <c r="A470" s="9" t="s">
        <v>83</v>
      </c>
      <c r="B470" s="9" t="s">
        <v>57</v>
      </c>
      <c r="C470" s="9" t="s">
        <v>89</v>
      </c>
      <c r="D470" s="9" t="s">
        <v>77</v>
      </c>
      <c r="E470" s="9" t="s">
        <v>57</v>
      </c>
      <c r="F470" s="9" t="s">
        <v>81</v>
      </c>
      <c r="G470" s="9" t="s">
        <v>90</v>
      </c>
      <c r="H470" s="9" t="s">
        <v>104</v>
      </c>
      <c r="I470" s="9" t="s">
        <v>53</v>
      </c>
      <c r="J470" s="9" t="s">
        <v>52</v>
      </c>
      <c r="K470" s="6">
        <v>17</v>
      </c>
      <c r="L470" s="6">
        <v>8</v>
      </c>
      <c r="M470" s="6">
        <v>8</v>
      </c>
      <c r="N470" s="6">
        <v>8</v>
      </c>
      <c r="O470" s="10" t="s">
        <v>55</v>
      </c>
      <c r="P470" s="10" t="s">
        <v>55</v>
      </c>
      <c r="Q470" s="10" t="s">
        <v>55</v>
      </c>
      <c r="R470" s="10" t="s">
        <v>55</v>
      </c>
      <c r="S470" s="6">
        <v>1</v>
      </c>
      <c r="T470" s="10" t="s">
        <v>55</v>
      </c>
      <c r="U470" s="10" t="s">
        <v>55</v>
      </c>
      <c r="V470" s="6">
        <v>1</v>
      </c>
      <c r="W470" s="6">
        <v>8</v>
      </c>
      <c r="X470" s="6">
        <v>6</v>
      </c>
      <c r="Y470" s="6">
        <v>6</v>
      </c>
      <c r="Z470" s="10" t="s">
        <v>55</v>
      </c>
      <c r="AA470" s="10" t="s">
        <v>55</v>
      </c>
      <c r="AB470" s="10" t="s">
        <v>55</v>
      </c>
    </row>
    <row r="471" spans="1:28">
      <c r="A471" s="9" t="s">
        <v>83</v>
      </c>
      <c r="B471" s="9" t="s">
        <v>57</v>
      </c>
      <c r="C471" s="9" t="s">
        <v>89</v>
      </c>
      <c r="D471" s="9" t="s">
        <v>77</v>
      </c>
      <c r="E471" s="9" t="s">
        <v>57</v>
      </c>
      <c r="F471" s="9" t="s">
        <v>81</v>
      </c>
      <c r="G471" s="9" t="s">
        <v>90</v>
      </c>
      <c r="H471" s="9" t="s">
        <v>104</v>
      </c>
      <c r="I471" s="9" t="s">
        <v>54</v>
      </c>
      <c r="J471" s="9" t="s">
        <v>30</v>
      </c>
      <c r="K471" s="6">
        <v>23</v>
      </c>
      <c r="L471" s="6">
        <v>2</v>
      </c>
      <c r="M471" s="6">
        <v>2</v>
      </c>
      <c r="N471" s="6">
        <v>2</v>
      </c>
      <c r="O471" s="10" t="s">
        <v>55</v>
      </c>
      <c r="P471" s="10" t="s">
        <v>55</v>
      </c>
      <c r="Q471" s="10" t="s">
        <v>55</v>
      </c>
      <c r="R471" s="10" t="s">
        <v>55</v>
      </c>
      <c r="S471" s="6">
        <v>3</v>
      </c>
      <c r="T471" s="10" t="s">
        <v>55</v>
      </c>
      <c r="U471" s="10" t="s">
        <v>55</v>
      </c>
      <c r="V471" s="6">
        <v>3</v>
      </c>
      <c r="W471" s="6">
        <v>18</v>
      </c>
      <c r="X471" s="6">
        <v>2</v>
      </c>
      <c r="Y471" s="6">
        <v>2</v>
      </c>
      <c r="Z471" s="10" t="s">
        <v>55</v>
      </c>
      <c r="AA471" s="10" t="s">
        <v>55</v>
      </c>
      <c r="AB471" s="10" t="s">
        <v>55</v>
      </c>
    </row>
    <row r="472" spans="1:28">
      <c r="A472" s="9" t="s">
        <v>83</v>
      </c>
      <c r="B472" s="9" t="s">
        <v>57</v>
      </c>
      <c r="C472" s="9" t="s">
        <v>89</v>
      </c>
      <c r="D472" s="9" t="s">
        <v>77</v>
      </c>
      <c r="E472" s="9" t="s">
        <v>57</v>
      </c>
      <c r="F472" s="9" t="s">
        <v>81</v>
      </c>
      <c r="G472" s="9" t="s">
        <v>90</v>
      </c>
      <c r="H472" s="9" t="s">
        <v>104</v>
      </c>
      <c r="I472" s="9" t="s">
        <v>54</v>
      </c>
      <c r="J472" s="9" t="s">
        <v>31</v>
      </c>
      <c r="K472" s="10" t="s">
        <v>55</v>
      </c>
      <c r="L472" s="10" t="s">
        <v>55</v>
      </c>
      <c r="M472" s="10" t="s">
        <v>55</v>
      </c>
      <c r="N472" s="10" t="s">
        <v>55</v>
      </c>
      <c r="O472" s="10" t="s">
        <v>55</v>
      </c>
      <c r="P472" s="10" t="s">
        <v>55</v>
      </c>
      <c r="Q472" s="10" t="s">
        <v>55</v>
      </c>
      <c r="R472" s="10" t="s">
        <v>55</v>
      </c>
      <c r="S472" s="10" t="s">
        <v>55</v>
      </c>
      <c r="T472" s="10" t="s">
        <v>55</v>
      </c>
      <c r="U472" s="10" t="s">
        <v>55</v>
      </c>
      <c r="V472" s="10" t="s">
        <v>55</v>
      </c>
      <c r="W472" s="10" t="s">
        <v>55</v>
      </c>
      <c r="X472" s="10" t="s">
        <v>55</v>
      </c>
      <c r="Y472" s="10" t="s">
        <v>55</v>
      </c>
      <c r="Z472" s="10" t="s">
        <v>55</v>
      </c>
      <c r="AA472" s="10" t="s">
        <v>55</v>
      </c>
      <c r="AB472" s="10" t="s">
        <v>55</v>
      </c>
    </row>
    <row r="473" spans="1:28">
      <c r="A473" s="9" t="s">
        <v>83</v>
      </c>
      <c r="B473" s="9" t="s">
        <v>57</v>
      </c>
      <c r="C473" s="9" t="s">
        <v>89</v>
      </c>
      <c r="D473" s="9" t="s">
        <v>77</v>
      </c>
      <c r="E473" s="9" t="s">
        <v>57</v>
      </c>
      <c r="F473" s="9" t="s">
        <v>81</v>
      </c>
      <c r="G473" s="9" t="s">
        <v>90</v>
      </c>
      <c r="H473" s="9" t="s">
        <v>104</v>
      </c>
      <c r="I473" s="9" t="s">
        <v>54</v>
      </c>
      <c r="J473" s="9" t="s">
        <v>32</v>
      </c>
      <c r="K473" s="6">
        <v>5</v>
      </c>
      <c r="L473" s="10" t="s">
        <v>55</v>
      </c>
      <c r="M473" s="10" t="s">
        <v>55</v>
      </c>
      <c r="N473" s="10" t="s">
        <v>55</v>
      </c>
      <c r="O473" s="10" t="s">
        <v>55</v>
      </c>
      <c r="P473" s="10" t="s">
        <v>55</v>
      </c>
      <c r="Q473" s="10" t="s">
        <v>55</v>
      </c>
      <c r="R473" s="10" t="s">
        <v>55</v>
      </c>
      <c r="S473" s="10" t="s">
        <v>55</v>
      </c>
      <c r="T473" s="10" t="s">
        <v>55</v>
      </c>
      <c r="U473" s="10" t="s">
        <v>55</v>
      </c>
      <c r="V473" s="10" t="s">
        <v>55</v>
      </c>
      <c r="W473" s="6">
        <v>5</v>
      </c>
      <c r="X473" s="10" t="s">
        <v>55</v>
      </c>
      <c r="Y473" s="10" t="s">
        <v>55</v>
      </c>
      <c r="Z473" s="10" t="s">
        <v>55</v>
      </c>
      <c r="AA473" s="10" t="s">
        <v>55</v>
      </c>
      <c r="AB473" s="10" t="s">
        <v>55</v>
      </c>
    </row>
    <row r="474" spans="1:28">
      <c r="A474" s="9" t="s">
        <v>83</v>
      </c>
      <c r="B474" s="9" t="s">
        <v>57</v>
      </c>
      <c r="C474" s="9" t="s">
        <v>89</v>
      </c>
      <c r="D474" s="9" t="s">
        <v>77</v>
      </c>
      <c r="E474" s="9" t="s">
        <v>57</v>
      </c>
      <c r="F474" s="9" t="s">
        <v>81</v>
      </c>
      <c r="G474" s="9" t="s">
        <v>90</v>
      </c>
      <c r="H474" s="9" t="s">
        <v>104</v>
      </c>
      <c r="I474" s="9" t="s">
        <v>54</v>
      </c>
      <c r="J474" s="9" t="s">
        <v>33</v>
      </c>
      <c r="K474" s="6">
        <v>2</v>
      </c>
      <c r="L474" s="6">
        <v>1</v>
      </c>
      <c r="M474" s="6">
        <v>1</v>
      </c>
      <c r="N474" s="6">
        <v>1</v>
      </c>
      <c r="O474" s="10" t="s">
        <v>55</v>
      </c>
      <c r="P474" s="10" t="s">
        <v>55</v>
      </c>
      <c r="Q474" s="10" t="s">
        <v>55</v>
      </c>
      <c r="R474" s="10" t="s">
        <v>55</v>
      </c>
      <c r="S474" s="10" t="s">
        <v>55</v>
      </c>
      <c r="T474" s="10" t="s">
        <v>55</v>
      </c>
      <c r="U474" s="10" t="s">
        <v>55</v>
      </c>
      <c r="V474" s="10" t="s">
        <v>55</v>
      </c>
      <c r="W474" s="6">
        <v>1</v>
      </c>
      <c r="X474" s="6">
        <v>1</v>
      </c>
      <c r="Y474" s="6">
        <v>1</v>
      </c>
      <c r="Z474" s="10" t="s">
        <v>55</v>
      </c>
      <c r="AA474" s="10" t="s">
        <v>55</v>
      </c>
      <c r="AB474" s="10" t="s">
        <v>55</v>
      </c>
    </row>
    <row r="475" spans="1:28">
      <c r="A475" s="9" t="s">
        <v>83</v>
      </c>
      <c r="B475" s="9" t="s">
        <v>57</v>
      </c>
      <c r="C475" s="9" t="s">
        <v>89</v>
      </c>
      <c r="D475" s="9" t="s">
        <v>77</v>
      </c>
      <c r="E475" s="9" t="s">
        <v>57</v>
      </c>
      <c r="F475" s="9" t="s">
        <v>81</v>
      </c>
      <c r="G475" s="9" t="s">
        <v>90</v>
      </c>
      <c r="H475" s="9" t="s">
        <v>104</v>
      </c>
      <c r="I475" s="9" t="s">
        <v>54</v>
      </c>
      <c r="J475" s="9" t="s">
        <v>34</v>
      </c>
      <c r="K475" s="6">
        <v>2</v>
      </c>
      <c r="L475" s="10" t="s">
        <v>55</v>
      </c>
      <c r="M475" s="10" t="s">
        <v>55</v>
      </c>
      <c r="N475" s="10" t="s">
        <v>55</v>
      </c>
      <c r="O475" s="10" t="s">
        <v>55</v>
      </c>
      <c r="P475" s="10" t="s">
        <v>55</v>
      </c>
      <c r="Q475" s="10" t="s">
        <v>55</v>
      </c>
      <c r="R475" s="10" t="s">
        <v>55</v>
      </c>
      <c r="S475" s="10" t="s">
        <v>55</v>
      </c>
      <c r="T475" s="10" t="s">
        <v>55</v>
      </c>
      <c r="U475" s="10" t="s">
        <v>55</v>
      </c>
      <c r="V475" s="10" t="s">
        <v>55</v>
      </c>
      <c r="W475" s="6">
        <v>2</v>
      </c>
      <c r="X475" s="10" t="s">
        <v>55</v>
      </c>
      <c r="Y475" s="10" t="s">
        <v>55</v>
      </c>
      <c r="Z475" s="10" t="s">
        <v>55</v>
      </c>
      <c r="AA475" s="10" t="s">
        <v>55</v>
      </c>
      <c r="AB475" s="10" t="s">
        <v>55</v>
      </c>
    </row>
    <row r="476" spans="1:28">
      <c r="A476" s="9" t="s">
        <v>83</v>
      </c>
      <c r="B476" s="9" t="s">
        <v>57</v>
      </c>
      <c r="C476" s="9" t="s">
        <v>89</v>
      </c>
      <c r="D476" s="9" t="s">
        <v>77</v>
      </c>
      <c r="E476" s="9" t="s">
        <v>57</v>
      </c>
      <c r="F476" s="9" t="s">
        <v>81</v>
      </c>
      <c r="G476" s="9" t="s">
        <v>90</v>
      </c>
      <c r="H476" s="9" t="s">
        <v>104</v>
      </c>
      <c r="I476" s="9" t="s">
        <v>54</v>
      </c>
      <c r="J476" s="9" t="s">
        <v>35</v>
      </c>
      <c r="K476" s="6">
        <v>1</v>
      </c>
      <c r="L476" s="6">
        <v>1</v>
      </c>
      <c r="M476" s="6">
        <v>1</v>
      </c>
      <c r="N476" s="6">
        <v>1</v>
      </c>
      <c r="O476" s="10" t="s">
        <v>55</v>
      </c>
      <c r="P476" s="10" t="s">
        <v>55</v>
      </c>
      <c r="Q476" s="10" t="s">
        <v>55</v>
      </c>
      <c r="R476" s="10" t="s">
        <v>55</v>
      </c>
      <c r="S476" s="10" t="s">
        <v>55</v>
      </c>
      <c r="T476" s="10" t="s">
        <v>55</v>
      </c>
      <c r="U476" s="10" t="s">
        <v>55</v>
      </c>
      <c r="V476" s="10" t="s">
        <v>55</v>
      </c>
      <c r="W476" s="10" t="s">
        <v>55</v>
      </c>
      <c r="X476" s="6">
        <v>1</v>
      </c>
      <c r="Y476" s="6">
        <v>1</v>
      </c>
      <c r="Z476" s="10" t="s">
        <v>55</v>
      </c>
      <c r="AA476" s="10" t="s">
        <v>55</v>
      </c>
      <c r="AB476" s="10" t="s">
        <v>55</v>
      </c>
    </row>
    <row r="477" spans="1:28">
      <c r="A477" s="9" t="s">
        <v>83</v>
      </c>
      <c r="B477" s="9" t="s">
        <v>57</v>
      </c>
      <c r="C477" s="9" t="s">
        <v>89</v>
      </c>
      <c r="D477" s="9" t="s">
        <v>77</v>
      </c>
      <c r="E477" s="9" t="s">
        <v>57</v>
      </c>
      <c r="F477" s="9" t="s">
        <v>81</v>
      </c>
      <c r="G477" s="9" t="s">
        <v>90</v>
      </c>
      <c r="H477" s="9" t="s">
        <v>104</v>
      </c>
      <c r="I477" s="9" t="s">
        <v>54</v>
      </c>
      <c r="J477" s="9" t="s">
        <v>36</v>
      </c>
      <c r="K477" s="6">
        <v>2</v>
      </c>
      <c r="L477" s="10" t="s">
        <v>55</v>
      </c>
      <c r="M477" s="10" t="s">
        <v>55</v>
      </c>
      <c r="N477" s="10" t="s">
        <v>55</v>
      </c>
      <c r="O477" s="10" t="s">
        <v>55</v>
      </c>
      <c r="P477" s="10" t="s">
        <v>55</v>
      </c>
      <c r="Q477" s="10" t="s">
        <v>55</v>
      </c>
      <c r="R477" s="10" t="s">
        <v>55</v>
      </c>
      <c r="S477" s="10" t="s">
        <v>55</v>
      </c>
      <c r="T477" s="10" t="s">
        <v>55</v>
      </c>
      <c r="U477" s="10" t="s">
        <v>55</v>
      </c>
      <c r="V477" s="10" t="s">
        <v>55</v>
      </c>
      <c r="W477" s="6">
        <v>2</v>
      </c>
      <c r="X477" s="10" t="s">
        <v>55</v>
      </c>
      <c r="Y477" s="10" t="s">
        <v>55</v>
      </c>
      <c r="Z477" s="10" t="s">
        <v>55</v>
      </c>
      <c r="AA477" s="10" t="s">
        <v>55</v>
      </c>
      <c r="AB477" s="10" t="s">
        <v>55</v>
      </c>
    </row>
    <row r="478" spans="1:28">
      <c r="A478" s="9" t="s">
        <v>83</v>
      </c>
      <c r="B478" s="9" t="s">
        <v>57</v>
      </c>
      <c r="C478" s="9" t="s">
        <v>89</v>
      </c>
      <c r="D478" s="9" t="s">
        <v>77</v>
      </c>
      <c r="E478" s="9" t="s">
        <v>57</v>
      </c>
      <c r="F478" s="9" t="s">
        <v>81</v>
      </c>
      <c r="G478" s="9" t="s">
        <v>90</v>
      </c>
      <c r="H478" s="9" t="s">
        <v>104</v>
      </c>
      <c r="I478" s="9" t="s">
        <v>54</v>
      </c>
      <c r="J478" s="9" t="s">
        <v>37</v>
      </c>
      <c r="K478" s="10" t="s">
        <v>55</v>
      </c>
      <c r="L478" s="10" t="s">
        <v>55</v>
      </c>
      <c r="M478" s="10" t="s">
        <v>55</v>
      </c>
      <c r="N478" s="10" t="s">
        <v>55</v>
      </c>
      <c r="O478" s="10" t="s">
        <v>55</v>
      </c>
      <c r="P478" s="10" t="s">
        <v>55</v>
      </c>
      <c r="Q478" s="10" t="s">
        <v>55</v>
      </c>
      <c r="R478" s="10" t="s">
        <v>55</v>
      </c>
      <c r="S478" s="10" t="s">
        <v>55</v>
      </c>
      <c r="T478" s="10" t="s">
        <v>55</v>
      </c>
      <c r="U478" s="10" t="s">
        <v>55</v>
      </c>
      <c r="V478" s="10" t="s">
        <v>55</v>
      </c>
      <c r="W478" s="10" t="s">
        <v>55</v>
      </c>
      <c r="X478" s="10" t="s">
        <v>55</v>
      </c>
      <c r="Y478" s="10" t="s">
        <v>55</v>
      </c>
      <c r="Z478" s="10" t="s">
        <v>55</v>
      </c>
      <c r="AA478" s="10" t="s">
        <v>55</v>
      </c>
      <c r="AB478" s="10" t="s">
        <v>55</v>
      </c>
    </row>
    <row r="479" spans="1:28">
      <c r="A479" s="9" t="s">
        <v>83</v>
      </c>
      <c r="B479" s="9" t="s">
        <v>57</v>
      </c>
      <c r="C479" s="9" t="s">
        <v>89</v>
      </c>
      <c r="D479" s="9" t="s">
        <v>77</v>
      </c>
      <c r="E479" s="9" t="s">
        <v>57</v>
      </c>
      <c r="F479" s="9" t="s">
        <v>81</v>
      </c>
      <c r="G479" s="9" t="s">
        <v>90</v>
      </c>
      <c r="H479" s="9" t="s">
        <v>104</v>
      </c>
      <c r="I479" s="9" t="s">
        <v>54</v>
      </c>
      <c r="J479" s="9" t="s">
        <v>38</v>
      </c>
      <c r="K479" s="10" t="s">
        <v>55</v>
      </c>
      <c r="L479" s="10" t="s">
        <v>55</v>
      </c>
      <c r="M479" s="10" t="s">
        <v>55</v>
      </c>
      <c r="N479" s="10" t="s">
        <v>55</v>
      </c>
      <c r="O479" s="10" t="s">
        <v>55</v>
      </c>
      <c r="P479" s="10" t="s">
        <v>55</v>
      </c>
      <c r="Q479" s="10" t="s">
        <v>55</v>
      </c>
      <c r="R479" s="10" t="s">
        <v>55</v>
      </c>
      <c r="S479" s="10" t="s">
        <v>55</v>
      </c>
      <c r="T479" s="10" t="s">
        <v>55</v>
      </c>
      <c r="U479" s="10" t="s">
        <v>55</v>
      </c>
      <c r="V479" s="10" t="s">
        <v>55</v>
      </c>
      <c r="W479" s="10" t="s">
        <v>55</v>
      </c>
      <c r="X479" s="10" t="s">
        <v>55</v>
      </c>
      <c r="Y479" s="10" t="s">
        <v>55</v>
      </c>
      <c r="Z479" s="10" t="s">
        <v>55</v>
      </c>
      <c r="AA479" s="10" t="s">
        <v>55</v>
      </c>
      <c r="AB479" s="10" t="s">
        <v>55</v>
      </c>
    </row>
    <row r="480" spans="1:28">
      <c r="A480" s="9" t="s">
        <v>83</v>
      </c>
      <c r="B480" s="9" t="s">
        <v>57</v>
      </c>
      <c r="C480" s="9" t="s">
        <v>89</v>
      </c>
      <c r="D480" s="9" t="s">
        <v>77</v>
      </c>
      <c r="E480" s="9" t="s">
        <v>57</v>
      </c>
      <c r="F480" s="9" t="s">
        <v>81</v>
      </c>
      <c r="G480" s="9" t="s">
        <v>90</v>
      </c>
      <c r="H480" s="9" t="s">
        <v>104</v>
      </c>
      <c r="I480" s="9" t="s">
        <v>54</v>
      </c>
      <c r="J480" s="9" t="s">
        <v>39</v>
      </c>
      <c r="K480" s="6">
        <v>1</v>
      </c>
      <c r="L480" s="10" t="s">
        <v>55</v>
      </c>
      <c r="M480" s="10" t="s">
        <v>55</v>
      </c>
      <c r="N480" s="10" t="s">
        <v>55</v>
      </c>
      <c r="O480" s="10" t="s">
        <v>55</v>
      </c>
      <c r="P480" s="10" t="s">
        <v>55</v>
      </c>
      <c r="Q480" s="10" t="s">
        <v>55</v>
      </c>
      <c r="R480" s="10" t="s">
        <v>55</v>
      </c>
      <c r="S480" s="10" t="s">
        <v>55</v>
      </c>
      <c r="T480" s="10" t="s">
        <v>55</v>
      </c>
      <c r="U480" s="10" t="s">
        <v>55</v>
      </c>
      <c r="V480" s="10" t="s">
        <v>55</v>
      </c>
      <c r="W480" s="6">
        <v>1</v>
      </c>
      <c r="X480" s="10" t="s">
        <v>55</v>
      </c>
      <c r="Y480" s="10" t="s">
        <v>55</v>
      </c>
      <c r="Z480" s="10" t="s">
        <v>55</v>
      </c>
      <c r="AA480" s="10" t="s">
        <v>55</v>
      </c>
      <c r="AB480" s="10" t="s">
        <v>55</v>
      </c>
    </row>
    <row r="481" spans="1:28">
      <c r="A481" s="9" t="s">
        <v>83</v>
      </c>
      <c r="B481" s="9" t="s">
        <v>57</v>
      </c>
      <c r="C481" s="9" t="s">
        <v>89</v>
      </c>
      <c r="D481" s="9" t="s">
        <v>77</v>
      </c>
      <c r="E481" s="9" t="s">
        <v>57</v>
      </c>
      <c r="F481" s="9" t="s">
        <v>81</v>
      </c>
      <c r="G481" s="9" t="s">
        <v>90</v>
      </c>
      <c r="H481" s="9" t="s">
        <v>104</v>
      </c>
      <c r="I481" s="9" t="s">
        <v>54</v>
      </c>
      <c r="J481" s="9" t="s">
        <v>40</v>
      </c>
      <c r="K481" s="6">
        <v>3</v>
      </c>
      <c r="L481" s="10" t="s">
        <v>55</v>
      </c>
      <c r="M481" s="10" t="s">
        <v>55</v>
      </c>
      <c r="N481" s="10" t="s">
        <v>55</v>
      </c>
      <c r="O481" s="10" t="s">
        <v>55</v>
      </c>
      <c r="P481" s="10" t="s">
        <v>55</v>
      </c>
      <c r="Q481" s="10" t="s">
        <v>55</v>
      </c>
      <c r="R481" s="10" t="s">
        <v>55</v>
      </c>
      <c r="S481" s="10" t="s">
        <v>55</v>
      </c>
      <c r="T481" s="10" t="s">
        <v>55</v>
      </c>
      <c r="U481" s="10" t="s">
        <v>55</v>
      </c>
      <c r="V481" s="10" t="s">
        <v>55</v>
      </c>
      <c r="W481" s="6">
        <v>3</v>
      </c>
      <c r="X481" s="10" t="s">
        <v>55</v>
      </c>
      <c r="Y481" s="10" t="s">
        <v>55</v>
      </c>
      <c r="Z481" s="10" t="s">
        <v>55</v>
      </c>
      <c r="AA481" s="10" t="s">
        <v>55</v>
      </c>
      <c r="AB481" s="10" t="s">
        <v>55</v>
      </c>
    </row>
    <row r="482" spans="1:28">
      <c r="A482" s="9" t="s">
        <v>83</v>
      </c>
      <c r="B482" s="9" t="s">
        <v>57</v>
      </c>
      <c r="C482" s="9" t="s">
        <v>89</v>
      </c>
      <c r="D482" s="9" t="s">
        <v>77</v>
      </c>
      <c r="E482" s="9" t="s">
        <v>57</v>
      </c>
      <c r="F482" s="9" t="s">
        <v>81</v>
      </c>
      <c r="G482" s="9" t="s">
        <v>90</v>
      </c>
      <c r="H482" s="9" t="s">
        <v>104</v>
      </c>
      <c r="I482" s="9" t="s">
        <v>54</v>
      </c>
      <c r="J482" s="9" t="s">
        <v>41</v>
      </c>
      <c r="K482" s="10" t="s">
        <v>55</v>
      </c>
      <c r="L482" s="10" t="s">
        <v>55</v>
      </c>
      <c r="M482" s="10" t="s">
        <v>55</v>
      </c>
      <c r="N482" s="10" t="s">
        <v>55</v>
      </c>
      <c r="O482" s="10" t="s">
        <v>55</v>
      </c>
      <c r="P482" s="10" t="s">
        <v>55</v>
      </c>
      <c r="Q482" s="10" t="s">
        <v>55</v>
      </c>
      <c r="R482" s="10" t="s">
        <v>55</v>
      </c>
      <c r="S482" s="10" t="s">
        <v>55</v>
      </c>
      <c r="T482" s="10" t="s">
        <v>55</v>
      </c>
      <c r="U482" s="10" t="s">
        <v>55</v>
      </c>
      <c r="V482" s="10" t="s">
        <v>55</v>
      </c>
      <c r="W482" s="10" t="s">
        <v>55</v>
      </c>
      <c r="X482" s="10" t="s">
        <v>55</v>
      </c>
      <c r="Y482" s="10" t="s">
        <v>55</v>
      </c>
      <c r="Z482" s="10" t="s">
        <v>55</v>
      </c>
      <c r="AA482" s="10" t="s">
        <v>55</v>
      </c>
      <c r="AB482" s="10" t="s">
        <v>55</v>
      </c>
    </row>
    <row r="483" spans="1:28">
      <c r="A483" s="9" t="s">
        <v>83</v>
      </c>
      <c r="B483" s="9" t="s">
        <v>57</v>
      </c>
      <c r="C483" s="9" t="s">
        <v>89</v>
      </c>
      <c r="D483" s="9" t="s">
        <v>77</v>
      </c>
      <c r="E483" s="9" t="s">
        <v>57</v>
      </c>
      <c r="F483" s="9" t="s">
        <v>81</v>
      </c>
      <c r="G483" s="9" t="s">
        <v>90</v>
      </c>
      <c r="H483" s="9" t="s">
        <v>104</v>
      </c>
      <c r="I483" s="9" t="s">
        <v>54</v>
      </c>
      <c r="J483" s="9" t="s">
        <v>42</v>
      </c>
      <c r="K483" s="10" t="s">
        <v>55</v>
      </c>
      <c r="L483" s="10" t="s">
        <v>55</v>
      </c>
      <c r="M483" s="10" t="s">
        <v>55</v>
      </c>
      <c r="N483" s="10" t="s">
        <v>55</v>
      </c>
      <c r="O483" s="10" t="s">
        <v>55</v>
      </c>
      <c r="P483" s="10" t="s">
        <v>55</v>
      </c>
      <c r="Q483" s="10" t="s">
        <v>55</v>
      </c>
      <c r="R483" s="10" t="s">
        <v>55</v>
      </c>
      <c r="S483" s="10" t="s">
        <v>55</v>
      </c>
      <c r="T483" s="10" t="s">
        <v>55</v>
      </c>
      <c r="U483" s="10" t="s">
        <v>55</v>
      </c>
      <c r="V483" s="10" t="s">
        <v>55</v>
      </c>
      <c r="W483" s="10" t="s">
        <v>55</v>
      </c>
      <c r="X483" s="10" t="s">
        <v>55</v>
      </c>
      <c r="Y483" s="10" t="s">
        <v>55</v>
      </c>
      <c r="Z483" s="10" t="s">
        <v>55</v>
      </c>
      <c r="AA483" s="10" t="s">
        <v>55</v>
      </c>
      <c r="AB483" s="10" t="s">
        <v>55</v>
      </c>
    </row>
    <row r="484" spans="1:28">
      <c r="A484" s="9" t="s">
        <v>83</v>
      </c>
      <c r="B484" s="9" t="s">
        <v>57</v>
      </c>
      <c r="C484" s="9" t="s">
        <v>89</v>
      </c>
      <c r="D484" s="9" t="s">
        <v>77</v>
      </c>
      <c r="E484" s="9" t="s">
        <v>57</v>
      </c>
      <c r="F484" s="9" t="s">
        <v>81</v>
      </c>
      <c r="G484" s="9" t="s">
        <v>90</v>
      </c>
      <c r="H484" s="9" t="s">
        <v>104</v>
      </c>
      <c r="I484" s="9" t="s">
        <v>54</v>
      </c>
      <c r="J484" s="9" t="s">
        <v>43</v>
      </c>
      <c r="K484" s="6">
        <v>2</v>
      </c>
      <c r="L484" s="10" t="s">
        <v>55</v>
      </c>
      <c r="M484" s="10" t="s">
        <v>55</v>
      </c>
      <c r="N484" s="10" t="s">
        <v>55</v>
      </c>
      <c r="O484" s="10" t="s">
        <v>55</v>
      </c>
      <c r="P484" s="10" t="s">
        <v>55</v>
      </c>
      <c r="Q484" s="10" t="s">
        <v>55</v>
      </c>
      <c r="R484" s="10" t="s">
        <v>55</v>
      </c>
      <c r="S484" s="6">
        <v>2</v>
      </c>
      <c r="T484" s="10" t="s">
        <v>55</v>
      </c>
      <c r="U484" s="10" t="s">
        <v>55</v>
      </c>
      <c r="V484" s="6">
        <v>2</v>
      </c>
      <c r="W484" s="10" t="s">
        <v>55</v>
      </c>
      <c r="X484" s="10" t="s">
        <v>55</v>
      </c>
      <c r="Y484" s="10" t="s">
        <v>55</v>
      </c>
      <c r="Z484" s="10" t="s">
        <v>55</v>
      </c>
      <c r="AA484" s="10" t="s">
        <v>55</v>
      </c>
      <c r="AB484" s="10" t="s">
        <v>55</v>
      </c>
    </row>
    <row r="485" spans="1:28">
      <c r="A485" s="9" t="s">
        <v>83</v>
      </c>
      <c r="B485" s="9" t="s">
        <v>57</v>
      </c>
      <c r="C485" s="9" t="s">
        <v>89</v>
      </c>
      <c r="D485" s="9" t="s">
        <v>77</v>
      </c>
      <c r="E485" s="9" t="s">
        <v>57</v>
      </c>
      <c r="F485" s="9" t="s">
        <v>81</v>
      </c>
      <c r="G485" s="9" t="s">
        <v>90</v>
      </c>
      <c r="H485" s="9" t="s">
        <v>104</v>
      </c>
      <c r="I485" s="9" t="s">
        <v>54</v>
      </c>
      <c r="J485" s="9" t="s">
        <v>44</v>
      </c>
      <c r="K485" s="6">
        <v>3</v>
      </c>
      <c r="L485" s="10" t="s">
        <v>55</v>
      </c>
      <c r="M485" s="10" t="s">
        <v>55</v>
      </c>
      <c r="N485" s="10" t="s">
        <v>55</v>
      </c>
      <c r="O485" s="10" t="s">
        <v>55</v>
      </c>
      <c r="P485" s="10" t="s">
        <v>55</v>
      </c>
      <c r="Q485" s="10" t="s">
        <v>55</v>
      </c>
      <c r="R485" s="10" t="s">
        <v>55</v>
      </c>
      <c r="S485" s="10" t="s">
        <v>55</v>
      </c>
      <c r="T485" s="10" t="s">
        <v>55</v>
      </c>
      <c r="U485" s="10" t="s">
        <v>55</v>
      </c>
      <c r="V485" s="10" t="s">
        <v>55</v>
      </c>
      <c r="W485" s="6">
        <v>3</v>
      </c>
      <c r="X485" s="10" t="s">
        <v>55</v>
      </c>
      <c r="Y485" s="10" t="s">
        <v>55</v>
      </c>
      <c r="Z485" s="10" t="s">
        <v>55</v>
      </c>
      <c r="AA485" s="10" t="s">
        <v>55</v>
      </c>
      <c r="AB485" s="10" t="s">
        <v>55</v>
      </c>
    </row>
    <row r="486" spans="1:28">
      <c r="A486" s="9" t="s">
        <v>83</v>
      </c>
      <c r="B486" s="9" t="s">
        <v>57</v>
      </c>
      <c r="C486" s="9" t="s">
        <v>89</v>
      </c>
      <c r="D486" s="9" t="s">
        <v>77</v>
      </c>
      <c r="E486" s="9" t="s">
        <v>57</v>
      </c>
      <c r="F486" s="9" t="s">
        <v>81</v>
      </c>
      <c r="G486" s="9" t="s">
        <v>90</v>
      </c>
      <c r="H486" s="9" t="s">
        <v>104</v>
      </c>
      <c r="I486" s="9" t="s">
        <v>54</v>
      </c>
      <c r="J486" s="9" t="s">
        <v>45</v>
      </c>
      <c r="K486" s="6">
        <v>1</v>
      </c>
      <c r="L486" s="10" t="s">
        <v>55</v>
      </c>
      <c r="M486" s="10" t="s">
        <v>55</v>
      </c>
      <c r="N486" s="10" t="s">
        <v>55</v>
      </c>
      <c r="O486" s="10" t="s">
        <v>55</v>
      </c>
      <c r="P486" s="10" t="s">
        <v>55</v>
      </c>
      <c r="Q486" s="10" t="s">
        <v>55</v>
      </c>
      <c r="R486" s="10" t="s">
        <v>55</v>
      </c>
      <c r="S486" s="10" t="s">
        <v>55</v>
      </c>
      <c r="T486" s="10" t="s">
        <v>55</v>
      </c>
      <c r="U486" s="10" t="s">
        <v>55</v>
      </c>
      <c r="V486" s="10" t="s">
        <v>55</v>
      </c>
      <c r="W486" s="6">
        <v>1</v>
      </c>
      <c r="X486" s="10" t="s">
        <v>55</v>
      </c>
      <c r="Y486" s="10" t="s">
        <v>55</v>
      </c>
      <c r="Z486" s="10" t="s">
        <v>55</v>
      </c>
      <c r="AA486" s="10" t="s">
        <v>55</v>
      </c>
      <c r="AB486" s="10" t="s">
        <v>55</v>
      </c>
    </row>
    <row r="487" spans="1:28">
      <c r="A487" s="9" t="s">
        <v>83</v>
      </c>
      <c r="B487" s="9" t="s">
        <v>57</v>
      </c>
      <c r="C487" s="9" t="s">
        <v>89</v>
      </c>
      <c r="D487" s="9" t="s">
        <v>77</v>
      </c>
      <c r="E487" s="9" t="s">
        <v>57</v>
      </c>
      <c r="F487" s="9" t="s">
        <v>81</v>
      </c>
      <c r="G487" s="9" t="s">
        <v>90</v>
      </c>
      <c r="H487" s="9" t="s">
        <v>104</v>
      </c>
      <c r="I487" s="9" t="s">
        <v>54</v>
      </c>
      <c r="J487" s="9" t="s">
        <v>46</v>
      </c>
      <c r="K487" s="6">
        <v>1</v>
      </c>
      <c r="L487" s="10" t="s">
        <v>55</v>
      </c>
      <c r="M487" s="10" t="s">
        <v>55</v>
      </c>
      <c r="N487" s="10" t="s">
        <v>55</v>
      </c>
      <c r="O487" s="10" t="s">
        <v>55</v>
      </c>
      <c r="P487" s="10" t="s">
        <v>55</v>
      </c>
      <c r="Q487" s="10" t="s">
        <v>55</v>
      </c>
      <c r="R487" s="10" t="s">
        <v>55</v>
      </c>
      <c r="S487" s="6">
        <v>1</v>
      </c>
      <c r="T487" s="10" t="s">
        <v>55</v>
      </c>
      <c r="U487" s="10" t="s">
        <v>55</v>
      </c>
      <c r="V487" s="6">
        <v>1</v>
      </c>
      <c r="W487" s="10" t="s">
        <v>55</v>
      </c>
      <c r="X487" s="10" t="s">
        <v>55</v>
      </c>
      <c r="Y487" s="10" t="s">
        <v>55</v>
      </c>
      <c r="Z487" s="10" t="s">
        <v>55</v>
      </c>
      <c r="AA487" s="10" t="s">
        <v>55</v>
      </c>
      <c r="AB487" s="10" t="s">
        <v>55</v>
      </c>
    </row>
    <row r="488" spans="1:28">
      <c r="A488" s="9" t="s">
        <v>83</v>
      </c>
      <c r="B488" s="9" t="s">
        <v>57</v>
      </c>
      <c r="C488" s="9" t="s">
        <v>89</v>
      </c>
      <c r="D488" s="9" t="s">
        <v>77</v>
      </c>
      <c r="E488" s="9" t="s">
        <v>57</v>
      </c>
      <c r="F488" s="9" t="s">
        <v>81</v>
      </c>
      <c r="G488" s="9" t="s">
        <v>90</v>
      </c>
      <c r="H488" s="9" t="s">
        <v>104</v>
      </c>
      <c r="I488" s="9" t="s">
        <v>54</v>
      </c>
      <c r="J488" s="9" t="s">
        <v>47</v>
      </c>
      <c r="K488" s="10" t="s">
        <v>55</v>
      </c>
      <c r="L488" s="10" t="s">
        <v>55</v>
      </c>
      <c r="M488" s="10" t="s">
        <v>55</v>
      </c>
      <c r="N488" s="10" t="s">
        <v>55</v>
      </c>
      <c r="O488" s="10" t="s">
        <v>55</v>
      </c>
      <c r="P488" s="10" t="s">
        <v>55</v>
      </c>
      <c r="Q488" s="10" t="s">
        <v>55</v>
      </c>
      <c r="R488" s="10" t="s">
        <v>55</v>
      </c>
      <c r="S488" s="10" t="s">
        <v>55</v>
      </c>
      <c r="T488" s="10" t="s">
        <v>55</v>
      </c>
      <c r="U488" s="10" t="s">
        <v>55</v>
      </c>
      <c r="V488" s="10" t="s">
        <v>55</v>
      </c>
      <c r="W488" s="10" t="s">
        <v>55</v>
      </c>
      <c r="X488" s="10" t="s">
        <v>55</v>
      </c>
      <c r="Y488" s="10" t="s">
        <v>55</v>
      </c>
      <c r="Z488" s="10" t="s">
        <v>55</v>
      </c>
      <c r="AA488" s="10" t="s">
        <v>55</v>
      </c>
      <c r="AB488" s="10" t="s">
        <v>55</v>
      </c>
    </row>
    <row r="489" spans="1:28">
      <c r="A489" s="9" t="s">
        <v>83</v>
      </c>
      <c r="B489" s="9" t="s">
        <v>57</v>
      </c>
      <c r="C489" s="9" t="s">
        <v>89</v>
      </c>
      <c r="D489" s="9" t="s">
        <v>77</v>
      </c>
      <c r="E489" s="9" t="s">
        <v>57</v>
      </c>
      <c r="F489" s="9" t="s">
        <v>81</v>
      </c>
      <c r="G489" s="9" t="s">
        <v>90</v>
      </c>
      <c r="H489" s="9" t="s">
        <v>104</v>
      </c>
      <c r="I489" s="9" t="s">
        <v>54</v>
      </c>
      <c r="J489" s="9" t="s">
        <v>48</v>
      </c>
      <c r="K489" s="6">
        <v>16</v>
      </c>
      <c r="L489" s="6">
        <v>2</v>
      </c>
      <c r="M489" s="6">
        <v>2</v>
      </c>
      <c r="N489" s="6">
        <v>2</v>
      </c>
      <c r="O489" s="10" t="s">
        <v>55</v>
      </c>
      <c r="P489" s="10" t="s">
        <v>55</v>
      </c>
      <c r="Q489" s="10" t="s">
        <v>55</v>
      </c>
      <c r="R489" s="10" t="s">
        <v>55</v>
      </c>
      <c r="S489" s="10" t="s">
        <v>55</v>
      </c>
      <c r="T489" s="10" t="s">
        <v>55</v>
      </c>
      <c r="U489" s="10" t="s">
        <v>55</v>
      </c>
      <c r="V489" s="10" t="s">
        <v>55</v>
      </c>
      <c r="W489" s="6">
        <v>14</v>
      </c>
      <c r="X489" s="6">
        <v>2</v>
      </c>
      <c r="Y489" s="6">
        <v>2</v>
      </c>
      <c r="Z489" s="10" t="s">
        <v>55</v>
      </c>
      <c r="AA489" s="10" t="s">
        <v>55</v>
      </c>
      <c r="AB489" s="10" t="s">
        <v>55</v>
      </c>
    </row>
    <row r="490" spans="1:28">
      <c r="A490" s="9" t="s">
        <v>83</v>
      </c>
      <c r="B490" s="9" t="s">
        <v>57</v>
      </c>
      <c r="C490" s="9" t="s">
        <v>89</v>
      </c>
      <c r="D490" s="9" t="s">
        <v>77</v>
      </c>
      <c r="E490" s="9" t="s">
        <v>57</v>
      </c>
      <c r="F490" s="9" t="s">
        <v>81</v>
      </c>
      <c r="G490" s="9" t="s">
        <v>90</v>
      </c>
      <c r="H490" s="9" t="s">
        <v>104</v>
      </c>
      <c r="I490" s="9" t="s">
        <v>54</v>
      </c>
      <c r="J490" s="9" t="s">
        <v>49</v>
      </c>
      <c r="K490" s="6">
        <v>7</v>
      </c>
      <c r="L490" s="10" t="s">
        <v>55</v>
      </c>
      <c r="M490" s="10" t="s">
        <v>55</v>
      </c>
      <c r="N490" s="10" t="s">
        <v>55</v>
      </c>
      <c r="O490" s="10" t="s">
        <v>55</v>
      </c>
      <c r="P490" s="10" t="s">
        <v>55</v>
      </c>
      <c r="Q490" s="10" t="s">
        <v>55</v>
      </c>
      <c r="R490" s="10" t="s">
        <v>55</v>
      </c>
      <c r="S490" s="6">
        <v>3</v>
      </c>
      <c r="T490" s="10" t="s">
        <v>55</v>
      </c>
      <c r="U490" s="10" t="s">
        <v>55</v>
      </c>
      <c r="V490" s="6">
        <v>3</v>
      </c>
      <c r="W490" s="6">
        <v>4</v>
      </c>
      <c r="X490" s="10" t="s">
        <v>55</v>
      </c>
      <c r="Y490" s="10" t="s">
        <v>55</v>
      </c>
      <c r="Z490" s="10" t="s">
        <v>55</v>
      </c>
      <c r="AA490" s="10" t="s">
        <v>55</v>
      </c>
      <c r="AB490" s="10" t="s">
        <v>55</v>
      </c>
    </row>
    <row r="491" spans="1:28">
      <c r="A491" s="9" t="s">
        <v>83</v>
      </c>
      <c r="B491" s="9" t="s">
        <v>57</v>
      </c>
      <c r="C491" s="9" t="s">
        <v>89</v>
      </c>
      <c r="D491" s="9" t="s">
        <v>77</v>
      </c>
      <c r="E491" s="9" t="s">
        <v>57</v>
      </c>
      <c r="F491" s="9" t="s">
        <v>81</v>
      </c>
      <c r="G491" s="9" t="s">
        <v>90</v>
      </c>
      <c r="H491" s="9" t="s">
        <v>104</v>
      </c>
      <c r="I491" s="9" t="s">
        <v>54</v>
      </c>
      <c r="J491" s="9" t="s">
        <v>50</v>
      </c>
      <c r="K491" s="6">
        <v>7</v>
      </c>
      <c r="L491" s="10" t="s">
        <v>55</v>
      </c>
      <c r="M491" s="10" t="s">
        <v>55</v>
      </c>
      <c r="N491" s="10" t="s">
        <v>55</v>
      </c>
      <c r="O491" s="10" t="s">
        <v>55</v>
      </c>
      <c r="P491" s="10" t="s">
        <v>55</v>
      </c>
      <c r="Q491" s="10" t="s">
        <v>55</v>
      </c>
      <c r="R491" s="10" t="s">
        <v>55</v>
      </c>
      <c r="S491" s="6">
        <v>3</v>
      </c>
      <c r="T491" s="10" t="s">
        <v>55</v>
      </c>
      <c r="U491" s="10" t="s">
        <v>55</v>
      </c>
      <c r="V491" s="6">
        <v>3</v>
      </c>
      <c r="W491" s="6">
        <v>4</v>
      </c>
      <c r="X491" s="10" t="s">
        <v>55</v>
      </c>
      <c r="Y491" s="10" t="s">
        <v>55</v>
      </c>
      <c r="Z491" s="10" t="s">
        <v>55</v>
      </c>
      <c r="AA491" s="10" t="s">
        <v>55</v>
      </c>
      <c r="AB491" s="10" t="s">
        <v>55</v>
      </c>
    </row>
    <row r="492" spans="1:28">
      <c r="A492" s="9" t="s">
        <v>83</v>
      </c>
      <c r="B492" s="9" t="s">
        <v>57</v>
      </c>
      <c r="C492" s="9" t="s">
        <v>89</v>
      </c>
      <c r="D492" s="9" t="s">
        <v>77</v>
      </c>
      <c r="E492" s="9" t="s">
        <v>57</v>
      </c>
      <c r="F492" s="9" t="s">
        <v>81</v>
      </c>
      <c r="G492" s="9" t="s">
        <v>90</v>
      </c>
      <c r="H492" s="9" t="s">
        <v>104</v>
      </c>
      <c r="I492" s="9" t="s">
        <v>54</v>
      </c>
      <c r="J492" s="9" t="s">
        <v>51</v>
      </c>
      <c r="K492" s="6">
        <v>2</v>
      </c>
      <c r="L492" s="10" t="s">
        <v>55</v>
      </c>
      <c r="M492" s="10" t="s">
        <v>55</v>
      </c>
      <c r="N492" s="10" t="s">
        <v>55</v>
      </c>
      <c r="O492" s="10" t="s">
        <v>55</v>
      </c>
      <c r="P492" s="10" t="s">
        <v>55</v>
      </c>
      <c r="Q492" s="10" t="s">
        <v>55</v>
      </c>
      <c r="R492" s="10" t="s">
        <v>55</v>
      </c>
      <c r="S492" s="6">
        <v>1</v>
      </c>
      <c r="T492" s="10" t="s">
        <v>55</v>
      </c>
      <c r="U492" s="10" t="s">
        <v>55</v>
      </c>
      <c r="V492" s="6">
        <v>1</v>
      </c>
      <c r="W492" s="6">
        <v>1</v>
      </c>
      <c r="X492" s="10" t="s">
        <v>55</v>
      </c>
      <c r="Y492" s="10" t="s">
        <v>55</v>
      </c>
      <c r="Z492" s="10" t="s">
        <v>55</v>
      </c>
      <c r="AA492" s="10" t="s">
        <v>55</v>
      </c>
      <c r="AB492" s="10" t="s">
        <v>55</v>
      </c>
    </row>
    <row r="493" spans="1:28">
      <c r="A493" s="9" t="s">
        <v>83</v>
      </c>
      <c r="B493" s="9" t="s">
        <v>57</v>
      </c>
      <c r="C493" s="9" t="s">
        <v>89</v>
      </c>
      <c r="D493" s="9" t="s">
        <v>77</v>
      </c>
      <c r="E493" s="9" t="s">
        <v>57</v>
      </c>
      <c r="F493" s="9" t="s">
        <v>81</v>
      </c>
      <c r="G493" s="9" t="s">
        <v>90</v>
      </c>
      <c r="H493" s="9" t="s">
        <v>104</v>
      </c>
      <c r="I493" s="9" t="s">
        <v>54</v>
      </c>
      <c r="J493" s="9" t="s">
        <v>52</v>
      </c>
      <c r="K493" s="6">
        <v>16</v>
      </c>
      <c r="L493" s="6">
        <v>2</v>
      </c>
      <c r="M493" s="6">
        <v>2</v>
      </c>
      <c r="N493" s="6">
        <v>2</v>
      </c>
      <c r="O493" s="10" t="s">
        <v>55</v>
      </c>
      <c r="P493" s="10" t="s">
        <v>55</v>
      </c>
      <c r="Q493" s="10" t="s">
        <v>55</v>
      </c>
      <c r="R493" s="10" t="s">
        <v>55</v>
      </c>
      <c r="S493" s="10" t="s">
        <v>55</v>
      </c>
      <c r="T493" s="10" t="s">
        <v>55</v>
      </c>
      <c r="U493" s="10" t="s">
        <v>55</v>
      </c>
      <c r="V493" s="10" t="s">
        <v>55</v>
      </c>
      <c r="W493" s="6">
        <v>14</v>
      </c>
      <c r="X493" s="6">
        <v>2</v>
      </c>
      <c r="Y493" s="6">
        <v>2</v>
      </c>
      <c r="Z493" s="10" t="s">
        <v>55</v>
      </c>
      <c r="AA493" s="10" t="s">
        <v>55</v>
      </c>
      <c r="AB493" s="10" t="s">
        <v>55</v>
      </c>
    </row>
    <row r="494" spans="1:28">
      <c r="A494" s="9" t="s">
        <v>83</v>
      </c>
      <c r="B494" s="9" t="s">
        <v>57</v>
      </c>
      <c r="C494" s="9" t="s">
        <v>91</v>
      </c>
      <c r="D494" s="9" t="s">
        <v>77</v>
      </c>
      <c r="E494" s="9" t="s">
        <v>57</v>
      </c>
      <c r="F494" s="9" t="s">
        <v>81</v>
      </c>
      <c r="G494" s="9" t="s">
        <v>92</v>
      </c>
      <c r="H494" s="9" t="s">
        <v>104</v>
      </c>
      <c r="I494" s="9" t="s">
        <v>6</v>
      </c>
      <c r="J494" s="9" t="s">
        <v>30</v>
      </c>
      <c r="K494" s="6">
        <v>1</v>
      </c>
      <c r="L494" s="10" t="s">
        <v>55</v>
      </c>
      <c r="M494" s="10" t="s">
        <v>55</v>
      </c>
      <c r="N494" s="10" t="s">
        <v>55</v>
      </c>
      <c r="O494" s="10" t="s">
        <v>55</v>
      </c>
      <c r="P494" s="10" t="s">
        <v>55</v>
      </c>
      <c r="Q494" s="10" t="s">
        <v>55</v>
      </c>
      <c r="R494" s="10" t="s">
        <v>55</v>
      </c>
      <c r="S494" s="10" t="s">
        <v>55</v>
      </c>
      <c r="T494" s="10" t="s">
        <v>55</v>
      </c>
      <c r="U494" s="10" t="s">
        <v>55</v>
      </c>
      <c r="V494" s="10" t="s">
        <v>55</v>
      </c>
      <c r="W494" s="6">
        <v>1</v>
      </c>
      <c r="X494" s="10" t="s">
        <v>55</v>
      </c>
      <c r="Y494" s="10" t="s">
        <v>55</v>
      </c>
      <c r="Z494" s="10" t="s">
        <v>55</v>
      </c>
      <c r="AA494" s="10" t="s">
        <v>55</v>
      </c>
      <c r="AB494" s="10" t="s">
        <v>55</v>
      </c>
    </row>
    <row r="495" spans="1:28">
      <c r="A495" s="9" t="s">
        <v>83</v>
      </c>
      <c r="B495" s="9" t="s">
        <v>57</v>
      </c>
      <c r="C495" s="9" t="s">
        <v>91</v>
      </c>
      <c r="D495" s="9" t="s">
        <v>77</v>
      </c>
      <c r="E495" s="9" t="s">
        <v>57</v>
      </c>
      <c r="F495" s="9" t="s">
        <v>81</v>
      </c>
      <c r="G495" s="9" t="s">
        <v>92</v>
      </c>
      <c r="H495" s="9" t="s">
        <v>104</v>
      </c>
      <c r="I495" s="9" t="s">
        <v>6</v>
      </c>
      <c r="J495" s="9" t="s">
        <v>31</v>
      </c>
      <c r="K495" s="10" t="s">
        <v>55</v>
      </c>
      <c r="L495" s="10" t="s">
        <v>55</v>
      </c>
      <c r="M495" s="10" t="s">
        <v>55</v>
      </c>
      <c r="N495" s="10" t="s">
        <v>55</v>
      </c>
      <c r="O495" s="10" t="s">
        <v>55</v>
      </c>
      <c r="P495" s="10" t="s">
        <v>55</v>
      </c>
      <c r="Q495" s="10" t="s">
        <v>55</v>
      </c>
      <c r="R495" s="10" t="s">
        <v>55</v>
      </c>
      <c r="S495" s="10" t="s">
        <v>55</v>
      </c>
      <c r="T495" s="10" t="s">
        <v>55</v>
      </c>
      <c r="U495" s="10" t="s">
        <v>55</v>
      </c>
      <c r="V495" s="10" t="s">
        <v>55</v>
      </c>
      <c r="W495" s="10" t="s">
        <v>55</v>
      </c>
      <c r="X495" s="10" t="s">
        <v>55</v>
      </c>
      <c r="Y495" s="10" t="s">
        <v>55</v>
      </c>
      <c r="Z495" s="10" t="s">
        <v>55</v>
      </c>
      <c r="AA495" s="10" t="s">
        <v>55</v>
      </c>
      <c r="AB495" s="10" t="s">
        <v>55</v>
      </c>
    </row>
    <row r="496" spans="1:28">
      <c r="A496" s="9" t="s">
        <v>83</v>
      </c>
      <c r="B496" s="9" t="s">
        <v>57</v>
      </c>
      <c r="C496" s="9" t="s">
        <v>91</v>
      </c>
      <c r="D496" s="9" t="s">
        <v>77</v>
      </c>
      <c r="E496" s="9" t="s">
        <v>57</v>
      </c>
      <c r="F496" s="9" t="s">
        <v>81</v>
      </c>
      <c r="G496" s="9" t="s">
        <v>92</v>
      </c>
      <c r="H496" s="9" t="s">
        <v>104</v>
      </c>
      <c r="I496" s="9" t="s">
        <v>6</v>
      </c>
      <c r="J496" s="9" t="s">
        <v>32</v>
      </c>
      <c r="K496" s="10" t="s">
        <v>55</v>
      </c>
      <c r="L496" s="10" t="s">
        <v>55</v>
      </c>
      <c r="M496" s="10" t="s">
        <v>55</v>
      </c>
      <c r="N496" s="10" t="s">
        <v>55</v>
      </c>
      <c r="O496" s="10" t="s">
        <v>55</v>
      </c>
      <c r="P496" s="10" t="s">
        <v>55</v>
      </c>
      <c r="Q496" s="10" t="s">
        <v>55</v>
      </c>
      <c r="R496" s="10" t="s">
        <v>55</v>
      </c>
      <c r="S496" s="10" t="s">
        <v>55</v>
      </c>
      <c r="T496" s="10" t="s">
        <v>55</v>
      </c>
      <c r="U496" s="10" t="s">
        <v>55</v>
      </c>
      <c r="V496" s="10" t="s">
        <v>55</v>
      </c>
      <c r="W496" s="10" t="s">
        <v>55</v>
      </c>
      <c r="X496" s="10" t="s">
        <v>55</v>
      </c>
      <c r="Y496" s="10" t="s">
        <v>55</v>
      </c>
      <c r="Z496" s="10" t="s">
        <v>55</v>
      </c>
      <c r="AA496" s="10" t="s">
        <v>55</v>
      </c>
      <c r="AB496" s="10" t="s">
        <v>55</v>
      </c>
    </row>
    <row r="497" spans="1:28">
      <c r="A497" s="9" t="s">
        <v>83</v>
      </c>
      <c r="B497" s="9" t="s">
        <v>57</v>
      </c>
      <c r="C497" s="9" t="s">
        <v>91</v>
      </c>
      <c r="D497" s="9" t="s">
        <v>77</v>
      </c>
      <c r="E497" s="9" t="s">
        <v>57</v>
      </c>
      <c r="F497" s="9" t="s">
        <v>81</v>
      </c>
      <c r="G497" s="9" t="s">
        <v>92</v>
      </c>
      <c r="H497" s="9" t="s">
        <v>104</v>
      </c>
      <c r="I497" s="9" t="s">
        <v>6</v>
      </c>
      <c r="J497" s="9" t="s">
        <v>33</v>
      </c>
      <c r="K497" s="10" t="s">
        <v>55</v>
      </c>
      <c r="L497" s="10" t="s">
        <v>55</v>
      </c>
      <c r="M497" s="10" t="s">
        <v>55</v>
      </c>
      <c r="N497" s="10" t="s">
        <v>55</v>
      </c>
      <c r="O497" s="10" t="s">
        <v>55</v>
      </c>
      <c r="P497" s="10" t="s">
        <v>55</v>
      </c>
      <c r="Q497" s="10" t="s">
        <v>55</v>
      </c>
      <c r="R497" s="10" t="s">
        <v>55</v>
      </c>
      <c r="S497" s="10" t="s">
        <v>55</v>
      </c>
      <c r="T497" s="10" t="s">
        <v>55</v>
      </c>
      <c r="U497" s="10" t="s">
        <v>55</v>
      </c>
      <c r="V497" s="10" t="s">
        <v>55</v>
      </c>
      <c r="W497" s="10" t="s">
        <v>55</v>
      </c>
      <c r="X497" s="10" t="s">
        <v>55</v>
      </c>
      <c r="Y497" s="10" t="s">
        <v>55</v>
      </c>
      <c r="Z497" s="10" t="s">
        <v>55</v>
      </c>
      <c r="AA497" s="10" t="s">
        <v>55</v>
      </c>
      <c r="AB497" s="10" t="s">
        <v>55</v>
      </c>
    </row>
    <row r="498" spans="1:28">
      <c r="A498" s="9" t="s">
        <v>83</v>
      </c>
      <c r="B498" s="9" t="s">
        <v>57</v>
      </c>
      <c r="C498" s="9" t="s">
        <v>91</v>
      </c>
      <c r="D498" s="9" t="s">
        <v>77</v>
      </c>
      <c r="E498" s="9" t="s">
        <v>57</v>
      </c>
      <c r="F498" s="9" t="s">
        <v>81</v>
      </c>
      <c r="G498" s="9" t="s">
        <v>92</v>
      </c>
      <c r="H498" s="9" t="s">
        <v>104</v>
      </c>
      <c r="I498" s="9" t="s">
        <v>6</v>
      </c>
      <c r="J498" s="9" t="s">
        <v>34</v>
      </c>
      <c r="K498" s="10" t="s">
        <v>55</v>
      </c>
      <c r="L498" s="10" t="s">
        <v>55</v>
      </c>
      <c r="M498" s="10" t="s">
        <v>55</v>
      </c>
      <c r="N498" s="10" t="s">
        <v>55</v>
      </c>
      <c r="O498" s="10" t="s">
        <v>55</v>
      </c>
      <c r="P498" s="10" t="s">
        <v>55</v>
      </c>
      <c r="Q498" s="10" t="s">
        <v>55</v>
      </c>
      <c r="R498" s="10" t="s">
        <v>55</v>
      </c>
      <c r="S498" s="10" t="s">
        <v>55</v>
      </c>
      <c r="T498" s="10" t="s">
        <v>55</v>
      </c>
      <c r="U498" s="10" t="s">
        <v>55</v>
      </c>
      <c r="V498" s="10" t="s">
        <v>55</v>
      </c>
      <c r="W498" s="10" t="s">
        <v>55</v>
      </c>
      <c r="X498" s="10" t="s">
        <v>55</v>
      </c>
      <c r="Y498" s="10" t="s">
        <v>55</v>
      </c>
      <c r="Z498" s="10" t="s">
        <v>55</v>
      </c>
      <c r="AA498" s="10" t="s">
        <v>55</v>
      </c>
      <c r="AB498" s="10" t="s">
        <v>55</v>
      </c>
    </row>
    <row r="499" spans="1:28">
      <c r="A499" s="9" t="s">
        <v>83</v>
      </c>
      <c r="B499" s="9" t="s">
        <v>57</v>
      </c>
      <c r="C499" s="9" t="s">
        <v>91</v>
      </c>
      <c r="D499" s="9" t="s">
        <v>77</v>
      </c>
      <c r="E499" s="9" t="s">
        <v>57</v>
      </c>
      <c r="F499" s="9" t="s">
        <v>81</v>
      </c>
      <c r="G499" s="9" t="s">
        <v>92</v>
      </c>
      <c r="H499" s="9" t="s">
        <v>104</v>
      </c>
      <c r="I499" s="9" t="s">
        <v>6</v>
      </c>
      <c r="J499" s="9" t="s">
        <v>35</v>
      </c>
      <c r="K499" s="10" t="s">
        <v>55</v>
      </c>
      <c r="L499" s="10" t="s">
        <v>55</v>
      </c>
      <c r="M499" s="10" t="s">
        <v>55</v>
      </c>
      <c r="N499" s="10" t="s">
        <v>55</v>
      </c>
      <c r="O499" s="10" t="s">
        <v>55</v>
      </c>
      <c r="P499" s="10" t="s">
        <v>55</v>
      </c>
      <c r="Q499" s="10" t="s">
        <v>55</v>
      </c>
      <c r="R499" s="10" t="s">
        <v>55</v>
      </c>
      <c r="S499" s="10" t="s">
        <v>55</v>
      </c>
      <c r="T499" s="10" t="s">
        <v>55</v>
      </c>
      <c r="U499" s="10" t="s">
        <v>55</v>
      </c>
      <c r="V499" s="10" t="s">
        <v>55</v>
      </c>
      <c r="W499" s="10" t="s">
        <v>55</v>
      </c>
      <c r="X499" s="10" t="s">
        <v>55</v>
      </c>
      <c r="Y499" s="10" t="s">
        <v>55</v>
      </c>
      <c r="Z499" s="10" t="s">
        <v>55</v>
      </c>
      <c r="AA499" s="10" t="s">
        <v>55</v>
      </c>
      <c r="AB499" s="10" t="s">
        <v>55</v>
      </c>
    </row>
    <row r="500" spans="1:28">
      <c r="A500" s="9" t="s">
        <v>83</v>
      </c>
      <c r="B500" s="9" t="s">
        <v>57</v>
      </c>
      <c r="C500" s="9" t="s">
        <v>91</v>
      </c>
      <c r="D500" s="9" t="s">
        <v>77</v>
      </c>
      <c r="E500" s="9" t="s">
        <v>57</v>
      </c>
      <c r="F500" s="9" t="s">
        <v>81</v>
      </c>
      <c r="G500" s="9" t="s">
        <v>92</v>
      </c>
      <c r="H500" s="9" t="s">
        <v>104</v>
      </c>
      <c r="I500" s="9" t="s">
        <v>6</v>
      </c>
      <c r="J500" s="9" t="s">
        <v>36</v>
      </c>
      <c r="K500" s="10" t="s">
        <v>55</v>
      </c>
      <c r="L500" s="10" t="s">
        <v>55</v>
      </c>
      <c r="M500" s="10" t="s">
        <v>55</v>
      </c>
      <c r="N500" s="10" t="s">
        <v>55</v>
      </c>
      <c r="O500" s="10" t="s">
        <v>55</v>
      </c>
      <c r="P500" s="10" t="s">
        <v>55</v>
      </c>
      <c r="Q500" s="10" t="s">
        <v>55</v>
      </c>
      <c r="R500" s="10" t="s">
        <v>55</v>
      </c>
      <c r="S500" s="10" t="s">
        <v>55</v>
      </c>
      <c r="T500" s="10" t="s">
        <v>55</v>
      </c>
      <c r="U500" s="10" t="s">
        <v>55</v>
      </c>
      <c r="V500" s="10" t="s">
        <v>55</v>
      </c>
      <c r="W500" s="10" t="s">
        <v>55</v>
      </c>
      <c r="X500" s="10" t="s">
        <v>55</v>
      </c>
      <c r="Y500" s="10" t="s">
        <v>55</v>
      </c>
      <c r="Z500" s="10" t="s">
        <v>55</v>
      </c>
      <c r="AA500" s="10" t="s">
        <v>55</v>
      </c>
      <c r="AB500" s="10" t="s">
        <v>55</v>
      </c>
    </row>
    <row r="501" spans="1:28">
      <c r="A501" s="9" t="s">
        <v>83</v>
      </c>
      <c r="B501" s="9" t="s">
        <v>57</v>
      </c>
      <c r="C501" s="9" t="s">
        <v>91</v>
      </c>
      <c r="D501" s="9" t="s">
        <v>77</v>
      </c>
      <c r="E501" s="9" t="s">
        <v>57</v>
      </c>
      <c r="F501" s="9" t="s">
        <v>81</v>
      </c>
      <c r="G501" s="9" t="s">
        <v>92</v>
      </c>
      <c r="H501" s="9" t="s">
        <v>104</v>
      </c>
      <c r="I501" s="9" t="s">
        <v>6</v>
      </c>
      <c r="J501" s="9" t="s">
        <v>37</v>
      </c>
      <c r="K501" s="10" t="s">
        <v>55</v>
      </c>
      <c r="L501" s="10" t="s">
        <v>55</v>
      </c>
      <c r="M501" s="10" t="s">
        <v>55</v>
      </c>
      <c r="N501" s="10" t="s">
        <v>55</v>
      </c>
      <c r="O501" s="10" t="s">
        <v>55</v>
      </c>
      <c r="P501" s="10" t="s">
        <v>55</v>
      </c>
      <c r="Q501" s="10" t="s">
        <v>55</v>
      </c>
      <c r="R501" s="10" t="s">
        <v>55</v>
      </c>
      <c r="S501" s="10" t="s">
        <v>55</v>
      </c>
      <c r="T501" s="10" t="s">
        <v>55</v>
      </c>
      <c r="U501" s="10" t="s">
        <v>55</v>
      </c>
      <c r="V501" s="10" t="s">
        <v>55</v>
      </c>
      <c r="W501" s="10" t="s">
        <v>55</v>
      </c>
      <c r="X501" s="10" t="s">
        <v>55</v>
      </c>
      <c r="Y501" s="10" t="s">
        <v>55</v>
      </c>
      <c r="Z501" s="10" t="s">
        <v>55</v>
      </c>
      <c r="AA501" s="10" t="s">
        <v>55</v>
      </c>
      <c r="AB501" s="10" t="s">
        <v>55</v>
      </c>
    </row>
    <row r="502" spans="1:28">
      <c r="A502" s="9" t="s">
        <v>83</v>
      </c>
      <c r="B502" s="9" t="s">
        <v>57</v>
      </c>
      <c r="C502" s="9" t="s">
        <v>91</v>
      </c>
      <c r="D502" s="9" t="s">
        <v>77</v>
      </c>
      <c r="E502" s="9" t="s">
        <v>57</v>
      </c>
      <c r="F502" s="9" t="s">
        <v>81</v>
      </c>
      <c r="G502" s="9" t="s">
        <v>92</v>
      </c>
      <c r="H502" s="9" t="s">
        <v>104</v>
      </c>
      <c r="I502" s="9" t="s">
        <v>6</v>
      </c>
      <c r="J502" s="9" t="s">
        <v>38</v>
      </c>
      <c r="K502" s="10" t="s">
        <v>55</v>
      </c>
      <c r="L502" s="10" t="s">
        <v>55</v>
      </c>
      <c r="M502" s="10" t="s">
        <v>55</v>
      </c>
      <c r="N502" s="10" t="s">
        <v>55</v>
      </c>
      <c r="O502" s="10" t="s">
        <v>55</v>
      </c>
      <c r="P502" s="10" t="s">
        <v>55</v>
      </c>
      <c r="Q502" s="10" t="s">
        <v>55</v>
      </c>
      <c r="R502" s="10" t="s">
        <v>55</v>
      </c>
      <c r="S502" s="10" t="s">
        <v>55</v>
      </c>
      <c r="T502" s="10" t="s">
        <v>55</v>
      </c>
      <c r="U502" s="10" t="s">
        <v>55</v>
      </c>
      <c r="V502" s="10" t="s">
        <v>55</v>
      </c>
      <c r="W502" s="10" t="s">
        <v>55</v>
      </c>
      <c r="X502" s="10" t="s">
        <v>55</v>
      </c>
      <c r="Y502" s="10" t="s">
        <v>55</v>
      </c>
      <c r="Z502" s="10" t="s">
        <v>55</v>
      </c>
      <c r="AA502" s="10" t="s">
        <v>55</v>
      </c>
      <c r="AB502" s="10" t="s">
        <v>55</v>
      </c>
    </row>
    <row r="503" spans="1:28">
      <c r="A503" s="9" t="s">
        <v>83</v>
      </c>
      <c r="B503" s="9" t="s">
        <v>57</v>
      </c>
      <c r="C503" s="9" t="s">
        <v>91</v>
      </c>
      <c r="D503" s="9" t="s">
        <v>77</v>
      </c>
      <c r="E503" s="9" t="s">
        <v>57</v>
      </c>
      <c r="F503" s="9" t="s">
        <v>81</v>
      </c>
      <c r="G503" s="9" t="s">
        <v>92</v>
      </c>
      <c r="H503" s="9" t="s">
        <v>104</v>
      </c>
      <c r="I503" s="9" t="s">
        <v>6</v>
      </c>
      <c r="J503" s="9" t="s">
        <v>39</v>
      </c>
      <c r="K503" s="10" t="s">
        <v>55</v>
      </c>
      <c r="L503" s="10" t="s">
        <v>55</v>
      </c>
      <c r="M503" s="10" t="s">
        <v>55</v>
      </c>
      <c r="N503" s="10" t="s">
        <v>55</v>
      </c>
      <c r="O503" s="10" t="s">
        <v>55</v>
      </c>
      <c r="P503" s="10" t="s">
        <v>55</v>
      </c>
      <c r="Q503" s="10" t="s">
        <v>55</v>
      </c>
      <c r="R503" s="10" t="s">
        <v>55</v>
      </c>
      <c r="S503" s="10" t="s">
        <v>55</v>
      </c>
      <c r="T503" s="10" t="s">
        <v>55</v>
      </c>
      <c r="U503" s="10" t="s">
        <v>55</v>
      </c>
      <c r="V503" s="10" t="s">
        <v>55</v>
      </c>
      <c r="W503" s="10" t="s">
        <v>55</v>
      </c>
      <c r="X503" s="10" t="s">
        <v>55</v>
      </c>
      <c r="Y503" s="10" t="s">
        <v>55</v>
      </c>
      <c r="Z503" s="10" t="s">
        <v>55</v>
      </c>
      <c r="AA503" s="10" t="s">
        <v>55</v>
      </c>
      <c r="AB503" s="10" t="s">
        <v>55</v>
      </c>
    </row>
    <row r="504" spans="1:28">
      <c r="A504" s="9" t="s">
        <v>83</v>
      </c>
      <c r="B504" s="9" t="s">
        <v>57</v>
      </c>
      <c r="C504" s="9" t="s">
        <v>91</v>
      </c>
      <c r="D504" s="9" t="s">
        <v>77</v>
      </c>
      <c r="E504" s="9" t="s">
        <v>57</v>
      </c>
      <c r="F504" s="9" t="s">
        <v>81</v>
      </c>
      <c r="G504" s="9" t="s">
        <v>92</v>
      </c>
      <c r="H504" s="9" t="s">
        <v>104</v>
      </c>
      <c r="I504" s="9" t="s">
        <v>6</v>
      </c>
      <c r="J504" s="9" t="s">
        <v>40</v>
      </c>
      <c r="K504" s="10" t="s">
        <v>55</v>
      </c>
      <c r="L504" s="10" t="s">
        <v>55</v>
      </c>
      <c r="M504" s="10" t="s">
        <v>55</v>
      </c>
      <c r="N504" s="10" t="s">
        <v>55</v>
      </c>
      <c r="O504" s="10" t="s">
        <v>55</v>
      </c>
      <c r="P504" s="10" t="s">
        <v>55</v>
      </c>
      <c r="Q504" s="10" t="s">
        <v>55</v>
      </c>
      <c r="R504" s="10" t="s">
        <v>55</v>
      </c>
      <c r="S504" s="10" t="s">
        <v>55</v>
      </c>
      <c r="T504" s="10" t="s">
        <v>55</v>
      </c>
      <c r="U504" s="10" t="s">
        <v>55</v>
      </c>
      <c r="V504" s="10" t="s">
        <v>55</v>
      </c>
      <c r="W504" s="10" t="s">
        <v>55</v>
      </c>
      <c r="X504" s="10" t="s">
        <v>55</v>
      </c>
      <c r="Y504" s="10" t="s">
        <v>55</v>
      </c>
      <c r="Z504" s="10" t="s">
        <v>55</v>
      </c>
      <c r="AA504" s="10" t="s">
        <v>55</v>
      </c>
      <c r="AB504" s="10" t="s">
        <v>55</v>
      </c>
    </row>
    <row r="505" spans="1:28">
      <c r="A505" s="9" t="s">
        <v>83</v>
      </c>
      <c r="B505" s="9" t="s">
        <v>57</v>
      </c>
      <c r="C505" s="9" t="s">
        <v>91</v>
      </c>
      <c r="D505" s="9" t="s">
        <v>77</v>
      </c>
      <c r="E505" s="9" t="s">
        <v>57</v>
      </c>
      <c r="F505" s="9" t="s">
        <v>81</v>
      </c>
      <c r="G505" s="9" t="s">
        <v>92</v>
      </c>
      <c r="H505" s="9" t="s">
        <v>104</v>
      </c>
      <c r="I505" s="9" t="s">
        <v>6</v>
      </c>
      <c r="J505" s="9" t="s">
        <v>41</v>
      </c>
      <c r="K505" s="6">
        <v>1</v>
      </c>
      <c r="L505" s="10" t="s">
        <v>55</v>
      </c>
      <c r="M505" s="10" t="s">
        <v>55</v>
      </c>
      <c r="N505" s="10" t="s">
        <v>55</v>
      </c>
      <c r="O505" s="10" t="s">
        <v>55</v>
      </c>
      <c r="P505" s="10" t="s">
        <v>55</v>
      </c>
      <c r="Q505" s="10" t="s">
        <v>55</v>
      </c>
      <c r="R505" s="10" t="s">
        <v>55</v>
      </c>
      <c r="S505" s="10" t="s">
        <v>55</v>
      </c>
      <c r="T505" s="10" t="s">
        <v>55</v>
      </c>
      <c r="U505" s="10" t="s">
        <v>55</v>
      </c>
      <c r="V505" s="10" t="s">
        <v>55</v>
      </c>
      <c r="W505" s="6">
        <v>1</v>
      </c>
      <c r="X505" s="10" t="s">
        <v>55</v>
      </c>
      <c r="Y505" s="10" t="s">
        <v>55</v>
      </c>
      <c r="Z505" s="10" t="s">
        <v>55</v>
      </c>
      <c r="AA505" s="10" t="s">
        <v>55</v>
      </c>
      <c r="AB505" s="10" t="s">
        <v>55</v>
      </c>
    </row>
    <row r="506" spans="1:28">
      <c r="A506" s="9" t="s">
        <v>83</v>
      </c>
      <c r="B506" s="9" t="s">
        <v>57</v>
      </c>
      <c r="C506" s="9" t="s">
        <v>91</v>
      </c>
      <c r="D506" s="9" t="s">
        <v>77</v>
      </c>
      <c r="E506" s="9" t="s">
        <v>57</v>
      </c>
      <c r="F506" s="9" t="s">
        <v>81</v>
      </c>
      <c r="G506" s="9" t="s">
        <v>92</v>
      </c>
      <c r="H506" s="9" t="s">
        <v>104</v>
      </c>
      <c r="I506" s="9" t="s">
        <v>6</v>
      </c>
      <c r="J506" s="9" t="s">
        <v>42</v>
      </c>
      <c r="K506" s="10" t="s">
        <v>55</v>
      </c>
      <c r="L506" s="10" t="s">
        <v>55</v>
      </c>
      <c r="M506" s="10" t="s">
        <v>55</v>
      </c>
      <c r="N506" s="10" t="s">
        <v>55</v>
      </c>
      <c r="O506" s="10" t="s">
        <v>55</v>
      </c>
      <c r="P506" s="10" t="s">
        <v>55</v>
      </c>
      <c r="Q506" s="10" t="s">
        <v>55</v>
      </c>
      <c r="R506" s="10" t="s">
        <v>55</v>
      </c>
      <c r="S506" s="10" t="s">
        <v>55</v>
      </c>
      <c r="T506" s="10" t="s">
        <v>55</v>
      </c>
      <c r="U506" s="10" t="s">
        <v>55</v>
      </c>
      <c r="V506" s="10" t="s">
        <v>55</v>
      </c>
      <c r="W506" s="10" t="s">
        <v>55</v>
      </c>
      <c r="X506" s="10" t="s">
        <v>55</v>
      </c>
      <c r="Y506" s="10" t="s">
        <v>55</v>
      </c>
      <c r="Z506" s="10" t="s">
        <v>55</v>
      </c>
      <c r="AA506" s="10" t="s">
        <v>55</v>
      </c>
      <c r="AB506" s="10" t="s">
        <v>55</v>
      </c>
    </row>
    <row r="507" spans="1:28">
      <c r="A507" s="9" t="s">
        <v>83</v>
      </c>
      <c r="B507" s="9" t="s">
        <v>57</v>
      </c>
      <c r="C507" s="9" t="s">
        <v>91</v>
      </c>
      <c r="D507" s="9" t="s">
        <v>77</v>
      </c>
      <c r="E507" s="9" t="s">
        <v>57</v>
      </c>
      <c r="F507" s="9" t="s">
        <v>81</v>
      </c>
      <c r="G507" s="9" t="s">
        <v>92</v>
      </c>
      <c r="H507" s="9" t="s">
        <v>104</v>
      </c>
      <c r="I507" s="9" t="s">
        <v>6</v>
      </c>
      <c r="J507" s="9" t="s">
        <v>43</v>
      </c>
      <c r="K507" s="10" t="s">
        <v>55</v>
      </c>
      <c r="L507" s="10" t="s">
        <v>55</v>
      </c>
      <c r="M507" s="10" t="s">
        <v>55</v>
      </c>
      <c r="N507" s="10" t="s">
        <v>55</v>
      </c>
      <c r="O507" s="10" t="s">
        <v>55</v>
      </c>
      <c r="P507" s="10" t="s">
        <v>55</v>
      </c>
      <c r="Q507" s="10" t="s">
        <v>55</v>
      </c>
      <c r="R507" s="10" t="s">
        <v>55</v>
      </c>
      <c r="S507" s="10" t="s">
        <v>55</v>
      </c>
      <c r="T507" s="10" t="s">
        <v>55</v>
      </c>
      <c r="U507" s="10" t="s">
        <v>55</v>
      </c>
      <c r="V507" s="10" t="s">
        <v>55</v>
      </c>
      <c r="W507" s="10" t="s">
        <v>55</v>
      </c>
      <c r="X507" s="10" t="s">
        <v>55</v>
      </c>
      <c r="Y507" s="10" t="s">
        <v>55</v>
      </c>
      <c r="Z507" s="10" t="s">
        <v>55</v>
      </c>
      <c r="AA507" s="10" t="s">
        <v>55</v>
      </c>
      <c r="AB507" s="10" t="s">
        <v>55</v>
      </c>
    </row>
    <row r="508" spans="1:28">
      <c r="A508" s="9" t="s">
        <v>83</v>
      </c>
      <c r="B508" s="9" t="s">
        <v>57</v>
      </c>
      <c r="C508" s="9" t="s">
        <v>91</v>
      </c>
      <c r="D508" s="9" t="s">
        <v>77</v>
      </c>
      <c r="E508" s="9" t="s">
        <v>57</v>
      </c>
      <c r="F508" s="9" t="s">
        <v>81</v>
      </c>
      <c r="G508" s="9" t="s">
        <v>92</v>
      </c>
      <c r="H508" s="9" t="s">
        <v>104</v>
      </c>
      <c r="I508" s="9" t="s">
        <v>6</v>
      </c>
      <c r="J508" s="9" t="s">
        <v>44</v>
      </c>
      <c r="K508" s="10" t="s">
        <v>55</v>
      </c>
      <c r="L508" s="10" t="s">
        <v>55</v>
      </c>
      <c r="M508" s="10" t="s">
        <v>55</v>
      </c>
      <c r="N508" s="10" t="s">
        <v>55</v>
      </c>
      <c r="O508" s="10" t="s">
        <v>55</v>
      </c>
      <c r="P508" s="10" t="s">
        <v>55</v>
      </c>
      <c r="Q508" s="10" t="s">
        <v>55</v>
      </c>
      <c r="R508" s="10" t="s">
        <v>55</v>
      </c>
      <c r="S508" s="10" t="s">
        <v>55</v>
      </c>
      <c r="T508" s="10" t="s">
        <v>55</v>
      </c>
      <c r="U508" s="10" t="s">
        <v>55</v>
      </c>
      <c r="V508" s="10" t="s">
        <v>55</v>
      </c>
      <c r="W508" s="10" t="s">
        <v>55</v>
      </c>
      <c r="X508" s="10" t="s">
        <v>55</v>
      </c>
      <c r="Y508" s="10" t="s">
        <v>55</v>
      </c>
      <c r="Z508" s="10" t="s">
        <v>55</v>
      </c>
      <c r="AA508" s="10" t="s">
        <v>55</v>
      </c>
      <c r="AB508" s="10" t="s">
        <v>55</v>
      </c>
    </row>
    <row r="509" spans="1:28">
      <c r="A509" s="9" t="s">
        <v>83</v>
      </c>
      <c r="B509" s="9" t="s">
        <v>57</v>
      </c>
      <c r="C509" s="9" t="s">
        <v>91</v>
      </c>
      <c r="D509" s="9" t="s">
        <v>77</v>
      </c>
      <c r="E509" s="9" t="s">
        <v>57</v>
      </c>
      <c r="F509" s="9" t="s">
        <v>81</v>
      </c>
      <c r="G509" s="9" t="s">
        <v>92</v>
      </c>
      <c r="H509" s="9" t="s">
        <v>104</v>
      </c>
      <c r="I509" s="9" t="s">
        <v>6</v>
      </c>
      <c r="J509" s="9" t="s">
        <v>45</v>
      </c>
      <c r="K509" s="10" t="s">
        <v>55</v>
      </c>
      <c r="L509" s="10" t="s">
        <v>55</v>
      </c>
      <c r="M509" s="10" t="s">
        <v>55</v>
      </c>
      <c r="N509" s="10" t="s">
        <v>55</v>
      </c>
      <c r="O509" s="10" t="s">
        <v>55</v>
      </c>
      <c r="P509" s="10" t="s">
        <v>55</v>
      </c>
      <c r="Q509" s="10" t="s">
        <v>55</v>
      </c>
      <c r="R509" s="10" t="s">
        <v>55</v>
      </c>
      <c r="S509" s="10" t="s">
        <v>55</v>
      </c>
      <c r="T509" s="10" t="s">
        <v>55</v>
      </c>
      <c r="U509" s="10" t="s">
        <v>55</v>
      </c>
      <c r="V509" s="10" t="s">
        <v>55</v>
      </c>
      <c r="W509" s="10" t="s">
        <v>55</v>
      </c>
      <c r="X509" s="10" t="s">
        <v>55</v>
      </c>
      <c r="Y509" s="10" t="s">
        <v>55</v>
      </c>
      <c r="Z509" s="10" t="s">
        <v>55</v>
      </c>
      <c r="AA509" s="10" t="s">
        <v>55</v>
      </c>
      <c r="AB509" s="10" t="s">
        <v>55</v>
      </c>
    </row>
    <row r="510" spans="1:28">
      <c r="A510" s="9" t="s">
        <v>83</v>
      </c>
      <c r="B510" s="9" t="s">
        <v>57</v>
      </c>
      <c r="C510" s="9" t="s">
        <v>91</v>
      </c>
      <c r="D510" s="9" t="s">
        <v>77</v>
      </c>
      <c r="E510" s="9" t="s">
        <v>57</v>
      </c>
      <c r="F510" s="9" t="s">
        <v>81</v>
      </c>
      <c r="G510" s="9" t="s">
        <v>92</v>
      </c>
      <c r="H510" s="9" t="s">
        <v>104</v>
      </c>
      <c r="I510" s="9" t="s">
        <v>6</v>
      </c>
      <c r="J510" s="9" t="s">
        <v>46</v>
      </c>
      <c r="K510" s="10" t="s">
        <v>55</v>
      </c>
      <c r="L510" s="10" t="s">
        <v>55</v>
      </c>
      <c r="M510" s="10" t="s">
        <v>55</v>
      </c>
      <c r="N510" s="10" t="s">
        <v>55</v>
      </c>
      <c r="O510" s="10" t="s">
        <v>55</v>
      </c>
      <c r="P510" s="10" t="s">
        <v>55</v>
      </c>
      <c r="Q510" s="10" t="s">
        <v>55</v>
      </c>
      <c r="R510" s="10" t="s">
        <v>55</v>
      </c>
      <c r="S510" s="10" t="s">
        <v>55</v>
      </c>
      <c r="T510" s="10" t="s">
        <v>55</v>
      </c>
      <c r="U510" s="10" t="s">
        <v>55</v>
      </c>
      <c r="V510" s="10" t="s">
        <v>55</v>
      </c>
      <c r="W510" s="10" t="s">
        <v>55</v>
      </c>
      <c r="X510" s="10" t="s">
        <v>55</v>
      </c>
      <c r="Y510" s="10" t="s">
        <v>55</v>
      </c>
      <c r="Z510" s="10" t="s">
        <v>55</v>
      </c>
      <c r="AA510" s="10" t="s">
        <v>55</v>
      </c>
      <c r="AB510" s="10" t="s">
        <v>55</v>
      </c>
    </row>
    <row r="511" spans="1:28">
      <c r="A511" s="9" t="s">
        <v>83</v>
      </c>
      <c r="B511" s="9" t="s">
        <v>57</v>
      </c>
      <c r="C511" s="9" t="s">
        <v>91</v>
      </c>
      <c r="D511" s="9" t="s">
        <v>77</v>
      </c>
      <c r="E511" s="9" t="s">
        <v>57</v>
      </c>
      <c r="F511" s="9" t="s">
        <v>81</v>
      </c>
      <c r="G511" s="9" t="s">
        <v>92</v>
      </c>
      <c r="H511" s="9" t="s">
        <v>104</v>
      </c>
      <c r="I511" s="9" t="s">
        <v>6</v>
      </c>
      <c r="J511" s="9" t="s">
        <v>47</v>
      </c>
      <c r="K511" s="10" t="s">
        <v>55</v>
      </c>
      <c r="L511" s="10" t="s">
        <v>55</v>
      </c>
      <c r="M511" s="10" t="s">
        <v>55</v>
      </c>
      <c r="N511" s="10" t="s">
        <v>55</v>
      </c>
      <c r="O511" s="10" t="s">
        <v>55</v>
      </c>
      <c r="P511" s="10" t="s">
        <v>55</v>
      </c>
      <c r="Q511" s="10" t="s">
        <v>55</v>
      </c>
      <c r="R511" s="10" t="s">
        <v>55</v>
      </c>
      <c r="S511" s="10" t="s">
        <v>55</v>
      </c>
      <c r="T511" s="10" t="s">
        <v>55</v>
      </c>
      <c r="U511" s="10" t="s">
        <v>55</v>
      </c>
      <c r="V511" s="10" t="s">
        <v>55</v>
      </c>
      <c r="W511" s="10" t="s">
        <v>55</v>
      </c>
      <c r="X511" s="10" t="s">
        <v>55</v>
      </c>
      <c r="Y511" s="10" t="s">
        <v>55</v>
      </c>
      <c r="Z511" s="10" t="s">
        <v>55</v>
      </c>
      <c r="AA511" s="10" t="s">
        <v>55</v>
      </c>
      <c r="AB511" s="10" t="s">
        <v>55</v>
      </c>
    </row>
    <row r="512" spans="1:28">
      <c r="A512" s="9" t="s">
        <v>83</v>
      </c>
      <c r="B512" s="9" t="s">
        <v>57</v>
      </c>
      <c r="C512" s="9" t="s">
        <v>91</v>
      </c>
      <c r="D512" s="9" t="s">
        <v>77</v>
      </c>
      <c r="E512" s="9" t="s">
        <v>57</v>
      </c>
      <c r="F512" s="9" t="s">
        <v>81</v>
      </c>
      <c r="G512" s="9" t="s">
        <v>92</v>
      </c>
      <c r="H512" s="9" t="s">
        <v>104</v>
      </c>
      <c r="I512" s="9" t="s">
        <v>6</v>
      </c>
      <c r="J512" s="9" t="s">
        <v>48</v>
      </c>
      <c r="K512" s="10" t="s">
        <v>55</v>
      </c>
      <c r="L512" s="10" t="s">
        <v>55</v>
      </c>
      <c r="M512" s="10" t="s">
        <v>55</v>
      </c>
      <c r="N512" s="10" t="s">
        <v>55</v>
      </c>
      <c r="O512" s="10" t="s">
        <v>55</v>
      </c>
      <c r="P512" s="10" t="s">
        <v>55</v>
      </c>
      <c r="Q512" s="10" t="s">
        <v>55</v>
      </c>
      <c r="R512" s="10" t="s">
        <v>55</v>
      </c>
      <c r="S512" s="10" t="s">
        <v>55</v>
      </c>
      <c r="T512" s="10" t="s">
        <v>55</v>
      </c>
      <c r="U512" s="10" t="s">
        <v>55</v>
      </c>
      <c r="V512" s="10" t="s">
        <v>55</v>
      </c>
      <c r="W512" s="10" t="s">
        <v>55</v>
      </c>
      <c r="X512" s="10" t="s">
        <v>55</v>
      </c>
      <c r="Y512" s="10" t="s">
        <v>55</v>
      </c>
      <c r="Z512" s="10" t="s">
        <v>55</v>
      </c>
      <c r="AA512" s="10" t="s">
        <v>55</v>
      </c>
      <c r="AB512" s="10" t="s">
        <v>55</v>
      </c>
    </row>
    <row r="513" spans="1:28">
      <c r="A513" s="9" t="s">
        <v>83</v>
      </c>
      <c r="B513" s="9" t="s">
        <v>57</v>
      </c>
      <c r="C513" s="9" t="s">
        <v>91</v>
      </c>
      <c r="D513" s="9" t="s">
        <v>77</v>
      </c>
      <c r="E513" s="9" t="s">
        <v>57</v>
      </c>
      <c r="F513" s="9" t="s">
        <v>81</v>
      </c>
      <c r="G513" s="9" t="s">
        <v>92</v>
      </c>
      <c r="H513" s="9" t="s">
        <v>104</v>
      </c>
      <c r="I513" s="9" t="s">
        <v>6</v>
      </c>
      <c r="J513" s="9" t="s">
        <v>49</v>
      </c>
      <c r="K513" s="6">
        <v>1</v>
      </c>
      <c r="L513" s="10" t="s">
        <v>55</v>
      </c>
      <c r="M513" s="10" t="s">
        <v>55</v>
      </c>
      <c r="N513" s="10" t="s">
        <v>55</v>
      </c>
      <c r="O513" s="10" t="s">
        <v>55</v>
      </c>
      <c r="P513" s="10" t="s">
        <v>55</v>
      </c>
      <c r="Q513" s="10" t="s">
        <v>55</v>
      </c>
      <c r="R513" s="10" t="s">
        <v>55</v>
      </c>
      <c r="S513" s="10" t="s">
        <v>55</v>
      </c>
      <c r="T513" s="10" t="s">
        <v>55</v>
      </c>
      <c r="U513" s="10" t="s">
        <v>55</v>
      </c>
      <c r="V513" s="10" t="s">
        <v>55</v>
      </c>
      <c r="W513" s="6">
        <v>1</v>
      </c>
      <c r="X513" s="10" t="s">
        <v>55</v>
      </c>
      <c r="Y513" s="10" t="s">
        <v>55</v>
      </c>
      <c r="Z513" s="10" t="s">
        <v>55</v>
      </c>
      <c r="AA513" s="10" t="s">
        <v>55</v>
      </c>
      <c r="AB513" s="10" t="s">
        <v>55</v>
      </c>
    </row>
    <row r="514" spans="1:28">
      <c r="A514" s="9" t="s">
        <v>83</v>
      </c>
      <c r="B514" s="9" t="s">
        <v>57</v>
      </c>
      <c r="C514" s="9" t="s">
        <v>91</v>
      </c>
      <c r="D514" s="9" t="s">
        <v>77</v>
      </c>
      <c r="E514" s="9" t="s">
        <v>57</v>
      </c>
      <c r="F514" s="9" t="s">
        <v>81</v>
      </c>
      <c r="G514" s="9" t="s">
        <v>92</v>
      </c>
      <c r="H514" s="9" t="s">
        <v>104</v>
      </c>
      <c r="I514" s="9" t="s">
        <v>6</v>
      </c>
      <c r="J514" s="9" t="s">
        <v>50</v>
      </c>
      <c r="K514" s="10" t="s">
        <v>55</v>
      </c>
      <c r="L514" s="10" t="s">
        <v>55</v>
      </c>
      <c r="M514" s="10" t="s">
        <v>55</v>
      </c>
      <c r="N514" s="10" t="s">
        <v>55</v>
      </c>
      <c r="O514" s="10" t="s">
        <v>55</v>
      </c>
      <c r="P514" s="10" t="s">
        <v>55</v>
      </c>
      <c r="Q514" s="10" t="s">
        <v>55</v>
      </c>
      <c r="R514" s="10" t="s">
        <v>55</v>
      </c>
      <c r="S514" s="10" t="s">
        <v>55</v>
      </c>
      <c r="T514" s="10" t="s">
        <v>55</v>
      </c>
      <c r="U514" s="10" t="s">
        <v>55</v>
      </c>
      <c r="V514" s="10" t="s">
        <v>55</v>
      </c>
      <c r="W514" s="10" t="s">
        <v>55</v>
      </c>
      <c r="X514" s="10" t="s">
        <v>55</v>
      </c>
      <c r="Y514" s="10" t="s">
        <v>55</v>
      </c>
      <c r="Z514" s="10" t="s">
        <v>55</v>
      </c>
      <c r="AA514" s="10" t="s">
        <v>55</v>
      </c>
      <c r="AB514" s="10" t="s">
        <v>55</v>
      </c>
    </row>
    <row r="515" spans="1:28">
      <c r="A515" s="9" t="s">
        <v>83</v>
      </c>
      <c r="B515" s="9" t="s">
        <v>57</v>
      </c>
      <c r="C515" s="9" t="s">
        <v>91</v>
      </c>
      <c r="D515" s="9" t="s">
        <v>77</v>
      </c>
      <c r="E515" s="9" t="s">
        <v>57</v>
      </c>
      <c r="F515" s="9" t="s">
        <v>81</v>
      </c>
      <c r="G515" s="9" t="s">
        <v>92</v>
      </c>
      <c r="H515" s="9" t="s">
        <v>104</v>
      </c>
      <c r="I515" s="9" t="s">
        <v>6</v>
      </c>
      <c r="J515" s="9" t="s">
        <v>51</v>
      </c>
      <c r="K515" s="10" t="s">
        <v>55</v>
      </c>
      <c r="L515" s="10" t="s">
        <v>55</v>
      </c>
      <c r="M515" s="10" t="s">
        <v>55</v>
      </c>
      <c r="N515" s="10" t="s">
        <v>55</v>
      </c>
      <c r="O515" s="10" t="s">
        <v>55</v>
      </c>
      <c r="P515" s="10" t="s">
        <v>55</v>
      </c>
      <c r="Q515" s="10" t="s">
        <v>55</v>
      </c>
      <c r="R515" s="10" t="s">
        <v>55</v>
      </c>
      <c r="S515" s="10" t="s">
        <v>55</v>
      </c>
      <c r="T515" s="10" t="s">
        <v>55</v>
      </c>
      <c r="U515" s="10" t="s">
        <v>55</v>
      </c>
      <c r="V515" s="10" t="s">
        <v>55</v>
      </c>
      <c r="W515" s="10" t="s">
        <v>55</v>
      </c>
      <c r="X515" s="10" t="s">
        <v>55</v>
      </c>
      <c r="Y515" s="10" t="s">
        <v>55</v>
      </c>
      <c r="Z515" s="10" t="s">
        <v>55</v>
      </c>
      <c r="AA515" s="10" t="s">
        <v>55</v>
      </c>
      <c r="AB515" s="10" t="s">
        <v>55</v>
      </c>
    </row>
    <row r="516" spans="1:28">
      <c r="A516" s="9" t="s">
        <v>83</v>
      </c>
      <c r="B516" s="9" t="s">
        <v>57</v>
      </c>
      <c r="C516" s="9" t="s">
        <v>91</v>
      </c>
      <c r="D516" s="9" t="s">
        <v>77</v>
      </c>
      <c r="E516" s="9" t="s">
        <v>57</v>
      </c>
      <c r="F516" s="9" t="s">
        <v>81</v>
      </c>
      <c r="G516" s="9" t="s">
        <v>92</v>
      </c>
      <c r="H516" s="9" t="s">
        <v>104</v>
      </c>
      <c r="I516" s="9" t="s">
        <v>6</v>
      </c>
      <c r="J516" s="9" t="s">
        <v>52</v>
      </c>
      <c r="K516" s="6">
        <v>1</v>
      </c>
      <c r="L516" s="10" t="s">
        <v>55</v>
      </c>
      <c r="M516" s="10" t="s">
        <v>55</v>
      </c>
      <c r="N516" s="10" t="s">
        <v>55</v>
      </c>
      <c r="O516" s="10" t="s">
        <v>55</v>
      </c>
      <c r="P516" s="10" t="s">
        <v>55</v>
      </c>
      <c r="Q516" s="10" t="s">
        <v>55</v>
      </c>
      <c r="R516" s="10" t="s">
        <v>55</v>
      </c>
      <c r="S516" s="10" t="s">
        <v>55</v>
      </c>
      <c r="T516" s="10" t="s">
        <v>55</v>
      </c>
      <c r="U516" s="10" t="s">
        <v>55</v>
      </c>
      <c r="V516" s="10" t="s">
        <v>55</v>
      </c>
      <c r="W516" s="6">
        <v>1</v>
      </c>
      <c r="X516" s="10" t="s">
        <v>55</v>
      </c>
      <c r="Y516" s="10" t="s">
        <v>55</v>
      </c>
      <c r="Z516" s="10" t="s">
        <v>55</v>
      </c>
      <c r="AA516" s="10" t="s">
        <v>55</v>
      </c>
      <c r="AB516" s="10" t="s">
        <v>55</v>
      </c>
    </row>
    <row r="517" spans="1:28">
      <c r="A517" s="9" t="s">
        <v>83</v>
      </c>
      <c r="B517" s="9" t="s">
        <v>57</v>
      </c>
      <c r="C517" s="9" t="s">
        <v>91</v>
      </c>
      <c r="D517" s="9" t="s">
        <v>77</v>
      </c>
      <c r="E517" s="9" t="s">
        <v>57</v>
      </c>
      <c r="F517" s="9" t="s">
        <v>81</v>
      </c>
      <c r="G517" s="9" t="s">
        <v>92</v>
      </c>
      <c r="H517" s="9" t="s">
        <v>104</v>
      </c>
      <c r="I517" s="9" t="s">
        <v>53</v>
      </c>
      <c r="J517" s="9" t="s">
        <v>30</v>
      </c>
      <c r="K517" s="6">
        <v>1</v>
      </c>
      <c r="L517" s="10" t="s">
        <v>55</v>
      </c>
      <c r="M517" s="10" t="s">
        <v>55</v>
      </c>
      <c r="N517" s="10" t="s">
        <v>55</v>
      </c>
      <c r="O517" s="10" t="s">
        <v>55</v>
      </c>
      <c r="P517" s="10" t="s">
        <v>55</v>
      </c>
      <c r="Q517" s="10" t="s">
        <v>55</v>
      </c>
      <c r="R517" s="10" t="s">
        <v>55</v>
      </c>
      <c r="S517" s="10" t="s">
        <v>55</v>
      </c>
      <c r="T517" s="10" t="s">
        <v>55</v>
      </c>
      <c r="U517" s="10" t="s">
        <v>55</v>
      </c>
      <c r="V517" s="10" t="s">
        <v>55</v>
      </c>
      <c r="W517" s="6">
        <v>1</v>
      </c>
      <c r="X517" s="10" t="s">
        <v>55</v>
      </c>
      <c r="Y517" s="10" t="s">
        <v>55</v>
      </c>
      <c r="Z517" s="10" t="s">
        <v>55</v>
      </c>
      <c r="AA517" s="10" t="s">
        <v>55</v>
      </c>
      <c r="AB517" s="10" t="s">
        <v>55</v>
      </c>
    </row>
    <row r="518" spans="1:28">
      <c r="A518" s="9" t="s">
        <v>83</v>
      </c>
      <c r="B518" s="9" t="s">
        <v>57</v>
      </c>
      <c r="C518" s="9" t="s">
        <v>91</v>
      </c>
      <c r="D518" s="9" t="s">
        <v>77</v>
      </c>
      <c r="E518" s="9" t="s">
        <v>57</v>
      </c>
      <c r="F518" s="9" t="s">
        <v>81</v>
      </c>
      <c r="G518" s="9" t="s">
        <v>92</v>
      </c>
      <c r="H518" s="9" t="s">
        <v>104</v>
      </c>
      <c r="I518" s="9" t="s">
        <v>53</v>
      </c>
      <c r="J518" s="9" t="s">
        <v>31</v>
      </c>
      <c r="K518" s="10" t="s">
        <v>55</v>
      </c>
      <c r="L518" s="10" t="s">
        <v>55</v>
      </c>
      <c r="M518" s="10" t="s">
        <v>55</v>
      </c>
      <c r="N518" s="10" t="s">
        <v>55</v>
      </c>
      <c r="O518" s="10" t="s">
        <v>55</v>
      </c>
      <c r="P518" s="10" t="s">
        <v>55</v>
      </c>
      <c r="Q518" s="10" t="s">
        <v>55</v>
      </c>
      <c r="R518" s="10" t="s">
        <v>55</v>
      </c>
      <c r="S518" s="10" t="s">
        <v>55</v>
      </c>
      <c r="T518" s="10" t="s">
        <v>55</v>
      </c>
      <c r="U518" s="10" t="s">
        <v>55</v>
      </c>
      <c r="V518" s="10" t="s">
        <v>55</v>
      </c>
      <c r="W518" s="10" t="s">
        <v>55</v>
      </c>
      <c r="X518" s="10" t="s">
        <v>55</v>
      </c>
      <c r="Y518" s="10" t="s">
        <v>55</v>
      </c>
      <c r="Z518" s="10" t="s">
        <v>55</v>
      </c>
      <c r="AA518" s="10" t="s">
        <v>55</v>
      </c>
      <c r="AB518" s="10" t="s">
        <v>55</v>
      </c>
    </row>
    <row r="519" spans="1:28">
      <c r="A519" s="9" t="s">
        <v>83</v>
      </c>
      <c r="B519" s="9" t="s">
        <v>57</v>
      </c>
      <c r="C519" s="9" t="s">
        <v>91</v>
      </c>
      <c r="D519" s="9" t="s">
        <v>77</v>
      </c>
      <c r="E519" s="9" t="s">
        <v>57</v>
      </c>
      <c r="F519" s="9" t="s">
        <v>81</v>
      </c>
      <c r="G519" s="9" t="s">
        <v>92</v>
      </c>
      <c r="H519" s="9" t="s">
        <v>104</v>
      </c>
      <c r="I519" s="9" t="s">
        <v>53</v>
      </c>
      <c r="J519" s="9" t="s">
        <v>32</v>
      </c>
      <c r="K519" s="10" t="s">
        <v>55</v>
      </c>
      <c r="L519" s="10" t="s">
        <v>55</v>
      </c>
      <c r="M519" s="10" t="s">
        <v>55</v>
      </c>
      <c r="N519" s="10" t="s">
        <v>55</v>
      </c>
      <c r="O519" s="10" t="s">
        <v>55</v>
      </c>
      <c r="P519" s="10" t="s">
        <v>55</v>
      </c>
      <c r="Q519" s="10" t="s">
        <v>55</v>
      </c>
      <c r="R519" s="10" t="s">
        <v>55</v>
      </c>
      <c r="S519" s="10" t="s">
        <v>55</v>
      </c>
      <c r="T519" s="10" t="s">
        <v>55</v>
      </c>
      <c r="U519" s="10" t="s">
        <v>55</v>
      </c>
      <c r="V519" s="10" t="s">
        <v>55</v>
      </c>
      <c r="W519" s="10" t="s">
        <v>55</v>
      </c>
      <c r="X519" s="10" t="s">
        <v>55</v>
      </c>
      <c r="Y519" s="10" t="s">
        <v>55</v>
      </c>
      <c r="Z519" s="10" t="s">
        <v>55</v>
      </c>
      <c r="AA519" s="10" t="s">
        <v>55</v>
      </c>
      <c r="AB519" s="10" t="s">
        <v>55</v>
      </c>
    </row>
    <row r="520" spans="1:28">
      <c r="A520" s="9" t="s">
        <v>83</v>
      </c>
      <c r="B520" s="9" t="s">
        <v>57</v>
      </c>
      <c r="C520" s="9" t="s">
        <v>91</v>
      </c>
      <c r="D520" s="9" t="s">
        <v>77</v>
      </c>
      <c r="E520" s="9" t="s">
        <v>57</v>
      </c>
      <c r="F520" s="9" t="s">
        <v>81</v>
      </c>
      <c r="G520" s="9" t="s">
        <v>92</v>
      </c>
      <c r="H520" s="9" t="s">
        <v>104</v>
      </c>
      <c r="I520" s="9" t="s">
        <v>53</v>
      </c>
      <c r="J520" s="9" t="s">
        <v>33</v>
      </c>
      <c r="K520" s="10" t="s">
        <v>55</v>
      </c>
      <c r="L520" s="10" t="s">
        <v>55</v>
      </c>
      <c r="M520" s="10" t="s">
        <v>55</v>
      </c>
      <c r="N520" s="10" t="s">
        <v>55</v>
      </c>
      <c r="O520" s="10" t="s">
        <v>55</v>
      </c>
      <c r="P520" s="10" t="s">
        <v>55</v>
      </c>
      <c r="Q520" s="10" t="s">
        <v>55</v>
      </c>
      <c r="R520" s="10" t="s">
        <v>55</v>
      </c>
      <c r="S520" s="10" t="s">
        <v>55</v>
      </c>
      <c r="T520" s="10" t="s">
        <v>55</v>
      </c>
      <c r="U520" s="10" t="s">
        <v>55</v>
      </c>
      <c r="V520" s="10" t="s">
        <v>55</v>
      </c>
      <c r="W520" s="10" t="s">
        <v>55</v>
      </c>
      <c r="X520" s="10" t="s">
        <v>55</v>
      </c>
      <c r="Y520" s="10" t="s">
        <v>55</v>
      </c>
      <c r="Z520" s="10" t="s">
        <v>55</v>
      </c>
      <c r="AA520" s="10" t="s">
        <v>55</v>
      </c>
      <c r="AB520" s="10" t="s">
        <v>55</v>
      </c>
    </row>
    <row r="521" spans="1:28">
      <c r="A521" s="9" t="s">
        <v>83</v>
      </c>
      <c r="B521" s="9" t="s">
        <v>57</v>
      </c>
      <c r="C521" s="9" t="s">
        <v>91</v>
      </c>
      <c r="D521" s="9" t="s">
        <v>77</v>
      </c>
      <c r="E521" s="9" t="s">
        <v>57</v>
      </c>
      <c r="F521" s="9" t="s">
        <v>81</v>
      </c>
      <c r="G521" s="9" t="s">
        <v>92</v>
      </c>
      <c r="H521" s="9" t="s">
        <v>104</v>
      </c>
      <c r="I521" s="9" t="s">
        <v>53</v>
      </c>
      <c r="J521" s="9" t="s">
        <v>34</v>
      </c>
      <c r="K521" s="10" t="s">
        <v>55</v>
      </c>
      <c r="L521" s="10" t="s">
        <v>55</v>
      </c>
      <c r="M521" s="10" t="s">
        <v>55</v>
      </c>
      <c r="N521" s="10" t="s">
        <v>55</v>
      </c>
      <c r="O521" s="10" t="s">
        <v>55</v>
      </c>
      <c r="P521" s="10" t="s">
        <v>55</v>
      </c>
      <c r="Q521" s="10" t="s">
        <v>55</v>
      </c>
      <c r="R521" s="10" t="s">
        <v>55</v>
      </c>
      <c r="S521" s="10" t="s">
        <v>55</v>
      </c>
      <c r="T521" s="10" t="s">
        <v>55</v>
      </c>
      <c r="U521" s="10" t="s">
        <v>55</v>
      </c>
      <c r="V521" s="10" t="s">
        <v>55</v>
      </c>
      <c r="W521" s="10" t="s">
        <v>55</v>
      </c>
      <c r="X521" s="10" t="s">
        <v>55</v>
      </c>
      <c r="Y521" s="10" t="s">
        <v>55</v>
      </c>
      <c r="Z521" s="10" t="s">
        <v>55</v>
      </c>
      <c r="AA521" s="10" t="s">
        <v>55</v>
      </c>
      <c r="AB521" s="10" t="s">
        <v>55</v>
      </c>
    </row>
    <row r="522" spans="1:28">
      <c r="A522" s="9" t="s">
        <v>83</v>
      </c>
      <c r="B522" s="9" t="s">
        <v>57</v>
      </c>
      <c r="C522" s="9" t="s">
        <v>91</v>
      </c>
      <c r="D522" s="9" t="s">
        <v>77</v>
      </c>
      <c r="E522" s="9" t="s">
        <v>57</v>
      </c>
      <c r="F522" s="9" t="s">
        <v>81</v>
      </c>
      <c r="G522" s="9" t="s">
        <v>92</v>
      </c>
      <c r="H522" s="9" t="s">
        <v>104</v>
      </c>
      <c r="I522" s="9" t="s">
        <v>53</v>
      </c>
      <c r="J522" s="9" t="s">
        <v>35</v>
      </c>
      <c r="K522" s="10" t="s">
        <v>55</v>
      </c>
      <c r="L522" s="10" t="s">
        <v>55</v>
      </c>
      <c r="M522" s="10" t="s">
        <v>55</v>
      </c>
      <c r="N522" s="10" t="s">
        <v>55</v>
      </c>
      <c r="O522" s="10" t="s">
        <v>55</v>
      </c>
      <c r="P522" s="10" t="s">
        <v>55</v>
      </c>
      <c r="Q522" s="10" t="s">
        <v>55</v>
      </c>
      <c r="R522" s="10" t="s">
        <v>55</v>
      </c>
      <c r="S522" s="10" t="s">
        <v>55</v>
      </c>
      <c r="T522" s="10" t="s">
        <v>55</v>
      </c>
      <c r="U522" s="10" t="s">
        <v>55</v>
      </c>
      <c r="V522" s="10" t="s">
        <v>55</v>
      </c>
      <c r="W522" s="10" t="s">
        <v>55</v>
      </c>
      <c r="X522" s="10" t="s">
        <v>55</v>
      </c>
      <c r="Y522" s="10" t="s">
        <v>55</v>
      </c>
      <c r="Z522" s="10" t="s">
        <v>55</v>
      </c>
      <c r="AA522" s="10" t="s">
        <v>55</v>
      </c>
      <c r="AB522" s="10" t="s">
        <v>55</v>
      </c>
    </row>
    <row r="523" spans="1:28">
      <c r="A523" s="9" t="s">
        <v>83</v>
      </c>
      <c r="B523" s="9" t="s">
        <v>57</v>
      </c>
      <c r="C523" s="9" t="s">
        <v>91</v>
      </c>
      <c r="D523" s="9" t="s">
        <v>77</v>
      </c>
      <c r="E523" s="9" t="s">
        <v>57</v>
      </c>
      <c r="F523" s="9" t="s">
        <v>81</v>
      </c>
      <c r="G523" s="9" t="s">
        <v>92</v>
      </c>
      <c r="H523" s="9" t="s">
        <v>104</v>
      </c>
      <c r="I523" s="9" t="s">
        <v>53</v>
      </c>
      <c r="J523" s="9" t="s">
        <v>36</v>
      </c>
      <c r="K523" s="10" t="s">
        <v>55</v>
      </c>
      <c r="L523" s="10" t="s">
        <v>55</v>
      </c>
      <c r="M523" s="10" t="s">
        <v>55</v>
      </c>
      <c r="N523" s="10" t="s">
        <v>55</v>
      </c>
      <c r="O523" s="10" t="s">
        <v>55</v>
      </c>
      <c r="P523" s="10" t="s">
        <v>55</v>
      </c>
      <c r="Q523" s="10" t="s">
        <v>55</v>
      </c>
      <c r="R523" s="10" t="s">
        <v>55</v>
      </c>
      <c r="S523" s="10" t="s">
        <v>55</v>
      </c>
      <c r="T523" s="10" t="s">
        <v>55</v>
      </c>
      <c r="U523" s="10" t="s">
        <v>55</v>
      </c>
      <c r="V523" s="10" t="s">
        <v>55</v>
      </c>
      <c r="W523" s="10" t="s">
        <v>55</v>
      </c>
      <c r="X523" s="10" t="s">
        <v>55</v>
      </c>
      <c r="Y523" s="10" t="s">
        <v>55</v>
      </c>
      <c r="Z523" s="10" t="s">
        <v>55</v>
      </c>
      <c r="AA523" s="10" t="s">
        <v>55</v>
      </c>
      <c r="AB523" s="10" t="s">
        <v>55</v>
      </c>
    </row>
    <row r="524" spans="1:28">
      <c r="A524" s="9" t="s">
        <v>83</v>
      </c>
      <c r="B524" s="9" t="s">
        <v>57</v>
      </c>
      <c r="C524" s="9" t="s">
        <v>91</v>
      </c>
      <c r="D524" s="9" t="s">
        <v>77</v>
      </c>
      <c r="E524" s="9" t="s">
        <v>57</v>
      </c>
      <c r="F524" s="9" t="s">
        <v>81</v>
      </c>
      <c r="G524" s="9" t="s">
        <v>92</v>
      </c>
      <c r="H524" s="9" t="s">
        <v>104</v>
      </c>
      <c r="I524" s="9" t="s">
        <v>53</v>
      </c>
      <c r="J524" s="9" t="s">
        <v>37</v>
      </c>
      <c r="K524" s="10" t="s">
        <v>55</v>
      </c>
      <c r="L524" s="10" t="s">
        <v>55</v>
      </c>
      <c r="M524" s="10" t="s">
        <v>55</v>
      </c>
      <c r="N524" s="10" t="s">
        <v>55</v>
      </c>
      <c r="O524" s="10" t="s">
        <v>55</v>
      </c>
      <c r="P524" s="10" t="s">
        <v>55</v>
      </c>
      <c r="Q524" s="10" t="s">
        <v>55</v>
      </c>
      <c r="R524" s="10" t="s">
        <v>55</v>
      </c>
      <c r="S524" s="10" t="s">
        <v>55</v>
      </c>
      <c r="T524" s="10" t="s">
        <v>55</v>
      </c>
      <c r="U524" s="10" t="s">
        <v>55</v>
      </c>
      <c r="V524" s="10" t="s">
        <v>55</v>
      </c>
      <c r="W524" s="10" t="s">
        <v>55</v>
      </c>
      <c r="X524" s="10" t="s">
        <v>55</v>
      </c>
      <c r="Y524" s="10" t="s">
        <v>55</v>
      </c>
      <c r="Z524" s="10" t="s">
        <v>55</v>
      </c>
      <c r="AA524" s="10" t="s">
        <v>55</v>
      </c>
      <c r="AB524" s="10" t="s">
        <v>55</v>
      </c>
    </row>
    <row r="525" spans="1:28">
      <c r="A525" s="9" t="s">
        <v>83</v>
      </c>
      <c r="B525" s="9" t="s">
        <v>57</v>
      </c>
      <c r="C525" s="9" t="s">
        <v>91</v>
      </c>
      <c r="D525" s="9" t="s">
        <v>77</v>
      </c>
      <c r="E525" s="9" t="s">
        <v>57</v>
      </c>
      <c r="F525" s="9" t="s">
        <v>81</v>
      </c>
      <c r="G525" s="9" t="s">
        <v>92</v>
      </c>
      <c r="H525" s="9" t="s">
        <v>104</v>
      </c>
      <c r="I525" s="9" t="s">
        <v>53</v>
      </c>
      <c r="J525" s="9" t="s">
        <v>38</v>
      </c>
      <c r="K525" s="10" t="s">
        <v>55</v>
      </c>
      <c r="L525" s="10" t="s">
        <v>55</v>
      </c>
      <c r="M525" s="10" t="s">
        <v>55</v>
      </c>
      <c r="N525" s="10" t="s">
        <v>55</v>
      </c>
      <c r="O525" s="10" t="s">
        <v>55</v>
      </c>
      <c r="P525" s="10" t="s">
        <v>55</v>
      </c>
      <c r="Q525" s="10" t="s">
        <v>55</v>
      </c>
      <c r="R525" s="10" t="s">
        <v>55</v>
      </c>
      <c r="S525" s="10" t="s">
        <v>55</v>
      </c>
      <c r="T525" s="10" t="s">
        <v>55</v>
      </c>
      <c r="U525" s="10" t="s">
        <v>55</v>
      </c>
      <c r="V525" s="10" t="s">
        <v>55</v>
      </c>
      <c r="W525" s="10" t="s">
        <v>55</v>
      </c>
      <c r="X525" s="10" t="s">
        <v>55</v>
      </c>
      <c r="Y525" s="10" t="s">
        <v>55</v>
      </c>
      <c r="Z525" s="10" t="s">
        <v>55</v>
      </c>
      <c r="AA525" s="10" t="s">
        <v>55</v>
      </c>
      <c r="AB525" s="10" t="s">
        <v>55</v>
      </c>
    </row>
    <row r="526" spans="1:28">
      <c r="A526" s="9" t="s">
        <v>83</v>
      </c>
      <c r="B526" s="9" t="s">
        <v>57</v>
      </c>
      <c r="C526" s="9" t="s">
        <v>91</v>
      </c>
      <c r="D526" s="9" t="s">
        <v>77</v>
      </c>
      <c r="E526" s="9" t="s">
        <v>57</v>
      </c>
      <c r="F526" s="9" t="s">
        <v>81</v>
      </c>
      <c r="G526" s="9" t="s">
        <v>92</v>
      </c>
      <c r="H526" s="9" t="s">
        <v>104</v>
      </c>
      <c r="I526" s="9" t="s">
        <v>53</v>
      </c>
      <c r="J526" s="9" t="s">
        <v>39</v>
      </c>
      <c r="K526" s="10" t="s">
        <v>55</v>
      </c>
      <c r="L526" s="10" t="s">
        <v>55</v>
      </c>
      <c r="M526" s="10" t="s">
        <v>55</v>
      </c>
      <c r="N526" s="10" t="s">
        <v>55</v>
      </c>
      <c r="O526" s="10" t="s">
        <v>55</v>
      </c>
      <c r="P526" s="10" t="s">
        <v>55</v>
      </c>
      <c r="Q526" s="10" t="s">
        <v>55</v>
      </c>
      <c r="R526" s="10" t="s">
        <v>55</v>
      </c>
      <c r="S526" s="10" t="s">
        <v>55</v>
      </c>
      <c r="T526" s="10" t="s">
        <v>55</v>
      </c>
      <c r="U526" s="10" t="s">
        <v>55</v>
      </c>
      <c r="V526" s="10" t="s">
        <v>55</v>
      </c>
      <c r="W526" s="10" t="s">
        <v>55</v>
      </c>
      <c r="X526" s="10" t="s">
        <v>55</v>
      </c>
      <c r="Y526" s="10" t="s">
        <v>55</v>
      </c>
      <c r="Z526" s="10" t="s">
        <v>55</v>
      </c>
      <c r="AA526" s="10" t="s">
        <v>55</v>
      </c>
      <c r="AB526" s="10" t="s">
        <v>55</v>
      </c>
    </row>
    <row r="527" spans="1:28">
      <c r="A527" s="9" t="s">
        <v>83</v>
      </c>
      <c r="B527" s="9" t="s">
        <v>57</v>
      </c>
      <c r="C527" s="9" t="s">
        <v>91</v>
      </c>
      <c r="D527" s="9" t="s">
        <v>77</v>
      </c>
      <c r="E527" s="9" t="s">
        <v>57</v>
      </c>
      <c r="F527" s="9" t="s">
        <v>81</v>
      </c>
      <c r="G527" s="9" t="s">
        <v>92</v>
      </c>
      <c r="H527" s="9" t="s">
        <v>104</v>
      </c>
      <c r="I527" s="9" t="s">
        <v>53</v>
      </c>
      <c r="J527" s="9" t="s">
        <v>40</v>
      </c>
      <c r="K527" s="10" t="s">
        <v>55</v>
      </c>
      <c r="L527" s="10" t="s">
        <v>55</v>
      </c>
      <c r="M527" s="10" t="s">
        <v>55</v>
      </c>
      <c r="N527" s="10" t="s">
        <v>55</v>
      </c>
      <c r="O527" s="10" t="s">
        <v>55</v>
      </c>
      <c r="P527" s="10" t="s">
        <v>55</v>
      </c>
      <c r="Q527" s="10" t="s">
        <v>55</v>
      </c>
      <c r="R527" s="10" t="s">
        <v>55</v>
      </c>
      <c r="S527" s="10" t="s">
        <v>55</v>
      </c>
      <c r="T527" s="10" t="s">
        <v>55</v>
      </c>
      <c r="U527" s="10" t="s">
        <v>55</v>
      </c>
      <c r="V527" s="10" t="s">
        <v>55</v>
      </c>
      <c r="W527" s="10" t="s">
        <v>55</v>
      </c>
      <c r="X527" s="10" t="s">
        <v>55</v>
      </c>
      <c r="Y527" s="10" t="s">
        <v>55</v>
      </c>
      <c r="Z527" s="10" t="s">
        <v>55</v>
      </c>
      <c r="AA527" s="10" t="s">
        <v>55</v>
      </c>
      <c r="AB527" s="10" t="s">
        <v>55</v>
      </c>
    </row>
    <row r="528" spans="1:28">
      <c r="A528" s="9" t="s">
        <v>83</v>
      </c>
      <c r="B528" s="9" t="s">
        <v>57</v>
      </c>
      <c r="C528" s="9" t="s">
        <v>91</v>
      </c>
      <c r="D528" s="9" t="s">
        <v>77</v>
      </c>
      <c r="E528" s="9" t="s">
        <v>57</v>
      </c>
      <c r="F528" s="9" t="s">
        <v>81</v>
      </c>
      <c r="G528" s="9" t="s">
        <v>92</v>
      </c>
      <c r="H528" s="9" t="s">
        <v>104</v>
      </c>
      <c r="I528" s="9" t="s">
        <v>53</v>
      </c>
      <c r="J528" s="9" t="s">
        <v>41</v>
      </c>
      <c r="K528" s="6">
        <v>1</v>
      </c>
      <c r="L528" s="10" t="s">
        <v>55</v>
      </c>
      <c r="M528" s="10" t="s">
        <v>55</v>
      </c>
      <c r="N528" s="10" t="s">
        <v>55</v>
      </c>
      <c r="O528" s="10" t="s">
        <v>55</v>
      </c>
      <c r="P528" s="10" t="s">
        <v>55</v>
      </c>
      <c r="Q528" s="10" t="s">
        <v>55</v>
      </c>
      <c r="R528" s="10" t="s">
        <v>55</v>
      </c>
      <c r="S528" s="10" t="s">
        <v>55</v>
      </c>
      <c r="T528" s="10" t="s">
        <v>55</v>
      </c>
      <c r="U528" s="10" t="s">
        <v>55</v>
      </c>
      <c r="V528" s="10" t="s">
        <v>55</v>
      </c>
      <c r="W528" s="6">
        <v>1</v>
      </c>
      <c r="X528" s="10" t="s">
        <v>55</v>
      </c>
      <c r="Y528" s="10" t="s">
        <v>55</v>
      </c>
      <c r="Z528" s="10" t="s">
        <v>55</v>
      </c>
      <c r="AA528" s="10" t="s">
        <v>55</v>
      </c>
      <c r="AB528" s="10" t="s">
        <v>55</v>
      </c>
    </row>
    <row r="529" spans="1:28">
      <c r="A529" s="9" t="s">
        <v>83</v>
      </c>
      <c r="B529" s="9" t="s">
        <v>57</v>
      </c>
      <c r="C529" s="9" t="s">
        <v>91</v>
      </c>
      <c r="D529" s="9" t="s">
        <v>77</v>
      </c>
      <c r="E529" s="9" t="s">
        <v>57</v>
      </c>
      <c r="F529" s="9" t="s">
        <v>81</v>
      </c>
      <c r="G529" s="9" t="s">
        <v>92</v>
      </c>
      <c r="H529" s="9" t="s">
        <v>104</v>
      </c>
      <c r="I529" s="9" t="s">
        <v>53</v>
      </c>
      <c r="J529" s="9" t="s">
        <v>42</v>
      </c>
      <c r="K529" s="10" t="s">
        <v>55</v>
      </c>
      <c r="L529" s="10" t="s">
        <v>55</v>
      </c>
      <c r="M529" s="10" t="s">
        <v>55</v>
      </c>
      <c r="N529" s="10" t="s">
        <v>55</v>
      </c>
      <c r="O529" s="10" t="s">
        <v>55</v>
      </c>
      <c r="P529" s="10" t="s">
        <v>55</v>
      </c>
      <c r="Q529" s="10" t="s">
        <v>55</v>
      </c>
      <c r="R529" s="10" t="s">
        <v>55</v>
      </c>
      <c r="S529" s="10" t="s">
        <v>55</v>
      </c>
      <c r="T529" s="10" t="s">
        <v>55</v>
      </c>
      <c r="U529" s="10" t="s">
        <v>55</v>
      </c>
      <c r="V529" s="10" t="s">
        <v>55</v>
      </c>
      <c r="W529" s="10" t="s">
        <v>55</v>
      </c>
      <c r="X529" s="10" t="s">
        <v>55</v>
      </c>
      <c r="Y529" s="10" t="s">
        <v>55</v>
      </c>
      <c r="Z529" s="10" t="s">
        <v>55</v>
      </c>
      <c r="AA529" s="10" t="s">
        <v>55</v>
      </c>
      <c r="AB529" s="10" t="s">
        <v>55</v>
      </c>
    </row>
    <row r="530" spans="1:28">
      <c r="A530" s="9" t="s">
        <v>83</v>
      </c>
      <c r="B530" s="9" t="s">
        <v>57</v>
      </c>
      <c r="C530" s="9" t="s">
        <v>91</v>
      </c>
      <c r="D530" s="9" t="s">
        <v>77</v>
      </c>
      <c r="E530" s="9" t="s">
        <v>57</v>
      </c>
      <c r="F530" s="9" t="s">
        <v>81</v>
      </c>
      <c r="G530" s="9" t="s">
        <v>92</v>
      </c>
      <c r="H530" s="9" t="s">
        <v>104</v>
      </c>
      <c r="I530" s="9" t="s">
        <v>53</v>
      </c>
      <c r="J530" s="9" t="s">
        <v>43</v>
      </c>
      <c r="K530" s="10" t="s">
        <v>55</v>
      </c>
      <c r="L530" s="10" t="s">
        <v>55</v>
      </c>
      <c r="M530" s="10" t="s">
        <v>55</v>
      </c>
      <c r="N530" s="10" t="s">
        <v>55</v>
      </c>
      <c r="O530" s="10" t="s">
        <v>55</v>
      </c>
      <c r="P530" s="10" t="s">
        <v>55</v>
      </c>
      <c r="Q530" s="10" t="s">
        <v>55</v>
      </c>
      <c r="R530" s="10" t="s">
        <v>55</v>
      </c>
      <c r="S530" s="10" t="s">
        <v>55</v>
      </c>
      <c r="T530" s="10" t="s">
        <v>55</v>
      </c>
      <c r="U530" s="10" t="s">
        <v>55</v>
      </c>
      <c r="V530" s="10" t="s">
        <v>55</v>
      </c>
      <c r="W530" s="10" t="s">
        <v>55</v>
      </c>
      <c r="X530" s="10" t="s">
        <v>55</v>
      </c>
      <c r="Y530" s="10" t="s">
        <v>55</v>
      </c>
      <c r="Z530" s="10" t="s">
        <v>55</v>
      </c>
      <c r="AA530" s="10" t="s">
        <v>55</v>
      </c>
      <c r="AB530" s="10" t="s">
        <v>55</v>
      </c>
    </row>
    <row r="531" spans="1:28">
      <c r="A531" s="9" t="s">
        <v>83</v>
      </c>
      <c r="B531" s="9" t="s">
        <v>57</v>
      </c>
      <c r="C531" s="9" t="s">
        <v>91</v>
      </c>
      <c r="D531" s="9" t="s">
        <v>77</v>
      </c>
      <c r="E531" s="9" t="s">
        <v>57</v>
      </c>
      <c r="F531" s="9" t="s">
        <v>81</v>
      </c>
      <c r="G531" s="9" t="s">
        <v>92</v>
      </c>
      <c r="H531" s="9" t="s">
        <v>104</v>
      </c>
      <c r="I531" s="9" t="s">
        <v>53</v>
      </c>
      <c r="J531" s="9" t="s">
        <v>44</v>
      </c>
      <c r="K531" s="10" t="s">
        <v>55</v>
      </c>
      <c r="L531" s="10" t="s">
        <v>55</v>
      </c>
      <c r="M531" s="10" t="s">
        <v>55</v>
      </c>
      <c r="N531" s="10" t="s">
        <v>55</v>
      </c>
      <c r="O531" s="10" t="s">
        <v>55</v>
      </c>
      <c r="P531" s="10" t="s">
        <v>55</v>
      </c>
      <c r="Q531" s="10" t="s">
        <v>55</v>
      </c>
      <c r="R531" s="10" t="s">
        <v>55</v>
      </c>
      <c r="S531" s="10" t="s">
        <v>55</v>
      </c>
      <c r="T531" s="10" t="s">
        <v>55</v>
      </c>
      <c r="U531" s="10" t="s">
        <v>55</v>
      </c>
      <c r="V531" s="10" t="s">
        <v>55</v>
      </c>
      <c r="W531" s="10" t="s">
        <v>55</v>
      </c>
      <c r="X531" s="10" t="s">
        <v>55</v>
      </c>
      <c r="Y531" s="10" t="s">
        <v>55</v>
      </c>
      <c r="Z531" s="10" t="s">
        <v>55</v>
      </c>
      <c r="AA531" s="10" t="s">
        <v>55</v>
      </c>
      <c r="AB531" s="10" t="s">
        <v>55</v>
      </c>
    </row>
    <row r="532" spans="1:28">
      <c r="A532" s="9" t="s">
        <v>83</v>
      </c>
      <c r="B532" s="9" t="s">
        <v>57</v>
      </c>
      <c r="C532" s="9" t="s">
        <v>91</v>
      </c>
      <c r="D532" s="9" t="s">
        <v>77</v>
      </c>
      <c r="E532" s="9" t="s">
        <v>57</v>
      </c>
      <c r="F532" s="9" t="s">
        <v>81</v>
      </c>
      <c r="G532" s="9" t="s">
        <v>92</v>
      </c>
      <c r="H532" s="9" t="s">
        <v>104</v>
      </c>
      <c r="I532" s="9" t="s">
        <v>53</v>
      </c>
      <c r="J532" s="9" t="s">
        <v>45</v>
      </c>
      <c r="K532" s="10" t="s">
        <v>55</v>
      </c>
      <c r="L532" s="10" t="s">
        <v>55</v>
      </c>
      <c r="M532" s="10" t="s">
        <v>55</v>
      </c>
      <c r="N532" s="10" t="s">
        <v>55</v>
      </c>
      <c r="O532" s="10" t="s">
        <v>55</v>
      </c>
      <c r="P532" s="10" t="s">
        <v>55</v>
      </c>
      <c r="Q532" s="10" t="s">
        <v>55</v>
      </c>
      <c r="R532" s="10" t="s">
        <v>55</v>
      </c>
      <c r="S532" s="10" t="s">
        <v>55</v>
      </c>
      <c r="T532" s="10" t="s">
        <v>55</v>
      </c>
      <c r="U532" s="10" t="s">
        <v>55</v>
      </c>
      <c r="V532" s="10" t="s">
        <v>55</v>
      </c>
      <c r="W532" s="10" t="s">
        <v>55</v>
      </c>
      <c r="X532" s="10" t="s">
        <v>55</v>
      </c>
      <c r="Y532" s="10" t="s">
        <v>55</v>
      </c>
      <c r="Z532" s="10" t="s">
        <v>55</v>
      </c>
      <c r="AA532" s="10" t="s">
        <v>55</v>
      </c>
      <c r="AB532" s="10" t="s">
        <v>55</v>
      </c>
    </row>
    <row r="533" spans="1:28">
      <c r="A533" s="9" t="s">
        <v>83</v>
      </c>
      <c r="B533" s="9" t="s">
        <v>57</v>
      </c>
      <c r="C533" s="9" t="s">
        <v>91</v>
      </c>
      <c r="D533" s="9" t="s">
        <v>77</v>
      </c>
      <c r="E533" s="9" t="s">
        <v>57</v>
      </c>
      <c r="F533" s="9" t="s">
        <v>81</v>
      </c>
      <c r="G533" s="9" t="s">
        <v>92</v>
      </c>
      <c r="H533" s="9" t="s">
        <v>104</v>
      </c>
      <c r="I533" s="9" t="s">
        <v>53</v>
      </c>
      <c r="J533" s="9" t="s">
        <v>46</v>
      </c>
      <c r="K533" s="10" t="s">
        <v>55</v>
      </c>
      <c r="L533" s="10" t="s">
        <v>55</v>
      </c>
      <c r="M533" s="10" t="s">
        <v>55</v>
      </c>
      <c r="N533" s="10" t="s">
        <v>55</v>
      </c>
      <c r="O533" s="10" t="s">
        <v>55</v>
      </c>
      <c r="P533" s="10" t="s">
        <v>55</v>
      </c>
      <c r="Q533" s="10" t="s">
        <v>55</v>
      </c>
      <c r="R533" s="10" t="s">
        <v>55</v>
      </c>
      <c r="S533" s="10" t="s">
        <v>55</v>
      </c>
      <c r="T533" s="10" t="s">
        <v>55</v>
      </c>
      <c r="U533" s="10" t="s">
        <v>55</v>
      </c>
      <c r="V533" s="10" t="s">
        <v>55</v>
      </c>
      <c r="W533" s="10" t="s">
        <v>55</v>
      </c>
      <c r="X533" s="10" t="s">
        <v>55</v>
      </c>
      <c r="Y533" s="10" t="s">
        <v>55</v>
      </c>
      <c r="Z533" s="10" t="s">
        <v>55</v>
      </c>
      <c r="AA533" s="10" t="s">
        <v>55</v>
      </c>
      <c r="AB533" s="10" t="s">
        <v>55</v>
      </c>
    </row>
    <row r="534" spans="1:28">
      <c r="A534" s="9" t="s">
        <v>83</v>
      </c>
      <c r="B534" s="9" t="s">
        <v>57</v>
      </c>
      <c r="C534" s="9" t="s">
        <v>91</v>
      </c>
      <c r="D534" s="9" t="s">
        <v>77</v>
      </c>
      <c r="E534" s="9" t="s">
        <v>57</v>
      </c>
      <c r="F534" s="9" t="s">
        <v>81</v>
      </c>
      <c r="G534" s="9" t="s">
        <v>92</v>
      </c>
      <c r="H534" s="9" t="s">
        <v>104</v>
      </c>
      <c r="I534" s="9" t="s">
        <v>53</v>
      </c>
      <c r="J534" s="9" t="s">
        <v>47</v>
      </c>
      <c r="K534" s="10" t="s">
        <v>55</v>
      </c>
      <c r="L534" s="10" t="s">
        <v>55</v>
      </c>
      <c r="M534" s="10" t="s">
        <v>55</v>
      </c>
      <c r="N534" s="10" t="s">
        <v>55</v>
      </c>
      <c r="O534" s="10" t="s">
        <v>55</v>
      </c>
      <c r="P534" s="10" t="s">
        <v>55</v>
      </c>
      <c r="Q534" s="10" t="s">
        <v>55</v>
      </c>
      <c r="R534" s="10" t="s">
        <v>55</v>
      </c>
      <c r="S534" s="10" t="s">
        <v>55</v>
      </c>
      <c r="T534" s="10" t="s">
        <v>55</v>
      </c>
      <c r="U534" s="10" t="s">
        <v>55</v>
      </c>
      <c r="V534" s="10" t="s">
        <v>55</v>
      </c>
      <c r="W534" s="10" t="s">
        <v>55</v>
      </c>
      <c r="X534" s="10" t="s">
        <v>55</v>
      </c>
      <c r="Y534" s="10" t="s">
        <v>55</v>
      </c>
      <c r="Z534" s="10" t="s">
        <v>55</v>
      </c>
      <c r="AA534" s="10" t="s">
        <v>55</v>
      </c>
      <c r="AB534" s="10" t="s">
        <v>55</v>
      </c>
    </row>
    <row r="535" spans="1:28">
      <c r="A535" s="9" t="s">
        <v>83</v>
      </c>
      <c r="B535" s="9" t="s">
        <v>57</v>
      </c>
      <c r="C535" s="9" t="s">
        <v>91</v>
      </c>
      <c r="D535" s="9" t="s">
        <v>77</v>
      </c>
      <c r="E535" s="9" t="s">
        <v>57</v>
      </c>
      <c r="F535" s="9" t="s">
        <v>81</v>
      </c>
      <c r="G535" s="9" t="s">
        <v>92</v>
      </c>
      <c r="H535" s="9" t="s">
        <v>104</v>
      </c>
      <c r="I535" s="9" t="s">
        <v>53</v>
      </c>
      <c r="J535" s="9" t="s">
        <v>48</v>
      </c>
      <c r="K535" s="10" t="s">
        <v>55</v>
      </c>
      <c r="L535" s="10" t="s">
        <v>55</v>
      </c>
      <c r="M535" s="10" t="s">
        <v>55</v>
      </c>
      <c r="N535" s="10" t="s">
        <v>55</v>
      </c>
      <c r="O535" s="10" t="s">
        <v>55</v>
      </c>
      <c r="P535" s="10" t="s">
        <v>55</v>
      </c>
      <c r="Q535" s="10" t="s">
        <v>55</v>
      </c>
      <c r="R535" s="10" t="s">
        <v>55</v>
      </c>
      <c r="S535" s="10" t="s">
        <v>55</v>
      </c>
      <c r="T535" s="10" t="s">
        <v>55</v>
      </c>
      <c r="U535" s="10" t="s">
        <v>55</v>
      </c>
      <c r="V535" s="10" t="s">
        <v>55</v>
      </c>
      <c r="W535" s="10" t="s">
        <v>55</v>
      </c>
      <c r="X535" s="10" t="s">
        <v>55</v>
      </c>
      <c r="Y535" s="10" t="s">
        <v>55</v>
      </c>
      <c r="Z535" s="10" t="s">
        <v>55</v>
      </c>
      <c r="AA535" s="10" t="s">
        <v>55</v>
      </c>
      <c r="AB535" s="10" t="s">
        <v>55</v>
      </c>
    </row>
    <row r="536" spans="1:28">
      <c r="A536" s="9" t="s">
        <v>83</v>
      </c>
      <c r="B536" s="9" t="s">
        <v>57</v>
      </c>
      <c r="C536" s="9" t="s">
        <v>91</v>
      </c>
      <c r="D536" s="9" t="s">
        <v>77</v>
      </c>
      <c r="E536" s="9" t="s">
        <v>57</v>
      </c>
      <c r="F536" s="9" t="s">
        <v>81</v>
      </c>
      <c r="G536" s="9" t="s">
        <v>92</v>
      </c>
      <c r="H536" s="9" t="s">
        <v>104</v>
      </c>
      <c r="I536" s="9" t="s">
        <v>53</v>
      </c>
      <c r="J536" s="9" t="s">
        <v>49</v>
      </c>
      <c r="K536" s="6">
        <v>1</v>
      </c>
      <c r="L536" s="10" t="s">
        <v>55</v>
      </c>
      <c r="M536" s="10" t="s">
        <v>55</v>
      </c>
      <c r="N536" s="10" t="s">
        <v>55</v>
      </c>
      <c r="O536" s="10" t="s">
        <v>55</v>
      </c>
      <c r="P536" s="10" t="s">
        <v>55</v>
      </c>
      <c r="Q536" s="10" t="s">
        <v>55</v>
      </c>
      <c r="R536" s="10" t="s">
        <v>55</v>
      </c>
      <c r="S536" s="10" t="s">
        <v>55</v>
      </c>
      <c r="T536" s="10" t="s">
        <v>55</v>
      </c>
      <c r="U536" s="10" t="s">
        <v>55</v>
      </c>
      <c r="V536" s="10" t="s">
        <v>55</v>
      </c>
      <c r="W536" s="6">
        <v>1</v>
      </c>
      <c r="X536" s="10" t="s">
        <v>55</v>
      </c>
      <c r="Y536" s="10" t="s">
        <v>55</v>
      </c>
      <c r="Z536" s="10" t="s">
        <v>55</v>
      </c>
      <c r="AA536" s="10" t="s">
        <v>55</v>
      </c>
      <c r="AB536" s="10" t="s">
        <v>55</v>
      </c>
    </row>
    <row r="537" spans="1:28">
      <c r="A537" s="9" t="s">
        <v>83</v>
      </c>
      <c r="B537" s="9" t="s">
        <v>57</v>
      </c>
      <c r="C537" s="9" t="s">
        <v>91</v>
      </c>
      <c r="D537" s="9" t="s">
        <v>77</v>
      </c>
      <c r="E537" s="9" t="s">
        <v>57</v>
      </c>
      <c r="F537" s="9" t="s">
        <v>81</v>
      </c>
      <c r="G537" s="9" t="s">
        <v>92</v>
      </c>
      <c r="H537" s="9" t="s">
        <v>104</v>
      </c>
      <c r="I537" s="9" t="s">
        <v>53</v>
      </c>
      <c r="J537" s="9" t="s">
        <v>50</v>
      </c>
      <c r="K537" s="10" t="s">
        <v>55</v>
      </c>
      <c r="L537" s="10" t="s">
        <v>55</v>
      </c>
      <c r="M537" s="10" t="s">
        <v>55</v>
      </c>
      <c r="N537" s="10" t="s">
        <v>55</v>
      </c>
      <c r="O537" s="10" t="s">
        <v>55</v>
      </c>
      <c r="P537" s="10" t="s">
        <v>55</v>
      </c>
      <c r="Q537" s="10" t="s">
        <v>55</v>
      </c>
      <c r="R537" s="10" t="s">
        <v>55</v>
      </c>
      <c r="S537" s="10" t="s">
        <v>55</v>
      </c>
      <c r="T537" s="10" t="s">
        <v>55</v>
      </c>
      <c r="U537" s="10" t="s">
        <v>55</v>
      </c>
      <c r="V537" s="10" t="s">
        <v>55</v>
      </c>
      <c r="W537" s="10" t="s">
        <v>55</v>
      </c>
      <c r="X537" s="10" t="s">
        <v>55</v>
      </c>
      <c r="Y537" s="10" t="s">
        <v>55</v>
      </c>
      <c r="Z537" s="10" t="s">
        <v>55</v>
      </c>
      <c r="AA537" s="10" t="s">
        <v>55</v>
      </c>
      <c r="AB537" s="10" t="s">
        <v>55</v>
      </c>
    </row>
    <row r="538" spans="1:28">
      <c r="A538" s="9" t="s">
        <v>83</v>
      </c>
      <c r="B538" s="9" t="s">
        <v>57</v>
      </c>
      <c r="C538" s="9" t="s">
        <v>91</v>
      </c>
      <c r="D538" s="9" t="s">
        <v>77</v>
      </c>
      <c r="E538" s="9" t="s">
        <v>57</v>
      </c>
      <c r="F538" s="9" t="s">
        <v>81</v>
      </c>
      <c r="G538" s="9" t="s">
        <v>92</v>
      </c>
      <c r="H538" s="9" t="s">
        <v>104</v>
      </c>
      <c r="I538" s="9" t="s">
        <v>53</v>
      </c>
      <c r="J538" s="9" t="s">
        <v>51</v>
      </c>
      <c r="K538" s="10" t="s">
        <v>55</v>
      </c>
      <c r="L538" s="10" t="s">
        <v>55</v>
      </c>
      <c r="M538" s="10" t="s">
        <v>55</v>
      </c>
      <c r="N538" s="10" t="s">
        <v>55</v>
      </c>
      <c r="O538" s="10" t="s">
        <v>55</v>
      </c>
      <c r="P538" s="10" t="s">
        <v>55</v>
      </c>
      <c r="Q538" s="10" t="s">
        <v>55</v>
      </c>
      <c r="R538" s="10" t="s">
        <v>55</v>
      </c>
      <c r="S538" s="10" t="s">
        <v>55</v>
      </c>
      <c r="T538" s="10" t="s">
        <v>55</v>
      </c>
      <c r="U538" s="10" t="s">
        <v>55</v>
      </c>
      <c r="V538" s="10" t="s">
        <v>55</v>
      </c>
      <c r="W538" s="10" t="s">
        <v>55</v>
      </c>
      <c r="X538" s="10" t="s">
        <v>55</v>
      </c>
      <c r="Y538" s="10" t="s">
        <v>55</v>
      </c>
      <c r="Z538" s="10" t="s">
        <v>55</v>
      </c>
      <c r="AA538" s="10" t="s">
        <v>55</v>
      </c>
      <c r="AB538" s="10" t="s">
        <v>55</v>
      </c>
    </row>
    <row r="539" spans="1:28">
      <c r="A539" s="9" t="s">
        <v>83</v>
      </c>
      <c r="B539" s="9" t="s">
        <v>57</v>
      </c>
      <c r="C539" s="9" t="s">
        <v>91</v>
      </c>
      <c r="D539" s="9" t="s">
        <v>77</v>
      </c>
      <c r="E539" s="9" t="s">
        <v>57</v>
      </c>
      <c r="F539" s="9" t="s">
        <v>81</v>
      </c>
      <c r="G539" s="9" t="s">
        <v>92</v>
      </c>
      <c r="H539" s="9" t="s">
        <v>104</v>
      </c>
      <c r="I539" s="9" t="s">
        <v>53</v>
      </c>
      <c r="J539" s="9" t="s">
        <v>52</v>
      </c>
      <c r="K539" s="6">
        <v>1</v>
      </c>
      <c r="L539" s="10" t="s">
        <v>55</v>
      </c>
      <c r="M539" s="10" t="s">
        <v>55</v>
      </c>
      <c r="N539" s="10" t="s">
        <v>55</v>
      </c>
      <c r="O539" s="10" t="s">
        <v>55</v>
      </c>
      <c r="P539" s="10" t="s">
        <v>55</v>
      </c>
      <c r="Q539" s="10" t="s">
        <v>55</v>
      </c>
      <c r="R539" s="10" t="s">
        <v>55</v>
      </c>
      <c r="S539" s="10" t="s">
        <v>55</v>
      </c>
      <c r="T539" s="10" t="s">
        <v>55</v>
      </c>
      <c r="U539" s="10" t="s">
        <v>55</v>
      </c>
      <c r="V539" s="10" t="s">
        <v>55</v>
      </c>
      <c r="W539" s="6">
        <v>1</v>
      </c>
      <c r="X539" s="10" t="s">
        <v>55</v>
      </c>
      <c r="Y539" s="10" t="s">
        <v>55</v>
      </c>
      <c r="Z539" s="10" t="s">
        <v>55</v>
      </c>
      <c r="AA539" s="10" t="s">
        <v>55</v>
      </c>
      <c r="AB539" s="10" t="s">
        <v>55</v>
      </c>
    </row>
    <row r="540" spans="1:28">
      <c r="A540" s="9" t="s">
        <v>83</v>
      </c>
      <c r="B540" s="9" t="s">
        <v>57</v>
      </c>
      <c r="C540" s="9" t="s">
        <v>91</v>
      </c>
      <c r="D540" s="9" t="s">
        <v>77</v>
      </c>
      <c r="E540" s="9" t="s">
        <v>57</v>
      </c>
      <c r="F540" s="9" t="s">
        <v>81</v>
      </c>
      <c r="G540" s="9" t="s">
        <v>92</v>
      </c>
      <c r="H540" s="9" t="s">
        <v>104</v>
      </c>
      <c r="I540" s="9" t="s">
        <v>54</v>
      </c>
      <c r="J540" s="9" t="s">
        <v>30</v>
      </c>
      <c r="K540" s="10" t="s">
        <v>55</v>
      </c>
      <c r="L540" s="10" t="s">
        <v>55</v>
      </c>
      <c r="M540" s="10" t="s">
        <v>55</v>
      </c>
      <c r="N540" s="10" t="s">
        <v>55</v>
      </c>
      <c r="O540" s="10" t="s">
        <v>55</v>
      </c>
      <c r="P540" s="10" t="s">
        <v>55</v>
      </c>
      <c r="Q540" s="10" t="s">
        <v>55</v>
      </c>
      <c r="R540" s="10" t="s">
        <v>55</v>
      </c>
      <c r="S540" s="10" t="s">
        <v>55</v>
      </c>
      <c r="T540" s="10" t="s">
        <v>55</v>
      </c>
      <c r="U540" s="10" t="s">
        <v>55</v>
      </c>
      <c r="V540" s="10" t="s">
        <v>55</v>
      </c>
      <c r="W540" s="10" t="s">
        <v>55</v>
      </c>
      <c r="X540" s="10" t="s">
        <v>55</v>
      </c>
      <c r="Y540" s="10" t="s">
        <v>55</v>
      </c>
      <c r="Z540" s="10" t="s">
        <v>55</v>
      </c>
      <c r="AA540" s="10" t="s">
        <v>55</v>
      </c>
      <c r="AB540" s="10" t="s">
        <v>55</v>
      </c>
    </row>
    <row r="541" spans="1:28">
      <c r="A541" s="9" t="s">
        <v>83</v>
      </c>
      <c r="B541" s="9" t="s">
        <v>57</v>
      </c>
      <c r="C541" s="9" t="s">
        <v>91</v>
      </c>
      <c r="D541" s="9" t="s">
        <v>77</v>
      </c>
      <c r="E541" s="9" t="s">
        <v>57</v>
      </c>
      <c r="F541" s="9" t="s">
        <v>81</v>
      </c>
      <c r="G541" s="9" t="s">
        <v>92</v>
      </c>
      <c r="H541" s="9" t="s">
        <v>104</v>
      </c>
      <c r="I541" s="9" t="s">
        <v>54</v>
      </c>
      <c r="J541" s="9" t="s">
        <v>31</v>
      </c>
      <c r="K541" s="10" t="s">
        <v>55</v>
      </c>
      <c r="L541" s="10" t="s">
        <v>55</v>
      </c>
      <c r="M541" s="10" t="s">
        <v>55</v>
      </c>
      <c r="N541" s="10" t="s">
        <v>55</v>
      </c>
      <c r="O541" s="10" t="s">
        <v>55</v>
      </c>
      <c r="P541" s="10" t="s">
        <v>55</v>
      </c>
      <c r="Q541" s="10" t="s">
        <v>55</v>
      </c>
      <c r="R541" s="10" t="s">
        <v>55</v>
      </c>
      <c r="S541" s="10" t="s">
        <v>55</v>
      </c>
      <c r="T541" s="10" t="s">
        <v>55</v>
      </c>
      <c r="U541" s="10" t="s">
        <v>55</v>
      </c>
      <c r="V541" s="10" t="s">
        <v>55</v>
      </c>
      <c r="W541" s="10" t="s">
        <v>55</v>
      </c>
      <c r="X541" s="10" t="s">
        <v>55</v>
      </c>
      <c r="Y541" s="10" t="s">
        <v>55</v>
      </c>
      <c r="Z541" s="10" t="s">
        <v>55</v>
      </c>
      <c r="AA541" s="10" t="s">
        <v>55</v>
      </c>
      <c r="AB541" s="10" t="s">
        <v>55</v>
      </c>
    </row>
    <row r="542" spans="1:28">
      <c r="A542" s="9" t="s">
        <v>83</v>
      </c>
      <c r="B542" s="9" t="s">
        <v>57</v>
      </c>
      <c r="C542" s="9" t="s">
        <v>91</v>
      </c>
      <c r="D542" s="9" t="s">
        <v>77</v>
      </c>
      <c r="E542" s="9" t="s">
        <v>57</v>
      </c>
      <c r="F542" s="9" t="s">
        <v>81</v>
      </c>
      <c r="G542" s="9" t="s">
        <v>92</v>
      </c>
      <c r="H542" s="9" t="s">
        <v>104</v>
      </c>
      <c r="I542" s="9" t="s">
        <v>54</v>
      </c>
      <c r="J542" s="9" t="s">
        <v>32</v>
      </c>
      <c r="K542" s="10" t="s">
        <v>55</v>
      </c>
      <c r="L542" s="10" t="s">
        <v>55</v>
      </c>
      <c r="M542" s="10" t="s">
        <v>55</v>
      </c>
      <c r="N542" s="10" t="s">
        <v>55</v>
      </c>
      <c r="O542" s="10" t="s">
        <v>55</v>
      </c>
      <c r="P542" s="10" t="s">
        <v>55</v>
      </c>
      <c r="Q542" s="10" t="s">
        <v>55</v>
      </c>
      <c r="R542" s="10" t="s">
        <v>55</v>
      </c>
      <c r="S542" s="10" t="s">
        <v>55</v>
      </c>
      <c r="T542" s="10" t="s">
        <v>55</v>
      </c>
      <c r="U542" s="10" t="s">
        <v>55</v>
      </c>
      <c r="V542" s="10" t="s">
        <v>55</v>
      </c>
      <c r="W542" s="10" t="s">
        <v>55</v>
      </c>
      <c r="X542" s="10" t="s">
        <v>55</v>
      </c>
      <c r="Y542" s="10" t="s">
        <v>55</v>
      </c>
      <c r="Z542" s="10" t="s">
        <v>55</v>
      </c>
      <c r="AA542" s="10" t="s">
        <v>55</v>
      </c>
      <c r="AB542" s="10" t="s">
        <v>55</v>
      </c>
    </row>
    <row r="543" spans="1:28">
      <c r="A543" s="9" t="s">
        <v>83</v>
      </c>
      <c r="B543" s="9" t="s">
        <v>57</v>
      </c>
      <c r="C543" s="9" t="s">
        <v>91</v>
      </c>
      <c r="D543" s="9" t="s">
        <v>77</v>
      </c>
      <c r="E543" s="9" t="s">
        <v>57</v>
      </c>
      <c r="F543" s="9" t="s">
        <v>81</v>
      </c>
      <c r="G543" s="9" t="s">
        <v>92</v>
      </c>
      <c r="H543" s="9" t="s">
        <v>104</v>
      </c>
      <c r="I543" s="9" t="s">
        <v>54</v>
      </c>
      <c r="J543" s="9" t="s">
        <v>33</v>
      </c>
      <c r="K543" s="10" t="s">
        <v>55</v>
      </c>
      <c r="L543" s="10" t="s">
        <v>55</v>
      </c>
      <c r="M543" s="10" t="s">
        <v>55</v>
      </c>
      <c r="N543" s="10" t="s">
        <v>55</v>
      </c>
      <c r="O543" s="10" t="s">
        <v>55</v>
      </c>
      <c r="P543" s="10" t="s">
        <v>55</v>
      </c>
      <c r="Q543" s="10" t="s">
        <v>55</v>
      </c>
      <c r="R543" s="10" t="s">
        <v>55</v>
      </c>
      <c r="S543" s="10" t="s">
        <v>55</v>
      </c>
      <c r="T543" s="10" t="s">
        <v>55</v>
      </c>
      <c r="U543" s="10" t="s">
        <v>55</v>
      </c>
      <c r="V543" s="10" t="s">
        <v>55</v>
      </c>
      <c r="W543" s="10" t="s">
        <v>55</v>
      </c>
      <c r="X543" s="10" t="s">
        <v>55</v>
      </c>
      <c r="Y543" s="10" t="s">
        <v>55</v>
      </c>
      <c r="Z543" s="10" t="s">
        <v>55</v>
      </c>
      <c r="AA543" s="10" t="s">
        <v>55</v>
      </c>
      <c r="AB543" s="10" t="s">
        <v>55</v>
      </c>
    </row>
    <row r="544" spans="1:28">
      <c r="A544" s="9" t="s">
        <v>83</v>
      </c>
      <c r="B544" s="9" t="s">
        <v>57</v>
      </c>
      <c r="C544" s="9" t="s">
        <v>91</v>
      </c>
      <c r="D544" s="9" t="s">
        <v>77</v>
      </c>
      <c r="E544" s="9" t="s">
        <v>57</v>
      </c>
      <c r="F544" s="9" t="s">
        <v>81</v>
      </c>
      <c r="G544" s="9" t="s">
        <v>92</v>
      </c>
      <c r="H544" s="9" t="s">
        <v>104</v>
      </c>
      <c r="I544" s="9" t="s">
        <v>54</v>
      </c>
      <c r="J544" s="9" t="s">
        <v>34</v>
      </c>
      <c r="K544" s="10" t="s">
        <v>55</v>
      </c>
      <c r="L544" s="10" t="s">
        <v>55</v>
      </c>
      <c r="M544" s="10" t="s">
        <v>55</v>
      </c>
      <c r="N544" s="10" t="s">
        <v>55</v>
      </c>
      <c r="O544" s="10" t="s">
        <v>55</v>
      </c>
      <c r="P544" s="10" t="s">
        <v>55</v>
      </c>
      <c r="Q544" s="10" t="s">
        <v>55</v>
      </c>
      <c r="R544" s="10" t="s">
        <v>55</v>
      </c>
      <c r="S544" s="10" t="s">
        <v>55</v>
      </c>
      <c r="T544" s="10" t="s">
        <v>55</v>
      </c>
      <c r="U544" s="10" t="s">
        <v>55</v>
      </c>
      <c r="V544" s="10" t="s">
        <v>55</v>
      </c>
      <c r="W544" s="10" t="s">
        <v>55</v>
      </c>
      <c r="X544" s="10" t="s">
        <v>55</v>
      </c>
      <c r="Y544" s="10" t="s">
        <v>55</v>
      </c>
      <c r="Z544" s="10" t="s">
        <v>55</v>
      </c>
      <c r="AA544" s="10" t="s">
        <v>55</v>
      </c>
      <c r="AB544" s="10" t="s">
        <v>55</v>
      </c>
    </row>
    <row r="545" spans="1:28">
      <c r="A545" s="9" t="s">
        <v>83</v>
      </c>
      <c r="B545" s="9" t="s">
        <v>57</v>
      </c>
      <c r="C545" s="9" t="s">
        <v>91</v>
      </c>
      <c r="D545" s="9" t="s">
        <v>77</v>
      </c>
      <c r="E545" s="9" t="s">
        <v>57</v>
      </c>
      <c r="F545" s="9" t="s">
        <v>81</v>
      </c>
      <c r="G545" s="9" t="s">
        <v>92</v>
      </c>
      <c r="H545" s="9" t="s">
        <v>104</v>
      </c>
      <c r="I545" s="9" t="s">
        <v>54</v>
      </c>
      <c r="J545" s="9" t="s">
        <v>35</v>
      </c>
      <c r="K545" s="10" t="s">
        <v>55</v>
      </c>
      <c r="L545" s="10" t="s">
        <v>55</v>
      </c>
      <c r="M545" s="10" t="s">
        <v>55</v>
      </c>
      <c r="N545" s="10" t="s">
        <v>55</v>
      </c>
      <c r="O545" s="10" t="s">
        <v>55</v>
      </c>
      <c r="P545" s="10" t="s">
        <v>55</v>
      </c>
      <c r="Q545" s="10" t="s">
        <v>55</v>
      </c>
      <c r="R545" s="10" t="s">
        <v>55</v>
      </c>
      <c r="S545" s="10" t="s">
        <v>55</v>
      </c>
      <c r="T545" s="10" t="s">
        <v>55</v>
      </c>
      <c r="U545" s="10" t="s">
        <v>55</v>
      </c>
      <c r="V545" s="10" t="s">
        <v>55</v>
      </c>
      <c r="W545" s="10" t="s">
        <v>55</v>
      </c>
      <c r="X545" s="10" t="s">
        <v>55</v>
      </c>
      <c r="Y545" s="10" t="s">
        <v>55</v>
      </c>
      <c r="Z545" s="10" t="s">
        <v>55</v>
      </c>
      <c r="AA545" s="10" t="s">
        <v>55</v>
      </c>
      <c r="AB545" s="10" t="s">
        <v>55</v>
      </c>
    </row>
    <row r="546" spans="1:28">
      <c r="A546" s="9" t="s">
        <v>83</v>
      </c>
      <c r="B546" s="9" t="s">
        <v>57</v>
      </c>
      <c r="C546" s="9" t="s">
        <v>91</v>
      </c>
      <c r="D546" s="9" t="s">
        <v>77</v>
      </c>
      <c r="E546" s="9" t="s">
        <v>57</v>
      </c>
      <c r="F546" s="9" t="s">
        <v>81</v>
      </c>
      <c r="G546" s="9" t="s">
        <v>92</v>
      </c>
      <c r="H546" s="9" t="s">
        <v>104</v>
      </c>
      <c r="I546" s="9" t="s">
        <v>54</v>
      </c>
      <c r="J546" s="9" t="s">
        <v>36</v>
      </c>
      <c r="K546" s="10" t="s">
        <v>55</v>
      </c>
      <c r="L546" s="10" t="s">
        <v>55</v>
      </c>
      <c r="M546" s="10" t="s">
        <v>55</v>
      </c>
      <c r="N546" s="10" t="s">
        <v>55</v>
      </c>
      <c r="O546" s="10" t="s">
        <v>55</v>
      </c>
      <c r="P546" s="10" t="s">
        <v>55</v>
      </c>
      <c r="Q546" s="10" t="s">
        <v>55</v>
      </c>
      <c r="R546" s="10" t="s">
        <v>55</v>
      </c>
      <c r="S546" s="10" t="s">
        <v>55</v>
      </c>
      <c r="T546" s="10" t="s">
        <v>55</v>
      </c>
      <c r="U546" s="10" t="s">
        <v>55</v>
      </c>
      <c r="V546" s="10" t="s">
        <v>55</v>
      </c>
      <c r="W546" s="10" t="s">
        <v>55</v>
      </c>
      <c r="X546" s="10" t="s">
        <v>55</v>
      </c>
      <c r="Y546" s="10" t="s">
        <v>55</v>
      </c>
      <c r="Z546" s="10" t="s">
        <v>55</v>
      </c>
      <c r="AA546" s="10" t="s">
        <v>55</v>
      </c>
      <c r="AB546" s="10" t="s">
        <v>55</v>
      </c>
    </row>
    <row r="547" spans="1:28">
      <c r="A547" s="9" t="s">
        <v>83</v>
      </c>
      <c r="B547" s="9" t="s">
        <v>57</v>
      </c>
      <c r="C547" s="9" t="s">
        <v>91</v>
      </c>
      <c r="D547" s="9" t="s">
        <v>77</v>
      </c>
      <c r="E547" s="9" t="s">
        <v>57</v>
      </c>
      <c r="F547" s="9" t="s">
        <v>81</v>
      </c>
      <c r="G547" s="9" t="s">
        <v>92</v>
      </c>
      <c r="H547" s="9" t="s">
        <v>104</v>
      </c>
      <c r="I547" s="9" t="s">
        <v>54</v>
      </c>
      <c r="J547" s="9" t="s">
        <v>37</v>
      </c>
      <c r="K547" s="10" t="s">
        <v>55</v>
      </c>
      <c r="L547" s="10" t="s">
        <v>55</v>
      </c>
      <c r="M547" s="10" t="s">
        <v>55</v>
      </c>
      <c r="N547" s="10" t="s">
        <v>55</v>
      </c>
      <c r="O547" s="10" t="s">
        <v>55</v>
      </c>
      <c r="P547" s="10" t="s">
        <v>55</v>
      </c>
      <c r="Q547" s="10" t="s">
        <v>55</v>
      </c>
      <c r="R547" s="10" t="s">
        <v>55</v>
      </c>
      <c r="S547" s="10" t="s">
        <v>55</v>
      </c>
      <c r="T547" s="10" t="s">
        <v>55</v>
      </c>
      <c r="U547" s="10" t="s">
        <v>55</v>
      </c>
      <c r="V547" s="10" t="s">
        <v>55</v>
      </c>
      <c r="W547" s="10" t="s">
        <v>55</v>
      </c>
      <c r="X547" s="10" t="s">
        <v>55</v>
      </c>
      <c r="Y547" s="10" t="s">
        <v>55</v>
      </c>
      <c r="Z547" s="10" t="s">
        <v>55</v>
      </c>
      <c r="AA547" s="10" t="s">
        <v>55</v>
      </c>
      <c r="AB547" s="10" t="s">
        <v>55</v>
      </c>
    </row>
    <row r="548" spans="1:28">
      <c r="A548" s="9" t="s">
        <v>83</v>
      </c>
      <c r="B548" s="9" t="s">
        <v>57</v>
      </c>
      <c r="C548" s="9" t="s">
        <v>91</v>
      </c>
      <c r="D548" s="9" t="s">
        <v>77</v>
      </c>
      <c r="E548" s="9" t="s">
        <v>57</v>
      </c>
      <c r="F548" s="9" t="s">
        <v>81</v>
      </c>
      <c r="G548" s="9" t="s">
        <v>92</v>
      </c>
      <c r="H548" s="9" t="s">
        <v>104</v>
      </c>
      <c r="I548" s="9" t="s">
        <v>54</v>
      </c>
      <c r="J548" s="9" t="s">
        <v>38</v>
      </c>
      <c r="K548" s="10" t="s">
        <v>55</v>
      </c>
      <c r="L548" s="10" t="s">
        <v>55</v>
      </c>
      <c r="M548" s="10" t="s">
        <v>55</v>
      </c>
      <c r="N548" s="10" t="s">
        <v>55</v>
      </c>
      <c r="O548" s="10" t="s">
        <v>55</v>
      </c>
      <c r="P548" s="10" t="s">
        <v>55</v>
      </c>
      <c r="Q548" s="10" t="s">
        <v>55</v>
      </c>
      <c r="R548" s="10" t="s">
        <v>55</v>
      </c>
      <c r="S548" s="10" t="s">
        <v>55</v>
      </c>
      <c r="T548" s="10" t="s">
        <v>55</v>
      </c>
      <c r="U548" s="10" t="s">
        <v>55</v>
      </c>
      <c r="V548" s="10" t="s">
        <v>55</v>
      </c>
      <c r="W548" s="10" t="s">
        <v>55</v>
      </c>
      <c r="X548" s="10" t="s">
        <v>55</v>
      </c>
      <c r="Y548" s="10" t="s">
        <v>55</v>
      </c>
      <c r="Z548" s="10" t="s">
        <v>55</v>
      </c>
      <c r="AA548" s="10" t="s">
        <v>55</v>
      </c>
      <c r="AB548" s="10" t="s">
        <v>55</v>
      </c>
    </row>
    <row r="549" spans="1:28">
      <c r="A549" s="9" t="s">
        <v>83</v>
      </c>
      <c r="B549" s="9" t="s">
        <v>57</v>
      </c>
      <c r="C549" s="9" t="s">
        <v>91</v>
      </c>
      <c r="D549" s="9" t="s">
        <v>77</v>
      </c>
      <c r="E549" s="9" t="s">
        <v>57</v>
      </c>
      <c r="F549" s="9" t="s">
        <v>81</v>
      </c>
      <c r="G549" s="9" t="s">
        <v>92</v>
      </c>
      <c r="H549" s="9" t="s">
        <v>104</v>
      </c>
      <c r="I549" s="9" t="s">
        <v>54</v>
      </c>
      <c r="J549" s="9" t="s">
        <v>39</v>
      </c>
      <c r="K549" s="10" t="s">
        <v>55</v>
      </c>
      <c r="L549" s="10" t="s">
        <v>55</v>
      </c>
      <c r="M549" s="10" t="s">
        <v>55</v>
      </c>
      <c r="N549" s="10" t="s">
        <v>55</v>
      </c>
      <c r="O549" s="10" t="s">
        <v>55</v>
      </c>
      <c r="P549" s="10" t="s">
        <v>55</v>
      </c>
      <c r="Q549" s="10" t="s">
        <v>55</v>
      </c>
      <c r="R549" s="10" t="s">
        <v>55</v>
      </c>
      <c r="S549" s="10" t="s">
        <v>55</v>
      </c>
      <c r="T549" s="10" t="s">
        <v>55</v>
      </c>
      <c r="U549" s="10" t="s">
        <v>55</v>
      </c>
      <c r="V549" s="10" t="s">
        <v>55</v>
      </c>
      <c r="W549" s="10" t="s">
        <v>55</v>
      </c>
      <c r="X549" s="10" t="s">
        <v>55</v>
      </c>
      <c r="Y549" s="10" t="s">
        <v>55</v>
      </c>
      <c r="Z549" s="10" t="s">
        <v>55</v>
      </c>
      <c r="AA549" s="10" t="s">
        <v>55</v>
      </c>
      <c r="AB549" s="10" t="s">
        <v>55</v>
      </c>
    </row>
    <row r="550" spans="1:28">
      <c r="A550" s="9" t="s">
        <v>83</v>
      </c>
      <c r="B550" s="9" t="s">
        <v>57</v>
      </c>
      <c r="C550" s="9" t="s">
        <v>91</v>
      </c>
      <c r="D550" s="9" t="s">
        <v>77</v>
      </c>
      <c r="E550" s="9" t="s">
        <v>57</v>
      </c>
      <c r="F550" s="9" t="s">
        <v>81</v>
      </c>
      <c r="G550" s="9" t="s">
        <v>92</v>
      </c>
      <c r="H550" s="9" t="s">
        <v>104</v>
      </c>
      <c r="I550" s="9" t="s">
        <v>54</v>
      </c>
      <c r="J550" s="9" t="s">
        <v>40</v>
      </c>
      <c r="K550" s="10" t="s">
        <v>55</v>
      </c>
      <c r="L550" s="10" t="s">
        <v>55</v>
      </c>
      <c r="M550" s="10" t="s">
        <v>55</v>
      </c>
      <c r="N550" s="10" t="s">
        <v>55</v>
      </c>
      <c r="O550" s="10" t="s">
        <v>55</v>
      </c>
      <c r="P550" s="10" t="s">
        <v>55</v>
      </c>
      <c r="Q550" s="10" t="s">
        <v>55</v>
      </c>
      <c r="R550" s="10" t="s">
        <v>55</v>
      </c>
      <c r="S550" s="10" t="s">
        <v>55</v>
      </c>
      <c r="T550" s="10" t="s">
        <v>55</v>
      </c>
      <c r="U550" s="10" t="s">
        <v>55</v>
      </c>
      <c r="V550" s="10" t="s">
        <v>55</v>
      </c>
      <c r="W550" s="10" t="s">
        <v>55</v>
      </c>
      <c r="X550" s="10" t="s">
        <v>55</v>
      </c>
      <c r="Y550" s="10" t="s">
        <v>55</v>
      </c>
      <c r="Z550" s="10" t="s">
        <v>55</v>
      </c>
      <c r="AA550" s="10" t="s">
        <v>55</v>
      </c>
      <c r="AB550" s="10" t="s">
        <v>55</v>
      </c>
    </row>
    <row r="551" spans="1:28">
      <c r="A551" s="9" t="s">
        <v>83</v>
      </c>
      <c r="B551" s="9" t="s">
        <v>57</v>
      </c>
      <c r="C551" s="9" t="s">
        <v>91</v>
      </c>
      <c r="D551" s="9" t="s">
        <v>77</v>
      </c>
      <c r="E551" s="9" t="s">
        <v>57</v>
      </c>
      <c r="F551" s="9" t="s">
        <v>81</v>
      </c>
      <c r="G551" s="9" t="s">
        <v>92</v>
      </c>
      <c r="H551" s="9" t="s">
        <v>104</v>
      </c>
      <c r="I551" s="9" t="s">
        <v>54</v>
      </c>
      <c r="J551" s="9" t="s">
        <v>41</v>
      </c>
      <c r="K551" s="10" t="s">
        <v>55</v>
      </c>
      <c r="L551" s="10" t="s">
        <v>55</v>
      </c>
      <c r="M551" s="10" t="s">
        <v>55</v>
      </c>
      <c r="N551" s="10" t="s">
        <v>55</v>
      </c>
      <c r="O551" s="10" t="s">
        <v>55</v>
      </c>
      <c r="P551" s="10" t="s">
        <v>55</v>
      </c>
      <c r="Q551" s="10" t="s">
        <v>55</v>
      </c>
      <c r="R551" s="10" t="s">
        <v>55</v>
      </c>
      <c r="S551" s="10" t="s">
        <v>55</v>
      </c>
      <c r="T551" s="10" t="s">
        <v>55</v>
      </c>
      <c r="U551" s="10" t="s">
        <v>55</v>
      </c>
      <c r="V551" s="10" t="s">
        <v>55</v>
      </c>
      <c r="W551" s="10" t="s">
        <v>55</v>
      </c>
      <c r="X551" s="10" t="s">
        <v>55</v>
      </c>
      <c r="Y551" s="10" t="s">
        <v>55</v>
      </c>
      <c r="Z551" s="10" t="s">
        <v>55</v>
      </c>
      <c r="AA551" s="10" t="s">
        <v>55</v>
      </c>
      <c r="AB551" s="10" t="s">
        <v>55</v>
      </c>
    </row>
    <row r="552" spans="1:28">
      <c r="A552" s="9" t="s">
        <v>83</v>
      </c>
      <c r="B552" s="9" t="s">
        <v>57</v>
      </c>
      <c r="C552" s="9" t="s">
        <v>91</v>
      </c>
      <c r="D552" s="9" t="s">
        <v>77</v>
      </c>
      <c r="E552" s="9" t="s">
        <v>57</v>
      </c>
      <c r="F552" s="9" t="s">
        <v>81</v>
      </c>
      <c r="G552" s="9" t="s">
        <v>92</v>
      </c>
      <c r="H552" s="9" t="s">
        <v>104</v>
      </c>
      <c r="I552" s="9" t="s">
        <v>54</v>
      </c>
      <c r="J552" s="9" t="s">
        <v>42</v>
      </c>
      <c r="K552" s="10" t="s">
        <v>55</v>
      </c>
      <c r="L552" s="10" t="s">
        <v>55</v>
      </c>
      <c r="M552" s="10" t="s">
        <v>55</v>
      </c>
      <c r="N552" s="10" t="s">
        <v>55</v>
      </c>
      <c r="O552" s="10" t="s">
        <v>55</v>
      </c>
      <c r="P552" s="10" t="s">
        <v>55</v>
      </c>
      <c r="Q552" s="10" t="s">
        <v>55</v>
      </c>
      <c r="R552" s="10" t="s">
        <v>55</v>
      </c>
      <c r="S552" s="10" t="s">
        <v>55</v>
      </c>
      <c r="T552" s="10" t="s">
        <v>55</v>
      </c>
      <c r="U552" s="10" t="s">
        <v>55</v>
      </c>
      <c r="V552" s="10" t="s">
        <v>55</v>
      </c>
      <c r="W552" s="10" t="s">
        <v>55</v>
      </c>
      <c r="X552" s="10" t="s">
        <v>55</v>
      </c>
      <c r="Y552" s="10" t="s">
        <v>55</v>
      </c>
      <c r="Z552" s="10" t="s">
        <v>55</v>
      </c>
      <c r="AA552" s="10" t="s">
        <v>55</v>
      </c>
      <c r="AB552" s="10" t="s">
        <v>55</v>
      </c>
    </row>
    <row r="553" spans="1:28">
      <c r="A553" s="9" t="s">
        <v>83</v>
      </c>
      <c r="B553" s="9" t="s">
        <v>57</v>
      </c>
      <c r="C553" s="9" t="s">
        <v>91</v>
      </c>
      <c r="D553" s="9" t="s">
        <v>77</v>
      </c>
      <c r="E553" s="9" t="s">
        <v>57</v>
      </c>
      <c r="F553" s="9" t="s">
        <v>81</v>
      </c>
      <c r="G553" s="9" t="s">
        <v>92</v>
      </c>
      <c r="H553" s="9" t="s">
        <v>104</v>
      </c>
      <c r="I553" s="9" t="s">
        <v>54</v>
      </c>
      <c r="J553" s="9" t="s">
        <v>43</v>
      </c>
      <c r="K553" s="10" t="s">
        <v>55</v>
      </c>
      <c r="L553" s="10" t="s">
        <v>55</v>
      </c>
      <c r="M553" s="10" t="s">
        <v>55</v>
      </c>
      <c r="N553" s="10" t="s">
        <v>55</v>
      </c>
      <c r="O553" s="10" t="s">
        <v>55</v>
      </c>
      <c r="P553" s="10" t="s">
        <v>55</v>
      </c>
      <c r="Q553" s="10" t="s">
        <v>55</v>
      </c>
      <c r="R553" s="10" t="s">
        <v>55</v>
      </c>
      <c r="S553" s="10" t="s">
        <v>55</v>
      </c>
      <c r="T553" s="10" t="s">
        <v>55</v>
      </c>
      <c r="U553" s="10" t="s">
        <v>55</v>
      </c>
      <c r="V553" s="10" t="s">
        <v>55</v>
      </c>
      <c r="W553" s="10" t="s">
        <v>55</v>
      </c>
      <c r="X553" s="10" t="s">
        <v>55</v>
      </c>
      <c r="Y553" s="10" t="s">
        <v>55</v>
      </c>
      <c r="Z553" s="10" t="s">
        <v>55</v>
      </c>
      <c r="AA553" s="10" t="s">
        <v>55</v>
      </c>
      <c r="AB553" s="10" t="s">
        <v>55</v>
      </c>
    </row>
    <row r="554" spans="1:28">
      <c r="A554" s="9" t="s">
        <v>83</v>
      </c>
      <c r="B554" s="9" t="s">
        <v>57</v>
      </c>
      <c r="C554" s="9" t="s">
        <v>91</v>
      </c>
      <c r="D554" s="9" t="s">
        <v>77</v>
      </c>
      <c r="E554" s="9" t="s">
        <v>57</v>
      </c>
      <c r="F554" s="9" t="s">
        <v>81</v>
      </c>
      <c r="G554" s="9" t="s">
        <v>92</v>
      </c>
      <c r="H554" s="9" t="s">
        <v>104</v>
      </c>
      <c r="I554" s="9" t="s">
        <v>54</v>
      </c>
      <c r="J554" s="9" t="s">
        <v>44</v>
      </c>
      <c r="K554" s="10" t="s">
        <v>55</v>
      </c>
      <c r="L554" s="10" t="s">
        <v>55</v>
      </c>
      <c r="M554" s="10" t="s">
        <v>55</v>
      </c>
      <c r="N554" s="10" t="s">
        <v>55</v>
      </c>
      <c r="O554" s="10" t="s">
        <v>55</v>
      </c>
      <c r="P554" s="10" t="s">
        <v>55</v>
      </c>
      <c r="Q554" s="10" t="s">
        <v>55</v>
      </c>
      <c r="R554" s="10" t="s">
        <v>55</v>
      </c>
      <c r="S554" s="10" t="s">
        <v>55</v>
      </c>
      <c r="T554" s="10" t="s">
        <v>55</v>
      </c>
      <c r="U554" s="10" t="s">
        <v>55</v>
      </c>
      <c r="V554" s="10" t="s">
        <v>55</v>
      </c>
      <c r="W554" s="10" t="s">
        <v>55</v>
      </c>
      <c r="X554" s="10" t="s">
        <v>55</v>
      </c>
      <c r="Y554" s="10" t="s">
        <v>55</v>
      </c>
      <c r="Z554" s="10" t="s">
        <v>55</v>
      </c>
      <c r="AA554" s="10" t="s">
        <v>55</v>
      </c>
      <c r="AB554" s="10" t="s">
        <v>55</v>
      </c>
    </row>
    <row r="555" spans="1:28">
      <c r="A555" s="9" t="s">
        <v>83</v>
      </c>
      <c r="B555" s="9" t="s">
        <v>57</v>
      </c>
      <c r="C555" s="9" t="s">
        <v>91</v>
      </c>
      <c r="D555" s="9" t="s">
        <v>77</v>
      </c>
      <c r="E555" s="9" t="s">
        <v>57</v>
      </c>
      <c r="F555" s="9" t="s">
        <v>81</v>
      </c>
      <c r="G555" s="9" t="s">
        <v>92</v>
      </c>
      <c r="H555" s="9" t="s">
        <v>104</v>
      </c>
      <c r="I555" s="9" t="s">
        <v>54</v>
      </c>
      <c r="J555" s="9" t="s">
        <v>45</v>
      </c>
      <c r="K555" s="10" t="s">
        <v>55</v>
      </c>
      <c r="L555" s="10" t="s">
        <v>55</v>
      </c>
      <c r="M555" s="10" t="s">
        <v>55</v>
      </c>
      <c r="N555" s="10" t="s">
        <v>55</v>
      </c>
      <c r="O555" s="10" t="s">
        <v>55</v>
      </c>
      <c r="P555" s="10" t="s">
        <v>55</v>
      </c>
      <c r="Q555" s="10" t="s">
        <v>55</v>
      </c>
      <c r="R555" s="10" t="s">
        <v>55</v>
      </c>
      <c r="S555" s="10" t="s">
        <v>55</v>
      </c>
      <c r="T555" s="10" t="s">
        <v>55</v>
      </c>
      <c r="U555" s="10" t="s">
        <v>55</v>
      </c>
      <c r="V555" s="10" t="s">
        <v>55</v>
      </c>
      <c r="W555" s="10" t="s">
        <v>55</v>
      </c>
      <c r="X555" s="10" t="s">
        <v>55</v>
      </c>
      <c r="Y555" s="10" t="s">
        <v>55</v>
      </c>
      <c r="Z555" s="10" t="s">
        <v>55</v>
      </c>
      <c r="AA555" s="10" t="s">
        <v>55</v>
      </c>
      <c r="AB555" s="10" t="s">
        <v>55</v>
      </c>
    </row>
    <row r="556" spans="1:28">
      <c r="A556" s="9" t="s">
        <v>83</v>
      </c>
      <c r="B556" s="9" t="s">
        <v>57</v>
      </c>
      <c r="C556" s="9" t="s">
        <v>91</v>
      </c>
      <c r="D556" s="9" t="s">
        <v>77</v>
      </c>
      <c r="E556" s="9" t="s">
        <v>57</v>
      </c>
      <c r="F556" s="9" t="s">
        <v>81</v>
      </c>
      <c r="G556" s="9" t="s">
        <v>92</v>
      </c>
      <c r="H556" s="9" t="s">
        <v>104</v>
      </c>
      <c r="I556" s="9" t="s">
        <v>54</v>
      </c>
      <c r="J556" s="9" t="s">
        <v>46</v>
      </c>
      <c r="K556" s="10" t="s">
        <v>55</v>
      </c>
      <c r="L556" s="10" t="s">
        <v>55</v>
      </c>
      <c r="M556" s="10" t="s">
        <v>55</v>
      </c>
      <c r="N556" s="10" t="s">
        <v>55</v>
      </c>
      <c r="O556" s="10" t="s">
        <v>55</v>
      </c>
      <c r="P556" s="10" t="s">
        <v>55</v>
      </c>
      <c r="Q556" s="10" t="s">
        <v>55</v>
      </c>
      <c r="R556" s="10" t="s">
        <v>55</v>
      </c>
      <c r="S556" s="10" t="s">
        <v>55</v>
      </c>
      <c r="T556" s="10" t="s">
        <v>55</v>
      </c>
      <c r="U556" s="10" t="s">
        <v>55</v>
      </c>
      <c r="V556" s="10" t="s">
        <v>55</v>
      </c>
      <c r="W556" s="10" t="s">
        <v>55</v>
      </c>
      <c r="X556" s="10" t="s">
        <v>55</v>
      </c>
      <c r="Y556" s="10" t="s">
        <v>55</v>
      </c>
      <c r="Z556" s="10" t="s">
        <v>55</v>
      </c>
      <c r="AA556" s="10" t="s">
        <v>55</v>
      </c>
      <c r="AB556" s="10" t="s">
        <v>55</v>
      </c>
    </row>
    <row r="557" spans="1:28">
      <c r="A557" s="9" t="s">
        <v>83</v>
      </c>
      <c r="B557" s="9" t="s">
        <v>57</v>
      </c>
      <c r="C557" s="9" t="s">
        <v>91</v>
      </c>
      <c r="D557" s="9" t="s">
        <v>77</v>
      </c>
      <c r="E557" s="9" t="s">
        <v>57</v>
      </c>
      <c r="F557" s="9" t="s">
        <v>81</v>
      </c>
      <c r="G557" s="9" t="s">
        <v>92</v>
      </c>
      <c r="H557" s="9" t="s">
        <v>104</v>
      </c>
      <c r="I557" s="9" t="s">
        <v>54</v>
      </c>
      <c r="J557" s="9" t="s">
        <v>47</v>
      </c>
      <c r="K557" s="10" t="s">
        <v>55</v>
      </c>
      <c r="L557" s="10" t="s">
        <v>55</v>
      </c>
      <c r="M557" s="10" t="s">
        <v>55</v>
      </c>
      <c r="N557" s="10" t="s">
        <v>55</v>
      </c>
      <c r="O557" s="10" t="s">
        <v>55</v>
      </c>
      <c r="P557" s="10" t="s">
        <v>55</v>
      </c>
      <c r="Q557" s="10" t="s">
        <v>55</v>
      </c>
      <c r="R557" s="10" t="s">
        <v>55</v>
      </c>
      <c r="S557" s="10" t="s">
        <v>55</v>
      </c>
      <c r="T557" s="10" t="s">
        <v>55</v>
      </c>
      <c r="U557" s="10" t="s">
        <v>55</v>
      </c>
      <c r="V557" s="10" t="s">
        <v>55</v>
      </c>
      <c r="W557" s="10" t="s">
        <v>55</v>
      </c>
      <c r="X557" s="10" t="s">
        <v>55</v>
      </c>
      <c r="Y557" s="10" t="s">
        <v>55</v>
      </c>
      <c r="Z557" s="10" t="s">
        <v>55</v>
      </c>
      <c r="AA557" s="10" t="s">
        <v>55</v>
      </c>
      <c r="AB557" s="10" t="s">
        <v>55</v>
      </c>
    </row>
    <row r="558" spans="1:28">
      <c r="A558" s="9" t="s">
        <v>83</v>
      </c>
      <c r="B558" s="9" t="s">
        <v>57</v>
      </c>
      <c r="C558" s="9" t="s">
        <v>91</v>
      </c>
      <c r="D558" s="9" t="s">
        <v>77</v>
      </c>
      <c r="E558" s="9" t="s">
        <v>57</v>
      </c>
      <c r="F558" s="9" t="s">
        <v>81</v>
      </c>
      <c r="G558" s="9" t="s">
        <v>92</v>
      </c>
      <c r="H558" s="9" t="s">
        <v>104</v>
      </c>
      <c r="I558" s="9" t="s">
        <v>54</v>
      </c>
      <c r="J558" s="9" t="s">
        <v>48</v>
      </c>
      <c r="K558" s="10" t="s">
        <v>55</v>
      </c>
      <c r="L558" s="10" t="s">
        <v>55</v>
      </c>
      <c r="M558" s="10" t="s">
        <v>55</v>
      </c>
      <c r="N558" s="10" t="s">
        <v>55</v>
      </c>
      <c r="O558" s="10" t="s">
        <v>55</v>
      </c>
      <c r="P558" s="10" t="s">
        <v>55</v>
      </c>
      <c r="Q558" s="10" t="s">
        <v>55</v>
      </c>
      <c r="R558" s="10" t="s">
        <v>55</v>
      </c>
      <c r="S558" s="10" t="s">
        <v>55</v>
      </c>
      <c r="T558" s="10" t="s">
        <v>55</v>
      </c>
      <c r="U558" s="10" t="s">
        <v>55</v>
      </c>
      <c r="V558" s="10" t="s">
        <v>55</v>
      </c>
      <c r="W558" s="10" t="s">
        <v>55</v>
      </c>
      <c r="X558" s="10" t="s">
        <v>55</v>
      </c>
      <c r="Y558" s="10" t="s">
        <v>55</v>
      </c>
      <c r="Z558" s="10" t="s">
        <v>55</v>
      </c>
      <c r="AA558" s="10" t="s">
        <v>55</v>
      </c>
      <c r="AB558" s="10" t="s">
        <v>55</v>
      </c>
    </row>
    <row r="559" spans="1:28">
      <c r="A559" s="9" t="s">
        <v>83</v>
      </c>
      <c r="B559" s="9" t="s">
        <v>57</v>
      </c>
      <c r="C559" s="9" t="s">
        <v>91</v>
      </c>
      <c r="D559" s="9" t="s">
        <v>77</v>
      </c>
      <c r="E559" s="9" t="s">
        <v>57</v>
      </c>
      <c r="F559" s="9" t="s">
        <v>81</v>
      </c>
      <c r="G559" s="9" t="s">
        <v>92</v>
      </c>
      <c r="H559" s="9" t="s">
        <v>104</v>
      </c>
      <c r="I559" s="9" t="s">
        <v>54</v>
      </c>
      <c r="J559" s="9" t="s">
        <v>49</v>
      </c>
      <c r="K559" s="10" t="s">
        <v>55</v>
      </c>
      <c r="L559" s="10" t="s">
        <v>55</v>
      </c>
      <c r="M559" s="10" t="s">
        <v>55</v>
      </c>
      <c r="N559" s="10" t="s">
        <v>55</v>
      </c>
      <c r="O559" s="10" t="s">
        <v>55</v>
      </c>
      <c r="P559" s="10" t="s">
        <v>55</v>
      </c>
      <c r="Q559" s="10" t="s">
        <v>55</v>
      </c>
      <c r="R559" s="10" t="s">
        <v>55</v>
      </c>
      <c r="S559" s="10" t="s">
        <v>55</v>
      </c>
      <c r="T559" s="10" t="s">
        <v>55</v>
      </c>
      <c r="U559" s="10" t="s">
        <v>55</v>
      </c>
      <c r="V559" s="10" t="s">
        <v>55</v>
      </c>
      <c r="W559" s="10" t="s">
        <v>55</v>
      </c>
      <c r="X559" s="10" t="s">
        <v>55</v>
      </c>
      <c r="Y559" s="10" t="s">
        <v>55</v>
      </c>
      <c r="Z559" s="10" t="s">
        <v>55</v>
      </c>
      <c r="AA559" s="10" t="s">
        <v>55</v>
      </c>
      <c r="AB559" s="10" t="s">
        <v>55</v>
      </c>
    </row>
    <row r="560" spans="1:28">
      <c r="A560" s="9" t="s">
        <v>83</v>
      </c>
      <c r="B560" s="9" t="s">
        <v>57</v>
      </c>
      <c r="C560" s="9" t="s">
        <v>91</v>
      </c>
      <c r="D560" s="9" t="s">
        <v>77</v>
      </c>
      <c r="E560" s="9" t="s">
        <v>57</v>
      </c>
      <c r="F560" s="9" t="s">
        <v>81</v>
      </c>
      <c r="G560" s="9" t="s">
        <v>92</v>
      </c>
      <c r="H560" s="9" t="s">
        <v>104</v>
      </c>
      <c r="I560" s="9" t="s">
        <v>54</v>
      </c>
      <c r="J560" s="9" t="s">
        <v>50</v>
      </c>
      <c r="K560" s="10" t="s">
        <v>55</v>
      </c>
      <c r="L560" s="10" t="s">
        <v>55</v>
      </c>
      <c r="M560" s="10" t="s">
        <v>55</v>
      </c>
      <c r="N560" s="10" t="s">
        <v>55</v>
      </c>
      <c r="O560" s="10" t="s">
        <v>55</v>
      </c>
      <c r="P560" s="10" t="s">
        <v>55</v>
      </c>
      <c r="Q560" s="10" t="s">
        <v>55</v>
      </c>
      <c r="R560" s="10" t="s">
        <v>55</v>
      </c>
      <c r="S560" s="10" t="s">
        <v>55</v>
      </c>
      <c r="T560" s="10" t="s">
        <v>55</v>
      </c>
      <c r="U560" s="10" t="s">
        <v>55</v>
      </c>
      <c r="V560" s="10" t="s">
        <v>55</v>
      </c>
      <c r="W560" s="10" t="s">
        <v>55</v>
      </c>
      <c r="X560" s="10" t="s">
        <v>55</v>
      </c>
      <c r="Y560" s="10" t="s">
        <v>55</v>
      </c>
      <c r="Z560" s="10" t="s">
        <v>55</v>
      </c>
      <c r="AA560" s="10" t="s">
        <v>55</v>
      </c>
      <c r="AB560" s="10" t="s">
        <v>55</v>
      </c>
    </row>
    <row r="561" spans="1:28">
      <c r="A561" s="9" t="s">
        <v>83</v>
      </c>
      <c r="B561" s="9" t="s">
        <v>57</v>
      </c>
      <c r="C561" s="9" t="s">
        <v>91</v>
      </c>
      <c r="D561" s="9" t="s">
        <v>77</v>
      </c>
      <c r="E561" s="9" t="s">
        <v>57</v>
      </c>
      <c r="F561" s="9" t="s">
        <v>81</v>
      </c>
      <c r="G561" s="9" t="s">
        <v>92</v>
      </c>
      <c r="H561" s="9" t="s">
        <v>104</v>
      </c>
      <c r="I561" s="9" t="s">
        <v>54</v>
      </c>
      <c r="J561" s="9" t="s">
        <v>51</v>
      </c>
      <c r="K561" s="10" t="s">
        <v>55</v>
      </c>
      <c r="L561" s="10" t="s">
        <v>55</v>
      </c>
      <c r="M561" s="10" t="s">
        <v>55</v>
      </c>
      <c r="N561" s="10" t="s">
        <v>55</v>
      </c>
      <c r="O561" s="10" t="s">
        <v>55</v>
      </c>
      <c r="P561" s="10" t="s">
        <v>55</v>
      </c>
      <c r="Q561" s="10" t="s">
        <v>55</v>
      </c>
      <c r="R561" s="10" t="s">
        <v>55</v>
      </c>
      <c r="S561" s="10" t="s">
        <v>55</v>
      </c>
      <c r="T561" s="10" t="s">
        <v>55</v>
      </c>
      <c r="U561" s="10" t="s">
        <v>55</v>
      </c>
      <c r="V561" s="10" t="s">
        <v>55</v>
      </c>
      <c r="W561" s="10" t="s">
        <v>55</v>
      </c>
      <c r="X561" s="10" t="s">
        <v>55</v>
      </c>
      <c r="Y561" s="10" t="s">
        <v>55</v>
      </c>
      <c r="Z561" s="10" t="s">
        <v>55</v>
      </c>
      <c r="AA561" s="10" t="s">
        <v>55</v>
      </c>
      <c r="AB561" s="10" t="s">
        <v>55</v>
      </c>
    </row>
    <row r="562" spans="1:28">
      <c r="A562" s="9" t="s">
        <v>83</v>
      </c>
      <c r="B562" s="9" t="s">
        <v>57</v>
      </c>
      <c r="C562" s="9" t="s">
        <v>91</v>
      </c>
      <c r="D562" s="9" t="s">
        <v>77</v>
      </c>
      <c r="E562" s="9" t="s">
        <v>57</v>
      </c>
      <c r="F562" s="9" t="s">
        <v>81</v>
      </c>
      <c r="G562" s="9" t="s">
        <v>92</v>
      </c>
      <c r="H562" s="9" t="s">
        <v>104</v>
      </c>
      <c r="I562" s="9" t="s">
        <v>54</v>
      </c>
      <c r="J562" s="9" t="s">
        <v>52</v>
      </c>
      <c r="K562" s="10" t="s">
        <v>55</v>
      </c>
      <c r="L562" s="10" t="s">
        <v>55</v>
      </c>
      <c r="M562" s="10" t="s">
        <v>55</v>
      </c>
      <c r="N562" s="10" t="s">
        <v>55</v>
      </c>
      <c r="O562" s="10" t="s">
        <v>55</v>
      </c>
      <c r="P562" s="10" t="s">
        <v>55</v>
      </c>
      <c r="Q562" s="10" t="s">
        <v>55</v>
      </c>
      <c r="R562" s="10" t="s">
        <v>55</v>
      </c>
      <c r="S562" s="10" t="s">
        <v>55</v>
      </c>
      <c r="T562" s="10" t="s">
        <v>55</v>
      </c>
      <c r="U562" s="10" t="s">
        <v>55</v>
      </c>
      <c r="V562" s="10" t="s">
        <v>55</v>
      </c>
      <c r="W562" s="10" t="s">
        <v>55</v>
      </c>
      <c r="X562" s="10" t="s">
        <v>55</v>
      </c>
      <c r="Y562" s="10" t="s">
        <v>55</v>
      </c>
      <c r="Z562" s="10" t="s">
        <v>55</v>
      </c>
      <c r="AA562" s="10" t="s">
        <v>55</v>
      </c>
      <c r="AB562" s="10" t="s">
        <v>55</v>
      </c>
    </row>
    <row r="563" spans="1:28">
      <c r="A563" s="9" t="s">
        <v>83</v>
      </c>
      <c r="B563" s="9" t="s">
        <v>57</v>
      </c>
      <c r="C563" s="9" t="s">
        <v>93</v>
      </c>
      <c r="D563" s="9" t="s">
        <v>77</v>
      </c>
      <c r="E563" s="9" t="s">
        <v>57</v>
      </c>
      <c r="F563" s="9" t="s">
        <v>81</v>
      </c>
      <c r="G563" s="9" t="s">
        <v>94</v>
      </c>
      <c r="H563" s="9" t="s">
        <v>104</v>
      </c>
      <c r="I563" s="9" t="s">
        <v>6</v>
      </c>
      <c r="J563" s="9" t="s">
        <v>30</v>
      </c>
      <c r="K563" s="6">
        <v>4</v>
      </c>
      <c r="L563" s="10" t="s">
        <v>55</v>
      </c>
      <c r="M563" s="10" t="s">
        <v>55</v>
      </c>
      <c r="N563" s="10" t="s">
        <v>55</v>
      </c>
      <c r="O563" s="10" t="s">
        <v>55</v>
      </c>
      <c r="P563" s="10" t="s">
        <v>55</v>
      </c>
      <c r="Q563" s="10" t="s">
        <v>55</v>
      </c>
      <c r="R563" s="10" t="s">
        <v>55</v>
      </c>
      <c r="S563" s="10" t="s">
        <v>55</v>
      </c>
      <c r="T563" s="10" t="s">
        <v>55</v>
      </c>
      <c r="U563" s="10" t="s">
        <v>55</v>
      </c>
      <c r="V563" s="10" t="s">
        <v>55</v>
      </c>
      <c r="W563" s="6">
        <v>4</v>
      </c>
      <c r="X563" s="10" t="s">
        <v>55</v>
      </c>
      <c r="Y563" s="10" t="s">
        <v>55</v>
      </c>
      <c r="Z563" s="10" t="s">
        <v>55</v>
      </c>
      <c r="AA563" s="10" t="s">
        <v>55</v>
      </c>
      <c r="AB563" s="10" t="s">
        <v>55</v>
      </c>
    </row>
    <row r="564" spans="1:28">
      <c r="A564" s="9" t="s">
        <v>83</v>
      </c>
      <c r="B564" s="9" t="s">
        <v>57</v>
      </c>
      <c r="C564" s="9" t="s">
        <v>93</v>
      </c>
      <c r="D564" s="9" t="s">
        <v>77</v>
      </c>
      <c r="E564" s="9" t="s">
        <v>57</v>
      </c>
      <c r="F564" s="9" t="s">
        <v>81</v>
      </c>
      <c r="G564" s="9" t="s">
        <v>94</v>
      </c>
      <c r="H564" s="9" t="s">
        <v>104</v>
      </c>
      <c r="I564" s="9" t="s">
        <v>6</v>
      </c>
      <c r="J564" s="9" t="s">
        <v>31</v>
      </c>
      <c r="K564" s="10" t="s">
        <v>55</v>
      </c>
      <c r="L564" s="10" t="s">
        <v>55</v>
      </c>
      <c r="M564" s="10" t="s">
        <v>55</v>
      </c>
      <c r="N564" s="10" t="s">
        <v>55</v>
      </c>
      <c r="O564" s="10" t="s">
        <v>55</v>
      </c>
      <c r="P564" s="10" t="s">
        <v>55</v>
      </c>
      <c r="Q564" s="10" t="s">
        <v>55</v>
      </c>
      <c r="R564" s="10" t="s">
        <v>55</v>
      </c>
      <c r="S564" s="10" t="s">
        <v>55</v>
      </c>
      <c r="T564" s="10" t="s">
        <v>55</v>
      </c>
      <c r="U564" s="10" t="s">
        <v>55</v>
      </c>
      <c r="V564" s="10" t="s">
        <v>55</v>
      </c>
      <c r="W564" s="10" t="s">
        <v>55</v>
      </c>
      <c r="X564" s="10" t="s">
        <v>55</v>
      </c>
      <c r="Y564" s="10" t="s">
        <v>55</v>
      </c>
      <c r="Z564" s="10" t="s">
        <v>55</v>
      </c>
      <c r="AA564" s="10" t="s">
        <v>55</v>
      </c>
      <c r="AB564" s="10" t="s">
        <v>55</v>
      </c>
    </row>
    <row r="565" spans="1:28">
      <c r="A565" s="9" t="s">
        <v>83</v>
      </c>
      <c r="B565" s="9" t="s">
        <v>57</v>
      </c>
      <c r="C565" s="9" t="s">
        <v>93</v>
      </c>
      <c r="D565" s="9" t="s">
        <v>77</v>
      </c>
      <c r="E565" s="9" t="s">
        <v>57</v>
      </c>
      <c r="F565" s="9" t="s">
        <v>81</v>
      </c>
      <c r="G565" s="9" t="s">
        <v>94</v>
      </c>
      <c r="H565" s="9" t="s">
        <v>104</v>
      </c>
      <c r="I565" s="9" t="s">
        <v>6</v>
      </c>
      <c r="J565" s="9" t="s">
        <v>32</v>
      </c>
      <c r="K565" s="10" t="s">
        <v>55</v>
      </c>
      <c r="L565" s="10" t="s">
        <v>55</v>
      </c>
      <c r="M565" s="10" t="s">
        <v>55</v>
      </c>
      <c r="N565" s="10" t="s">
        <v>55</v>
      </c>
      <c r="O565" s="10" t="s">
        <v>55</v>
      </c>
      <c r="P565" s="10" t="s">
        <v>55</v>
      </c>
      <c r="Q565" s="10" t="s">
        <v>55</v>
      </c>
      <c r="R565" s="10" t="s">
        <v>55</v>
      </c>
      <c r="S565" s="10" t="s">
        <v>55</v>
      </c>
      <c r="T565" s="10" t="s">
        <v>55</v>
      </c>
      <c r="U565" s="10" t="s">
        <v>55</v>
      </c>
      <c r="V565" s="10" t="s">
        <v>55</v>
      </c>
      <c r="W565" s="10" t="s">
        <v>55</v>
      </c>
      <c r="X565" s="10" t="s">
        <v>55</v>
      </c>
      <c r="Y565" s="10" t="s">
        <v>55</v>
      </c>
      <c r="Z565" s="10" t="s">
        <v>55</v>
      </c>
      <c r="AA565" s="10" t="s">
        <v>55</v>
      </c>
      <c r="AB565" s="10" t="s">
        <v>55</v>
      </c>
    </row>
    <row r="566" spans="1:28">
      <c r="A566" s="9" t="s">
        <v>83</v>
      </c>
      <c r="B566" s="9" t="s">
        <v>57</v>
      </c>
      <c r="C566" s="9" t="s">
        <v>93</v>
      </c>
      <c r="D566" s="9" t="s">
        <v>77</v>
      </c>
      <c r="E566" s="9" t="s">
        <v>57</v>
      </c>
      <c r="F566" s="9" t="s">
        <v>81</v>
      </c>
      <c r="G566" s="9" t="s">
        <v>94</v>
      </c>
      <c r="H566" s="9" t="s">
        <v>104</v>
      </c>
      <c r="I566" s="9" t="s">
        <v>6</v>
      </c>
      <c r="J566" s="9" t="s">
        <v>33</v>
      </c>
      <c r="K566" s="10" t="s">
        <v>55</v>
      </c>
      <c r="L566" s="10" t="s">
        <v>55</v>
      </c>
      <c r="M566" s="10" t="s">
        <v>55</v>
      </c>
      <c r="N566" s="10" t="s">
        <v>55</v>
      </c>
      <c r="O566" s="10" t="s">
        <v>55</v>
      </c>
      <c r="P566" s="10" t="s">
        <v>55</v>
      </c>
      <c r="Q566" s="10" t="s">
        <v>55</v>
      </c>
      <c r="R566" s="10" t="s">
        <v>55</v>
      </c>
      <c r="S566" s="10" t="s">
        <v>55</v>
      </c>
      <c r="T566" s="10" t="s">
        <v>55</v>
      </c>
      <c r="U566" s="10" t="s">
        <v>55</v>
      </c>
      <c r="V566" s="10" t="s">
        <v>55</v>
      </c>
      <c r="W566" s="10" t="s">
        <v>55</v>
      </c>
      <c r="X566" s="10" t="s">
        <v>55</v>
      </c>
      <c r="Y566" s="10" t="s">
        <v>55</v>
      </c>
      <c r="Z566" s="10" t="s">
        <v>55</v>
      </c>
      <c r="AA566" s="10" t="s">
        <v>55</v>
      </c>
      <c r="AB566" s="10" t="s">
        <v>55</v>
      </c>
    </row>
    <row r="567" spans="1:28">
      <c r="A567" s="9" t="s">
        <v>83</v>
      </c>
      <c r="B567" s="9" t="s">
        <v>57</v>
      </c>
      <c r="C567" s="9" t="s">
        <v>93</v>
      </c>
      <c r="D567" s="9" t="s">
        <v>77</v>
      </c>
      <c r="E567" s="9" t="s">
        <v>57</v>
      </c>
      <c r="F567" s="9" t="s">
        <v>81</v>
      </c>
      <c r="G567" s="9" t="s">
        <v>94</v>
      </c>
      <c r="H567" s="9" t="s">
        <v>104</v>
      </c>
      <c r="I567" s="9" t="s">
        <v>6</v>
      </c>
      <c r="J567" s="9" t="s">
        <v>34</v>
      </c>
      <c r="K567" s="10" t="s">
        <v>55</v>
      </c>
      <c r="L567" s="10" t="s">
        <v>55</v>
      </c>
      <c r="M567" s="10" t="s">
        <v>55</v>
      </c>
      <c r="N567" s="10" t="s">
        <v>55</v>
      </c>
      <c r="O567" s="10" t="s">
        <v>55</v>
      </c>
      <c r="P567" s="10" t="s">
        <v>55</v>
      </c>
      <c r="Q567" s="10" t="s">
        <v>55</v>
      </c>
      <c r="R567" s="10" t="s">
        <v>55</v>
      </c>
      <c r="S567" s="10" t="s">
        <v>55</v>
      </c>
      <c r="T567" s="10" t="s">
        <v>55</v>
      </c>
      <c r="U567" s="10" t="s">
        <v>55</v>
      </c>
      <c r="V567" s="10" t="s">
        <v>55</v>
      </c>
      <c r="W567" s="10" t="s">
        <v>55</v>
      </c>
      <c r="X567" s="10" t="s">
        <v>55</v>
      </c>
      <c r="Y567" s="10" t="s">
        <v>55</v>
      </c>
      <c r="Z567" s="10" t="s">
        <v>55</v>
      </c>
      <c r="AA567" s="10" t="s">
        <v>55</v>
      </c>
      <c r="AB567" s="10" t="s">
        <v>55</v>
      </c>
    </row>
    <row r="568" spans="1:28">
      <c r="A568" s="9" t="s">
        <v>83</v>
      </c>
      <c r="B568" s="9" t="s">
        <v>57</v>
      </c>
      <c r="C568" s="9" t="s">
        <v>93</v>
      </c>
      <c r="D568" s="9" t="s">
        <v>77</v>
      </c>
      <c r="E568" s="9" t="s">
        <v>57</v>
      </c>
      <c r="F568" s="9" t="s">
        <v>81</v>
      </c>
      <c r="G568" s="9" t="s">
        <v>94</v>
      </c>
      <c r="H568" s="9" t="s">
        <v>104</v>
      </c>
      <c r="I568" s="9" t="s">
        <v>6</v>
      </c>
      <c r="J568" s="9" t="s">
        <v>35</v>
      </c>
      <c r="K568" s="10" t="s">
        <v>55</v>
      </c>
      <c r="L568" s="10" t="s">
        <v>55</v>
      </c>
      <c r="M568" s="10" t="s">
        <v>55</v>
      </c>
      <c r="N568" s="10" t="s">
        <v>55</v>
      </c>
      <c r="O568" s="10" t="s">
        <v>55</v>
      </c>
      <c r="P568" s="10" t="s">
        <v>55</v>
      </c>
      <c r="Q568" s="10" t="s">
        <v>55</v>
      </c>
      <c r="R568" s="10" t="s">
        <v>55</v>
      </c>
      <c r="S568" s="10" t="s">
        <v>55</v>
      </c>
      <c r="T568" s="10" t="s">
        <v>55</v>
      </c>
      <c r="U568" s="10" t="s">
        <v>55</v>
      </c>
      <c r="V568" s="10" t="s">
        <v>55</v>
      </c>
      <c r="W568" s="10" t="s">
        <v>55</v>
      </c>
      <c r="X568" s="10" t="s">
        <v>55</v>
      </c>
      <c r="Y568" s="10" t="s">
        <v>55</v>
      </c>
      <c r="Z568" s="10" t="s">
        <v>55</v>
      </c>
      <c r="AA568" s="10" t="s">
        <v>55</v>
      </c>
      <c r="AB568" s="10" t="s">
        <v>55</v>
      </c>
    </row>
    <row r="569" spans="1:28">
      <c r="A569" s="9" t="s">
        <v>83</v>
      </c>
      <c r="B569" s="9" t="s">
        <v>57</v>
      </c>
      <c r="C569" s="9" t="s">
        <v>93</v>
      </c>
      <c r="D569" s="9" t="s">
        <v>77</v>
      </c>
      <c r="E569" s="9" t="s">
        <v>57</v>
      </c>
      <c r="F569" s="9" t="s">
        <v>81</v>
      </c>
      <c r="G569" s="9" t="s">
        <v>94</v>
      </c>
      <c r="H569" s="9" t="s">
        <v>104</v>
      </c>
      <c r="I569" s="9" t="s">
        <v>6</v>
      </c>
      <c r="J569" s="9" t="s">
        <v>36</v>
      </c>
      <c r="K569" s="10" t="s">
        <v>55</v>
      </c>
      <c r="L569" s="10" t="s">
        <v>55</v>
      </c>
      <c r="M569" s="10" t="s">
        <v>55</v>
      </c>
      <c r="N569" s="10" t="s">
        <v>55</v>
      </c>
      <c r="O569" s="10" t="s">
        <v>55</v>
      </c>
      <c r="P569" s="10" t="s">
        <v>55</v>
      </c>
      <c r="Q569" s="10" t="s">
        <v>55</v>
      </c>
      <c r="R569" s="10" t="s">
        <v>55</v>
      </c>
      <c r="S569" s="10" t="s">
        <v>55</v>
      </c>
      <c r="T569" s="10" t="s">
        <v>55</v>
      </c>
      <c r="U569" s="10" t="s">
        <v>55</v>
      </c>
      <c r="V569" s="10" t="s">
        <v>55</v>
      </c>
      <c r="W569" s="10" t="s">
        <v>55</v>
      </c>
      <c r="X569" s="10" t="s">
        <v>55</v>
      </c>
      <c r="Y569" s="10" t="s">
        <v>55</v>
      </c>
      <c r="Z569" s="10" t="s">
        <v>55</v>
      </c>
      <c r="AA569" s="10" t="s">
        <v>55</v>
      </c>
      <c r="AB569" s="10" t="s">
        <v>55</v>
      </c>
    </row>
    <row r="570" spans="1:28">
      <c r="A570" s="9" t="s">
        <v>83</v>
      </c>
      <c r="B570" s="9" t="s">
        <v>57</v>
      </c>
      <c r="C570" s="9" t="s">
        <v>93</v>
      </c>
      <c r="D570" s="9" t="s">
        <v>77</v>
      </c>
      <c r="E570" s="9" t="s">
        <v>57</v>
      </c>
      <c r="F570" s="9" t="s">
        <v>81</v>
      </c>
      <c r="G570" s="9" t="s">
        <v>94</v>
      </c>
      <c r="H570" s="9" t="s">
        <v>104</v>
      </c>
      <c r="I570" s="9" t="s">
        <v>6</v>
      </c>
      <c r="J570" s="9" t="s">
        <v>37</v>
      </c>
      <c r="K570" s="10" t="s">
        <v>55</v>
      </c>
      <c r="L570" s="10" t="s">
        <v>55</v>
      </c>
      <c r="M570" s="10" t="s">
        <v>55</v>
      </c>
      <c r="N570" s="10" t="s">
        <v>55</v>
      </c>
      <c r="O570" s="10" t="s">
        <v>55</v>
      </c>
      <c r="P570" s="10" t="s">
        <v>55</v>
      </c>
      <c r="Q570" s="10" t="s">
        <v>55</v>
      </c>
      <c r="R570" s="10" t="s">
        <v>55</v>
      </c>
      <c r="S570" s="10" t="s">
        <v>55</v>
      </c>
      <c r="T570" s="10" t="s">
        <v>55</v>
      </c>
      <c r="U570" s="10" t="s">
        <v>55</v>
      </c>
      <c r="V570" s="10" t="s">
        <v>55</v>
      </c>
      <c r="W570" s="10" t="s">
        <v>55</v>
      </c>
      <c r="X570" s="10" t="s">
        <v>55</v>
      </c>
      <c r="Y570" s="10" t="s">
        <v>55</v>
      </c>
      <c r="Z570" s="10" t="s">
        <v>55</v>
      </c>
      <c r="AA570" s="10" t="s">
        <v>55</v>
      </c>
      <c r="AB570" s="10" t="s">
        <v>55</v>
      </c>
    </row>
    <row r="571" spans="1:28">
      <c r="A571" s="9" t="s">
        <v>83</v>
      </c>
      <c r="B571" s="9" t="s">
        <v>57</v>
      </c>
      <c r="C571" s="9" t="s">
        <v>93</v>
      </c>
      <c r="D571" s="9" t="s">
        <v>77</v>
      </c>
      <c r="E571" s="9" t="s">
        <v>57</v>
      </c>
      <c r="F571" s="9" t="s">
        <v>81</v>
      </c>
      <c r="G571" s="9" t="s">
        <v>94</v>
      </c>
      <c r="H571" s="9" t="s">
        <v>104</v>
      </c>
      <c r="I571" s="9" t="s">
        <v>6</v>
      </c>
      <c r="J571" s="9" t="s">
        <v>38</v>
      </c>
      <c r="K571" s="10" t="s">
        <v>55</v>
      </c>
      <c r="L571" s="10" t="s">
        <v>55</v>
      </c>
      <c r="M571" s="10" t="s">
        <v>55</v>
      </c>
      <c r="N571" s="10" t="s">
        <v>55</v>
      </c>
      <c r="O571" s="10" t="s">
        <v>55</v>
      </c>
      <c r="P571" s="10" t="s">
        <v>55</v>
      </c>
      <c r="Q571" s="10" t="s">
        <v>55</v>
      </c>
      <c r="R571" s="10" t="s">
        <v>55</v>
      </c>
      <c r="S571" s="10" t="s">
        <v>55</v>
      </c>
      <c r="T571" s="10" t="s">
        <v>55</v>
      </c>
      <c r="U571" s="10" t="s">
        <v>55</v>
      </c>
      <c r="V571" s="10" t="s">
        <v>55</v>
      </c>
      <c r="W571" s="10" t="s">
        <v>55</v>
      </c>
      <c r="X571" s="10" t="s">
        <v>55</v>
      </c>
      <c r="Y571" s="10" t="s">
        <v>55</v>
      </c>
      <c r="Z571" s="10" t="s">
        <v>55</v>
      </c>
      <c r="AA571" s="10" t="s">
        <v>55</v>
      </c>
      <c r="AB571" s="10" t="s">
        <v>55</v>
      </c>
    </row>
    <row r="572" spans="1:28">
      <c r="A572" s="9" t="s">
        <v>83</v>
      </c>
      <c r="B572" s="9" t="s">
        <v>57</v>
      </c>
      <c r="C572" s="9" t="s">
        <v>93</v>
      </c>
      <c r="D572" s="9" t="s">
        <v>77</v>
      </c>
      <c r="E572" s="9" t="s">
        <v>57</v>
      </c>
      <c r="F572" s="9" t="s">
        <v>81</v>
      </c>
      <c r="G572" s="9" t="s">
        <v>94</v>
      </c>
      <c r="H572" s="9" t="s">
        <v>104</v>
      </c>
      <c r="I572" s="9" t="s">
        <v>6</v>
      </c>
      <c r="J572" s="9" t="s">
        <v>39</v>
      </c>
      <c r="K572" s="10" t="s">
        <v>55</v>
      </c>
      <c r="L572" s="10" t="s">
        <v>55</v>
      </c>
      <c r="M572" s="10" t="s">
        <v>55</v>
      </c>
      <c r="N572" s="10" t="s">
        <v>55</v>
      </c>
      <c r="O572" s="10" t="s">
        <v>55</v>
      </c>
      <c r="P572" s="10" t="s">
        <v>55</v>
      </c>
      <c r="Q572" s="10" t="s">
        <v>55</v>
      </c>
      <c r="R572" s="10" t="s">
        <v>55</v>
      </c>
      <c r="S572" s="10" t="s">
        <v>55</v>
      </c>
      <c r="T572" s="10" t="s">
        <v>55</v>
      </c>
      <c r="U572" s="10" t="s">
        <v>55</v>
      </c>
      <c r="V572" s="10" t="s">
        <v>55</v>
      </c>
      <c r="W572" s="10" t="s">
        <v>55</v>
      </c>
      <c r="X572" s="10" t="s">
        <v>55</v>
      </c>
      <c r="Y572" s="10" t="s">
        <v>55</v>
      </c>
      <c r="Z572" s="10" t="s">
        <v>55</v>
      </c>
      <c r="AA572" s="10" t="s">
        <v>55</v>
      </c>
      <c r="AB572" s="10" t="s">
        <v>55</v>
      </c>
    </row>
    <row r="573" spans="1:28">
      <c r="A573" s="9" t="s">
        <v>83</v>
      </c>
      <c r="B573" s="9" t="s">
        <v>57</v>
      </c>
      <c r="C573" s="9" t="s">
        <v>93</v>
      </c>
      <c r="D573" s="9" t="s">
        <v>77</v>
      </c>
      <c r="E573" s="9" t="s">
        <v>57</v>
      </c>
      <c r="F573" s="9" t="s">
        <v>81</v>
      </c>
      <c r="G573" s="9" t="s">
        <v>94</v>
      </c>
      <c r="H573" s="9" t="s">
        <v>104</v>
      </c>
      <c r="I573" s="9" t="s">
        <v>6</v>
      </c>
      <c r="J573" s="9" t="s">
        <v>40</v>
      </c>
      <c r="K573" s="6">
        <v>1</v>
      </c>
      <c r="L573" s="10" t="s">
        <v>55</v>
      </c>
      <c r="M573" s="10" t="s">
        <v>55</v>
      </c>
      <c r="N573" s="10" t="s">
        <v>55</v>
      </c>
      <c r="O573" s="10" t="s">
        <v>55</v>
      </c>
      <c r="P573" s="10" t="s">
        <v>55</v>
      </c>
      <c r="Q573" s="10" t="s">
        <v>55</v>
      </c>
      <c r="R573" s="10" t="s">
        <v>55</v>
      </c>
      <c r="S573" s="10" t="s">
        <v>55</v>
      </c>
      <c r="T573" s="10" t="s">
        <v>55</v>
      </c>
      <c r="U573" s="10" t="s">
        <v>55</v>
      </c>
      <c r="V573" s="10" t="s">
        <v>55</v>
      </c>
      <c r="W573" s="6">
        <v>1</v>
      </c>
      <c r="X573" s="10" t="s">
        <v>55</v>
      </c>
      <c r="Y573" s="10" t="s">
        <v>55</v>
      </c>
      <c r="Z573" s="10" t="s">
        <v>55</v>
      </c>
      <c r="AA573" s="10" t="s">
        <v>55</v>
      </c>
      <c r="AB573" s="10" t="s">
        <v>55</v>
      </c>
    </row>
    <row r="574" spans="1:28">
      <c r="A574" s="9" t="s">
        <v>83</v>
      </c>
      <c r="B574" s="9" t="s">
        <v>57</v>
      </c>
      <c r="C574" s="9" t="s">
        <v>93</v>
      </c>
      <c r="D574" s="9" t="s">
        <v>77</v>
      </c>
      <c r="E574" s="9" t="s">
        <v>57</v>
      </c>
      <c r="F574" s="9" t="s">
        <v>81</v>
      </c>
      <c r="G574" s="9" t="s">
        <v>94</v>
      </c>
      <c r="H574" s="9" t="s">
        <v>104</v>
      </c>
      <c r="I574" s="9" t="s">
        <v>6</v>
      </c>
      <c r="J574" s="9" t="s">
        <v>41</v>
      </c>
      <c r="K574" s="10" t="s">
        <v>55</v>
      </c>
      <c r="L574" s="10" t="s">
        <v>55</v>
      </c>
      <c r="M574" s="10" t="s">
        <v>55</v>
      </c>
      <c r="N574" s="10" t="s">
        <v>55</v>
      </c>
      <c r="O574" s="10" t="s">
        <v>55</v>
      </c>
      <c r="P574" s="10" t="s">
        <v>55</v>
      </c>
      <c r="Q574" s="10" t="s">
        <v>55</v>
      </c>
      <c r="R574" s="10" t="s">
        <v>55</v>
      </c>
      <c r="S574" s="10" t="s">
        <v>55</v>
      </c>
      <c r="T574" s="10" t="s">
        <v>55</v>
      </c>
      <c r="U574" s="10" t="s">
        <v>55</v>
      </c>
      <c r="V574" s="10" t="s">
        <v>55</v>
      </c>
      <c r="W574" s="10" t="s">
        <v>55</v>
      </c>
      <c r="X574" s="10" t="s">
        <v>55</v>
      </c>
      <c r="Y574" s="10" t="s">
        <v>55</v>
      </c>
      <c r="Z574" s="10" t="s">
        <v>55</v>
      </c>
      <c r="AA574" s="10" t="s">
        <v>55</v>
      </c>
      <c r="AB574" s="10" t="s">
        <v>55</v>
      </c>
    </row>
    <row r="575" spans="1:28">
      <c r="A575" s="9" t="s">
        <v>83</v>
      </c>
      <c r="B575" s="9" t="s">
        <v>57</v>
      </c>
      <c r="C575" s="9" t="s">
        <v>93</v>
      </c>
      <c r="D575" s="9" t="s">
        <v>77</v>
      </c>
      <c r="E575" s="9" t="s">
        <v>57</v>
      </c>
      <c r="F575" s="9" t="s">
        <v>81</v>
      </c>
      <c r="G575" s="9" t="s">
        <v>94</v>
      </c>
      <c r="H575" s="9" t="s">
        <v>104</v>
      </c>
      <c r="I575" s="9" t="s">
        <v>6</v>
      </c>
      <c r="J575" s="9" t="s">
        <v>42</v>
      </c>
      <c r="K575" s="10" t="s">
        <v>55</v>
      </c>
      <c r="L575" s="10" t="s">
        <v>55</v>
      </c>
      <c r="M575" s="10" t="s">
        <v>55</v>
      </c>
      <c r="N575" s="10" t="s">
        <v>55</v>
      </c>
      <c r="O575" s="10" t="s">
        <v>55</v>
      </c>
      <c r="P575" s="10" t="s">
        <v>55</v>
      </c>
      <c r="Q575" s="10" t="s">
        <v>55</v>
      </c>
      <c r="R575" s="10" t="s">
        <v>55</v>
      </c>
      <c r="S575" s="10" t="s">
        <v>55</v>
      </c>
      <c r="T575" s="10" t="s">
        <v>55</v>
      </c>
      <c r="U575" s="10" t="s">
        <v>55</v>
      </c>
      <c r="V575" s="10" t="s">
        <v>55</v>
      </c>
      <c r="W575" s="10" t="s">
        <v>55</v>
      </c>
      <c r="X575" s="10" t="s">
        <v>55</v>
      </c>
      <c r="Y575" s="10" t="s">
        <v>55</v>
      </c>
      <c r="Z575" s="10" t="s">
        <v>55</v>
      </c>
      <c r="AA575" s="10" t="s">
        <v>55</v>
      </c>
      <c r="AB575" s="10" t="s">
        <v>55</v>
      </c>
    </row>
    <row r="576" spans="1:28">
      <c r="A576" s="9" t="s">
        <v>83</v>
      </c>
      <c r="B576" s="9" t="s">
        <v>57</v>
      </c>
      <c r="C576" s="9" t="s">
        <v>93</v>
      </c>
      <c r="D576" s="9" t="s">
        <v>77</v>
      </c>
      <c r="E576" s="9" t="s">
        <v>57</v>
      </c>
      <c r="F576" s="9" t="s">
        <v>81</v>
      </c>
      <c r="G576" s="9" t="s">
        <v>94</v>
      </c>
      <c r="H576" s="9" t="s">
        <v>104</v>
      </c>
      <c r="I576" s="9" t="s">
        <v>6</v>
      </c>
      <c r="J576" s="9" t="s">
        <v>43</v>
      </c>
      <c r="K576" s="6">
        <v>1</v>
      </c>
      <c r="L576" s="10" t="s">
        <v>55</v>
      </c>
      <c r="M576" s="10" t="s">
        <v>55</v>
      </c>
      <c r="N576" s="10" t="s">
        <v>55</v>
      </c>
      <c r="O576" s="10" t="s">
        <v>55</v>
      </c>
      <c r="P576" s="10" t="s">
        <v>55</v>
      </c>
      <c r="Q576" s="10" t="s">
        <v>55</v>
      </c>
      <c r="R576" s="10" t="s">
        <v>55</v>
      </c>
      <c r="S576" s="10" t="s">
        <v>55</v>
      </c>
      <c r="T576" s="10" t="s">
        <v>55</v>
      </c>
      <c r="U576" s="10" t="s">
        <v>55</v>
      </c>
      <c r="V576" s="10" t="s">
        <v>55</v>
      </c>
      <c r="W576" s="6">
        <v>1</v>
      </c>
      <c r="X576" s="10" t="s">
        <v>55</v>
      </c>
      <c r="Y576" s="10" t="s">
        <v>55</v>
      </c>
      <c r="Z576" s="10" t="s">
        <v>55</v>
      </c>
      <c r="AA576" s="10" t="s">
        <v>55</v>
      </c>
      <c r="AB576" s="10" t="s">
        <v>55</v>
      </c>
    </row>
    <row r="577" spans="1:28">
      <c r="A577" s="9" t="s">
        <v>83</v>
      </c>
      <c r="B577" s="9" t="s">
        <v>57</v>
      </c>
      <c r="C577" s="9" t="s">
        <v>93</v>
      </c>
      <c r="D577" s="9" t="s">
        <v>77</v>
      </c>
      <c r="E577" s="9" t="s">
        <v>57</v>
      </c>
      <c r="F577" s="9" t="s">
        <v>81</v>
      </c>
      <c r="G577" s="9" t="s">
        <v>94</v>
      </c>
      <c r="H577" s="9" t="s">
        <v>104</v>
      </c>
      <c r="I577" s="9" t="s">
        <v>6</v>
      </c>
      <c r="J577" s="9" t="s">
        <v>44</v>
      </c>
      <c r="K577" s="6">
        <v>1</v>
      </c>
      <c r="L577" s="10" t="s">
        <v>55</v>
      </c>
      <c r="M577" s="10" t="s">
        <v>55</v>
      </c>
      <c r="N577" s="10" t="s">
        <v>55</v>
      </c>
      <c r="O577" s="10" t="s">
        <v>55</v>
      </c>
      <c r="P577" s="10" t="s">
        <v>55</v>
      </c>
      <c r="Q577" s="10" t="s">
        <v>55</v>
      </c>
      <c r="R577" s="10" t="s">
        <v>55</v>
      </c>
      <c r="S577" s="10" t="s">
        <v>55</v>
      </c>
      <c r="T577" s="10" t="s">
        <v>55</v>
      </c>
      <c r="U577" s="10" t="s">
        <v>55</v>
      </c>
      <c r="V577" s="10" t="s">
        <v>55</v>
      </c>
      <c r="W577" s="6">
        <v>1</v>
      </c>
      <c r="X577" s="10" t="s">
        <v>55</v>
      </c>
      <c r="Y577" s="10" t="s">
        <v>55</v>
      </c>
      <c r="Z577" s="10" t="s">
        <v>55</v>
      </c>
      <c r="AA577" s="10" t="s">
        <v>55</v>
      </c>
      <c r="AB577" s="10" t="s">
        <v>55</v>
      </c>
    </row>
    <row r="578" spans="1:28">
      <c r="A578" s="9" t="s">
        <v>83</v>
      </c>
      <c r="B578" s="9" t="s">
        <v>57</v>
      </c>
      <c r="C578" s="9" t="s">
        <v>93</v>
      </c>
      <c r="D578" s="9" t="s">
        <v>77</v>
      </c>
      <c r="E578" s="9" t="s">
        <v>57</v>
      </c>
      <c r="F578" s="9" t="s">
        <v>81</v>
      </c>
      <c r="G578" s="9" t="s">
        <v>94</v>
      </c>
      <c r="H578" s="9" t="s">
        <v>104</v>
      </c>
      <c r="I578" s="9" t="s">
        <v>6</v>
      </c>
      <c r="J578" s="9" t="s">
        <v>45</v>
      </c>
      <c r="K578" s="6">
        <v>1</v>
      </c>
      <c r="L578" s="10" t="s">
        <v>55</v>
      </c>
      <c r="M578" s="10" t="s">
        <v>55</v>
      </c>
      <c r="N578" s="10" t="s">
        <v>55</v>
      </c>
      <c r="O578" s="10" t="s">
        <v>55</v>
      </c>
      <c r="P578" s="10" t="s">
        <v>55</v>
      </c>
      <c r="Q578" s="10" t="s">
        <v>55</v>
      </c>
      <c r="R578" s="10" t="s">
        <v>55</v>
      </c>
      <c r="S578" s="10" t="s">
        <v>55</v>
      </c>
      <c r="T578" s="10" t="s">
        <v>55</v>
      </c>
      <c r="U578" s="10" t="s">
        <v>55</v>
      </c>
      <c r="V578" s="10" t="s">
        <v>55</v>
      </c>
      <c r="W578" s="6">
        <v>1</v>
      </c>
      <c r="X578" s="10" t="s">
        <v>55</v>
      </c>
      <c r="Y578" s="10" t="s">
        <v>55</v>
      </c>
      <c r="Z578" s="10" t="s">
        <v>55</v>
      </c>
      <c r="AA578" s="10" t="s">
        <v>55</v>
      </c>
      <c r="AB578" s="10" t="s">
        <v>55</v>
      </c>
    </row>
    <row r="579" spans="1:28">
      <c r="A579" s="9" t="s">
        <v>83</v>
      </c>
      <c r="B579" s="9" t="s">
        <v>57</v>
      </c>
      <c r="C579" s="9" t="s">
        <v>93</v>
      </c>
      <c r="D579" s="9" t="s">
        <v>77</v>
      </c>
      <c r="E579" s="9" t="s">
        <v>57</v>
      </c>
      <c r="F579" s="9" t="s">
        <v>81</v>
      </c>
      <c r="G579" s="9" t="s">
        <v>94</v>
      </c>
      <c r="H579" s="9" t="s">
        <v>104</v>
      </c>
      <c r="I579" s="9" t="s">
        <v>6</v>
      </c>
      <c r="J579" s="9" t="s">
        <v>46</v>
      </c>
      <c r="K579" s="10" t="s">
        <v>55</v>
      </c>
      <c r="L579" s="10" t="s">
        <v>55</v>
      </c>
      <c r="M579" s="10" t="s">
        <v>55</v>
      </c>
      <c r="N579" s="10" t="s">
        <v>55</v>
      </c>
      <c r="O579" s="10" t="s">
        <v>55</v>
      </c>
      <c r="P579" s="10" t="s">
        <v>55</v>
      </c>
      <c r="Q579" s="10" t="s">
        <v>55</v>
      </c>
      <c r="R579" s="10" t="s">
        <v>55</v>
      </c>
      <c r="S579" s="10" t="s">
        <v>55</v>
      </c>
      <c r="T579" s="10" t="s">
        <v>55</v>
      </c>
      <c r="U579" s="10" t="s">
        <v>55</v>
      </c>
      <c r="V579" s="10" t="s">
        <v>55</v>
      </c>
      <c r="W579" s="10" t="s">
        <v>55</v>
      </c>
      <c r="X579" s="10" t="s">
        <v>55</v>
      </c>
      <c r="Y579" s="10" t="s">
        <v>55</v>
      </c>
      <c r="Z579" s="10" t="s">
        <v>55</v>
      </c>
      <c r="AA579" s="10" t="s">
        <v>55</v>
      </c>
      <c r="AB579" s="10" t="s">
        <v>55</v>
      </c>
    </row>
    <row r="580" spans="1:28">
      <c r="A580" s="9" t="s">
        <v>83</v>
      </c>
      <c r="B580" s="9" t="s">
        <v>57</v>
      </c>
      <c r="C580" s="9" t="s">
        <v>93</v>
      </c>
      <c r="D580" s="9" t="s">
        <v>77</v>
      </c>
      <c r="E580" s="9" t="s">
        <v>57</v>
      </c>
      <c r="F580" s="9" t="s">
        <v>81</v>
      </c>
      <c r="G580" s="9" t="s">
        <v>94</v>
      </c>
      <c r="H580" s="9" t="s">
        <v>104</v>
      </c>
      <c r="I580" s="9" t="s">
        <v>6</v>
      </c>
      <c r="J580" s="9" t="s">
        <v>47</v>
      </c>
      <c r="K580" s="10" t="s">
        <v>55</v>
      </c>
      <c r="L580" s="10" t="s">
        <v>55</v>
      </c>
      <c r="M580" s="10" t="s">
        <v>55</v>
      </c>
      <c r="N580" s="10" t="s">
        <v>55</v>
      </c>
      <c r="O580" s="10" t="s">
        <v>55</v>
      </c>
      <c r="P580" s="10" t="s">
        <v>55</v>
      </c>
      <c r="Q580" s="10" t="s">
        <v>55</v>
      </c>
      <c r="R580" s="10" t="s">
        <v>55</v>
      </c>
      <c r="S580" s="10" t="s">
        <v>55</v>
      </c>
      <c r="T580" s="10" t="s">
        <v>55</v>
      </c>
      <c r="U580" s="10" t="s">
        <v>55</v>
      </c>
      <c r="V580" s="10" t="s">
        <v>55</v>
      </c>
      <c r="W580" s="10" t="s">
        <v>55</v>
      </c>
      <c r="X580" s="10" t="s">
        <v>55</v>
      </c>
      <c r="Y580" s="10" t="s">
        <v>55</v>
      </c>
      <c r="Z580" s="10" t="s">
        <v>55</v>
      </c>
      <c r="AA580" s="10" t="s">
        <v>55</v>
      </c>
      <c r="AB580" s="10" t="s">
        <v>55</v>
      </c>
    </row>
    <row r="581" spans="1:28">
      <c r="A581" s="9" t="s">
        <v>83</v>
      </c>
      <c r="B581" s="9" t="s">
        <v>57</v>
      </c>
      <c r="C581" s="9" t="s">
        <v>93</v>
      </c>
      <c r="D581" s="9" t="s">
        <v>77</v>
      </c>
      <c r="E581" s="9" t="s">
        <v>57</v>
      </c>
      <c r="F581" s="9" t="s">
        <v>81</v>
      </c>
      <c r="G581" s="9" t="s">
        <v>94</v>
      </c>
      <c r="H581" s="9" t="s">
        <v>104</v>
      </c>
      <c r="I581" s="9" t="s">
        <v>6</v>
      </c>
      <c r="J581" s="9" t="s">
        <v>48</v>
      </c>
      <c r="K581" s="6">
        <v>1</v>
      </c>
      <c r="L581" s="10" t="s">
        <v>55</v>
      </c>
      <c r="M581" s="10" t="s">
        <v>55</v>
      </c>
      <c r="N581" s="10" t="s">
        <v>55</v>
      </c>
      <c r="O581" s="10" t="s">
        <v>55</v>
      </c>
      <c r="P581" s="10" t="s">
        <v>55</v>
      </c>
      <c r="Q581" s="10" t="s">
        <v>55</v>
      </c>
      <c r="R581" s="10" t="s">
        <v>55</v>
      </c>
      <c r="S581" s="10" t="s">
        <v>55</v>
      </c>
      <c r="T581" s="10" t="s">
        <v>55</v>
      </c>
      <c r="U581" s="10" t="s">
        <v>55</v>
      </c>
      <c r="V581" s="10" t="s">
        <v>55</v>
      </c>
      <c r="W581" s="6">
        <v>1</v>
      </c>
      <c r="X581" s="10" t="s">
        <v>55</v>
      </c>
      <c r="Y581" s="10" t="s">
        <v>55</v>
      </c>
      <c r="Z581" s="10" t="s">
        <v>55</v>
      </c>
      <c r="AA581" s="10" t="s">
        <v>55</v>
      </c>
      <c r="AB581" s="10" t="s">
        <v>55</v>
      </c>
    </row>
    <row r="582" spans="1:28">
      <c r="A582" s="9" t="s">
        <v>83</v>
      </c>
      <c r="B582" s="9" t="s">
        <v>57</v>
      </c>
      <c r="C582" s="9" t="s">
        <v>93</v>
      </c>
      <c r="D582" s="9" t="s">
        <v>77</v>
      </c>
      <c r="E582" s="9" t="s">
        <v>57</v>
      </c>
      <c r="F582" s="9" t="s">
        <v>81</v>
      </c>
      <c r="G582" s="9" t="s">
        <v>94</v>
      </c>
      <c r="H582" s="9" t="s">
        <v>104</v>
      </c>
      <c r="I582" s="9" t="s">
        <v>6</v>
      </c>
      <c r="J582" s="9" t="s">
        <v>49</v>
      </c>
      <c r="K582" s="6">
        <v>3</v>
      </c>
      <c r="L582" s="10" t="s">
        <v>55</v>
      </c>
      <c r="M582" s="10" t="s">
        <v>55</v>
      </c>
      <c r="N582" s="10" t="s">
        <v>55</v>
      </c>
      <c r="O582" s="10" t="s">
        <v>55</v>
      </c>
      <c r="P582" s="10" t="s">
        <v>55</v>
      </c>
      <c r="Q582" s="10" t="s">
        <v>55</v>
      </c>
      <c r="R582" s="10" t="s">
        <v>55</v>
      </c>
      <c r="S582" s="10" t="s">
        <v>55</v>
      </c>
      <c r="T582" s="10" t="s">
        <v>55</v>
      </c>
      <c r="U582" s="10" t="s">
        <v>55</v>
      </c>
      <c r="V582" s="10" t="s">
        <v>55</v>
      </c>
      <c r="W582" s="6">
        <v>3</v>
      </c>
      <c r="X582" s="10" t="s">
        <v>55</v>
      </c>
      <c r="Y582" s="10" t="s">
        <v>55</v>
      </c>
      <c r="Z582" s="10" t="s">
        <v>55</v>
      </c>
      <c r="AA582" s="10" t="s">
        <v>55</v>
      </c>
      <c r="AB582" s="10" t="s">
        <v>55</v>
      </c>
    </row>
    <row r="583" spans="1:28">
      <c r="A583" s="9" t="s">
        <v>83</v>
      </c>
      <c r="B583" s="9" t="s">
        <v>57</v>
      </c>
      <c r="C583" s="9" t="s">
        <v>93</v>
      </c>
      <c r="D583" s="9" t="s">
        <v>77</v>
      </c>
      <c r="E583" s="9" t="s">
        <v>57</v>
      </c>
      <c r="F583" s="9" t="s">
        <v>81</v>
      </c>
      <c r="G583" s="9" t="s">
        <v>94</v>
      </c>
      <c r="H583" s="9" t="s">
        <v>104</v>
      </c>
      <c r="I583" s="9" t="s">
        <v>6</v>
      </c>
      <c r="J583" s="9" t="s">
        <v>50</v>
      </c>
      <c r="K583" s="6">
        <v>3</v>
      </c>
      <c r="L583" s="10" t="s">
        <v>55</v>
      </c>
      <c r="M583" s="10" t="s">
        <v>55</v>
      </c>
      <c r="N583" s="10" t="s">
        <v>55</v>
      </c>
      <c r="O583" s="10" t="s">
        <v>55</v>
      </c>
      <c r="P583" s="10" t="s">
        <v>55</v>
      </c>
      <c r="Q583" s="10" t="s">
        <v>55</v>
      </c>
      <c r="R583" s="10" t="s">
        <v>55</v>
      </c>
      <c r="S583" s="10" t="s">
        <v>55</v>
      </c>
      <c r="T583" s="10" t="s">
        <v>55</v>
      </c>
      <c r="U583" s="10" t="s">
        <v>55</v>
      </c>
      <c r="V583" s="10" t="s">
        <v>55</v>
      </c>
      <c r="W583" s="6">
        <v>3</v>
      </c>
      <c r="X583" s="10" t="s">
        <v>55</v>
      </c>
      <c r="Y583" s="10" t="s">
        <v>55</v>
      </c>
      <c r="Z583" s="10" t="s">
        <v>55</v>
      </c>
      <c r="AA583" s="10" t="s">
        <v>55</v>
      </c>
      <c r="AB583" s="10" t="s">
        <v>55</v>
      </c>
    </row>
    <row r="584" spans="1:28">
      <c r="A584" s="9" t="s">
        <v>83</v>
      </c>
      <c r="B584" s="9" t="s">
        <v>57</v>
      </c>
      <c r="C584" s="9" t="s">
        <v>93</v>
      </c>
      <c r="D584" s="9" t="s">
        <v>77</v>
      </c>
      <c r="E584" s="9" t="s">
        <v>57</v>
      </c>
      <c r="F584" s="9" t="s">
        <v>81</v>
      </c>
      <c r="G584" s="9" t="s">
        <v>94</v>
      </c>
      <c r="H584" s="9" t="s">
        <v>104</v>
      </c>
      <c r="I584" s="9" t="s">
        <v>6</v>
      </c>
      <c r="J584" s="9" t="s">
        <v>51</v>
      </c>
      <c r="K584" s="6">
        <v>1</v>
      </c>
      <c r="L584" s="10" t="s">
        <v>55</v>
      </c>
      <c r="M584" s="10" t="s">
        <v>55</v>
      </c>
      <c r="N584" s="10" t="s">
        <v>55</v>
      </c>
      <c r="O584" s="10" t="s">
        <v>55</v>
      </c>
      <c r="P584" s="10" t="s">
        <v>55</v>
      </c>
      <c r="Q584" s="10" t="s">
        <v>55</v>
      </c>
      <c r="R584" s="10" t="s">
        <v>55</v>
      </c>
      <c r="S584" s="10" t="s">
        <v>55</v>
      </c>
      <c r="T584" s="10" t="s">
        <v>55</v>
      </c>
      <c r="U584" s="10" t="s">
        <v>55</v>
      </c>
      <c r="V584" s="10" t="s">
        <v>55</v>
      </c>
      <c r="W584" s="6">
        <v>1</v>
      </c>
      <c r="X584" s="10" t="s">
        <v>55</v>
      </c>
      <c r="Y584" s="10" t="s">
        <v>55</v>
      </c>
      <c r="Z584" s="10" t="s">
        <v>55</v>
      </c>
      <c r="AA584" s="10" t="s">
        <v>55</v>
      </c>
      <c r="AB584" s="10" t="s">
        <v>55</v>
      </c>
    </row>
    <row r="585" spans="1:28">
      <c r="A585" s="9" t="s">
        <v>83</v>
      </c>
      <c r="B585" s="9" t="s">
        <v>57</v>
      </c>
      <c r="C585" s="9" t="s">
        <v>93</v>
      </c>
      <c r="D585" s="9" t="s">
        <v>77</v>
      </c>
      <c r="E585" s="9" t="s">
        <v>57</v>
      </c>
      <c r="F585" s="9" t="s">
        <v>81</v>
      </c>
      <c r="G585" s="9" t="s">
        <v>94</v>
      </c>
      <c r="H585" s="9" t="s">
        <v>104</v>
      </c>
      <c r="I585" s="9" t="s">
        <v>6</v>
      </c>
      <c r="J585" s="9" t="s">
        <v>52</v>
      </c>
      <c r="K585" s="6">
        <v>1</v>
      </c>
      <c r="L585" s="10" t="s">
        <v>55</v>
      </c>
      <c r="M585" s="10" t="s">
        <v>55</v>
      </c>
      <c r="N585" s="10" t="s">
        <v>55</v>
      </c>
      <c r="O585" s="10" t="s">
        <v>55</v>
      </c>
      <c r="P585" s="10" t="s">
        <v>55</v>
      </c>
      <c r="Q585" s="10" t="s">
        <v>55</v>
      </c>
      <c r="R585" s="10" t="s">
        <v>55</v>
      </c>
      <c r="S585" s="10" t="s">
        <v>55</v>
      </c>
      <c r="T585" s="10" t="s">
        <v>55</v>
      </c>
      <c r="U585" s="10" t="s">
        <v>55</v>
      </c>
      <c r="V585" s="10" t="s">
        <v>55</v>
      </c>
      <c r="W585" s="6">
        <v>1</v>
      </c>
      <c r="X585" s="10" t="s">
        <v>55</v>
      </c>
      <c r="Y585" s="10" t="s">
        <v>55</v>
      </c>
      <c r="Z585" s="10" t="s">
        <v>55</v>
      </c>
      <c r="AA585" s="10" t="s">
        <v>55</v>
      </c>
      <c r="AB585" s="10" t="s">
        <v>55</v>
      </c>
    </row>
    <row r="586" spans="1:28">
      <c r="A586" s="9" t="s">
        <v>83</v>
      </c>
      <c r="B586" s="9" t="s">
        <v>57</v>
      </c>
      <c r="C586" s="9" t="s">
        <v>93</v>
      </c>
      <c r="D586" s="9" t="s">
        <v>77</v>
      </c>
      <c r="E586" s="9" t="s">
        <v>57</v>
      </c>
      <c r="F586" s="9" t="s">
        <v>81</v>
      </c>
      <c r="G586" s="9" t="s">
        <v>94</v>
      </c>
      <c r="H586" s="9" t="s">
        <v>104</v>
      </c>
      <c r="I586" s="9" t="s">
        <v>53</v>
      </c>
      <c r="J586" s="9" t="s">
        <v>30</v>
      </c>
      <c r="K586" s="6">
        <v>3</v>
      </c>
      <c r="L586" s="10" t="s">
        <v>55</v>
      </c>
      <c r="M586" s="10" t="s">
        <v>55</v>
      </c>
      <c r="N586" s="10" t="s">
        <v>55</v>
      </c>
      <c r="O586" s="10" t="s">
        <v>55</v>
      </c>
      <c r="P586" s="10" t="s">
        <v>55</v>
      </c>
      <c r="Q586" s="10" t="s">
        <v>55</v>
      </c>
      <c r="R586" s="10" t="s">
        <v>55</v>
      </c>
      <c r="S586" s="10" t="s">
        <v>55</v>
      </c>
      <c r="T586" s="10" t="s">
        <v>55</v>
      </c>
      <c r="U586" s="10" t="s">
        <v>55</v>
      </c>
      <c r="V586" s="10" t="s">
        <v>55</v>
      </c>
      <c r="W586" s="6">
        <v>3</v>
      </c>
      <c r="X586" s="10" t="s">
        <v>55</v>
      </c>
      <c r="Y586" s="10" t="s">
        <v>55</v>
      </c>
      <c r="Z586" s="10" t="s">
        <v>55</v>
      </c>
      <c r="AA586" s="10" t="s">
        <v>55</v>
      </c>
      <c r="AB586" s="10" t="s">
        <v>55</v>
      </c>
    </row>
    <row r="587" spans="1:28">
      <c r="A587" s="9" t="s">
        <v>83</v>
      </c>
      <c r="B587" s="9" t="s">
        <v>57</v>
      </c>
      <c r="C587" s="9" t="s">
        <v>93</v>
      </c>
      <c r="D587" s="9" t="s">
        <v>77</v>
      </c>
      <c r="E587" s="9" t="s">
        <v>57</v>
      </c>
      <c r="F587" s="9" t="s">
        <v>81</v>
      </c>
      <c r="G587" s="9" t="s">
        <v>94</v>
      </c>
      <c r="H587" s="9" t="s">
        <v>104</v>
      </c>
      <c r="I587" s="9" t="s">
        <v>53</v>
      </c>
      <c r="J587" s="9" t="s">
        <v>31</v>
      </c>
      <c r="K587" s="10" t="s">
        <v>55</v>
      </c>
      <c r="L587" s="10" t="s">
        <v>55</v>
      </c>
      <c r="M587" s="10" t="s">
        <v>55</v>
      </c>
      <c r="N587" s="10" t="s">
        <v>55</v>
      </c>
      <c r="O587" s="10" t="s">
        <v>55</v>
      </c>
      <c r="P587" s="10" t="s">
        <v>55</v>
      </c>
      <c r="Q587" s="10" t="s">
        <v>55</v>
      </c>
      <c r="R587" s="10" t="s">
        <v>55</v>
      </c>
      <c r="S587" s="10" t="s">
        <v>55</v>
      </c>
      <c r="T587" s="10" t="s">
        <v>55</v>
      </c>
      <c r="U587" s="10" t="s">
        <v>55</v>
      </c>
      <c r="V587" s="10" t="s">
        <v>55</v>
      </c>
      <c r="W587" s="10" t="s">
        <v>55</v>
      </c>
      <c r="X587" s="10" t="s">
        <v>55</v>
      </c>
      <c r="Y587" s="10" t="s">
        <v>55</v>
      </c>
      <c r="Z587" s="10" t="s">
        <v>55</v>
      </c>
      <c r="AA587" s="10" t="s">
        <v>55</v>
      </c>
      <c r="AB587" s="10" t="s">
        <v>55</v>
      </c>
    </row>
    <row r="588" spans="1:28">
      <c r="A588" s="9" t="s">
        <v>83</v>
      </c>
      <c r="B588" s="9" t="s">
        <v>57</v>
      </c>
      <c r="C588" s="9" t="s">
        <v>93</v>
      </c>
      <c r="D588" s="9" t="s">
        <v>77</v>
      </c>
      <c r="E588" s="9" t="s">
        <v>57</v>
      </c>
      <c r="F588" s="9" t="s">
        <v>81</v>
      </c>
      <c r="G588" s="9" t="s">
        <v>94</v>
      </c>
      <c r="H588" s="9" t="s">
        <v>104</v>
      </c>
      <c r="I588" s="9" t="s">
        <v>53</v>
      </c>
      <c r="J588" s="9" t="s">
        <v>32</v>
      </c>
      <c r="K588" s="10" t="s">
        <v>55</v>
      </c>
      <c r="L588" s="10" t="s">
        <v>55</v>
      </c>
      <c r="M588" s="10" t="s">
        <v>55</v>
      </c>
      <c r="N588" s="10" t="s">
        <v>55</v>
      </c>
      <c r="O588" s="10" t="s">
        <v>55</v>
      </c>
      <c r="P588" s="10" t="s">
        <v>55</v>
      </c>
      <c r="Q588" s="10" t="s">
        <v>55</v>
      </c>
      <c r="R588" s="10" t="s">
        <v>55</v>
      </c>
      <c r="S588" s="10" t="s">
        <v>55</v>
      </c>
      <c r="T588" s="10" t="s">
        <v>55</v>
      </c>
      <c r="U588" s="10" t="s">
        <v>55</v>
      </c>
      <c r="V588" s="10" t="s">
        <v>55</v>
      </c>
      <c r="W588" s="10" t="s">
        <v>55</v>
      </c>
      <c r="X588" s="10" t="s">
        <v>55</v>
      </c>
      <c r="Y588" s="10" t="s">
        <v>55</v>
      </c>
      <c r="Z588" s="10" t="s">
        <v>55</v>
      </c>
      <c r="AA588" s="10" t="s">
        <v>55</v>
      </c>
      <c r="AB588" s="10" t="s">
        <v>55</v>
      </c>
    </row>
    <row r="589" spans="1:28">
      <c r="A589" s="9" t="s">
        <v>83</v>
      </c>
      <c r="B589" s="9" t="s">
        <v>57</v>
      </c>
      <c r="C589" s="9" t="s">
        <v>93</v>
      </c>
      <c r="D589" s="9" t="s">
        <v>77</v>
      </c>
      <c r="E589" s="9" t="s">
        <v>57</v>
      </c>
      <c r="F589" s="9" t="s">
        <v>81</v>
      </c>
      <c r="G589" s="9" t="s">
        <v>94</v>
      </c>
      <c r="H589" s="9" t="s">
        <v>104</v>
      </c>
      <c r="I589" s="9" t="s">
        <v>53</v>
      </c>
      <c r="J589" s="9" t="s">
        <v>33</v>
      </c>
      <c r="K589" s="10" t="s">
        <v>55</v>
      </c>
      <c r="L589" s="10" t="s">
        <v>55</v>
      </c>
      <c r="M589" s="10" t="s">
        <v>55</v>
      </c>
      <c r="N589" s="10" t="s">
        <v>55</v>
      </c>
      <c r="O589" s="10" t="s">
        <v>55</v>
      </c>
      <c r="P589" s="10" t="s">
        <v>55</v>
      </c>
      <c r="Q589" s="10" t="s">
        <v>55</v>
      </c>
      <c r="R589" s="10" t="s">
        <v>55</v>
      </c>
      <c r="S589" s="10" t="s">
        <v>55</v>
      </c>
      <c r="T589" s="10" t="s">
        <v>55</v>
      </c>
      <c r="U589" s="10" t="s">
        <v>55</v>
      </c>
      <c r="V589" s="10" t="s">
        <v>55</v>
      </c>
      <c r="W589" s="10" t="s">
        <v>55</v>
      </c>
      <c r="X589" s="10" t="s">
        <v>55</v>
      </c>
      <c r="Y589" s="10" t="s">
        <v>55</v>
      </c>
      <c r="Z589" s="10" t="s">
        <v>55</v>
      </c>
      <c r="AA589" s="10" t="s">
        <v>55</v>
      </c>
      <c r="AB589" s="10" t="s">
        <v>55</v>
      </c>
    </row>
    <row r="590" spans="1:28">
      <c r="A590" s="9" t="s">
        <v>83</v>
      </c>
      <c r="B590" s="9" t="s">
        <v>57</v>
      </c>
      <c r="C590" s="9" t="s">
        <v>93</v>
      </c>
      <c r="D590" s="9" t="s">
        <v>77</v>
      </c>
      <c r="E590" s="9" t="s">
        <v>57</v>
      </c>
      <c r="F590" s="9" t="s">
        <v>81</v>
      </c>
      <c r="G590" s="9" t="s">
        <v>94</v>
      </c>
      <c r="H590" s="9" t="s">
        <v>104</v>
      </c>
      <c r="I590" s="9" t="s">
        <v>53</v>
      </c>
      <c r="J590" s="9" t="s">
        <v>34</v>
      </c>
      <c r="K590" s="10" t="s">
        <v>55</v>
      </c>
      <c r="L590" s="10" t="s">
        <v>55</v>
      </c>
      <c r="M590" s="10" t="s">
        <v>55</v>
      </c>
      <c r="N590" s="10" t="s">
        <v>55</v>
      </c>
      <c r="O590" s="10" t="s">
        <v>55</v>
      </c>
      <c r="P590" s="10" t="s">
        <v>55</v>
      </c>
      <c r="Q590" s="10" t="s">
        <v>55</v>
      </c>
      <c r="R590" s="10" t="s">
        <v>55</v>
      </c>
      <c r="S590" s="10" t="s">
        <v>55</v>
      </c>
      <c r="T590" s="10" t="s">
        <v>55</v>
      </c>
      <c r="U590" s="10" t="s">
        <v>55</v>
      </c>
      <c r="V590" s="10" t="s">
        <v>55</v>
      </c>
      <c r="W590" s="10" t="s">
        <v>55</v>
      </c>
      <c r="X590" s="10" t="s">
        <v>55</v>
      </c>
      <c r="Y590" s="10" t="s">
        <v>55</v>
      </c>
      <c r="Z590" s="10" t="s">
        <v>55</v>
      </c>
      <c r="AA590" s="10" t="s">
        <v>55</v>
      </c>
      <c r="AB590" s="10" t="s">
        <v>55</v>
      </c>
    </row>
    <row r="591" spans="1:28">
      <c r="A591" s="9" t="s">
        <v>83</v>
      </c>
      <c r="B591" s="9" t="s">
        <v>57</v>
      </c>
      <c r="C591" s="9" t="s">
        <v>93</v>
      </c>
      <c r="D591" s="9" t="s">
        <v>77</v>
      </c>
      <c r="E591" s="9" t="s">
        <v>57</v>
      </c>
      <c r="F591" s="9" t="s">
        <v>81</v>
      </c>
      <c r="G591" s="9" t="s">
        <v>94</v>
      </c>
      <c r="H591" s="9" t="s">
        <v>104</v>
      </c>
      <c r="I591" s="9" t="s">
        <v>53</v>
      </c>
      <c r="J591" s="9" t="s">
        <v>35</v>
      </c>
      <c r="K591" s="10" t="s">
        <v>55</v>
      </c>
      <c r="L591" s="10" t="s">
        <v>55</v>
      </c>
      <c r="M591" s="10" t="s">
        <v>55</v>
      </c>
      <c r="N591" s="10" t="s">
        <v>55</v>
      </c>
      <c r="O591" s="10" t="s">
        <v>55</v>
      </c>
      <c r="P591" s="10" t="s">
        <v>55</v>
      </c>
      <c r="Q591" s="10" t="s">
        <v>55</v>
      </c>
      <c r="R591" s="10" t="s">
        <v>55</v>
      </c>
      <c r="S591" s="10" t="s">
        <v>55</v>
      </c>
      <c r="T591" s="10" t="s">
        <v>55</v>
      </c>
      <c r="U591" s="10" t="s">
        <v>55</v>
      </c>
      <c r="V591" s="10" t="s">
        <v>55</v>
      </c>
      <c r="W591" s="10" t="s">
        <v>55</v>
      </c>
      <c r="X591" s="10" t="s">
        <v>55</v>
      </c>
      <c r="Y591" s="10" t="s">
        <v>55</v>
      </c>
      <c r="Z591" s="10" t="s">
        <v>55</v>
      </c>
      <c r="AA591" s="10" t="s">
        <v>55</v>
      </c>
      <c r="AB591" s="10" t="s">
        <v>55</v>
      </c>
    </row>
    <row r="592" spans="1:28">
      <c r="A592" s="9" t="s">
        <v>83</v>
      </c>
      <c r="B592" s="9" t="s">
        <v>57</v>
      </c>
      <c r="C592" s="9" t="s">
        <v>93</v>
      </c>
      <c r="D592" s="9" t="s">
        <v>77</v>
      </c>
      <c r="E592" s="9" t="s">
        <v>57</v>
      </c>
      <c r="F592" s="9" t="s">
        <v>81</v>
      </c>
      <c r="G592" s="9" t="s">
        <v>94</v>
      </c>
      <c r="H592" s="9" t="s">
        <v>104</v>
      </c>
      <c r="I592" s="9" t="s">
        <v>53</v>
      </c>
      <c r="J592" s="9" t="s">
        <v>36</v>
      </c>
      <c r="K592" s="10" t="s">
        <v>55</v>
      </c>
      <c r="L592" s="10" t="s">
        <v>55</v>
      </c>
      <c r="M592" s="10" t="s">
        <v>55</v>
      </c>
      <c r="N592" s="10" t="s">
        <v>55</v>
      </c>
      <c r="O592" s="10" t="s">
        <v>55</v>
      </c>
      <c r="P592" s="10" t="s">
        <v>55</v>
      </c>
      <c r="Q592" s="10" t="s">
        <v>55</v>
      </c>
      <c r="R592" s="10" t="s">
        <v>55</v>
      </c>
      <c r="S592" s="10" t="s">
        <v>55</v>
      </c>
      <c r="T592" s="10" t="s">
        <v>55</v>
      </c>
      <c r="U592" s="10" t="s">
        <v>55</v>
      </c>
      <c r="V592" s="10" t="s">
        <v>55</v>
      </c>
      <c r="W592" s="10" t="s">
        <v>55</v>
      </c>
      <c r="X592" s="10" t="s">
        <v>55</v>
      </c>
      <c r="Y592" s="10" t="s">
        <v>55</v>
      </c>
      <c r="Z592" s="10" t="s">
        <v>55</v>
      </c>
      <c r="AA592" s="10" t="s">
        <v>55</v>
      </c>
      <c r="AB592" s="10" t="s">
        <v>55</v>
      </c>
    </row>
    <row r="593" spans="1:28">
      <c r="A593" s="9" t="s">
        <v>83</v>
      </c>
      <c r="B593" s="9" t="s">
        <v>57</v>
      </c>
      <c r="C593" s="9" t="s">
        <v>93</v>
      </c>
      <c r="D593" s="9" t="s">
        <v>77</v>
      </c>
      <c r="E593" s="9" t="s">
        <v>57</v>
      </c>
      <c r="F593" s="9" t="s">
        <v>81</v>
      </c>
      <c r="G593" s="9" t="s">
        <v>94</v>
      </c>
      <c r="H593" s="9" t="s">
        <v>104</v>
      </c>
      <c r="I593" s="9" t="s">
        <v>53</v>
      </c>
      <c r="J593" s="9" t="s">
        <v>37</v>
      </c>
      <c r="K593" s="10" t="s">
        <v>55</v>
      </c>
      <c r="L593" s="10" t="s">
        <v>55</v>
      </c>
      <c r="M593" s="10" t="s">
        <v>55</v>
      </c>
      <c r="N593" s="10" t="s">
        <v>55</v>
      </c>
      <c r="O593" s="10" t="s">
        <v>55</v>
      </c>
      <c r="P593" s="10" t="s">
        <v>55</v>
      </c>
      <c r="Q593" s="10" t="s">
        <v>55</v>
      </c>
      <c r="R593" s="10" t="s">
        <v>55</v>
      </c>
      <c r="S593" s="10" t="s">
        <v>55</v>
      </c>
      <c r="T593" s="10" t="s">
        <v>55</v>
      </c>
      <c r="U593" s="10" t="s">
        <v>55</v>
      </c>
      <c r="V593" s="10" t="s">
        <v>55</v>
      </c>
      <c r="W593" s="10" t="s">
        <v>55</v>
      </c>
      <c r="X593" s="10" t="s">
        <v>55</v>
      </c>
      <c r="Y593" s="10" t="s">
        <v>55</v>
      </c>
      <c r="Z593" s="10" t="s">
        <v>55</v>
      </c>
      <c r="AA593" s="10" t="s">
        <v>55</v>
      </c>
      <c r="AB593" s="10" t="s">
        <v>55</v>
      </c>
    </row>
    <row r="594" spans="1:28">
      <c r="A594" s="9" t="s">
        <v>83</v>
      </c>
      <c r="B594" s="9" t="s">
        <v>57</v>
      </c>
      <c r="C594" s="9" t="s">
        <v>93</v>
      </c>
      <c r="D594" s="9" t="s">
        <v>77</v>
      </c>
      <c r="E594" s="9" t="s">
        <v>57</v>
      </c>
      <c r="F594" s="9" t="s">
        <v>81</v>
      </c>
      <c r="G594" s="9" t="s">
        <v>94</v>
      </c>
      <c r="H594" s="9" t="s">
        <v>104</v>
      </c>
      <c r="I594" s="9" t="s">
        <v>53</v>
      </c>
      <c r="J594" s="9" t="s">
        <v>38</v>
      </c>
      <c r="K594" s="10" t="s">
        <v>55</v>
      </c>
      <c r="L594" s="10" t="s">
        <v>55</v>
      </c>
      <c r="M594" s="10" t="s">
        <v>55</v>
      </c>
      <c r="N594" s="10" t="s">
        <v>55</v>
      </c>
      <c r="O594" s="10" t="s">
        <v>55</v>
      </c>
      <c r="P594" s="10" t="s">
        <v>55</v>
      </c>
      <c r="Q594" s="10" t="s">
        <v>55</v>
      </c>
      <c r="R594" s="10" t="s">
        <v>55</v>
      </c>
      <c r="S594" s="10" t="s">
        <v>55</v>
      </c>
      <c r="T594" s="10" t="s">
        <v>55</v>
      </c>
      <c r="U594" s="10" t="s">
        <v>55</v>
      </c>
      <c r="V594" s="10" t="s">
        <v>55</v>
      </c>
      <c r="W594" s="10" t="s">
        <v>55</v>
      </c>
      <c r="X594" s="10" t="s">
        <v>55</v>
      </c>
      <c r="Y594" s="10" t="s">
        <v>55</v>
      </c>
      <c r="Z594" s="10" t="s">
        <v>55</v>
      </c>
      <c r="AA594" s="10" t="s">
        <v>55</v>
      </c>
      <c r="AB594" s="10" t="s">
        <v>55</v>
      </c>
    </row>
    <row r="595" spans="1:28">
      <c r="A595" s="9" t="s">
        <v>83</v>
      </c>
      <c r="B595" s="9" t="s">
        <v>57</v>
      </c>
      <c r="C595" s="9" t="s">
        <v>93</v>
      </c>
      <c r="D595" s="9" t="s">
        <v>77</v>
      </c>
      <c r="E595" s="9" t="s">
        <v>57</v>
      </c>
      <c r="F595" s="9" t="s">
        <v>81</v>
      </c>
      <c r="G595" s="9" t="s">
        <v>94</v>
      </c>
      <c r="H595" s="9" t="s">
        <v>104</v>
      </c>
      <c r="I595" s="9" t="s">
        <v>53</v>
      </c>
      <c r="J595" s="9" t="s">
        <v>39</v>
      </c>
      <c r="K595" s="10" t="s">
        <v>55</v>
      </c>
      <c r="L595" s="10" t="s">
        <v>55</v>
      </c>
      <c r="M595" s="10" t="s">
        <v>55</v>
      </c>
      <c r="N595" s="10" t="s">
        <v>55</v>
      </c>
      <c r="O595" s="10" t="s">
        <v>55</v>
      </c>
      <c r="P595" s="10" t="s">
        <v>55</v>
      </c>
      <c r="Q595" s="10" t="s">
        <v>55</v>
      </c>
      <c r="R595" s="10" t="s">
        <v>55</v>
      </c>
      <c r="S595" s="10" t="s">
        <v>55</v>
      </c>
      <c r="T595" s="10" t="s">
        <v>55</v>
      </c>
      <c r="U595" s="10" t="s">
        <v>55</v>
      </c>
      <c r="V595" s="10" t="s">
        <v>55</v>
      </c>
      <c r="W595" s="10" t="s">
        <v>55</v>
      </c>
      <c r="X595" s="10" t="s">
        <v>55</v>
      </c>
      <c r="Y595" s="10" t="s">
        <v>55</v>
      </c>
      <c r="Z595" s="10" t="s">
        <v>55</v>
      </c>
      <c r="AA595" s="10" t="s">
        <v>55</v>
      </c>
      <c r="AB595" s="10" t="s">
        <v>55</v>
      </c>
    </row>
    <row r="596" spans="1:28">
      <c r="A596" s="9" t="s">
        <v>83</v>
      </c>
      <c r="B596" s="9" t="s">
        <v>57</v>
      </c>
      <c r="C596" s="9" t="s">
        <v>93</v>
      </c>
      <c r="D596" s="9" t="s">
        <v>77</v>
      </c>
      <c r="E596" s="9" t="s">
        <v>57</v>
      </c>
      <c r="F596" s="9" t="s">
        <v>81</v>
      </c>
      <c r="G596" s="9" t="s">
        <v>94</v>
      </c>
      <c r="H596" s="9" t="s">
        <v>104</v>
      </c>
      <c r="I596" s="9" t="s">
        <v>53</v>
      </c>
      <c r="J596" s="9" t="s">
        <v>40</v>
      </c>
      <c r="K596" s="6">
        <v>1</v>
      </c>
      <c r="L596" s="10" t="s">
        <v>55</v>
      </c>
      <c r="M596" s="10" t="s">
        <v>55</v>
      </c>
      <c r="N596" s="10" t="s">
        <v>55</v>
      </c>
      <c r="O596" s="10" t="s">
        <v>55</v>
      </c>
      <c r="P596" s="10" t="s">
        <v>55</v>
      </c>
      <c r="Q596" s="10" t="s">
        <v>55</v>
      </c>
      <c r="R596" s="10" t="s">
        <v>55</v>
      </c>
      <c r="S596" s="10" t="s">
        <v>55</v>
      </c>
      <c r="T596" s="10" t="s">
        <v>55</v>
      </c>
      <c r="U596" s="10" t="s">
        <v>55</v>
      </c>
      <c r="V596" s="10" t="s">
        <v>55</v>
      </c>
      <c r="W596" s="6">
        <v>1</v>
      </c>
      <c r="X596" s="10" t="s">
        <v>55</v>
      </c>
      <c r="Y596" s="10" t="s">
        <v>55</v>
      </c>
      <c r="Z596" s="10" t="s">
        <v>55</v>
      </c>
      <c r="AA596" s="10" t="s">
        <v>55</v>
      </c>
      <c r="AB596" s="10" t="s">
        <v>55</v>
      </c>
    </row>
    <row r="597" spans="1:28">
      <c r="A597" s="9" t="s">
        <v>83</v>
      </c>
      <c r="B597" s="9" t="s">
        <v>57</v>
      </c>
      <c r="C597" s="9" t="s">
        <v>93</v>
      </c>
      <c r="D597" s="9" t="s">
        <v>77</v>
      </c>
      <c r="E597" s="9" t="s">
        <v>57</v>
      </c>
      <c r="F597" s="9" t="s">
        <v>81</v>
      </c>
      <c r="G597" s="9" t="s">
        <v>94</v>
      </c>
      <c r="H597" s="9" t="s">
        <v>104</v>
      </c>
      <c r="I597" s="9" t="s">
        <v>53</v>
      </c>
      <c r="J597" s="9" t="s">
        <v>41</v>
      </c>
      <c r="K597" s="10" t="s">
        <v>55</v>
      </c>
      <c r="L597" s="10" t="s">
        <v>55</v>
      </c>
      <c r="M597" s="10" t="s">
        <v>55</v>
      </c>
      <c r="N597" s="10" t="s">
        <v>55</v>
      </c>
      <c r="O597" s="10" t="s">
        <v>55</v>
      </c>
      <c r="P597" s="10" t="s">
        <v>55</v>
      </c>
      <c r="Q597" s="10" t="s">
        <v>55</v>
      </c>
      <c r="R597" s="10" t="s">
        <v>55</v>
      </c>
      <c r="S597" s="10" t="s">
        <v>55</v>
      </c>
      <c r="T597" s="10" t="s">
        <v>55</v>
      </c>
      <c r="U597" s="10" t="s">
        <v>55</v>
      </c>
      <c r="V597" s="10" t="s">
        <v>55</v>
      </c>
      <c r="W597" s="10" t="s">
        <v>55</v>
      </c>
      <c r="X597" s="10" t="s">
        <v>55</v>
      </c>
      <c r="Y597" s="10" t="s">
        <v>55</v>
      </c>
      <c r="Z597" s="10" t="s">
        <v>55</v>
      </c>
      <c r="AA597" s="10" t="s">
        <v>55</v>
      </c>
      <c r="AB597" s="10" t="s">
        <v>55</v>
      </c>
    </row>
    <row r="598" spans="1:28">
      <c r="A598" s="9" t="s">
        <v>83</v>
      </c>
      <c r="B598" s="9" t="s">
        <v>57</v>
      </c>
      <c r="C598" s="9" t="s">
        <v>93</v>
      </c>
      <c r="D598" s="9" t="s">
        <v>77</v>
      </c>
      <c r="E598" s="9" t="s">
        <v>57</v>
      </c>
      <c r="F598" s="9" t="s">
        <v>81</v>
      </c>
      <c r="G598" s="9" t="s">
        <v>94</v>
      </c>
      <c r="H598" s="9" t="s">
        <v>104</v>
      </c>
      <c r="I598" s="9" t="s">
        <v>53</v>
      </c>
      <c r="J598" s="9" t="s">
        <v>42</v>
      </c>
      <c r="K598" s="10" t="s">
        <v>55</v>
      </c>
      <c r="L598" s="10" t="s">
        <v>55</v>
      </c>
      <c r="M598" s="10" t="s">
        <v>55</v>
      </c>
      <c r="N598" s="10" t="s">
        <v>55</v>
      </c>
      <c r="O598" s="10" t="s">
        <v>55</v>
      </c>
      <c r="P598" s="10" t="s">
        <v>55</v>
      </c>
      <c r="Q598" s="10" t="s">
        <v>55</v>
      </c>
      <c r="R598" s="10" t="s">
        <v>55</v>
      </c>
      <c r="S598" s="10" t="s">
        <v>55</v>
      </c>
      <c r="T598" s="10" t="s">
        <v>55</v>
      </c>
      <c r="U598" s="10" t="s">
        <v>55</v>
      </c>
      <c r="V598" s="10" t="s">
        <v>55</v>
      </c>
      <c r="W598" s="10" t="s">
        <v>55</v>
      </c>
      <c r="X598" s="10" t="s">
        <v>55</v>
      </c>
      <c r="Y598" s="10" t="s">
        <v>55</v>
      </c>
      <c r="Z598" s="10" t="s">
        <v>55</v>
      </c>
      <c r="AA598" s="10" t="s">
        <v>55</v>
      </c>
      <c r="AB598" s="10" t="s">
        <v>55</v>
      </c>
    </row>
    <row r="599" spans="1:28">
      <c r="A599" s="9" t="s">
        <v>83</v>
      </c>
      <c r="B599" s="9" t="s">
        <v>57</v>
      </c>
      <c r="C599" s="9" t="s">
        <v>93</v>
      </c>
      <c r="D599" s="9" t="s">
        <v>77</v>
      </c>
      <c r="E599" s="9" t="s">
        <v>57</v>
      </c>
      <c r="F599" s="9" t="s">
        <v>81</v>
      </c>
      <c r="G599" s="9" t="s">
        <v>94</v>
      </c>
      <c r="H599" s="9" t="s">
        <v>104</v>
      </c>
      <c r="I599" s="9" t="s">
        <v>53</v>
      </c>
      <c r="J599" s="9" t="s">
        <v>43</v>
      </c>
      <c r="K599" s="6">
        <v>1</v>
      </c>
      <c r="L599" s="10" t="s">
        <v>55</v>
      </c>
      <c r="M599" s="10" t="s">
        <v>55</v>
      </c>
      <c r="N599" s="10" t="s">
        <v>55</v>
      </c>
      <c r="O599" s="10" t="s">
        <v>55</v>
      </c>
      <c r="P599" s="10" t="s">
        <v>55</v>
      </c>
      <c r="Q599" s="10" t="s">
        <v>55</v>
      </c>
      <c r="R599" s="10" t="s">
        <v>55</v>
      </c>
      <c r="S599" s="10" t="s">
        <v>55</v>
      </c>
      <c r="T599" s="10" t="s">
        <v>55</v>
      </c>
      <c r="U599" s="10" t="s">
        <v>55</v>
      </c>
      <c r="V599" s="10" t="s">
        <v>55</v>
      </c>
      <c r="W599" s="6">
        <v>1</v>
      </c>
      <c r="X599" s="10" t="s">
        <v>55</v>
      </c>
      <c r="Y599" s="10" t="s">
        <v>55</v>
      </c>
      <c r="Z599" s="10" t="s">
        <v>55</v>
      </c>
      <c r="AA599" s="10" t="s">
        <v>55</v>
      </c>
      <c r="AB599" s="10" t="s">
        <v>55</v>
      </c>
    </row>
    <row r="600" spans="1:28">
      <c r="A600" s="9" t="s">
        <v>83</v>
      </c>
      <c r="B600" s="9" t="s">
        <v>57</v>
      </c>
      <c r="C600" s="9" t="s">
        <v>93</v>
      </c>
      <c r="D600" s="9" t="s">
        <v>77</v>
      </c>
      <c r="E600" s="9" t="s">
        <v>57</v>
      </c>
      <c r="F600" s="9" t="s">
        <v>81</v>
      </c>
      <c r="G600" s="9" t="s">
        <v>94</v>
      </c>
      <c r="H600" s="9" t="s">
        <v>104</v>
      </c>
      <c r="I600" s="9" t="s">
        <v>53</v>
      </c>
      <c r="J600" s="9" t="s">
        <v>44</v>
      </c>
      <c r="K600" s="6">
        <v>1</v>
      </c>
      <c r="L600" s="10" t="s">
        <v>55</v>
      </c>
      <c r="M600" s="10" t="s">
        <v>55</v>
      </c>
      <c r="N600" s="10" t="s">
        <v>55</v>
      </c>
      <c r="O600" s="10" t="s">
        <v>55</v>
      </c>
      <c r="P600" s="10" t="s">
        <v>55</v>
      </c>
      <c r="Q600" s="10" t="s">
        <v>55</v>
      </c>
      <c r="R600" s="10" t="s">
        <v>55</v>
      </c>
      <c r="S600" s="10" t="s">
        <v>55</v>
      </c>
      <c r="T600" s="10" t="s">
        <v>55</v>
      </c>
      <c r="U600" s="10" t="s">
        <v>55</v>
      </c>
      <c r="V600" s="10" t="s">
        <v>55</v>
      </c>
      <c r="W600" s="6">
        <v>1</v>
      </c>
      <c r="X600" s="10" t="s">
        <v>55</v>
      </c>
      <c r="Y600" s="10" t="s">
        <v>55</v>
      </c>
      <c r="Z600" s="10" t="s">
        <v>55</v>
      </c>
      <c r="AA600" s="10" t="s">
        <v>55</v>
      </c>
      <c r="AB600" s="10" t="s">
        <v>55</v>
      </c>
    </row>
    <row r="601" spans="1:28">
      <c r="A601" s="9" t="s">
        <v>83</v>
      </c>
      <c r="B601" s="9" t="s">
        <v>57</v>
      </c>
      <c r="C601" s="9" t="s">
        <v>93</v>
      </c>
      <c r="D601" s="9" t="s">
        <v>77</v>
      </c>
      <c r="E601" s="9" t="s">
        <v>57</v>
      </c>
      <c r="F601" s="9" t="s">
        <v>81</v>
      </c>
      <c r="G601" s="9" t="s">
        <v>94</v>
      </c>
      <c r="H601" s="9" t="s">
        <v>104</v>
      </c>
      <c r="I601" s="9" t="s">
        <v>53</v>
      </c>
      <c r="J601" s="9" t="s">
        <v>45</v>
      </c>
      <c r="K601" s="10" t="s">
        <v>55</v>
      </c>
      <c r="L601" s="10" t="s">
        <v>55</v>
      </c>
      <c r="M601" s="10" t="s">
        <v>55</v>
      </c>
      <c r="N601" s="10" t="s">
        <v>55</v>
      </c>
      <c r="O601" s="10" t="s">
        <v>55</v>
      </c>
      <c r="P601" s="10" t="s">
        <v>55</v>
      </c>
      <c r="Q601" s="10" t="s">
        <v>55</v>
      </c>
      <c r="R601" s="10" t="s">
        <v>55</v>
      </c>
      <c r="S601" s="10" t="s">
        <v>55</v>
      </c>
      <c r="T601" s="10" t="s">
        <v>55</v>
      </c>
      <c r="U601" s="10" t="s">
        <v>55</v>
      </c>
      <c r="V601" s="10" t="s">
        <v>55</v>
      </c>
      <c r="W601" s="10" t="s">
        <v>55</v>
      </c>
      <c r="X601" s="10" t="s">
        <v>55</v>
      </c>
      <c r="Y601" s="10" t="s">
        <v>55</v>
      </c>
      <c r="Z601" s="10" t="s">
        <v>55</v>
      </c>
      <c r="AA601" s="10" t="s">
        <v>55</v>
      </c>
      <c r="AB601" s="10" t="s">
        <v>55</v>
      </c>
    </row>
    <row r="602" spans="1:28">
      <c r="A602" s="9" t="s">
        <v>83</v>
      </c>
      <c r="B602" s="9" t="s">
        <v>57</v>
      </c>
      <c r="C602" s="9" t="s">
        <v>93</v>
      </c>
      <c r="D602" s="9" t="s">
        <v>77</v>
      </c>
      <c r="E602" s="9" t="s">
        <v>57</v>
      </c>
      <c r="F602" s="9" t="s">
        <v>81</v>
      </c>
      <c r="G602" s="9" t="s">
        <v>94</v>
      </c>
      <c r="H602" s="9" t="s">
        <v>104</v>
      </c>
      <c r="I602" s="9" t="s">
        <v>53</v>
      </c>
      <c r="J602" s="9" t="s">
        <v>46</v>
      </c>
      <c r="K602" s="10" t="s">
        <v>55</v>
      </c>
      <c r="L602" s="10" t="s">
        <v>55</v>
      </c>
      <c r="M602" s="10" t="s">
        <v>55</v>
      </c>
      <c r="N602" s="10" t="s">
        <v>55</v>
      </c>
      <c r="O602" s="10" t="s">
        <v>55</v>
      </c>
      <c r="P602" s="10" t="s">
        <v>55</v>
      </c>
      <c r="Q602" s="10" t="s">
        <v>55</v>
      </c>
      <c r="R602" s="10" t="s">
        <v>55</v>
      </c>
      <c r="S602" s="10" t="s">
        <v>55</v>
      </c>
      <c r="T602" s="10" t="s">
        <v>55</v>
      </c>
      <c r="U602" s="10" t="s">
        <v>55</v>
      </c>
      <c r="V602" s="10" t="s">
        <v>55</v>
      </c>
      <c r="W602" s="10" t="s">
        <v>55</v>
      </c>
      <c r="X602" s="10" t="s">
        <v>55</v>
      </c>
      <c r="Y602" s="10" t="s">
        <v>55</v>
      </c>
      <c r="Z602" s="10" t="s">
        <v>55</v>
      </c>
      <c r="AA602" s="10" t="s">
        <v>55</v>
      </c>
      <c r="AB602" s="10" t="s">
        <v>55</v>
      </c>
    </row>
    <row r="603" spans="1:28">
      <c r="A603" s="9" t="s">
        <v>83</v>
      </c>
      <c r="B603" s="9" t="s">
        <v>57</v>
      </c>
      <c r="C603" s="9" t="s">
        <v>93</v>
      </c>
      <c r="D603" s="9" t="s">
        <v>77</v>
      </c>
      <c r="E603" s="9" t="s">
        <v>57</v>
      </c>
      <c r="F603" s="9" t="s">
        <v>81</v>
      </c>
      <c r="G603" s="9" t="s">
        <v>94</v>
      </c>
      <c r="H603" s="9" t="s">
        <v>104</v>
      </c>
      <c r="I603" s="9" t="s">
        <v>53</v>
      </c>
      <c r="J603" s="9" t="s">
        <v>47</v>
      </c>
      <c r="K603" s="10" t="s">
        <v>55</v>
      </c>
      <c r="L603" s="10" t="s">
        <v>55</v>
      </c>
      <c r="M603" s="10" t="s">
        <v>55</v>
      </c>
      <c r="N603" s="10" t="s">
        <v>55</v>
      </c>
      <c r="O603" s="10" t="s">
        <v>55</v>
      </c>
      <c r="P603" s="10" t="s">
        <v>55</v>
      </c>
      <c r="Q603" s="10" t="s">
        <v>55</v>
      </c>
      <c r="R603" s="10" t="s">
        <v>55</v>
      </c>
      <c r="S603" s="10" t="s">
        <v>55</v>
      </c>
      <c r="T603" s="10" t="s">
        <v>55</v>
      </c>
      <c r="U603" s="10" t="s">
        <v>55</v>
      </c>
      <c r="V603" s="10" t="s">
        <v>55</v>
      </c>
      <c r="W603" s="10" t="s">
        <v>55</v>
      </c>
      <c r="X603" s="10" t="s">
        <v>55</v>
      </c>
      <c r="Y603" s="10" t="s">
        <v>55</v>
      </c>
      <c r="Z603" s="10" t="s">
        <v>55</v>
      </c>
      <c r="AA603" s="10" t="s">
        <v>55</v>
      </c>
      <c r="AB603" s="10" t="s">
        <v>55</v>
      </c>
    </row>
    <row r="604" spans="1:28">
      <c r="A604" s="9" t="s">
        <v>83</v>
      </c>
      <c r="B604" s="9" t="s">
        <v>57</v>
      </c>
      <c r="C604" s="9" t="s">
        <v>93</v>
      </c>
      <c r="D604" s="9" t="s">
        <v>77</v>
      </c>
      <c r="E604" s="9" t="s">
        <v>57</v>
      </c>
      <c r="F604" s="9" t="s">
        <v>81</v>
      </c>
      <c r="G604" s="9" t="s">
        <v>94</v>
      </c>
      <c r="H604" s="9" t="s">
        <v>104</v>
      </c>
      <c r="I604" s="9" t="s">
        <v>53</v>
      </c>
      <c r="J604" s="9" t="s">
        <v>48</v>
      </c>
      <c r="K604" s="6">
        <v>1</v>
      </c>
      <c r="L604" s="10" t="s">
        <v>55</v>
      </c>
      <c r="M604" s="10" t="s">
        <v>55</v>
      </c>
      <c r="N604" s="10" t="s">
        <v>55</v>
      </c>
      <c r="O604" s="10" t="s">
        <v>55</v>
      </c>
      <c r="P604" s="10" t="s">
        <v>55</v>
      </c>
      <c r="Q604" s="10" t="s">
        <v>55</v>
      </c>
      <c r="R604" s="10" t="s">
        <v>55</v>
      </c>
      <c r="S604" s="10" t="s">
        <v>55</v>
      </c>
      <c r="T604" s="10" t="s">
        <v>55</v>
      </c>
      <c r="U604" s="10" t="s">
        <v>55</v>
      </c>
      <c r="V604" s="10" t="s">
        <v>55</v>
      </c>
      <c r="W604" s="6">
        <v>1</v>
      </c>
      <c r="X604" s="10" t="s">
        <v>55</v>
      </c>
      <c r="Y604" s="10" t="s">
        <v>55</v>
      </c>
      <c r="Z604" s="10" t="s">
        <v>55</v>
      </c>
      <c r="AA604" s="10" t="s">
        <v>55</v>
      </c>
      <c r="AB604" s="10" t="s">
        <v>55</v>
      </c>
    </row>
    <row r="605" spans="1:28">
      <c r="A605" s="9" t="s">
        <v>83</v>
      </c>
      <c r="B605" s="9" t="s">
        <v>57</v>
      </c>
      <c r="C605" s="9" t="s">
        <v>93</v>
      </c>
      <c r="D605" s="9" t="s">
        <v>77</v>
      </c>
      <c r="E605" s="9" t="s">
        <v>57</v>
      </c>
      <c r="F605" s="9" t="s">
        <v>81</v>
      </c>
      <c r="G605" s="9" t="s">
        <v>94</v>
      </c>
      <c r="H605" s="9" t="s">
        <v>104</v>
      </c>
      <c r="I605" s="9" t="s">
        <v>53</v>
      </c>
      <c r="J605" s="9" t="s">
        <v>49</v>
      </c>
      <c r="K605" s="6">
        <v>2</v>
      </c>
      <c r="L605" s="10" t="s">
        <v>55</v>
      </c>
      <c r="M605" s="10" t="s">
        <v>55</v>
      </c>
      <c r="N605" s="10" t="s">
        <v>55</v>
      </c>
      <c r="O605" s="10" t="s">
        <v>55</v>
      </c>
      <c r="P605" s="10" t="s">
        <v>55</v>
      </c>
      <c r="Q605" s="10" t="s">
        <v>55</v>
      </c>
      <c r="R605" s="10" t="s">
        <v>55</v>
      </c>
      <c r="S605" s="10" t="s">
        <v>55</v>
      </c>
      <c r="T605" s="10" t="s">
        <v>55</v>
      </c>
      <c r="U605" s="10" t="s">
        <v>55</v>
      </c>
      <c r="V605" s="10" t="s">
        <v>55</v>
      </c>
      <c r="W605" s="6">
        <v>2</v>
      </c>
      <c r="X605" s="10" t="s">
        <v>55</v>
      </c>
      <c r="Y605" s="10" t="s">
        <v>55</v>
      </c>
      <c r="Z605" s="10" t="s">
        <v>55</v>
      </c>
      <c r="AA605" s="10" t="s">
        <v>55</v>
      </c>
      <c r="AB605" s="10" t="s">
        <v>55</v>
      </c>
    </row>
    <row r="606" spans="1:28">
      <c r="A606" s="9" t="s">
        <v>83</v>
      </c>
      <c r="B606" s="9" t="s">
        <v>57</v>
      </c>
      <c r="C606" s="9" t="s">
        <v>93</v>
      </c>
      <c r="D606" s="9" t="s">
        <v>77</v>
      </c>
      <c r="E606" s="9" t="s">
        <v>57</v>
      </c>
      <c r="F606" s="9" t="s">
        <v>81</v>
      </c>
      <c r="G606" s="9" t="s">
        <v>94</v>
      </c>
      <c r="H606" s="9" t="s">
        <v>104</v>
      </c>
      <c r="I606" s="9" t="s">
        <v>53</v>
      </c>
      <c r="J606" s="9" t="s">
        <v>50</v>
      </c>
      <c r="K606" s="6">
        <v>2</v>
      </c>
      <c r="L606" s="10" t="s">
        <v>55</v>
      </c>
      <c r="M606" s="10" t="s">
        <v>55</v>
      </c>
      <c r="N606" s="10" t="s">
        <v>55</v>
      </c>
      <c r="O606" s="10" t="s">
        <v>55</v>
      </c>
      <c r="P606" s="10" t="s">
        <v>55</v>
      </c>
      <c r="Q606" s="10" t="s">
        <v>55</v>
      </c>
      <c r="R606" s="10" t="s">
        <v>55</v>
      </c>
      <c r="S606" s="10" t="s">
        <v>55</v>
      </c>
      <c r="T606" s="10" t="s">
        <v>55</v>
      </c>
      <c r="U606" s="10" t="s">
        <v>55</v>
      </c>
      <c r="V606" s="10" t="s">
        <v>55</v>
      </c>
      <c r="W606" s="6">
        <v>2</v>
      </c>
      <c r="X606" s="10" t="s">
        <v>55</v>
      </c>
      <c r="Y606" s="10" t="s">
        <v>55</v>
      </c>
      <c r="Z606" s="10" t="s">
        <v>55</v>
      </c>
      <c r="AA606" s="10" t="s">
        <v>55</v>
      </c>
      <c r="AB606" s="10" t="s">
        <v>55</v>
      </c>
    </row>
    <row r="607" spans="1:28">
      <c r="A607" s="9" t="s">
        <v>83</v>
      </c>
      <c r="B607" s="9" t="s">
        <v>57</v>
      </c>
      <c r="C607" s="9" t="s">
        <v>93</v>
      </c>
      <c r="D607" s="9" t="s">
        <v>77</v>
      </c>
      <c r="E607" s="9" t="s">
        <v>57</v>
      </c>
      <c r="F607" s="9" t="s">
        <v>81</v>
      </c>
      <c r="G607" s="9" t="s">
        <v>94</v>
      </c>
      <c r="H607" s="9" t="s">
        <v>104</v>
      </c>
      <c r="I607" s="9" t="s">
        <v>53</v>
      </c>
      <c r="J607" s="9" t="s">
        <v>51</v>
      </c>
      <c r="K607" s="10" t="s">
        <v>55</v>
      </c>
      <c r="L607" s="10" t="s">
        <v>55</v>
      </c>
      <c r="M607" s="10" t="s">
        <v>55</v>
      </c>
      <c r="N607" s="10" t="s">
        <v>55</v>
      </c>
      <c r="O607" s="10" t="s">
        <v>55</v>
      </c>
      <c r="P607" s="10" t="s">
        <v>55</v>
      </c>
      <c r="Q607" s="10" t="s">
        <v>55</v>
      </c>
      <c r="R607" s="10" t="s">
        <v>55</v>
      </c>
      <c r="S607" s="10" t="s">
        <v>55</v>
      </c>
      <c r="T607" s="10" t="s">
        <v>55</v>
      </c>
      <c r="U607" s="10" t="s">
        <v>55</v>
      </c>
      <c r="V607" s="10" t="s">
        <v>55</v>
      </c>
      <c r="W607" s="10" t="s">
        <v>55</v>
      </c>
      <c r="X607" s="10" t="s">
        <v>55</v>
      </c>
      <c r="Y607" s="10" t="s">
        <v>55</v>
      </c>
      <c r="Z607" s="10" t="s">
        <v>55</v>
      </c>
      <c r="AA607" s="10" t="s">
        <v>55</v>
      </c>
      <c r="AB607" s="10" t="s">
        <v>55</v>
      </c>
    </row>
    <row r="608" spans="1:28">
      <c r="A608" s="9" t="s">
        <v>83</v>
      </c>
      <c r="B608" s="9" t="s">
        <v>57</v>
      </c>
      <c r="C608" s="9" t="s">
        <v>93</v>
      </c>
      <c r="D608" s="9" t="s">
        <v>77</v>
      </c>
      <c r="E608" s="9" t="s">
        <v>57</v>
      </c>
      <c r="F608" s="9" t="s">
        <v>81</v>
      </c>
      <c r="G608" s="9" t="s">
        <v>94</v>
      </c>
      <c r="H608" s="9" t="s">
        <v>104</v>
      </c>
      <c r="I608" s="9" t="s">
        <v>53</v>
      </c>
      <c r="J608" s="9" t="s">
        <v>52</v>
      </c>
      <c r="K608" s="6">
        <v>1</v>
      </c>
      <c r="L608" s="10" t="s">
        <v>55</v>
      </c>
      <c r="M608" s="10" t="s">
        <v>55</v>
      </c>
      <c r="N608" s="10" t="s">
        <v>55</v>
      </c>
      <c r="O608" s="10" t="s">
        <v>55</v>
      </c>
      <c r="P608" s="10" t="s">
        <v>55</v>
      </c>
      <c r="Q608" s="10" t="s">
        <v>55</v>
      </c>
      <c r="R608" s="10" t="s">
        <v>55</v>
      </c>
      <c r="S608" s="10" t="s">
        <v>55</v>
      </c>
      <c r="T608" s="10" t="s">
        <v>55</v>
      </c>
      <c r="U608" s="10" t="s">
        <v>55</v>
      </c>
      <c r="V608" s="10" t="s">
        <v>55</v>
      </c>
      <c r="W608" s="6">
        <v>1</v>
      </c>
      <c r="X608" s="10" t="s">
        <v>55</v>
      </c>
      <c r="Y608" s="10" t="s">
        <v>55</v>
      </c>
      <c r="Z608" s="10" t="s">
        <v>55</v>
      </c>
      <c r="AA608" s="10" t="s">
        <v>55</v>
      </c>
      <c r="AB608" s="10" t="s">
        <v>55</v>
      </c>
    </row>
    <row r="609" spans="1:28">
      <c r="A609" s="9" t="s">
        <v>83</v>
      </c>
      <c r="B609" s="9" t="s">
        <v>57</v>
      </c>
      <c r="C609" s="9" t="s">
        <v>93</v>
      </c>
      <c r="D609" s="9" t="s">
        <v>77</v>
      </c>
      <c r="E609" s="9" t="s">
        <v>57</v>
      </c>
      <c r="F609" s="9" t="s">
        <v>81</v>
      </c>
      <c r="G609" s="9" t="s">
        <v>94</v>
      </c>
      <c r="H609" s="9" t="s">
        <v>104</v>
      </c>
      <c r="I609" s="9" t="s">
        <v>54</v>
      </c>
      <c r="J609" s="9" t="s">
        <v>30</v>
      </c>
      <c r="K609" s="6">
        <v>1</v>
      </c>
      <c r="L609" s="10" t="s">
        <v>55</v>
      </c>
      <c r="M609" s="10" t="s">
        <v>55</v>
      </c>
      <c r="N609" s="10" t="s">
        <v>55</v>
      </c>
      <c r="O609" s="10" t="s">
        <v>55</v>
      </c>
      <c r="P609" s="10" t="s">
        <v>55</v>
      </c>
      <c r="Q609" s="10" t="s">
        <v>55</v>
      </c>
      <c r="R609" s="10" t="s">
        <v>55</v>
      </c>
      <c r="S609" s="10" t="s">
        <v>55</v>
      </c>
      <c r="T609" s="10" t="s">
        <v>55</v>
      </c>
      <c r="U609" s="10" t="s">
        <v>55</v>
      </c>
      <c r="V609" s="10" t="s">
        <v>55</v>
      </c>
      <c r="W609" s="6">
        <v>1</v>
      </c>
      <c r="X609" s="10" t="s">
        <v>55</v>
      </c>
      <c r="Y609" s="10" t="s">
        <v>55</v>
      </c>
      <c r="Z609" s="10" t="s">
        <v>55</v>
      </c>
      <c r="AA609" s="10" t="s">
        <v>55</v>
      </c>
      <c r="AB609" s="10" t="s">
        <v>55</v>
      </c>
    </row>
    <row r="610" spans="1:28">
      <c r="A610" s="9" t="s">
        <v>83</v>
      </c>
      <c r="B610" s="9" t="s">
        <v>57</v>
      </c>
      <c r="C610" s="9" t="s">
        <v>93</v>
      </c>
      <c r="D610" s="9" t="s">
        <v>77</v>
      </c>
      <c r="E610" s="9" t="s">
        <v>57</v>
      </c>
      <c r="F610" s="9" t="s">
        <v>81</v>
      </c>
      <c r="G610" s="9" t="s">
        <v>94</v>
      </c>
      <c r="H610" s="9" t="s">
        <v>104</v>
      </c>
      <c r="I610" s="9" t="s">
        <v>54</v>
      </c>
      <c r="J610" s="9" t="s">
        <v>31</v>
      </c>
      <c r="K610" s="10" t="s">
        <v>55</v>
      </c>
      <c r="L610" s="10" t="s">
        <v>55</v>
      </c>
      <c r="M610" s="10" t="s">
        <v>55</v>
      </c>
      <c r="N610" s="10" t="s">
        <v>55</v>
      </c>
      <c r="O610" s="10" t="s">
        <v>55</v>
      </c>
      <c r="P610" s="10" t="s">
        <v>55</v>
      </c>
      <c r="Q610" s="10" t="s">
        <v>55</v>
      </c>
      <c r="R610" s="10" t="s">
        <v>55</v>
      </c>
      <c r="S610" s="10" t="s">
        <v>55</v>
      </c>
      <c r="T610" s="10" t="s">
        <v>55</v>
      </c>
      <c r="U610" s="10" t="s">
        <v>55</v>
      </c>
      <c r="V610" s="10" t="s">
        <v>55</v>
      </c>
      <c r="W610" s="10" t="s">
        <v>55</v>
      </c>
      <c r="X610" s="10" t="s">
        <v>55</v>
      </c>
      <c r="Y610" s="10" t="s">
        <v>55</v>
      </c>
      <c r="Z610" s="10" t="s">
        <v>55</v>
      </c>
      <c r="AA610" s="10" t="s">
        <v>55</v>
      </c>
      <c r="AB610" s="10" t="s">
        <v>55</v>
      </c>
    </row>
    <row r="611" spans="1:28">
      <c r="A611" s="9" t="s">
        <v>83</v>
      </c>
      <c r="B611" s="9" t="s">
        <v>57</v>
      </c>
      <c r="C611" s="9" t="s">
        <v>93</v>
      </c>
      <c r="D611" s="9" t="s">
        <v>77</v>
      </c>
      <c r="E611" s="9" t="s">
        <v>57</v>
      </c>
      <c r="F611" s="9" t="s">
        <v>81</v>
      </c>
      <c r="G611" s="9" t="s">
        <v>94</v>
      </c>
      <c r="H611" s="9" t="s">
        <v>104</v>
      </c>
      <c r="I611" s="9" t="s">
        <v>54</v>
      </c>
      <c r="J611" s="9" t="s">
        <v>32</v>
      </c>
      <c r="K611" s="10" t="s">
        <v>55</v>
      </c>
      <c r="L611" s="10" t="s">
        <v>55</v>
      </c>
      <c r="M611" s="10" t="s">
        <v>55</v>
      </c>
      <c r="N611" s="10" t="s">
        <v>55</v>
      </c>
      <c r="O611" s="10" t="s">
        <v>55</v>
      </c>
      <c r="P611" s="10" t="s">
        <v>55</v>
      </c>
      <c r="Q611" s="10" t="s">
        <v>55</v>
      </c>
      <c r="R611" s="10" t="s">
        <v>55</v>
      </c>
      <c r="S611" s="10" t="s">
        <v>55</v>
      </c>
      <c r="T611" s="10" t="s">
        <v>55</v>
      </c>
      <c r="U611" s="10" t="s">
        <v>55</v>
      </c>
      <c r="V611" s="10" t="s">
        <v>55</v>
      </c>
      <c r="W611" s="10" t="s">
        <v>55</v>
      </c>
      <c r="X611" s="10" t="s">
        <v>55</v>
      </c>
      <c r="Y611" s="10" t="s">
        <v>55</v>
      </c>
      <c r="Z611" s="10" t="s">
        <v>55</v>
      </c>
      <c r="AA611" s="10" t="s">
        <v>55</v>
      </c>
      <c r="AB611" s="10" t="s">
        <v>55</v>
      </c>
    </row>
    <row r="612" spans="1:28">
      <c r="A612" s="9" t="s">
        <v>83</v>
      </c>
      <c r="B612" s="9" t="s">
        <v>57</v>
      </c>
      <c r="C612" s="9" t="s">
        <v>93</v>
      </c>
      <c r="D612" s="9" t="s">
        <v>77</v>
      </c>
      <c r="E612" s="9" t="s">
        <v>57</v>
      </c>
      <c r="F612" s="9" t="s">
        <v>81</v>
      </c>
      <c r="G612" s="9" t="s">
        <v>94</v>
      </c>
      <c r="H612" s="9" t="s">
        <v>104</v>
      </c>
      <c r="I612" s="9" t="s">
        <v>54</v>
      </c>
      <c r="J612" s="9" t="s">
        <v>33</v>
      </c>
      <c r="K612" s="10" t="s">
        <v>55</v>
      </c>
      <c r="L612" s="10" t="s">
        <v>55</v>
      </c>
      <c r="M612" s="10" t="s">
        <v>55</v>
      </c>
      <c r="N612" s="10" t="s">
        <v>55</v>
      </c>
      <c r="O612" s="10" t="s">
        <v>55</v>
      </c>
      <c r="P612" s="10" t="s">
        <v>55</v>
      </c>
      <c r="Q612" s="10" t="s">
        <v>55</v>
      </c>
      <c r="R612" s="10" t="s">
        <v>55</v>
      </c>
      <c r="S612" s="10" t="s">
        <v>55</v>
      </c>
      <c r="T612" s="10" t="s">
        <v>55</v>
      </c>
      <c r="U612" s="10" t="s">
        <v>55</v>
      </c>
      <c r="V612" s="10" t="s">
        <v>55</v>
      </c>
      <c r="W612" s="10" t="s">
        <v>55</v>
      </c>
      <c r="X612" s="10" t="s">
        <v>55</v>
      </c>
      <c r="Y612" s="10" t="s">
        <v>55</v>
      </c>
      <c r="Z612" s="10" t="s">
        <v>55</v>
      </c>
      <c r="AA612" s="10" t="s">
        <v>55</v>
      </c>
      <c r="AB612" s="10" t="s">
        <v>55</v>
      </c>
    </row>
    <row r="613" spans="1:28">
      <c r="A613" s="9" t="s">
        <v>83</v>
      </c>
      <c r="B613" s="9" t="s">
        <v>57</v>
      </c>
      <c r="C613" s="9" t="s">
        <v>93</v>
      </c>
      <c r="D613" s="9" t="s">
        <v>77</v>
      </c>
      <c r="E613" s="9" t="s">
        <v>57</v>
      </c>
      <c r="F613" s="9" t="s">
        <v>81</v>
      </c>
      <c r="G613" s="9" t="s">
        <v>94</v>
      </c>
      <c r="H613" s="9" t="s">
        <v>104</v>
      </c>
      <c r="I613" s="9" t="s">
        <v>54</v>
      </c>
      <c r="J613" s="9" t="s">
        <v>34</v>
      </c>
      <c r="K613" s="10" t="s">
        <v>55</v>
      </c>
      <c r="L613" s="10" t="s">
        <v>55</v>
      </c>
      <c r="M613" s="10" t="s">
        <v>55</v>
      </c>
      <c r="N613" s="10" t="s">
        <v>55</v>
      </c>
      <c r="O613" s="10" t="s">
        <v>55</v>
      </c>
      <c r="P613" s="10" t="s">
        <v>55</v>
      </c>
      <c r="Q613" s="10" t="s">
        <v>55</v>
      </c>
      <c r="R613" s="10" t="s">
        <v>55</v>
      </c>
      <c r="S613" s="10" t="s">
        <v>55</v>
      </c>
      <c r="T613" s="10" t="s">
        <v>55</v>
      </c>
      <c r="U613" s="10" t="s">
        <v>55</v>
      </c>
      <c r="V613" s="10" t="s">
        <v>55</v>
      </c>
      <c r="W613" s="10" t="s">
        <v>55</v>
      </c>
      <c r="X613" s="10" t="s">
        <v>55</v>
      </c>
      <c r="Y613" s="10" t="s">
        <v>55</v>
      </c>
      <c r="Z613" s="10" t="s">
        <v>55</v>
      </c>
      <c r="AA613" s="10" t="s">
        <v>55</v>
      </c>
      <c r="AB613" s="10" t="s">
        <v>55</v>
      </c>
    </row>
    <row r="614" spans="1:28">
      <c r="A614" s="9" t="s">
        <v>83</v>
      </c>
      <c r="B614" s="9" t="s">
        <v>57</v>
      </c>
      <c r="C614" s="9" t="s">
        <v>93</v>
      </c>
      <c r="D614" s="9" t="s">
        <v>77</v>
      </c>
      <c r="E614" s="9" t="s">
        <v>57</v>
      </c>
      <c r="F614" s="9" t="s">
        <v>81</v>
      </c>
      <c r="G614" s="9" t="s">
        <v>94</v>
      </c>
      <c r="H614" s="9" t="s">
        <v>104</v>
      </c>
      <c r="I614" s="9" t="s">
        <v>54</v>
      </c>
      <c r="J614" s="9" t="s">
        <v>35</v>
      </c>
      <c r="K614" s="10" t="s">
        <v>55</v>
      </c>
      <c r="L614" s="10" t="s">
        <v>55</v>
      </c>
      <c r="M614" s="10" t="s">
        <v>55</v>
      </c>
      <c r="N614" s="10" t="s">
        <v>55</v>
      </c>
      <c r="O614" s="10" t="s">
        <v>55</v>
      </c>
      <c r="P614" s="10" t="s">
        <v>55</v>
      </c>
      <c r="Q614" s="10" t="s">
        <v>55</v>
      </c>
      <c r="R614" s="10" t="s">
        <v>55</v>
      </c>
      <c r="S614" s="10" t="s">
        <v>55</v>
      </c>
      <c r="T614" s="10" t="s">
        <v>55</v>
      </c>
      <c r="U614" s="10" t="s">
        <v>55</v>
      </c>
      <c r="V614" s="10" t="s">
        <v>55</v>
      </c>
      <c r="W614" s="10" t="s">
        <v>55</v>
      </c>
      <c r="X614" s="10" t="s">
        <v>55</v>
      </c>
      <c r="Y614" s="10" t="s">
        <v>55</v>
      </c>
      <c r="Z614" s="10" t="s">
        <v>55</v>
      </c>
      <c r="AA614" s="10" t="s">
        <v>55</v>
      </c>
      <c r="AB614" s="10" t="s">
        <v>55</v>
      </c>
    </row>
    <row r="615" spans="1:28">
      <c r="A615" s="9" t="s">
        <v>83</v>
      </c>
      <c r="B615" s="9" t="s">
        <v>57</v>
      </c>
      <c r="C615" s="9" t="s">
        <v>93</v>
      </c>
      <c r="D615" s="9" t="s">
        <v>77</v>
      </c>
      <c r="E615" s="9" t="s">
        <v>57</v>
      </c>
      <c r="F615" s="9" t="s">
        <v>81</v>
      </c>
      <c r="G615" s="9" t="s">
        <v>94</v>
      </c>
      <c r="H615" s="9" t="s">
        <v>104</v>
      </c>
      <c r="I615" s="9" t="s">
        <v>54</v>
      </c>
      <c r="J615" s="9" t="s">
        <v>36</v>
      </c>
      <c r="K615" s="10" t="s">
        <v>55</v>
      </c>
      <c r="L615" s="10" t="s">
        <v>55</v>
      </c>
      <c r="M615" s="10" t="s">
        <v>55</v>
      </c>
      <c r="N615" s="10" t="s">
        <v>55</v>
      </c>
      <c r="O615" s="10" t="s">
        <v>55</v>
      </c>
      <c r="P615" s="10" t="s">
        <v>55</v>
      </c>
      <c r="Q615" s="10" t="s">
        <v>55</v>
      </c>
      <c r="R615" s="10" t="s">
        <v>55</v>
      </c>
      <c r="S615" s="10" t="s">
        <v>55</v>
      </c>
      <c r="T615" s="10" t="s">
        <v>55</v>
      </c>
      <c r="U615" s="10" t="s">
        <v>55</v>
      </c>
      <c r="V615" s="10" t="s">
        <v>55</v>
      </c>
      <c r="W615" s="10" t="s">
        <v>55</v>
      </c>
      <c r="X615" s="10" t="s">
        <v>55</v>
      </c>
      <c r="Y615" s="10" t="s">
        <v>55</v>
      </c>
      <c r="Z615" s="10" t="s">
        <v>55</v>
      </c>
      <c r="AA615" s="10" t="s">
        <v>55</v>
      </c>
      <c r="AB615" s="10" t="s">
        <v>55</v>
      </c>
    </row>
    <row r="616" spans="1:28">
      <c r="A616" s="9" t="s">
        <v>83</v>
      </c>
      <c r="B616" s="9" t="s">
        <v>57</v>
      </c>
      <c r="C616" s="9" t="s">
        <v>93</v>
      </c>
      <c r="D616" s="9" t="s">
        <v>77</v>
      </c>
      <c r="E616" s="9" t="s">
        <v>57</v>
      </c>
      <c r="F616" s="9" t="s">
        <v>81</v>
      </c>
      <c r="G616" s="9" t="s">
        <v>94</v>
      </c>
      <c r="H616" s="9" t="s">
        <v>104</v>
      </c>
      <c r="I616" s="9" t="s">
        <v>54</v>
      </c>
      <c r="J616" s="9" t="s">
        <v>37</v>
      </c>
      <c r="K616" s="10" t="s">
        <v>55</v>
      </c>
      <c r="L616" s="10" t="s">
        <v>55</v>
      </c>
      <c r="M616" s="10" t="s">
        <v>55</v>
      </c>
      <c r="N616" s="10" t="s">
        <v>55</v>
      </c>
      <c r="O616" s="10" t="s">
        <v>55</v>
      </c>
      <c r="P616" s="10" t="s">
        <v>55</v>
      </c>
      <c r="Q616" s="10" t="s">
        <v>55</v>
      </c>
      <c r="R616" s="10" t="s">
        <v>55</v>
      </c>
      <c r="S616" s="10" t="s">
        <v>55</v>
      </c>
      <c r="T616" s="10" t="s">
        <v>55</v>
      </c>
      <c r="U616" s="10" t="s">
        <v>55</v>
      </c>
      <c r="V616" s="10" t="s">
        <v>55</v>
      </c>
      <c r="W616" s="10" t="s">
        <v>55</v>
      </c>
      <c r="X616" s="10" t="s">
        <v>55</v>
      </c>
      <c r="Y616" s="10" t="s">
        <v>55</v>
      </c>
      <c r="Z616" s="10" t="s">
        <v>55</v>
      </c>
      <c r="AA616" s="10" t="s">
        <v>55</v>
      </c>
      <c r="AB616" s="10" t="s">
        <v>55</v>
      </c>
    </row>
    <row r="617" spans="1:28">
      <c r="A617" s="9" t="s">
        <v>83</v>
      </c>
      <c r="B617" s="9" t="s">
        <v>57</v>
      </c>
      <c r="C617" s="9" t="s">
        <v>93</v>
      </c>
      <c r="D617" s="9" t="s">
        <v>77</v>
      </c>
      <c r="E617" s="9" t="s">
        <v>57</v>
      </c>
      <c r="F617" s="9" t="s">
        <v>81</v>
      </c>
      <c r="G617" s="9" t="s">
        <v>94</v>
      </c>
      <c r="H617" s="9" t="s">
        <v>104</v>
      </c>
      <c r="I617" s="9" t="s">
        <v>54</v>
      </c>
      <c r="J617" s="9" t="s">
        <v>38</v>
      </c>
      <c r="K617" s="10" t="s">
        <v>55</v>
      </c>
      <c r="L617" s="10" t="s">
        <v>55</v>
      </c>
      <c r="M617" s="10" t="s">
        <v>55</v>
      </c>
      <c r="N617" s="10" t="s">
        <v>55</v>
      </c>
      <c r="O617" s="10" t="s">
        <v>55</v>
      </c>
      <c r="P617" s="10" t="s">
        <v>55</v>
      </c>
      <c r="Q617" s="10" t="s">
        <v>55</v>
      </c>
      <c r="R617" s="10" t="s">
        <v>55</v>
      </c>
      <c r="S617" s="10" t="s">
        <v>55</v>
      </c>
      <c r="T617" s="10" t="s">
        <v>55</v>
      </c>
      <c r="U617" s="10" t="s">
        <v>55</v>
      </c>
      <c r="V617" s="10" t="s">
        <v>55</v>
      </c>
      <c r="W617" s="10" t="s">
        <v>55</v>
      </c>
      <c r="X617" s="10" t="s">
        <v>55</v>
      </c>
      <c r="Y617" s="10" t="s">
        <v>55</v>
      </c>
      <c r="Z617" s="10" t="s">
        <v>55</v>
      </c>
      <c r="AA617" s="10" t="s">
        <v>55</v>
      </c>
      <c r="AB617" s="10" t="s">
        <v>55</v>
      </c>
    </row>
    <row r="618" spans="1:28">
      <c r="A618" s="9" t="s">
        <v>83</v>
      </c>
      <c r="B618" s="9" t="s">
        <v>57</v>
      </c>
      <c r="C618" s="9" t="s">
        <v>93</v>
      </c>
      <c r="D618" s="9" t="s">
        <v>77</v>
      </c>
      <c r="E618" s="9" t="s">
        <v>57</v>
      </c>
      <c r="F618" s="9" t="s">
        <v>81</v>
      </c>
      <c r="G618" s="9" t="s">
        <v>94</v>
      </c>
      <c r="H618" s="9" t="s">
        <v>104</v>
      </c>
      <c r="I618" s="9" t="s">
        <v>54</v>
      </c>
      <c r="J618" s="9" t="s">
        <v>39</v>
      </c>
      <c r="K618" s="10" t="s">
        <v>55</v>
      </c>
      <c r="L618" s="10" t="s">
        <v>55</v>
      </c>
      <c r="M618" s="10" t="s">
        <v>55</v>
      </c>
      <c r="N618" s="10" t="s">
        <v>55</v>
      </c>
      <c r="O618" s="10" t="s">
        <v>55</v>
      </c>
      <c r="P618" s="10" t="s">
        <v>55</v>
      </c>
      <c r="Q618" s="10" t="s">
        <v>55</v>
      </c>
      <c r="R618" s="10" t="s">
        <v>55</v>
      </c>
      <c r="S618" s="10" t="s">
        <v>55</v>
      </c>
      <c r="T618" s="10" t="s">
        <v>55</v>
      </c>
      <c r="U618" s="10" t="s">
        <v>55</v>
      </c>
      <c r="V618" s="10" t="s">
        <v>55</v>
      </c>
      <c r="W618" s="10" t="s">
        <v>55</v>
      </c>
      <c r="X618" s="10" t="s">
        <v>55</v>
      </c>
      <c r="Y618" s="10" t="s">
        <v>55</v>
      </c>
      <c r="Z618" s="10" t="s">
        <v>55</v>
      </c>
      <c r="AA618" s="10" t="s">
        <v>55</v>
      </c>
      <c r="AB618" s="10" t="s">
        <v>55</v>
      </c>
    </row>
    <row r="619" spans="1:28">
      <c r="A619" s="9" t="s">
        <v>83</v>
      </c>
      <c r="B619" s="9" t="s">
        <v>57</v>
      </c>
      <c r="C619" s="9" t="s">
        <v>93</v>
      </c>
      <c r="D619" s="9" t="s">
        <v>77</v>
      </c>
      <c r="E619" s="9" t="s">
        <v>57</v>
      </c>
      <c r="F619" s="9" t="s">
        <v>81</v>
      </c>
      <c r="G619" s="9" t="s">
        <v>94</v>
      </c>
      <c r="H619" s="9" t="s">
        <v>104</v>
      </c>
      <c r="I619" s="9" t="s">
        <v>54</v>
      </c>
      <c r="J619" s="9" t="s">
        <v>40</v>
      </c>
      <c r="K619" s="10" t="s">
        <v>55</v>
      </c>
      <c r="L619" s="10" t="s">
        <v>55</v>
      </c>
      <c r="M619" s="10" t="s">
        <v>55</v>
      </c>
      <c r="N619" s="10" t="s">
        <v>55</v>
      </c>
      <c r="O619" s="10" t="s">
        <v>55</v>
      </c>
      <c r="P619" s="10" t="s">
        <v>55</v>
      </c>
      <c r="Q619" s="10" t="s">
        <v>55</v>
      </c>
      <c r="R619" s="10" t="s">
        <v>55</v>
      </c>
      <c r="S619" s="10" t="s">
        <v>55</v>
      </c>
      <c r="T619" s="10" t="s">
        <v>55</v>
      </c>
      <c r="U619" s="10" t="s">
        <v>55</v>
      </c>
      <c r="V619" s="10" t="s">
        <v>55</v>
      </c>
      <c r="W619" s="10" t="s">
        <v>55</v>
      </c>
      <c r="X619" s="10" t="s">
        <v>55</v>
      </c>
      <c r="Y619" s="10" t="s">
        <v>55</v>
      </c>
      <c r="Z619" s="10" t="s">
        <v>55</v>
      </c>
      <c r="AA619" s="10" t="s">
        <v>55</v>
      </c>
      <c r="AB619" s="10" t="s">
        <v>55</v>
      </c>
    </row>
    <row r="620" spans="1:28">
      <c r="A620" s="9" t="s">
        <v>83</v>
      </c>
      <c r="B620" s="9" t="s">
        <v>57</v>
      </c>
      <c r="C620" s="9" t="s">
        <v>93</v>
      </c>
      <c r="D620" s="9" t="s">
        <v>77</v>
      </c>
      <c r="E620" s="9" t="s">
        <v>57</v>
      </c>
      <c r="F620" s="9" t="s">
        <v>81</v>
      </c>
      <c r="G620" s="9" t="s">
        <v>94</v>
      </c>
      <c r="H620" s="9" t="s">
        <v>104</v>
      </c>
      <c r="I620" s="9" t="s">
        <v>54</v>
      </c>
      <c r="J620" s="9" t="s">
        <v>41</v>
      </c>
      <c r="K620" s="10" t="s">
        <v>55</v>
      </c>
      <c r="L620" s="10" t="s">
        <v>55</v>
      </c>
      <c r="M620" s="10" t="s">
        <v>55</v>
      </c>
      <c r="N620" s="10" t="s">
        <v>55</v>
      </c>
      <c r="O620" s="10" t="s">
        <v>55</v>
      </c>
      <c r="P620" s="10" t="s">
        <v>55</v>
      </c>
      <c r="Q620" s="10" t="s">
        <v>55</v>
      </c>
      <c r="R620" s="10" t="s">
        <v>55</v>
      </c>
      <c r="S620" s="10" t="s">
        <v>55</v>
      </c>
      <c r="T620" s="10" t="s">
        <v>55</v>
      </c>
      <c r="U620" s="10" t="s">
        <v>55</v>
      </c>
      <c r="V620" s="10" t="s">
        <v>55</v>
      </c>
      <c r="W620" s="10" t="s">
        <v>55</v>
      </c>
      <c r="X620" s="10" t="s">
        <v>55</v>
      </c>
      <c r="Y620" s="10" t="s">
        <v>55</v>
      </c>
      <c r="Z620" s="10" t="s">
        <v>55</v>
      </c>
      <c r="AA620" s="10" t="s">
        <v>55</v>
      </c>
      <c r="AB620" s="10" t="s">
        <v>55</v>
      </c>
    </row>
    <row r="621" spans="1:28">
      <c r="A621" s="9" t="s">
        <v>83</v>
      </c>
      <c r="B621" s="9" t="s">
        <v>57</v>
      </c>
      <c r="C621" s="9" t="s">
        <v>93</v>
      </c>
      <c r="D621" s="9" t="s">
        <v>77</v>
      </c>
      <c r="E621" s="9" t="s">
        <v>57</v>
      </c>
      <c r="F621" s="9" t="s">
        <v>81</v>
      </c>
      <c r="G621" s="9" t="s">
        <v>94</v>
      </c>
      <c r="H621" s="9" t="s">
        <v>104</v>
      </c>
      <c r="I621" s="9" t="s">
        <v>54</v>
      </c>
      <c r="J621" s="9" t="s">
        <v>42</v>
      </c>
      <c r="K621" s="10" t="s">
        <v>55</v>
      </c>
      <c r="L621" s="10" t="s">
        <v>55</v>
      </c>
      <c r="M621" s="10" t="s">
        <v>55</v>
      </c>
      <c r="N621" s="10" t="s">
        <v>55</v>
      </c>
      <c r="O621" s="10" t="s">
        <v>55</v>
      </c>
      <c r="P621" s="10" t="s">
        <v>55</v>
      </c>
      <c r="Q621" s="10" t="s">
        <v>55</v>
      </c>
      <c r="R621" s="10" t="s">
        <v>55</v>
      </c>
      <c r="S621" s="10" t="s">
        <v>55</v>
      </c>
      <c r="T621" s="10" t="s">
        <v>55</v>
      </c>
      <c r="U621" s="10" t="s">
        <v>55</v>
      </c>
      <c r="V621" s="10" t="s">
        <v>55</v>
      </c>
      <c r="W621" s="10" t="s">
        <v>55</v>
      </c>
      <c r="X621" s="10" t="s">
        <v>55</v>
      </c>
      <c r="Y621" s="10" t="s">
        <v>55</v>
      </c>
      <c r="Z621" s="10" t="s">
        <v>55</v>
      </c>
      <c r="AA621" s="10" t="s">
        <v>55</v>
      </c>
      <c r="AB621" s="10" t="s">
        <v>55</v>
      </c>
    </row>
    <row r="622" spans="1:28">
      <c r="A622" s="9" t="s">
        <v>83</v>
      </c>
      <c r="B622" s="9" t="s">
        <v>57</v>
      </c>
      <c r="C622" s="9" t="s">
        <v>93</v>
      </c>
      <c r="D622" s="9" t="s">
        <v>77</v>
      </c>
      <c r="E622" s="9" t="s">
        <v>57</v>
      </c>
      <c r="F622" s="9" t="s">
        <v>81</v>
      </c>
      <c r="G622" s="9" t="s">
        <v>94</v>
      </c>
      <c r="H622" s="9" t="s">
        <v>104</v>
      </c>
      <c r="I622" s="9" t="s">
        <v>54</v>
      </c>
      <c r="J622" s="9" t="s">
        <v>43</v>
      </c>
      <c r="K622" s="10" t="s">
        <v>55</v>
      </c>
      <c r="L622" s="10" t="s">
        <v>55</v>
      </c>
      <c r="M622" s="10" t="s">
        <v>55</v>
      </c>
      <c r="N622" s="10" t="s">
        <v>55</v>
      </c>
      <c r="O622" s="10" t="s">
        <v>55</v>
      </c>
      <c r="P622" s="10" t="s">
        <v>55</v>
      </c>
      <c r="Q622" s="10" t="s">
        <v>55</v>
      </c>
      <c r="R622" s="10" t="s">
        <v>55</v>
      </c>
      <c r="S622" s="10" t="s">
        <v>55</v>
      </c>
      <c r="T622" s="10" t="s">
        <v>55</v>
      </c>
      <c r="U622" s="10" t="s">
        <v>55</v>
      </c>
      <c r="V622" s="10" t="s">
        <v>55</v>
      </c>
      <c r="W622" s="10" t="s">
        <v>55</v>
      </c>
      <c r="X622" s="10" t="s">
        <v>55</v>
      </c>
      <c r="Y622" s="10" t="s">
        <v>55</v>
      </c>
      <c r="Z622" s="10" t="s">
        <v>55</v>
      </c>
      <c r="AA622" s="10" t="s">
        <v>55</v>
      </c>
      <c r="AB622" s="10" t="s">
        <v>55</v>
      </c>
    </row>
    <row r="623" spans="1:28">
      <c r="A623" s="9" t="s">
        <v>83</v>
      </c>
      <c r="B623" s="9" t="s">
        <v>57</v>
      </c>
      <c r="C623" s="9" t="s">
        <v>93</v>
      </c>
      <c r="D623" s="9" t="s">
        <v>77</v>
      </c>
      <c r="E623" s="9" t="s">
        <v>57</v>
      </c>
      <c r="F623" s="9" t="s">
        <v>81</v>
      </c>
      <c r="G623" s="9" t="s">
        <v>94</v>
      </c>
      <c r="H623" s="9" t="s">
        <v>104</v>
      </c>
      <c r="I623" s="9" t="s">
        <v>54</v>
      </c>
      <c r="J623" s="9" t="s">
        <v>44</v>
      </c>
      <c r="K623" s="10" t="s">
        <v>55</v>
      </c>
      <c r="L623" s="10" t="s">
        <v>55</v>
      </c>
      <c r="M623" s="10" t="s">
        <v>55</v>
      </c>
      <c r="N623" s="10" t="s">
        <v>55</v>
      </c>
      <c r="O623" s="10" t="s">
        <v>55</v>
      </c>
      <c r="P623" s="10" t="s">
        <v>55</v>
      </c>
      <c r="Q623" s="10" t="s">
        <v>55</v>
      </c>
      <c r="R623" s="10" t="s">
        <v>55</v>
      </c>
      <c r="S623" s="10" t="s">
        <v>55</v>
      </c>
      <c r="T623" s="10" t="s">
        <v>55</v>
      </c>
      <c r="U623" s="10" t="s">
        <v>55</v>
      </c>
      <c r="V623" s="10" t="s">
        <v>55</v>
      </c>
      <c r="W623" s="10" t="s">
        <v>55</v>
      </c>
      <c r="X623" s="10" t="s">
        <v>55</v>
      </c>
      <c r="Y623" s="10" t="s">
        <v>55</v>
      </c>
      <c r="Z623" s="10" t="s">
        <v>55</v>
      </c>
      <c r="AA623" s="10" t="s">
        <v>55</v>
      </c>
      <c r="AB623" s="10" t="s">
        <v>55</v>
      </c>
    </row>
    <row r="624" spans="1:28">
      <c r="A624" s="9" t="s">
        <v>83</v>
      </c>
      <c r="B624" s="9" t="s">
        <v>57</v>
      </c>
      <c r="C624" s="9" t="s">
        <v>93</v>
      </c>
      <c r="D624" s="9" t="s">
        <v>77</v>
      </c>
      <c r="E624" s="9" t="s">
        <v>57</v>
      </c>
      <c r="F624" s="9" t="s">
        <v>81</v>
      </c>
      <c r="G624" s="9" t="s">
        <v>94</v>
      </c>
      <c r="H624" s="9" t="s">
        <v>104</v>
      </c>
      <c r="I624" s="9" t="s">
        <v>54</v>
      </c>
      <c r="J624" s="9" t="s">
        <v>45</v>
      </c>
      <c r="K624" s="6">
        <v>1</v>
      </c>
      <c r="L624" s="10" t="s">
        <v>55</v>
      </c>
      <c r="M624" s="10" t="s">
        <v>55</v>
      </c>
      <c r="N624" s="10" t="s">
        <v>55</v>
      </c>
      <c r="O624" s="10" t="s">
        <v>55</v>
      </c>
      <c r="P624" s="10" t="s">
        <v>55</v>
      </c>
      <c r="Q624" s="10" t="s">
        <v>55</v>
      </c>
      <c r="R624" s="10" t="s">
        <v>55</v>
      </c>
      <c r="S624" s="10" t="s">
        <v>55</v>
      </c>
      <c r="T624" s="10" t="s">
        <v>55</v>
      </c>
      <c r="U624" s="10" t="s">
        <v>55</v>
      </c>
      <c r="V624" s="10" t="s">
        <v>55</v>
      </c>
      <c r="W624" s="6">
        <v>1</v>
      </c>
      <c r="X624" s="10" t="s">
        <v>55</v>
      </c>
      <c r="Y624" s="10" t="s">
        <v>55</v>
      </c>
      <c r="Z624" s="10" t="s">
        <v>55</v>
      </c>
      <c r="AA624" s="10" t="s">
        <v>55</v>
      </c>
      <c r="AB624" s="10" t="s">
        <v>55</v>
      </c>
    </row>
    <row r="625" spans="1:28">
      <c r="A625" s="9" t="s">
        <v>83</v>
      </c>
      <c r="B625" s="9" t="s">
        <v>57</v>
      </c>
      <c r="C625" s="9" t="s">
        <v>93</v>
      </c>
      <c r="D625" s="9" t="s">
        <v>77</v>
      </c>
      <c r="E625" s="9" t="s">
        <v>57</v>
      </c>
      <c r="F625" s="9" t="s">
        <v>81</v>
      </c>
      <c r="G625" s="9" t="s">
        <v>94</v>
      </c>
      <c r="H625" s="9" t="s">
        <v>104</v>
      </c>
      <c r="I625" s="9" t="s">
        <v>54</v>
      </c>
      <c r="J625" s="9" t="s">
        <v>46</v>
      </c>
      <c r="K625" s="10" t="s">
        <v>55</v>
      </c>
      <c r="L625" s="10" t="s">
        <v>55</v>
      </c>
      <c r="M625" s="10" t="s">
        <v>55</v>
      </c>
      <c r="N625" s="10" t="s">
        <v>55</v>
      </c>
      <c r="O625" s="10" t="s">
        <v>55</v>
      </c>
      <c r="P625" s="10" t="s">
        <v>55</v>
      </c>
      <c r="Q625" s="10" t="s">
        <v>55</v>
      </c>
      <c r="R625" s="10" t="s">
        <v>55</v>
      </c>
      <c r="S625" s="10" t="s">
        <v>55</v>
      </c>
      <c r="T625" s="10" t="s">
        <v>55</v>
      </c>
      <c r="U625" s="10" t="s">
        <v>55</v>
      </c>
      <c r="V625" s="10" t="s">
        <v>55</v>
      </c>
      <c r="W625" s="10" t="s">
        <v>55</v>
      </c>
      <c r="X625" s="10" t="s">
        <v>55</v>
      </c>
      <c r="Y625" s="10" t="s">
        <v>55</v>
      </c>
      <c r="Z625" s="10" t="s">
        <v>55</v>
      </c>
      <c r="AA625" s="10" t="s">
        <v>55</v>
      </c>
      <c r="AB625" s="10" t="s">
        <v>55</v>
      </c>
    </row>
    <row r="626" spans="1:28">
      <c r="A626" s="9" t="s">
        <v>83</v>
      </c>
      <c r="B626" s="9" t="s">
        <v>57</v>
      </c>
      <c r="C626" s="9" t="s">
        <v>93</v>
      </c>
      <c r="D626" s="9" t="s">
        <v>77</v>
      </c>
      <c r="E626" s="9" t="s">
        <v>57</v>
      </c>
      <c r="F626" s="9" t="s">
        <v>81</v>
      </c>
      <c r="G626" s="9" t="s">
        <v>94</v>
      </c>
      <c r="H626" s="9" t="s">
        <v>104</v>
      </c>
      <c r="I626" s="9" t="s">
        <v>54</v>
      </c>
      <c r="J626" s="9" t="s">
        <v>47</v>
      </c>
      <c r="K626" s="10" t="s">
        <v>55</v>
      </c>
      <c r="L626" s="10" t="s">
        <v>55</v>
      </c>
      <c r="M626" s="10" t="s">
        <v>55</v>
      </c>
      <c r="N626" s="10" t="s">
        <v>55</v>
      </c>
      <c r="O626" s="10" t="s">
        <v>55</v>
      </c>
      <c r="P626" s="10" t="s">
        <v>55</v>
      </c>
      <c r="Q626" s="10" t="s">
        <v>55</v>
      </c>
      <c r="R626" s="10" t="s">
        <v>55</v>
      </c>
      <c r="S626" s="10" t="s">
        <v>55</v>
      </c>
      <c r="T626" s="10" t="s">
        <v>55</v>
      </c>
      <c r="U626" s="10" t="s">
        <v>55</v>
      </c>
      <c r="V626" s="10" t="s">
        <v>55</v>
      </c>
      <c r="W626" s="10" t="s">
        <v>55</v>
      </c>
      <c r="X626" s="10" t="s">
        <v>55</v>
      </c>
      <c r="Y626" s="10" t="s">
        <v>55</v>
      </c>
      <c r="Z626" s="10" t="s">
        <v>55</v>
      </c>
      <c r="AA626" s="10" t="s">
        <v>55</v>
      </c>
      <c r="AB626" s="10" t="s">
        <v>55</v>
      </c>
    </row>
    <row r="627" spans="1:28">
      <c r="A627" s="9" t="s">
        <v>83</v>
      </c>
      <c r="B627" s="9" t="s">
        <v>57</v>
      </c>
      <c r="C627" s="9" t="s">
        <v>93</v>
      </c>
      <c r="D627" s="9" t="s">
        <v>77</v>
      </c>
      <c r="E627" s="9" t="s">
        <v>57</v>
      </c>
      <c r="F627" s="9" t="s">
        <v>81</v>
      </c>
      <c r="G627" s="9" t="s">
        <v>94</v>
      </c>
      <c r="H627" s="9" t="s">
        <v>104</v>
      </c>
      <c r="I627" s="9" t="s">
        <v>54</v>
      </c>
      <c r="J627" s="9" t="s">
        <v>48</v>
      </c>
      <c r="K627" s="10" t="s">
        <v>55</v>
      </c>
      <c r="L627" s="10" t="s">
        <v>55</v>
      </c>
      <c r="M627" s="10" t="s">
        <v>55</v>
      </c>
      <c r="N627" s="10" t="s">
        <v>55</v>
      </c>
      <c r="O627" s="10" t="s">
        <v>55</v>
      </c>
      <c r="P627" s="10" t="s">
        <v>55</v>
      </c>
      <c r="Q627" s="10" t="s">
        <v>55</v>
      </c>
      <c r="R627" s="10" t="s">
        <v>55</v>
      </c>
      <c r="S627" s="10" t="s">
        <v>55</v>
      </c>
      <c r="T627" s="10" t="s">
        <v>55</v>
      </c>
      <c r="U627" s="10" t="s">
        <v>55</v>
      </c>
      <c r="V627" s="10" t="s">
        <v>55</v>
      </c>
      <c r="W627" s="10" t="s">
        <v>55</v>
      </c>
      <c r="X627" s="10" t="s">
        <v>55</v>
      </c>
      <c r="Y627" s="10" t="s">
        <v>55</v>
      </c>
      <c r="Z627" s="10" t="s">
        <v>55</v>
      </c>
      <c r="AA627" s="10" t="s">
        <v>55</v>
      </c>
      <c r="AB627" s="10" t="s">
        <v>55</v>
      </c>
    </row>
    <row r="628" spans="1:28">
      <c r="A628" s="9" t="s">
        <v>83</v>
      </c>
      <c r="B628" s="9" t="s">
        <v>57</v>
      </c>
      <c r="C628" s="9" t="s">
        <v>93</v>
      </c>
      <c r="D628" s="9" t="s">
        <v>77</v>
      </c>
      <c r="E628" s="9" t="s">
        <v>57</v>
      </c>
      <c r="F628" s="9" t="s">
        <v>81</v>
      </c>
      <c r="G628" s="9" t="s">
        <v>94</v>
      </c>
      <c r="H628" s="9" t="s">
        <v>104</v>
      </c>
      <c r="I628" s="9" t="s">
        <v>54</v>
      </c>
      <c r="J628" s="9" t="s">
        <v>49</v>
      </c>
      <c r="K628" s="6">
        <v>1</v>
      </c>
      <c r="L628" s="10" t="s">
        <v>55</v>
      </c>
      <c r="M628" s="10" t="s">
        <v>55</v>
      </c>
      <c r="N628" s="10" t="s">
        <v>55</v>
      </c>
      <c r="O628" s="10" t="s">
        <v>55</v>
      </c>
      <c r="P628" s="10" t="s">
        <v>55</v>
      </c>
      <c r="Q628" s="10" t="s">
        <v>55</v>
      </c>
      <c r="R628" s="10" t="s">
        <v>55</v>
      </c>
      <c r="S628" s="10" t="s">
        <v>55</v>
      </c>
      <c r="T628" s="10" t="s">
        <v>55</v>
      </c>
      <c r="U628" s="10" t="s">
        <v>55</v>
      </c>
      <c r="V628" s="10" t="s">
        <v>55</v>
      </c>
      <c r="W628" s="6">
        <v>1</v>
      </c>
      <c r="X628" s="10" t="s">
        <v>55</v>
      </c>
      <c r="Y628" s="10" t="s">
        <v>55</v>
      </c>
      <c r="Z628" s="10" t="s">
        <v>55</v>
      </c>
      <c r="AA628" s="10" t="s">
        <v>55</v>
      </c>
      <c r="AB628" s="10" t="s">
        <v>55</v>
      </c>
    </row>
    <row r="629" spans="1:28">
      <c r="A629" s="9" t="s">
        <v>83</v>
      </c>
      <c r="B629" s="9" t="s">
        <v>57</v>
      </c>
      <c r="C629" s="9" t="s">
        <v>93</v>
      </c>
      <c r="D629" s="9" t="s">
        <v>77</v>
      </c>
      <c r="E629" s="9" t="s">
        <v>57</v>
      </c>
      <c r="F629" s="9" t="s">
        <v>81</v>
      </c>
      <c r="G629" s="9" t="s">
        <v>94</v>
      </c>
      <c r="H629" s="9" t="s">
        <v>104</v>
      </c>
      <c r="I629" s="9" t="s">
        <v>54</v>
      </c>
      <c r="J629" s="9" t="s">
        <v>50</v>
      </c>
      <c r="K629" s="6">
        <v>1</v>
      </c>
      <c r="L629" s="10" t="s">
        <v>55</v>
      </c>
      <c r="M629" s="10" t="s">
        <v>55</v>
      </c>
      <c r="N629" s="10" t="s">
        <v>55</v>
      </c>
      <c r="O629" s="10" t="s">
        <v>55</v>
      </c>
      <c r="P629" s="10" t="s">
        <v>55</v>
      </c>
      <c r="Q629" s="10" t="s">
        <v>55</v>
      </c>
      <c r="R629" s="10" t="s">
        <v>55</v>
      </c>
      <c r="S629" s="10" t="s">
        <v>55</v>
      </c>
      <c r="T629" s="10" t="s">
        <v>55</v>
      </c>
      <c r="U629" s="10" t="s">
        <v>55</v>
      </c>
      <c r="V629" s="10" t="s">
        <v>55</v>
      </c>
      <c r="W629" s="6">
        <v>1</v>
      </c>
      <c r="X629" s="10" t="s">
        <v>55</v>
      </c>
      <c r="Y629" s="10" t="s">
        <v>55</v>
      </c>
      <c r="Z629" s="10" t="s">
        <v>55</v>
      </c>
      <c r="AA629" s="10" t="s">
        <v>55</v>
      </c>
      <c r="AB629" s="10" t="s">
        <v>55</v>
      </c>
    </row>
    <row r="630" spans="1:28">
      <c r="A630" s="9" t="s">
        <v>83</v>
      </c>
      <c r="B630" s="9" t="s">
        <v>57</v>
      </c>
      <c r="C630" s="9" t="s">
        <v>93</v>
      </c>
      <c r="D630" s="9" t="s">
        <v>77</v>
      </c>
      <c r="E630" s="9" t="s">
        <v>57</v>
      </c>
      <c r="F630" s="9" t="s">
        <v>81</v>
      </c>
      <c r="G630" s="9" t="s">
        <v>94</v>
      </c>
      <c r="H630" s="9" t="s">
        <v>104</v>
      </c>
      <c r="I630" s="9" t="s">
        <v>54</v>
      </c>
      <c r="J630" s="9" t="s">
        <v>51</v>
      </c>
      <c r="K630" s="6">
        <v>1</v>
      </c>
      <c r="L630" s="10" t="s">
        <v>55</v>
      </c>
      <c r="M630" s="10" t="s">
        <v>55</v>
      </c>
      <c r="N630" s="10" t="s">
        <v>55</v>
      </c>
      <c r="O630" s="10" t="s">
        <v>55</v>
      </c>
      <c r="P630" s="10" t="s">
        <v>55</v>
      </c>
      <c r="Q630" s="10" t="s">
        <v>55</v>
      </c>
      <c r="R630" s="10" t="s">
        <v>55</v>
      </c>
      <c r="S630" s="10" t="s">
        <v>55</v>
      </c>
      <c r="T630" s="10" t="s">
        <v>55</v>
      </c>
      <c r="U630" s="10" t="s">
        <v>55</v>
      </c>
      <c r="V630" s="10" t="s">
        <v>55</v>
      </c>
      <c r="W630" s="6">
        <v>1</v>
      </c>
      <c r="X630" s="10" t="s">
        <v>55</v>
      </c>
      <c r="Y630" s="10" t="s">
        <v>55</v>
      </c>
      <c r="Z630" s="10" t="s">
        <v>55</v>
      </c>
      <c r="AA630" s="10" t="s">
        <v>55</v>
      </c>
      <c r="AB630" s="10" t="s">
        <v>55</v>
      </c>
    </row>
    <row r="631" spans="1:28">
      <c r="A631" s="9" t="s">
        <v>83</v>
      </c>
      <c r="B631" s="9" t="s">
        <v>57</v>
      </c>
      <c r="C631" s="9" t="s">
        <v>93</v>
      </c>
      <c r="D631" s="9" t="s">
        <v>77</v>
      </c>
      <c r="E631" s="9" t="s">
        <v>57</v>
      </c>
      <c r="F631" s="9" t="s">
        <v>81</v>
      </c>
      <c r="G631" s="9" t="s">
        <v>94</v>
      </c>
      <c r="H631" s="9" t="s">
        <v>104</v>
      </c>
      <c r="I631" s="9" t="s">
        <v>54</v>
      </c>
      <c r="J631" s="9" t="s">
        <v>52</v>
      </c>
      <c r="K631" s="10" t="s">
        <v>55</v>
      </c>
      <c r="L631" s="10" t="s">
        <v>55</v>
      </c>
      <c r="M631" s="10" t="s">
        <v>55</v>
      </c>
      <c r="N631" s="10" t="s">
        <v>55</v>
      </c>
      <c r="O631" s="10" t="s">
        <v>55</v>
      </c>
      <c r="P631" s="10" t="s">
        <v>55</v>
      </c>
      <c r="Q631" s="10" t="s">
        <v>55</v>
      </c>
      <c r="R631" s="10" t="s">
        <v>55</v>
      </c>
      <c r="S631" s="10" t="s">
        <v>55</v>
      </c>
      <c r="T631" s="10" t="s">
        <v>55</v>
      </c>
      <c r="U631" s="10" t="s">
        <v>55</v>
      </c>
      <c r="V631" s="10" t="s">
        <v>55</v>
      </c>
      <c r="W631" s="10" t="s">
        <v>55</v>
      </c>
      <c r="X631" s="10" t="s">
        <v>55</v>
      </c>
      <c r="Y631" s="10" t="s">
        <v>55</v>
      </c>
      <c r="Z631" s="10" t="s">
        <v>55</v>
      </c>
      <c r="AA631" s="10" t="s">
        <v>55</v>
      </c>
      <c r="AB631" s="10" t="s">
        <v>55</v>
      </c>
    </row>
  </sheetData>
  <phoneticPr fontId="2"/>
  <pageMargins left="0.70866141732283472" right="0.70866141732283472" top="0.74803149606299213" bottom="0.74803149606299213" header="0.31496062992125984" footer="0.31496062992125984"/>
  <pageSetup paperSize="9" scale="1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55</vt:i4>
      </vt:variant>
      <vt:variant>
        <vt:lpstr>名前付き一覧</vt:lpstr>
      </vt:variant>
      <vt:variant>
        <vt:i4>1</vt:i4>
      </vt:variant>
    </vt:vector>
  </HeadingPairs>
  <TitlesOfParts>
    <vt:vector size="56" baseType="lpstr">
      <vt:lpstr>目次</vt:lpstr>
      <vt:lpstr>1-2</vt:lpstr>
      <vt:lpstr>1-4</vt:lpstr>
      <vt:lpstr>2-2-1</vt:lpstr>
      <vt:lpstr>2-2-2</vt:lpstr>
      <vt:lpstr>2-2-3</vt:lpstr>
      <vt:lpstr>2-2-4</vt:lpstr>
      <vt:lpstr>2-2-5</vt:lpstr>
      <vt:lpstr>2-2-6</vt:lpstr>
      <vt:lpstr>3-2</vt:lpstr>
      <vt:lpstr>5-3</vt:lpstr>
      <vt:lpstr>5-4</vt:lpstr>
      <vt:lpstr>6-3</vt:lpstr>
      <vt:lpstr>6-4</vt:lpstr>
      <vt:lpstr>6-5</vt:lpstr>
      <vt:lpstr>8-3</vt:lpstr>
      <vt:lpstr>8-4</vt:lpstr>
      <vt:lpstr>9-3</vt:lpstr>
      <vt:lpstr>9-4</vt:lpstr>
      <vt:lpstr>9-5</vt:lpstr>
      <vt:lpstr>10-3</vt:lpstr>
      <vt:lpstr>10-4</vt:lpstr>
      <vt:lpstr>11-2</vt:lpstr>
      <vt:lpstr>15-3</vt:lpstr>
      <vt:lpstr>20-1</vt:lpstr>
      <vt:lpstr>20-2</vt:lpstr>
      <vt:lpstr>20-3</vt:lpstr>
      <vt:lpstr>25-1-1</vt:lpstr>
      <vt:lpstr>25-1-2</vt:lpstr>
      <vt:lpstr>25-1-3</vt:lpstr>
      <vt:lpstr>25-1-4</vt:lpstr>
      <vt:lpstr>25-1-5</vt:lpstr>
      <vt:lpstr>25-2-1</vt:lpstr>
      <vt:lpstr>25-2-2</vt:lpstr>
      <vt:lpstr>25-2-3</vt:lpstr>
      <vt:lpstr>25-2-4</vt:lpstr>
      <vt:lpstr>25-2-5</vt:lpstr>
      <vt:lpstr>25-3-1</vt:lpstr>
      <vt:lpstr>25-3-2</vt:lpstr>
      <vt:lpstr>25-3-3</vt:lpstr>
      <vt:lpstr>25-3-4</vt:lpstr>
      <vt:lpstr>25-3-5</vt:lpstr>
      <vt:lpstr>25-4-1</vt:lpstr>
      <vt:lpstr>25-4-2</vt:lpstr>
      <vt:lpstr>25-4-3</vt:lpstr>
      <vt:lpstr>25-4-4</vt:lpstr>
      <vt:lpstr>25-4-5</vt:lpstr>
      <vt:lpstr>51-1</vt:lpstr>
      <vt:lpstr>51-2</vt:lpstr>
      <vt:lpstr>52-1</vt:lpstr>
      <vt:lpstr>52-2</vt:lpstr>
      <vt:lpstr>52-3</vt:lpstr>
      <vt:lpstr>52-4</vt:lpstr>
      <vt:lpstr>56-1</vt:lpstr>
      <vt:lpstr>56-2</vt:lpstr>
      <vt:lpstr>目次!Print_Titles</vt:lpstr>
    </vt:vector>
  </TitlesOfParts>
  <Company>総務省統計局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cp:keywords/>
  <dc:description/>
  <cp:lastPrinted>2022-06-09T01:28:29Z</cp:lastPrinted>
  <dcterms:created xsi:type="dcterms:W3CDTF">2022-05-11T06:40:40Z</dcterms:created>
  <dcterms:modified xsi:type="dcterms:W3CDTF">2022-06-09T06:45:40Z</dcterms:modified>
</cp:coreProperties>
</file>